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4701"/>
  <workbookPr defaultThemeVersion="124226"/>
  <mc:AlternateContent xmlns:mc="http://schemas.openxmlformats.org/markup-compatibility/2006">
    <mc:Choice Requires="x15">
      <x15ac:absPath xmlns:x15ac="http://schemas.microsoft.com/office/spreadsheetml/2010/11/ac" url="C:\Users\s3895\Desktop\NLP實作-主題模型分析\新冠肺炎新聞\"/>
    </mc:Choice>
  </mc:AlternateContent>
  <xr:revisionPtr revIDLastSave="0" documentId="13_ncr:1_{7A565C23-E191-45E3-ADF8-F3D619CC5B22}" xr6:coauthVersionLast="47" xr6:coauthVersionMax="47" xr10:uidLastSave="{00000000-0000-0000-0000-000000000000}"/>
  <bookViews>
    <workbookView xWindow="0" yWindow="105" windowWidth="26310" windowHeight="14055" xr2:uid="{00000000-000D-0000-FFFF-FFFF00000000}"/>
  </bookViews>
  <sheets>
    <sheet name="Sheet1" sheetId="1" r:id="rId1"/>
  </sheets>
  <calcPr calcId="124519"/>
</workbook>
</file>

<file path=xl/sharedStrings.xml><?xml version="1.0" encoding="utf-8"?>
<sst xmlns="http://schemas.openxmlformats.org/spreadsheetml/2006/main" count="21816" uniqueCount="21509">
  <si>
    <t>標題</t>
  </si>
  <si>
    <t>描述</t>
  </si>
  <si>
    <t>內容</t>
  </si>
  <si>
    <t>關鍵字</t>
  </si>
  <si>
    <t>打擊新冠肺炎假消息 臉書推特YouTube全面防堵</t>
  </si>
  <si>
    <t>新增8例境外移入 指揮中心14：00說明</t>
  </si>
  <si>
    <t>《電子通路》大聯大Q1穩住 Q2看好後疫情時代商機</t>
  </si>
  <si>
    <t>陸表彰抗疫英雄 鍾南山獲最高榮譽</t>
  </si>
  <si>
    <t>增2例境外移入 陳時中14：10說明</t>
  </si>
  <si>
    <t>《韓股》看好紓困利多 韓股連3跌止步</t>
  </si>
  <si>
    <t>鄭怡「活在台灣很安全」叮嚀雙胞胎兒洗手防疫</t>
  </si>
  <si>
    <t>朝陽K歌團連環爆！台中市議會藍綠互槓談防疫快篩</t>
  </si>
  <si>
    <t>全面斷航防疫？網揭2大母湯關鍵</t>
  </si>
  <si>
    <t>編‧輯‧室‧報‧告－肺炎下的股市─台灣需要甚麼樣的理財商品</t>
  </si>
  <si>
    <t>韓夜店群聚感染再擴大！54人染疫 濟州島也爆病例</t>
  </si>
  <si>
    <t>微解封根本不智之舉 專家：出包恐陷5輸局面</t>
  </si>
  <si>
    <t>醫療體系快崩盤 洛杉磯下令：救護車不送生存機會渺茫者</t>
  </si>
  <si>
    <t>雙北防疫升3級 職安署籲外送點餐以線上刷卡取代現金</t>
  </si>
  <si>
    <t>NBA》火箭老闆：我知大陸今年會倒楣</t>
  </si>
  <si>
    <t>效法黛妃 梅根傳將拋4千萬震撼彈</t>
  </si>
  <si>
    <t>案1563馬祖旅遊 超過30家民宿業者全額退費</t>
  </si>
  <si>
    <t>籲盡快接種建立群體免疫 鍾南山：嚴重變異會影響疫苗效力</t>
  </si>
  <si>
    <t>送件不是逆時中 侯友宜：拯救全國基層公務員</t>
  </si>
  <si>
    <t>編‧輯‧室‧報‧告－當股市… 漲在疫情蔓延時</t>
  </si>
  <si>
    <t>視察快打站 盧秀燕：65歲長輩、55歲以上原住民2劑接種完畢</t>
  </si>
  <si>
    <t>愛心送入校園 金門臻霖實業捐抗菌液30桶</t>
  </si>
  <si>
    <t>苦苓怒槓黃暐瀚：你咬我啊！慘遭一張截圖痛打臉</t>
  </si>
  <si>
    <t>印度返台女確診 高市府曝11天足跡：疑舊感染個案</t>
  </si>
  <si>
    <t>魚池鄉長贈13萬茶包慰勞防疫 6歲童、9旬翁親筆寫感謝</t>
  </si>
  <si>
    <t>86％新冠隱形推手散播 全球恐100萬人感染</t>
  </si>
  <si>
    <t>《國際社會》南韓新冠肺炎確診新增161例，累計達763例</t>
  </si>
  <si>
    <t>成防疫破口 勞部：聘非法移工最高罰75萬元</t>
  </si>
  <si>
    <t>「打AZ還是莫德納？」婆媽熱議 財經網美曝選擇</t>
  </si>
  <si>
    <t>陳時中最擔心的案100 感染源指向他</t>
  </si>
  <si>
    <t>《半導體》Q3拉貨潮報到 義隆衝逾19年新高</t>
  </si>
  <si>
    <t>新潟航線延後開航 台灣虎航2月營收年減37.20％</t>
  </si>
  <si>
    <t>東京奧運》泡泡模式破功？ 機場混亂飯店防疫出現漏洞</t>
  </si>
  <si>
    <t>盼疫情退散 豪門媳郁方發願108天做這事網讚爆</t>
  </si>
  <si>
    <t>史上第一次！梵蒂岡復活節活動也改線上舉辦</t>
  </si>
  <si>
    <t>美應對疫情張惶失措 陸乘機推進國際宣傳</t>
  </si>
  <si>
    <t>疫情比貿易戰還狂！ 美這群人竟成經濟衰退關鍵</t>
  </si>
  <si>
    <t>美專家警告 新冠肺炎恐全球大流行</t>
  </si>
  <si>
    <t>強化台中觀光產業防疫能力 　觀旅局舉辦防疫衛教講習</t>
  </si>
  <si>
    <t>新冠肺炎持續流行 失智症患者數恐激增</t>
  </si>
  <si>
    <t>《盤中解析》鬧缺「電」！傳產挺住、驚險守17700</t>
  </si>
  <si>
    <t>新北泰山順益汽車員工PCR結果出爐 明日復業持陰性證明進出</t>
  </si>
  <si>
    <t>神秘新冠浮屍漂上岸 小國嚇死 全島大動員學校停課</t>
  </si>
  <si>
    <t>若社區傳播 企業可異地辦公、婉拒有症狀訪客進入公司</t>
  </si>
  <si>
    <t>NBA》公開拒打！巫師畢爾嘲笑疫苗無用</t>
  </si>
  <si>
    <t>國內累計385例確診、6死亡 99人解除隔離</t>
  </si>
  <si>
    <t>校園自製防疫品 輕巧有效率</t>
  </si>
  <si>
    <t>《塑膠股》台塑Q3業績拚反彈 林健男：用AI挺口罩國家隊</t>
  </si>
  <si>
    <t>美企掀在家辦公潮 筆電大缺貨</t>
  </si>
  <si>
    <t>調升日本旅遊警示？外交部：尊重、配合指揮中心</t>
  </si>
  <si>
    <t>頻傳疑似確診者死家中 柯文哲籲：叫你躲家裡 沒叫你不跟家人聯絡</t>
  </si>
  <si>
    <t>台女沒錢繳費遭韓遣返？外交部：未聯繫代表處</t>
  </si>
  <si>
    <t>打趴川普！國會女王變身時尚女王</t>
  </si>
  <si>
    <t>動物森友會夯 任天堂業績飆</t>
  </si>
  <si>
    <t>《科技》明年ICT產業審慎樂觀 MIC點出半導體、通訊產業關鍵字</t>
  </si>
  <si>
    <t>防疫前哨戰 新光支援最前線</t>
  </si>
  <si>
    <t>信義大安2診所醫師確診 許淑華爆200多人沒篩檢</t>
  </si>
  <si>
    <t>白嘉莉展50畫作 讚台灣最安全</t>
  </si>
  <si>
    <t>號召爺奶上門打麻將還多角度直播 警方蒐證送裁罰</t>
  </si>
  <si>
    <t>新竹確診者去過！頭份市及竹南鎮公所緊急清消黃昏市場、五穀宮</t>
  </si>
  <si>
    <t>伊拉克出現第6例新冠肺炎確診 患者曾赴伊朗</t>
  </si>
  <si>
    <t>死亡＋21又創新高 專家直言還會上升</t>
  </si>
  <si>
    <t>三級警戒工人曝辛酸現況 1.3萬網朝聖：辛苦了</t>
  </si>
  <si>
    <t>AppWorks 瞄準AI、區塊鏈</t>
  </si>
  <si>
    <t>《經濟》「疫」外燒到 Q2製造業產值連6季負成長</t>
  </si>
  <si>
    <t>張雁名赴日推廣北九州觀光 飛機乘客「個位數」</t>
  </si>
  <si>
    <t>新冠肺炎紓困、防疫最新措施－三大產業紓困 將拍板逾400億</t>
  </si>
  <si>
    <t>啟動異地辦公嚴防新冠肺炎 瑞芳警第二辦公室防疫機制建置完成</t>
  </si>
  <si>
    <t>香港宣布放寬入境檢疫期至7天 需符合3條件</t>
  </si>
  <si>
    <t>大甲媽遶境 盧秀燕出席起駕？市府與鎮瀾宮研議中</t>
  </si>
  <si>
    <t>新冠肺炎台灣5死！醫曝：加護病房痛苦哀號</t>
  </si>
  <si>
    <t>香港公務員在家工作一周 強制室內公共場所戴口罩</t>
  </si>
  <si>
    <t>減少醫護傳染風險 新北市13家院所推「通訊診療」</t>
  </si>
  <si>
    <t>研擬居家多元服務 鄭文燦：居家檢疫不是病人也不是犯人</t>
  </si>
  <si>
    <t>最美空姐撐爆鈕扣！上帝視角洩超巨溝</t>
  </si>
  <si>
    <t>新冠肺炎全校停課 家長可請不強制給薪的「防疫照顧假」</t>
  </si>
  <si>
    <t>挺紓困 銀行祭出超低利小額信貸</t>
  </si>
  <si>
    <t>《通信網路》全新Q2營收有「升」氣，外資重申買進</t>
  </si>
  <si>
    <t>十大新聞人物 韓國瑜三度蟬聯冠軍 蘇貞昌因這理由擠進前十</t>
  </si>
  <si>
    <t>口罩亂戴、拒實聯制被麵包店趕 她惱羞摔吐司吐口水下場慘了</t>
  </si>
  <si>
    <t>防疫是條漫長的路！夏春湧向政府喊話</t>
  </si>
  <si>
    <t>預防新冠病毒勿摸臉 美醫學專家傳授4項技巧</t>
  </si>
  <si>
    <t>《熱門族群》居家自「煮」 超商雙雄推生鮮採買組合</t>
  </si>
  <si>
    <t>自費AZ疫苗21日開打 北市醫學中心預約爆滿</t>
  </si>
  <si>
    <t>桃師生恆春畢旅身體不適 新冠肺炎採驗結果出爐</t>
  </si>
  <si>
    <t>防疫遇旅宿糾紛 中市府推懶人包</t>
  </si>
  <si>
    <t>婉拒中港澳選手 高樹馬拉松如期舉辦</t>
  </si>
  <si>
    <t>打完高端開始懷疑自己？醫揭關鍵2字：最可怕疫情還沒來</t>
  </si>
  <si>
    <t>確診又爆量 本土增549例 12人死亡</t>
  </si>
  <si>
    <t>社評／妖魔化大陸 錯把疫苗當武器</t>
  </si>
  <si>
    <t>連跌24個月 港1月貨櫃吞吐量 重挫兩成</t>
  </si>
  <si>
    <t>新加坡增9例新冠肺炎 總感染人數達67例</t>
  </si>
  <si>
    <t>《國際產業》疫情打亂產需 LG顯示器連5季虧損</t>
  </si>
  <si>
    <t>生在台灣真幸福！ 醫嘆：百萬醫療費壓垮陸孕婦「拔葉克膜」不救了</t>
  </si>
  <si>
    <t>日本發現1例新生兒確診新冠肺炎 疑母子垂直感染</t>
  </si>
  <si>
    <t>疫情過後想怎麼過生活？給你健康過生活3建議！</t>
  </si>
  <si>
    <t>嘉義市孕媽媽看過來 即日起開放預約打AZ、莫德納疫苗自由選</t>
  </si>
  <si>
    <t>陸學者：世界總體穩定對陸美都有利</t>
  </si>
  <si>
    <t>G20特別峰會 習近平籲合作抗疫</t>
  </si>
  <si>
    <t>台南確診＋2 傳產老闆未戴口罩中標、1北部染疫</t>
  </si>
  <si>
    <t>陸新增14例境外輸入個案 廣東連11天無本土病例</t>
  </si>
  <si>
    <t>韓國新冠肺炎確診增至8236例 76例死亡</t>
  </si>
  <si>
    <t>泰國羽球公開賽》大逆轉！ 賽娜昨確診今又可出賽</t>
  </si>
  <si>
    <t>後疫情時代！韓市府超前部署觀光 射3箭搶國旅市場</t>
  </si>
  <si>
    <t>疫情攪局 屏東創世園遊會募款超冷清</t>
  </si>
  <si>
    <t>湖北確診病例一夜暴增1.4萬人 背後原因曝光</t>
  </si>
  <si>
    <t>仁寶昆山廠 延至2/17復工</t>
  </si>
  <si>
    <t>《電腦設備》光寶科陳廣中：Q3保守 全年樂觀</t>
  </si>
  <si>
    <t>NBA》第3人陽性！活塞中鋒伍德染新冠</t>
  </si>
  <si>
    <t>匯率期貨趨勢專欄－美國經濟靚 美元指數翻揚</t>
  </si>
  <si>
    <t>蔣萬安聲量驚現危機？藍營北市高層這樣看</t>
  </si>
  <si>
    <t>長庚發現抗體 抑制新冠病毒力達98％</t>
  </si>
  <si>
    <t>林杰樑FB教防疫 台灣人的最愛成感染高風險</t>
  </si>
  <si>
    <t>疫情嚴峻 貿協願借南港展覽館搭建方艙</t>
  </si>
  <si>
    <t>幼兒園群聚染疫跟長榮機師有關？新北：不排除任何可能性</t>
  </si>
  <si>
    <t>張亞中捐一千萬劑疫苗 今正式申請</t>
  </si>
  <si>
    <t>防疫情擴散 美CDC籲民眾感恩節勿旅行</t>
  </si>
  <si>
    <t>NBA》戈貝爾染病 爵士過去兩周6戰對手皮皮挫</t>
  </si>
  <si>
    <t>對抗新冠！泰國26日進入緊急狀態 恐實施宵禁</t>
  </si>
  <si>
    <t>《產業》foodpanda祭3大方案，助度抗疫難關</t>
  </si>
  <si>
    <t>三採陰解隔離 病人身心折磨 指揮中心將檢討</t>
  </si>
  <si>
    <t>真正烏魯木齊！ 新疆本土確診擴散 首府爆發恐慌</t>
  </si>
  <si>
    <t>疫情延燒！金泰希新劇疑例人員採檢陰性 神話Eric新劇延至月底</t>
  </si>
  <si>
    <t>中美合作大型研究：新冠病毒平均潛伏4.75天 致死率3.06％</t>
  </si>
  <si>
    <t>陸官宣3新冠疫苗進入臨床試驗</t>
  </si>
  <si>
    <t>美國沒救了！大學生開新冠趴 最先確診者可領獎金</t>
  </si>
  <si>
    <t>陸港觀盤－疫情引燃線上新經濟發展機遇</t>
  </si>
  <si>
    <t>染疫1軍人來吃過 台中牛排館自主關門14天網讚：佛心店家</t>
  </si>
  <si>
    <t>旅外女二採復陽確診 張上淳：不確定發病時間</t>
  </si>
  <si>
    <t>為什麼不直接禁止去觀光景點？網揭台人習性</t>
  </si>
  <si>
    <t>台澳口罩原料換酒精？外交部：互惠受益、增進情誼</t>
  </si>
  <si>
    <t>瘋搶BNT登記 藍委促政府加碼採購1500萬劑</t>
  </si>
  <si>
    <t>《半導體》欣銓去年營收寫3高 Q1淡季逆強</t>
  </si>
  <si>
    <t>陸配子女回台 指揮中心急喊卡</t>
  </si>
  <si>
    <t>疑糞管傳播 港社區感染 百人急撤</t>
  </si>
  <si>
    <t>「公主」3連落難！紅寶石公主號4人確診</t>
  </si>
  <si>
    <t>守「鱟」金門 建功嶼放流鱟苗4萬尾</t>
  </si>
  <si>
    <t>台新金2月自結稅後盈餘11.7億元</t>
  </si>
  <si>
    <t>確診破百！未來14天是台灣防疫關鍵期 莊人祥揭2種情況</t>
  </si>
  <si>
    <t>《科技》「電信二哥」爭不停 遠傳用戶超車、台灣大不服氣</t>
  </si>
  <si>
    <t>大陸新冠疫苗接種逾22億劑次</t>
  </si>
  <si>
    <t>汛期將至 多功能草湖防災公園將完工</t>
  </si>
  <si>
    <t>NBA》席爾佛：探索一切重新開打方法</t>
  </si>
  <si>
    <t>寶山鄉親安心了 長者新冠肺炎複檢結果為陰性</t>
  </si>
  <si>
    <t>《半導體》傳華為砍單供應鏈 聯詠Q2添變數</t>
  </si>
  <si>
    <t>學生打BNT2周內不能劇烈運動 指揮中心：有5大症狀快就醫</t>
  </si>
  <si>
    <t>電子小尖兵衝鋒 外資喊燒</t>
  </si>
  <si>
    <t>新冠肺炎加乾旱 這種全球知名飲料再遭重擊</t>
  </si>
  <si>
    <t>馬祖居家隔離新增1人 全縣59人採驗皆陰性</t>
  </si>
  <si>
    <t>新聞早班車》羅志祥今出關 下一步怎走考驗智慧</t>
  </si>
  <si>
    <t>新冠肺炎影響 內門農會停辦初二回娘家辦桌活動</t>
  </si>
  <si>
    <t>埃及爸2哥哥抗體顯示「近期感染」 不排除改判本土病例</t>
  </si>
  <si>
    <t>澳門高校擬4月1日恢復部分教學</t>
  </si>
  <si>
    <t>第二班包機470人返台 指揮中心：將比照第一班集中檢疫14天</t>
  </si>
  <si>
    <t>運將6萬之亂 綠媒老董批政府：自大驕傲起來了</t>
  </si>
  <si>
    <t>庫克樂觀：陸已管控疫情</t>
  </si>
  <si>
    <t>林昶佐喊展現防衛能量 被宅神酸沒當過兵</t>
  </si>
  <si>
    <t>200台幣類固醇就能治新冠 研究：重症死亡率降20％</t>
  </si>
  <si>
    <t>台11人參與試驗 療效顯著</t>
  </si>
  <si>
    <t>新聞透視》綠委阿Q帶風向 買嘸就喊不必急</t>
  </si>
  <si>
    <t>與確診音樂家同機 長榮空服居家隔離放防疫假</t>
  </si>
  <si>
    <t>川普不鐵齒！將很快接受新冠病毒檢測</t>
  </si>
  <si>
    <t>尖牙股再發威 臉書、亞馬遜創新高</t>
  </si>
  <si>
    <t>8月開放外籍人士來台就醫 他憂成防疫破口 恐致台灣淪陷</t>
  </si>
  <si>
    <t>IMF大砍台灣GDP 央行稱太悲觀</t>
  </si>
  <si>
    <t>陸新冠肺炎確診破8萬 嚴防境外疫情回流</t>
  </si>
  <si>
    <t>紐籍機師治療費全民買單 感染科醫：不服氣</t>
  </si>
  <si>
    <t>又見大陸輸入病例 醫提數據警告：不會只有一個</t>
  </si>
  <si>
    <t>明開始週末假期 蔡英文：非必要 別出門</t>
  </si>
  <si>
    <t>受疫情影響 CES 2021線下展覽取消改線上形式</t>
  </si>
  <si>
    <t>民眾曝PCR確診無處去 新北議員促市府盡速建立防疫SOP</t>
  </si>
  <si>
    <t>江蘇台商染疫搞烏龍？結果最快今天出爐</t>
  </si>
  <si>
    <t>口罩都鬆綁了 何時降一級？陳時中回一句話</t>
  </si>
  <si>
    <t>台南58歲男子接種AZ疫苗月餘過世</t>
  </si>
  <si>
    <t>本土確診爆增29例 歐陽靖舉日本現狀曝「台灣防疫有成」</t>
  </si>
  <si>
    <t>亂丟垃圾阻不了 店家詛咒祝你得肺炎奏效</t>
  </si>
  <si>
    <t>染疫日籍女學生接觸者 檢驗結果今晚6點前出爐</t>
  </si>
  <si>
    <t>《農業科技》瑞基新冠肺炎病毒檢測試劑，開發完成</t>
  </si>
  <si>
    <t>桃園金沙酒店連5日有確診者足跡 酒客擔心：有接觸嗎？</t>
  </si>
  <si>
    <t>北京：清明祭掃首高峰週末 現場掃客降九成</t>
  </si>
  <si>
    <t>NBA》戈貝爾：確診後收到死亡威脅</t>
  </si>
  <si>
    <t>1天暴增16例確診嚇死人 這些人急了：快跟上海復星買疫苗</t>
  </si>
  <si>
    <t>美研究：染新冠11月還有抗體 患者可望終身免疫</t>
  </si>
  <si>
    <t>中秋連假前桃勤清潔員染Delta 醫點2隱憂：事情大條了</t>
  </si>
  <si>
    <t>靈鷲山水陸空法會 為疫情、意外受難者祈福</t>
  </si>
  <si>
    <t>影》超人！神級伏地挺身新境界</t>
  </si>
  <si>
    <t>疫情下 台灣半導體供應鏈吃香</t>
  </si>
  <si>
    <t>台大公衛：全球新冠肺炎確診將上看460萬人</t>
  </si>
  <si>
    <t>會考應試1天傳確診 彰化縣匡列121名師生隔離採檢</t>
  </si>
  <si>
    <t>她染疫死前痛到崩潰求救40次 妹妹聽錄音檔心碎了</t>
  </si>
  <si>
    <t>台灣是否封城？最新民調結果嚇死人</t>
  </si>
  <si>
    <t>今增13死 2人遭院內感染 1人溺水死後採檢陽性</t>
  </si>
  <si>
    <t>可怕「綠天鵝」頻出現 氣候變遷是慢動作的新冠肺炎</t>
  </si>
  <si>
    <t>防疫大作戰 高風險區考生須戴罩</t>
  </si>
  <si>
    <t>澳籍音樂家確診 NSO音樂總監道歉</t>
  </si>
  <si>
    <t>匯豐、凱基 聯手降評鴻海</t>
  </si>
  <si>
    <t>微解封前夕 新增23例本土 1人死亡</t>
  </si>
  <si>
    <t>記者採訪東奧 看到餐點傻眼：奧運新醜聞</t>
  </si>
  <si>
    <t>無症狀會感染 傳染力難捉摸 賴明詔：新冠肺炎史上最強病毒</t>
  </si>
  <si>
    <t>港專家稱香港風險評估機制落後 提倡機組人員檢疫7天</t>
  </si>
  <si>
    <t>9旬翁確診病逝 自責害家人隔離 兒視訊送最後一程醫護淚崩</t>
  </si>
  <si>
    <t>強效抑胃酸藥品 可能增加新冠病毒感染風險</t>
  </si>
  <si>
    <t>受新冠肺炎影響 高雄老字號渝香園宣布歇業</t>
  </si>
  <si>
    <t>跨國平衡基金 進可攻退可守</t>
  </si>
  <si>
    <t>打完疫苗出現「巨大飢餓感」 醫揭2關鍵：是抗體再生成</t>
  </si>
  <si>
    <t>揪團挺台！美國會致信50國 籲支持台參加WHO</t>
  </si>
  <si>
    <t>宋少卿臉書爆氣再開譙：政府做不好不能罵？PTT推爆罵的好</t>
  </si>
  <si>
    <t>打疫苗累計912死 首波接種受害救濟結果出爐</t>
  </si>
  <si>
    <t>校正回歸400例事小 醫曝1隱憂：恐引爆更大傳播鏈</t>
  </si>
  <si>
    <t>遶境藏3大致病風險 他籲全台媽祖囡仔「今年請假吧」</t>
  </si>
  <si>
    <t>台灣人看大陸》疫情肆虐 更需傳遞溫暖</t>
  </si>
  <si>
    <t>北漂失意返嘉義卻確診 6接觸者緊急篩檢</t>
  </si>
  <si>
    <t>《觀光股》營運動能看升 六角填息逾4成</t>
  </si>
  <si>
    <t>居家檢疫新規定 嘉義市7女5男主動通報</t>
  </si>
  <si>
    <t>楊金龍提三風險、三因應</t>
  </si>
  <si>
    <t>美疫情復燃 蘋果再關30門市</t>
  </si>
  <si>
    <t>疫情中怎麼上健身房？韓國超荒謬禁令被笑翻</t>
  </si>
  <si>
    <t>《基金》新冠檢測商機 瞄準3設備題材</t>
  </si>
  <si>
    <t>5千人已隔離3千人 30人叩不到請警消追</t>
  </si>
  <si>
    <t>經濟部：新冠肺炎快篩偵測儀 最快7月量產</t>
  </si>
  <si>
    <t>蝙蝠肉在東南亞某國還是熱賣</t>
  </si>
  <si>
    <t>IMF最新經濟展望：大蕭條以來最嚴重 主要經濟體僅陸正成長</t>
  </si>
  <si>
    <t>桃園「固安計畫」入場快篩啟動 台達電本外勞6千人全篩</t>
  </si>
  <si>
    <t>3例歐美返台確診 第2波疫情前兆</t>
  </si>
  <si>
    <t>採檢規定放寬 林右昌：篩檢站量能充足下無需預約</t>
  </si>
  <si>
    <t>病毒還是最怕全球治理</t>
  </si>
  <si>
    <t>政策力挺 陸股資金湧</t>
  </si>
  <si>
    <t>即起禁止入境旅客親友機場接機 違者最高罰15萬</t>
  </si>
  <si>
    <t>月初才打新冠疫苗 前大聯盟全壘打王漢克阿倫過世</t>
  </si>
  <si>
    <t>失聯確診者在台北市有146名？ 北市府回應了</t>
  </si>
  <si>
    <t>台北羽球賽停辦 想看麟洋還要等</t>
  </si>
  <si>
    <t>1天37件未戴口罩 新北警鐵腕取締 最重罰1.5萬元</t>
  </si>
  <si>
    <t xml:space="preserve">10檔高殖利率定存股 他暴賺逾40％靠3大秘技 </t>
  </si>
  <si>
    <t>香港再增32新冠確診 5人唱卡拉OK致群聚感染</t>
  </si>
  <si>
    <t>加碼捐新南向國家100萬片 暗槓質疑四起！藍營呼籲 口罩改配給制</t>
  </si>
  <si>
    <t>視察國小用餐 小二生提醒鄭文燦「不能講話」</t>
  </si>
  <si>
    <t>《興櫃股》圓點奈米4月營收年增128％ 前4月增7倍</t>
  </si>
  <si>
    <t>傳醫院爆感染 台股「嚇」跌拉回15,500</t>
  </si>
  <si>
    <t>過去羨慕國外醫生！施景中嘆：現在台灣當醫生是福報</t>
  </si>
  <si>
    <t>Global Mall宣布循縣市政府規範 明至15日暫停開放餐飲內用</t>
  </si>
  <si>
    <t>范雲「提這事」讓網友全炸鍋 藍青年嗆：讓台灣門戶洞開的是妳</t>
  </si>
  <si>
    <t>MLB》還有未爆彈 海盜等隊又有7人確診</t>
  </si>
  <si>
    <t>美參議員提法案制裁大陸 陸外交部堅決反對</t>
  </si>
  <si>
    <t>又有41萬劑莫德納要來 陳時中證實：周三到貨</t>
  </si>
  <si>
    <t>凃維穗、陳宜民》採購疫苗落後 不能再分顏色</t>
  </si>
  <si>
    <t>台中今晚強力稽查 金錢豹海派店關燈歇業</t>
  </si>
  <si>
    <t>警防疫神隊友「滅菌門」 入門自動消毒</t>
  </si>
  <si>
    <t>貼身侍僕確診 女王隔離 兩年來首與夫同住</t>
  </si>
  <si>
    <t>東京都知事重申：明年東奧如期舉行</t>
  </si>
  <si>
    <t>瑞磁 H1營收翻倍成長</t>
  </si>
  <si>
    <t>有種！不甩新冠恐慌 他接下人球郵輪</t>
  </si>
  <si>
    <t>酒店舞廳停業 盧秀燕宣布：台中8大特種行業採實名制</t>
  </si>
  <si>
    <t>獨 ／新冠肺炎肆虐！台星橫店遭隔離管制 露面報近況</t>
  </si>
  <si>
    <t>新鮮人方奕凱在永慶房屋成就自我價值 單月收入最高20萬</t>
  </si>
  <si>
    <t>福建莆田3天增68人染疫 官方加緊推進12歲以上疫苗接種</t>
  </si>
  <si>
    <t>住院醫師揭2真相：台防疫爛到不可思議</t>
  </si>
  <si>
    <t>怕錢上有病毒！鈔票「微波爐消毒1分鐘」飄焦味　大媽急哭：不能用了</t>
  </si>
  <si>
    <t>沖繩運將疑載郵輪客染疫 基隆54名司機今晚解禁心驚驚</t>
  </si>
  <si>
    <t>接種BNT、AZ免平台預約 新竹市5家醫院、15家診所可施打</t>
  </si>
  <si>
    <t>《日股》東京單日確診創下逾1個月新高 日經225指數收跌0.07％</t>
  </si>
  <si>
    <t>女沒戴好口罩街頭痛哭 警勸導解家庭紛爭</t>
  </si>
  <si>
    <t>三軍總醫院松山院區傳增1確診 衛生局長回應了</t>
  </si>
  <si>
    <t>新冠肺炎疫苗各家價格懸殊</t>
  </si>
  <si>
    <t>東奧去不去？奧會：選手可說No！</t>
  </si>
  <si>
    <t>史上最大！ 2兆美元紓困案 川普政府與參院達共識</t>
  </si>
  <si>
    <t>新冠肺炎竟讓大陸人更有錢？！銀行VIP增1成　託管金額更增1.5兆</t>
  </si>
  <si>
    <t>南投縣國中小學9月底前暫緩畢旅 避免跨縣市交流</t>
  </si>
  <si>
    <t>清明連假後恐爆第3波疫情 急診醫：這類人最要注意</t>
  </si>
  <si>
    <t>羅智強：紓困貸款 真正需要店家借不到</t>
  </si>
  <si>
    <t>陸港觀盤－疫情估4月和緩 逢低布局A股</t>
  </si>
  <si>
    <t>2021可望再創新高 北美半導體設備 締造最旺12月</t>
  </si>
  <si>
    <t>大陸台商防疫之一》台企高標準防疫 大家都很有經驗</t>
  </si>
  <si>
    <t>疫情之後 50％企業才懂資安重要性</t>
  </si>
  <si>
    <t>高端疫苗巴拉圭第3期試驗 本周完成330人第1劑施打</t>
  </si>
  <si>
    <t>總部員工染疫 中壽：同層員工檢測全棟清消</t>
  </si>
  <si>
    <t>盧秀燕宣布推出「疫苗無限暢打」揪團30人派行動防疫車到場接種</t>
  </si>
  <si>
    <t>《業績-生醫》疫情衝擊 羅麗芬首季每股虧0.03元</t>
  </si>
  <si>
    <t>陳泰銘對景氣看法翻多 國巨：農曆年前訂單無虞</t>
  </si>
  <si>
    <t>完成第二劑高端疫苗接種 蔡英文：上次打完僅手臂有些酸痛</t>
  </si>
  <si>
    <t>獨／瑞芳蝙蝠洞受疫情影響 動保處：以「三不原則」降低風險</t>
  </si>
  <si>
    <t>效益大於風險 港府批准科興疫苗接種年齡降至3歲</t>
  </si>
  <si>
    <t>今新增2本土 北市國中生確診、新北就醫民眾陽性</t>
  </si>
  <si>
    <t>譚德塞事件 沈富雄：台灣不要像小孩到處嚷嚷</t>
  </si>
  <si>
    <t>104家藥局暫停配送口罩 新北也有一間</t>
  </si>
  <si>
    <t>靠群體免疫抗新冠肺炎？殘酷數據曝光：這條路還遠...</t>
  </si>
  <si>
    <t>「報復性出遊」墾丁大街照曝光 網看這亮點驚：完了...</t>
  </si>
  <si>
    <t>蘇貞昌：紓困特別預算 執行率拚百分百</t>
  </si>
  <si>
    <t>陸98歲最高齡新冠肺炎患者已治癒</t>
  </si>
  <si>
    <t>7月就想供貨？高端新冠疫苗還沒做青少年二期試驗</t>
  </si>
  <si>
    <t>開工問題多 度難關有策略</t>
  </si>
  <si>
    <t>7／12解封倒數？急診醫揭這3件事攸關重大</t>
  </si>
  <si>
    <t>境外移入增3例！英國現變種病毒 陳時中：台英管制加嚴</t>
  </si>
  <si>
    <t>新冠國際2波疫情 政院研議產業紓困再加碼</t>
  </si>
  <si>
    <t>眼尖警見電表流動 逮麻將館偷營業 7人遭函送裁處</t>
  </si>
  <si>
    <t>打完AZ菊花痛！他崩潰睡不著 網看傻：從沒聽過</t>
  </si>
  <si>
    <t>KPMG：零售業可先併數位企業</t>
  </si>
  <si>
    <t>登記數一夕爆增 9.2萬人非高端不打？他曝最慘後果</t>
  </si>
  <si>
    <t>《國際社會》分頭重啟經濟 美國東、西岸聯盟成軍</t>
  </si>
  <si>
    <t>疫情升溫 韓單日新增確診創新高</t>
  </si>
  <si>
    <t>影》美F22佛州墜毀 飛行員驚險逃生</t>
  </si>
  <si>
    <t>藥師曝AZ疫苗死亡數據喊「停打」 網氣炸：陳時中快帶頭示範</t>
  </si>
  <si>
    <t>1分鐘看世界》歐盟達成25兆經濟刺激協議 川普認新冠疫情會更慘</t>
  </si>
  <si>
    <t>確診者返回工作遭到刁難 指揮中心提供解隔單解套</t>
  </si>
  <si>
    <t>北藝中心爆群聚16人住新北 侯友宜：新北9工程有11人確診</t>
  </si>
  <si>
    <t>府方參議諷新北第一 網友怒轟：還在鬥？</t>
  </si>
  <si>
    <t>鐘南山研判Omicron：現在還不會採取較大行動</t>
  </si>
  <si>
    <t>1分鐘看世界》波頓新書曝川普求習幫連任；中美外長會陸要華府別干預台港事務</t>
  </si>
  <si>
    <t>獨家》北中南隔離包一次看 宛如普渡</t>
  </si>
  <si>
    <t>瘋搶物資高麗菜飆漲3倍 新北果菜公司預估18日後價格稍回穩</t>
  </si>
  <si>
    <t>AZ或BNT 第13期疫苗接種 滿50歲可擇一施打</t>
  </si>
  <si>
    <t>《業績-其他電子》鴻海Q1獲利探底 每股僅賺0.15元</t>
  </si>
  <si>
    <t>有人確診今還讓學生到校惹議 桃園北科附工校長出面喊冤</t>
  </si>
  <si>
    <t>勤業眾信：新冠肺炎影響不動產業</t>
  </si>
  <si>
    <t>日本宣布：再贈台113萬劑AZ疫苗 8日運送</t>
  </si>
  <si>
    <t>北市公布1境外移入者足跡 遍及大賣場、咖啡廳</t>
  </si>
  <si>
    <t>視訊看診完「家長秒下線封鎖」醫怒做白工 同業聲援：白嫖只能一次</t>
  </si>
  <si>
    <t>《興櫃股》亞洲藏壽司H1小虧 積極展店步調不變</t>
  </si>
  <si>
    <t xml:space="preserve">陳時中：清明連假關鍵期 首階段過關 </t>
  </si>
  <si>
    <t>居家辦公爽不爽？過來人怒揭缺點</t>
  </si>
  <si>
    <t xml:space="preserve"> 紓困金慘釀「萬元之亂」！網友超崩潰十大黑人問號</t>
  </si>
  <si>
    <t>奉天宮配合防疫 徐國勇參拜感謝</t>
  </si>
  <si>
    <t>警民防疫一起來 里長暖心贈消毒水</t>
  </si>
  <si>
    <t>《國際產業》運量增＋漲運費 聯邦快遞上季獲利飆高</t>
  </si>
  <si>
    <t>防堵Omicron 嘉義縣推接種莫德納送健康米</t>
  </si>
  <si>
    <t>美稱有證據證實病毒源自武漢 國際組織打臉</t>
  </si>
  <si>
    <t>美媒要求陸對新冠疫情道歉　趙立堅：荒謬可笑無知</t>
  </si>
  <si>
    <t>羅一鈞跳級上台大 赴非洲行醫背後超暖原因曝光</t>
  </si>
  <si>
    <t>日本游泳名將呼籲民眾不要囤貨 日常生活即可</t>
  </si>
  <si>
    <t>賣場搶貨 陳菊：不要過度消費 以免荷包哭哭</t>
  </si>
  <si>
    <t>中研院研究助理違SOP釀環境汙染 黃珊珊：2名檢測人員隔離中</t>
  </si>
  <si>
    <t>非法移工成防疫缺口？ 行政院：已指示加強管理</t>
  </si>
  <si>
    <t>證實了！首批「客製化標籤」BNT疫苗 周四抵台</t>
  </si>
  <si>
    <t>日女染疫給台啟示 台大公衛院長：被動採檢一定有破口</t>
  </si>
  <si>
    <t>工業區土地租金減收 延長至6／30</t>
  </si>
  <si>
    <t>《生醫股》生華科新冠新藥向美FDA申請二期臨床</t>
  </si>
  <si>
    <t>民進黨政府一舉動 李德維：進口BNT疫苗有譜了</t>
  </si>
  <si>
    <t>威士特丹號215名接觸者 健康監控後天解除</t>
  </si>
  <si>
    <t>環保局今到朝陽科大消毒 盧秀燕籲校外1萬4000名師生快篩檢</t>
  </si>
  <si>
    <t>高明見》防疫新生活先摘口罩</t>
  </si>
  <si>
    <t>薩爾瓦多轉贈陸疫苗給我友邦 我外交部：蓄意打擊我國形象</t>
  </si>
  <si>
    <t>北市小兒科診所遭爆料私賣10元口罩 衛生局將前往釐清</t>
  </si>
  <si>
    <t>編‧輯‧室‧報‧告－陸振興經濟的風向球─網上廣交會</t>
  </si>
  <si>
    <t>清明連假後「恐爆疫情高峰」魏如萱：當邊緣人不會死</t>
  </si>
  <si>
    <t>防疫直播PART2！「型男歐巴」交通局長唱法文歌教洗手超萌</t>
  </si>
  <si>
    <t>道瓊3年來首次失守2萬關卡 美指期跌逾500點</t>
  </si>
  <si>
    <t>疫苗打到90％就可以直接放生？網搖頭曝台人習性</t>
  </si>
  <si>
    <t>南投縣1確診1陽性 皆台中工作的埔里鎮民</t>
  </si>
  <si>
    <t>南京機場破口借鏡 桃園啟動防疫旅館新制 全力防堵Delta病毒</t>
  </si>
  <si>
    <t>北京市官方對受疫情影響的文娛企業給予補貼</t>
  </si>
  <si>
    <t>獼猴染新冠肺炎28天內產生抗體 北京研究：短期內不會再次染疫</t>
  </si>
  <si>
    <t>防疫堵漏洞 疏忽不得</t>
  </si>
  <si>
    <t>信心十足 柯文哲：就算沒疫苗 再1個月北市能清零</t>
  </si>
  <si>
    <t>AI新創基金 爆發力強</t>
  </si>
  <si>
    <t>連兩周末封街管制 墾丁大街如空城業者哀嘆</t>
  </si>
  <si>
    <t>基進黨員吳欣岱化身醫事聯盟發起人 要求韓國瑜停止普篩</t>
  </si>
  <si>
    <t>神隱5天被問爆！張上淳復出親吐心聲</t>
  </si>
  <si>
    <t>工研菁英獎六金獎 揭曉研發成果</t>
  </si>
  <si>
    <t>葉毓蘭呼籲：公布新冠肺炎確診者足跡</t>
  </si>
  <si>
    <t>嚴防移工成為防疫破口 多國語言宣導防疫措施</t>
  </si>
  <si>
    <t>拘留所傳出疫情！ 美法院下令釋放移民兒童</t>
  </si>
  <si>
    <t>桃園新增11例確診 足跡包含好市多南崁店、家樂福經國店</t>
  </si>
  <si>
    <t>NBA》假新聞！戈貝爾否認跟米契爾翻臉</t>
  </si>
  <si>
    <t>海軍24確診全台足跡曝光 到過11縣市趴趴走</t>
  </si>
  <si>
    <t>數字說</t>
  </si>
  <si>
    <t>官方完整驗屍報告 非裔男染新冠 死於心肺驟停</t>
  </si>
  <si>
    <t>疫情升溫 5月19日起暫緩未持居留證外籍人士入境</t>
  </si>
  <si>
    <t>兩岸專家對談方艙醫院：蓋之前是人等床 蓋了之後床等人</t>
  </si>
  <si>
    <t>御用宮女帶球嫁翻身 為疫情受困堅持幫富豪尪慶生「照片看傻」</t>
  </si>
  <si>
    <t>福建疫情爆發 專家：港府應馬上熔斷「回港易」機制</t>
  </si>
  <si>
    <t>《金融》疫情衝擊 壽險業淨值3月蒸發5337億元</t>
  </si>
  <si>
    <t>機場檢疫壓力超大！醫揭防境外移入困難點</t>
  </si>
  <si>
    <t>羽球亞錦賽 從武漢轉戰馬尼拉</t>
  </si>
  <si>
    <t>嘉義市公告防疫新指引 若疑似接觸風險者 幼兒園可停課至少1日</t>
  </si>
  <si>
    <t>唐鳳臉書長文盼：協力對抗不實訊息</t>
  </si>
  <si>
    <t>九千多件紓困案送中央 陳時中：新北有點誤解了</t>
  </si>
  <si>
    <t>河南省規模以上工業企業 復工率達94％</t>
  </si>
  <si>
    <t xml:space="preserve">第2起Omicron病例現蹤 日再出招防堵 海外遊子恐無法返鄉 </t>
  </si>
  <si>
    <t>小S「口罩之亂」社群神隱3個月 首發文素顏嘆：總算…</t>
  </si>
  <si>
    <t>參議院出現案例 共和黨藍德保羅確診</t>
  </si>
  <si>
    <t>庫存水位低 被動元件廠過年加班備戰</t>
  </si>
  <si>
    <t>未來開放或緊縮？新北：幼兒園群聚感染將納入參考依據</t>
  </si>
  <si>
    <t>董智森：不論加入世衛與否 綠營都贏</t>
  </si>
  <si>
    <t>壽險全年新保費 陷9千億保衛戰</t>
  </si>
  <si>
    <t>追查零號病人 天津「福爾摩斯」赴安徽溯源</t>
  </si>
  <si>
    <t>鮑爾：動用一切工具救經濟</t>
  </si>
  <si>
    <t>分租套房爆「類家戶群聚」 北市信義區單周確診飆11例</t>
  </si>
  <si>
    <t>體育署》保全確診新冠 體育大樓加強清消</t>
  </si>
  <si>
    <t>中研院確診女助理違反SOP 陳時中揭一動作犯錯</t>
  </si>
  <si>
    <t>病源從哪來？ 中美展開新一輪互批</t>
  </si>
  <si>
    <t>台大醫生：「健康的人不用戴口罩」已不適用 網友：敢逆時鐘？</t>
  </si>
  <si>
    <t>疫情傷藝情 街頭藝人爆失業潮</t>
  </si>
  <si>
    <t>「篩檢能量不足早講啊」鄉民批校正回歸2敗筆 民怨：用詞太矯情</t>
  </si>
  <si>
    <t>生華科 新冠新藥臨床再報喜</t>
  </si>
  <si>
    <t>青海新冠肺炎患者出院間隔縮短 13天治癒80％患者</t>
  </si>
  <si>
    <t>林志玲罕見網現身！暖喊話：大家都要健康</t>
  </si>
  <si>
    <t>防群聚打球 桃園拆公園籃框 鄭文燦解釋了</t>
  </si>
  <si>
    <t>2機師嚴重肺炎 房務主管插管</t>
  </si>
  <si>
    <t>蔡英文視察桃機防疫作為 慰勉執勤人員辛勞</t>
  </si>
  <si>
    <t>獨／劉畊宏親自上體操課 小泡芙三兄妹在家網課設備超狂</t>
  </si>
  <si>
    <t>揭新冠起源重大線索 CNN：武漢將檢測數萬早期血液樣本</t>
  </si>
  <si>
    <t>拜登10道金牌 推抗疫國家戰略</t>
  </si>
  <si>
    <t>群體免疫有得等 全球疫苗產量年底才達1／10</t>
  </si>
  <si>
    <t>出國請三思！美國務院發布全球旅遊警示</t>
  </si>
  <si>
    <t>一天18喪命！義大利確診數飆破2千 羅馬也淪陷</t>
  </si>
  <si>
    <t>川普轟疫情是民主黨騙局</t>
  </si>
  <si>
    <t>小巨蛋冰上樂園、北投會館 明關閉</t>
  </si>
  <si>
    <t>Omicro來勢洶洶　邱臣遠籲調配防疫量能嚴守邊境管制</t>
  </si>
  <si>
    <t>黃珊珊爆中央刪北市居隔資料 莊人祥：可能有誤解</t>
  </si>
  <si>
    <t>台灣防疫排名為何暴跌？林濁水曝真相：很震撼</t>
  </si>
  <si>
    <t>低血氧猝死不只確診者才有！4大風險族群更要注意</t>
  </si>
  <si>
    <t>不只清冠一號 防疫3階段中藥處方 各有使用時機</t>
  </si>
  <si>
    <t>日本天團「嵐」忍痛取消下月演唱會 休團前活動大受影響</t>
  </si>
  <si>
    <t>陳時中稱「3＋11」不算破口 胸腔醫34字狂吐槽</t>
  </si>
  <si>
    <t>馮迪索《血衛》北美票房較預期少3成</t>
  </si>
  <si>
    <t>日本AZ疫苗盒「meiji」現蹤 網驚「做冰淇淋那公司」事業群爆狂</t>
  </si>
  <si>
    <t>家長全否認連假出遊！幼教師上課問學生竟一半舉手</t>
  </si>
  <si>
    <t>雙北確診死亡數與中央有落差？侯友宜回應了</t>
  </si>
  <si>
    <t>澳洲封城經驗參考 3步驟除汙！宅配包裹才能進家門</t>
  </si>
  <si>
    <t>大山地門藝術展 線上導覽不群聚</t>
  </si>
  <si>
    <t>綠委提新冠肺炎扣除額 財長：暫不考慮</t>
  </si>
  <si>
    <t>185萬職業工會勞工人人可領 補助最高可領3萬</t>
  </si>
  <si>
    <t xml:space="preserve">影》1人1泡 防新冠使絕招 烈焰紅唇演唱會嗨翻 </t>
  </si>
  <si>
    <t xml:space="preserve">預防類似新冠病毒 海巡署新建4000噸艦艇首創建置負壓隔離病房 </t>
  </si>
  <si>
    <t>疫情引發恐慌憂慮 醫師籲減少訊息、轉移注意力</t>
  </si>
  <si>
    <t>《金融》疫情陰霾未散 國銀5月獲利雙位數雙降</t>
  </si>
  <si>
    <t>三大應用面板 今年出貨衰減</t>
  </si>
  <si>
    <t>立院通過紓困條例修正案 民進黨呼籲：儘速讓預算通過</t>
  </si>
  <si>
    <t xml:space="preserve"> 趙少康遭隱射特權打疫苗有政治目的？游淑慧一句話痛批周玉蔻</t>
  </si>
  <si>
    <t>醫護曬防疫照 雙手「又皺又灰」惹心疼</t>
  </si>
  <si>
    <t>宅經濟發燒 Kono電子雜誌14天免費看會員激增7成</t>
  </si>
  <si>
    <t>副機師居檢外出「訪友購物」紓壓遭罰80萬 執行官勸諭分期繳清</t>
  </si>
  <si>
    <t>加工區18家知名企業聯合徵才 將釋出573個職缺</t>
  </si>
  <si>
    <t>【防疫政緊張】陳時中稱疫苗早打也沒用 孫大千：二百五的鬼邏輯</t>
  </si>
  <si>
    <t>越冷越易感染 自主防疫最重要</t>
  </si>
  <si>
    <t>NBA》閉門比賽？ 詹姆斯：拒絕上場</t>
  </si>
  <si>
    <t>以台北名義參加WHO？外交部這理由：不能透露</t>
  </si>
  <si>
    <t>EUA技術準則為高端量身訂做？台大醫：絕非國際標準</t>
  </si>
  <si>
    <t>稀土戰重燃！川普拚大選爆最新動作 特斯拉有望降價？</t>
  </si>
  <si>
    <t>振興三倍券問題多 朱學恆開酸：全民抓BUG？</t>
  </si>
  <si>
    <t>第15輪開打！想混打免預約 今起可至指定院所接種</t>
  </si>
  <si>
    <t>陳建仁：追蹤接觸史丶限制近距離接觸是防疫最佳方法</t>
  </si>
  <si>
    <t>北韓官員想吃辛拉麵 偷偷闖關結果慘了</t>
  </si>
  <si>
    <t>陳時中這一步走錯了？網憂防疫破口</t>
  </si>
  <si>
    <t>NBA》復賽地點曝光 各隊先隔離14天</t>
  </si>
  <si>
    <t>求好運免出門 新北推線上祈福</t>
  </si>
  <si>
    <t>壽險業 今年力拚三不多</t>
  </si>
  <si>
    <t>嘉義縣第2批疫苗3200劑到位 警消優先施打</t>
  </si>
  <si>
    <t>NBA》布雷德利為子不願復賽 JR有望頂替</t>
  </si>
  <si>
    <t>NBA》「病毒針對黑人」溜馬布羅格登染新冠</t>
  </si>
  <si>
    <t>建商大獵地 Q1成交478億</t>
  </si>
  <si>
    <t>馬英九不應多談防疫？ 網友竟認為...</t>
  </si>
  <si>
    <t>再增6死 6旬男缺勤同事發現昏迷不治 5人有高血壓</t>
  </si>
  <si>
    <t>用新冠肺炎表述 陸委會扮兩岸安全閥</t>
  </si>
  <si>
    <t>歐陽娜娜為何受大陸人歡迎？網揭1點狂酸：不意外</t>
  </si>
  <si>
    <t>新冠肺炎疫情衝擊企業獲利 2020年全球企業派息料將萎縮15％以上</t>
  </si>
  <si>
    <t>苗栗國就是狂！苗栗議員要砸600萬生產口罩 每5個賣10元</t>
  </si>
  <si>
    <t>病毒可停留紙鈔3小時 香港專家呼籲注意手部衛生</t>
  </si>
  <si>
    <t>美國富豪多有錢？ 外媒：他2％財產能救活4200萬人</t>
  </si>
  <si>
    <t>悚！新冠屍體橫陳病人床邊 印度醫療體系恐崩盤？</t>
  </si>
  <si>
    <t>是否已接種第二劑 他聽完蘇貞昌回應一堆問號</t>
  </si>
  <si>
    <t>「2020光明點燈節」31日登場 新北中和點燈為世界祈福</t>
  </si>
  <si>
    <t>新北女PO文「家附近死一個確診者」 辯有查證仍遭訴</t>
  </si>
  <si>
    <t>藥商測試血漿療法 抗新冠肺炎</t>
  </si>
  <si>
    <t>美中概股染疫 汽車族群最傷</t>
  </si>
  <si>
    <t>中市視聽歌唱場所至7日共44家申請 42家核准復業</t>
  </si>
  <si>
    <t>新冠疫情惡化 全球確診破百萬 死亡破5萬</t>
  </si>
  <si>
    <t>貝克漢隔離求外援 指定找台灣人：教我最好的方法吧</t>
  </si>
  <si>
    <t>長照探視規定「逆時中」？ 侯：守護市民健康是唯一原則</t>
  </si>
  <si>
    <t xml:space="preserve">連假曾至人潮擁擠場所 陳時中：在家辦公 </t>
  </si>
  <si>
    <t>CBA》漲7倍！林書豪投進三分球捐8.8萬</t>
  </si>
  <si>
    <t>MLB》保險公司拒賠疫情損失 大聯盟告上法庭</t>
  </si>
  <si>
    <t>京元電竹南廠今日對移工展開第3波PCR篩檢</t>
  </si>
  <si>
    <t>719沒勾AZ超後悔？她一招讓全家一天內打到疫苗</t>
  </si>
  <si>
    <t>政大風險管理與保險學系教授林建智 受災戶IT小白 特別需公平待客</t>
  </si>
  <si>
    <t>防疫滿意度 侯友宜6都居冠</t>
  </si>
  <si>
    <t>新冠肺炎／AV產業也跟風　「新型態災難片」誕生</t>
  </si>
  <si>
    <t>8大類場所不戴口罩 陳時中授權地方政府即起開罰</t>
  </si>
  <si>
    <t>雲林確診＋1 北港爆外籍看護陪病採陽 足跡曝光</t>
  </si>
  <si>
    <t>苗栗科技廠群聚再增43例確診 京元電2篩30人由陰轉陽</t>
  </si>
  <si>
    <t>老鼠是感染兇手？衛長：先調查「人」</t>
  </si>
  <si>
    <t>強化邊境防疫 旅遊警示激增26處</t>
  </si>
  <si>
    <t>勞動部安心即時上工計畫 兼課師看得到吃不到 綠委：政府應盡快協助</t>
  </si>
  <si>
    <t>第11輪疫苗採分流預約 系統增1功能 盼網站不再卡卡</t>
  </si>
  <si>
    <t>美再捐150萬劑莫德納明抵台 府：印證美支持台灣堅若磐石</t>
  </si>
  <si>
    <t>第三劑疫苗保護力增4倍 網嘆：台灣人連首劑在哪都不知</t>
  </si>
  <si>
    <t>台東縣長率百人肩並肩吃飯聊天 餐飲業怒：隔板用心酸的？</t>
  </si>
  <si>
    <t>2天大爆發24例確診 海軍副司令鞠躬道歉</t>
  </si>
  <si>
    <t>美女醫搭捷運看不下去勸：不要一直交談 短褲女反嗆4字超傻眼</t>
  </si>
  <si>
    <t>疫情嚴峻引發全球瘋買衛生紙 專家曝：人類尋求安心的本能</t>
  </si>
  <si>
    <t>海軍官兵被爆未戴口罩拉正妹狂嗨 國防部改口了</t>
  </si>
  <si>
    <t>期待疫情結束！男星竟呼籲正妹投入風俗店 引發輿論抨擊</t>
  </si>
  <si>
    <t>AZ疫苗最新試驗報告數據說話 專家解讀</t>
  </si>
  <si>
    <t>高端疫苗保護力夠？陳時中：與AZ血清抗體比對結果6月底出爐</t>
  </si>
  <si>
    <t>新北環狀線板新站 招商啟動</t>
  </si>
  <si>
    <t>百貨業超慘「班被砍光怎麼活」 網嘆：這題無解</t>
  </si>
  <si>
    <t>推細胞療法抗疫 趨勢科技攜中國附醫</t>
  </si>
  <si>
    <t>女教授視訊課程中倒地 學生眼睜睜看她吐完2字斷氣</t>
  </si>
  <si>
    <t>新冠肺炎印尼零確診 超猛真相竟是這</t>
  </si>
  <si>
    <t>美公布上萬突破性感染病例 2類人重症風險最大</t>
  </si>
  <si>
    <t>《國際社會》日本新冠病例新報1305人破紀錄 東京拉警報</t>
  </si>
  <si>
    <t>英國變種病毒入侵第2例 20多歲台男返國確診</t>
  </si>
  <si>
    <t>Omicron將加速終結新冠疫情？專家點出1關鍵</t>
  </si>
  <si>
    <t>5G版iPhone 12來勢洶洶</t>
  </si>
  <si>
    <t>疫情擴大床不夠怎辦？ 陳時中：擬讓一採陰者居家隔離</t>
  </si>
  <si>
    <t>防疫護目鏡有必要？網列必買2理由：這行為最危險</t>
  </si>
  <si>
    <t>心血管疾病者染疫死亡率高 好心鄰LINE守護心臟健康</t>
  </si>
  <si>
    <t>《金融》疫情衝擊投資收益 國銀前2月獲利衰退3.4％</t>
  </si>
  <si>
    <t>經濟部1員工確診 5人遭隔離、啟動分區辦公</t>
  </si>
  <si>
    <t>首批28萬人準備混打 明天上午10點開放預約</t>
  </si>
  <si>
    <t>新冠肺炎肆虐　紐西蘭航空：本月30日起暫停台北航線直到6月底</t>
  </si>
  <si>
    <t>Omicron為何恐更易傳染、毒性更弱？可能原因曝光</t>
  </si>
  <si>
    <t>高雄地方直言「這次走定了」網友預言陳政聞下場</t>
  </si>
  <si>
    <t>首起英國變種病毒死亡案例 70多歲英男接葉克膜仍不治</t>
  </si>
  <si>
    <t>防疫與治安並重 太平警方異地辦公準備好了</t>
  </si>
  <si>
    <t>明年第三劑怎麼打 李秉穎：「高端手臂」可混打進口疫苗</t>
  </si>
  <si>
    <t>隱瞞泰日旅遊史中鏢 他害公司關閉恐賠天價</t>
  </si>
  <si>
    <t>Garmin林口廠員工確診 532人採陰</t>
  </si>
  <si>
    <t>新竹供5停2 水公司指未模擬石門水庫停供新竹</t>
  </si>
  <si>
    <t>傳台南沒疫苗將停打 黃偉哲斥假消息：預約成功一定打得到</t>
  </si>
  <si>
    <t>新聞透視》新冠肺炎2.0 恐再爆新一波疫情</t>
  </si>
  <si>
    <t>路透獨家：疫情爆發前 川普調離美駐陸疾控官員</t>
  </si>
  <si>
    <t>新聞透視》制裁兩面刃 須嚴防骨牌效應</t>
  </si>
  <si>
    <t>2例疑打高端疫苗猝死！江啟臣：把民眾當免費白老鼠</t>
  </si>
  <si>
    <t>面試6次都失敗 新鮮人聽面試官1句話秒心寒</t>
  </si>
  <si>
    <t>北市疫情控制住？柯P：陷入「膠著狀態」還在危險邊緣</t>
  </si>
  <si>
    <t>白晰帥醫染新冠面目全非 皮膚發黑如翻版譚德塞</t>
  </si>
  <si>
    <t>三級警戒6／29就解除？網一面倒喊5字</t>
  </si>
  <si>
    <t>影》川普上身 微笑拜登火了 要記者少猛追問新冠疫苗</t>
  </si>
  <si>
    <t>經濟部：口罩徵用、禁出口延長到4月</t>
  </si>
  <si>
    <t>又添36死 本土增343例 苗栗僅次於新北淪重災區</t>
  </si>
  <si>
    <t>清查20萬人 北京進入戰時狀態</t>
  </si>
  <si>
    <t>陳時中哭了！他痛揭2大萬惡源頭：全體國人更想哭</t>
  </si>
  <si>
    <t>疫情打亂金門馬拉松 縣府推2021回饋方案</t>
  </si>
  <si>
    <t>新北確診者喉嚨痛 曾南下美濃婆家5日匡列32人</t>
  </si>
  <si>
    <t>天天三重板橋來回 他PCR採檢3天等嘸通知 看App驚覺確診</t>
  </si>
  <si>
    <t>中、台、韓、印股 法人欽點</t>
  </si>
  <si>
    <t>入院51天 韓國確診第31例仍接受治療</t>
  </si>
  <si>
    <t>好消息！ 台鐵車長二採陰性 未感染新冠肺炎</t>
  </si>
  <si>
    <t>京元電移工群聚感染新增32例 還有2000人待篩</t>
  </si>
  <si>
    <t>力推刺激政策 股市投資亮綠燈</t>
  </si>
  <si>
    <t>西安首批 529所學校將開學</t>
  </si>
  <si>
    <t>7＋7同住家人管控難 侯友宜：產生破口是全民承擔</t>
  </si>
  <si>
    <t>高雄確診-1 居服員二、三採陰 排除染疫</t>
  </si>
  <si>
    <t>社交距離App僅29名確診者上傳資料 高虹安傻眼籲疾管署改善問題</t>
  </si>
  <si>
    <t>台中今增1本土、1境外 新社48歲男子排除確診</t>
  </si>
  <si>
    <t>黃卡可註記國藥、科興 陳時中：針對事實認定</t>
  </si>
  <si>
    <t>台灣確診死亡率狂飆？教授揭原因：根本不能比</t>
  </si>
  <si>
    <t>中市西屯區公所宣導防疫 保持社交距離</t>
  </si>
  <si>
    <t>美吾華‧懷特‧安克生技集團 報佳音</t>
  </si>
  <si>
    <t>APEC籲共同防疫 外交部：將加強與各經濟體合作</t>
  </si>
  <si>
    <t>宣昶有：臍帶間質幹細胞新藥 拚治新冠肺炎</t>
  </si>
  <si>
    <t>空手道帥哥運動員也驚傳確診！2月曾到巴黎、奧地利</t>
  </si>
  <si>
    <t>南市府超前部署 演練遺體處理</t>
  </si>
  <si>
    <t>13億人只有3確診 印度驚人數字就靠「這一招」</t>
  </si>
  <si>
    <t xml:space="preserve">台灣人沒病死也快餓死 藥師曝背後關鍵 網狂讚「一針見血」 </t>
  </si>
  <si>
    <t>英股一瀉千里 今恐寫下33年來最黑暗一日</t>
  </si>
  <si>
    <t>紓困效能新竹市最佳 有土沒有財仍可紓困</t>
  </si>
  <si>
    <t>德推5千億歐元 紓困企業</t>
  </si>
  <si>
    <t>蘇貞昌說的第二季「2000萬劑疫苗」在哪？ 前立委：民進黨呼攏人民</t>
  </si>
  <si>
    <t>蘇揆聞花香扯肺炎 鄭照新：民主、愛國只是民進黨的工具</t>
  </si>
  <si>
    <t>流感加新冠 要靠快篩救醫療</t>
  </si>
  <si>
    <t>台灣防疫爆大漏洞？趙少康曝基層醫心聲...</t>
  </si>
  <si>
    <t>C肝患者染新冠 死亡風險3.3倍！醫師呼籲必做9件事</t>
  </si>
  <si>
    <t>因澳洲音樂家延後班機　歌仔戲國寶廖瓊枝明抵台</t>
  </si>
  <si>
    <t>台防疫恐現漏洞？網點名這裡很危險</t>
  </si>
  <si>
    <t>長聖新藥授權 Q1有望敲定</t>
  </si>
  <si>
    <t>川普嗆退 WHO官員：他只是喊喊</t>
  </si>
  <si>
    <t>WoW！係首長 1》防疫紓困大作戰 黃偉哲痛苦假貨太多</t>
  </si>
  <si>
    <t>疫情蔓延 防疫概念股重燃漲勢</t>
  </si>
  <si>
    <t>高雄碼頭工人打莫德納猝死 妻悲痛：曾勸他別打不聽</t>
  </si>
  <si>
    <t>鄭州累計101人感染新冠病毒 確診16人無症狀85人</t>
  </si>
  <si>
    <t>逆襲？美國會籲讓台加入調查 揭露陸隱瞞疫情與WHO失職</t>
  </si>
  <si>
    <t>單月3起隨機殺人竟與疫情有關？ 專家曝關鍵</t>
  </si>
  <si>
    <t>拒當國際孤兒 羅智強曝隱憂：蔡英文還要繼續擋國際疫苗嗎？</t>
  </si>
  <si>
    <t>譚德塞：如果各國不團結 最糟糕時刻會很快到來</t>
  </si>
  <si>
    <t>新竹縣今增4確診 縣府：接種疫苗14天內猝死發10萬慰問金</t>
  </si>
  <si>
    <t>NBA》上帝保佑！穆迪埃發推澄清是陰性</t>
  </si>
  <si>
    <t>新冠極端症狀：男咳到大吐血</t>
  </si>
  <si>
    <t>《電子通路》「遠距」商機旺到H2 大聯大Q3延續成長動能</t>
  </si>
  <si>
    <t>衛生紙之亂還沒完？本土劇女星連跑3店被掃空：傻眼</t>
  </si>
  <si>
    <t>雲南瑞麗長期封城民眾生活難熬 「一年0收入」處崩潰邊緣</t>
  </si>
  <si>
    <t>1人傳9人！白河家庭群聚案再＋1 8旬翁陰轉陽確診</t>
  </si>
  <si>
    <t>疫情爆炸「這2個數字最可怕」 台大醫：三級警戒已控制不住</t>
  </si>
  <si>
    <t>台將成非口蹄疫區 豬肉可望外銷</t>
  </si>
  <si>
    <t>馬公堅持辦清明法會遭賴峰偉嗆開罰 他從善如流了</t>
  </si>
  <si>
    <t>轉移焦點？吳釗燮：中國透過商界與我邦交國接觸</t>
  </si>
  <si>
    <t>數千前線醫務人員恐染新冠肺炎 陸疫情面臨新危機</t>
  </si>
  <si>
    <t>帛琉零確診新光醫院大功臣</t>
  </si>
  <si>
    <t>《盤中解析》「疫」外再起、選前躁動 台股量縮難為</t>
  </si>
  <si>
    <t xml:space="preserve">首家券商中標 群益證1名內勤員工確診 </t>
  </si>
  <si>
    <t>吳佩慈剛喊話打疫苗 富商男友驚爆虧百億 酒店王國黯淡歇業</t>
  </si>
  <si>
    <t>日職》藤浪疑似染上新冠 嗅覺失靈接受檢測</t>
  </si>
  <si>
    <t>新莊績優民防表揚警局長蒞臨 視訊同步共同阻詐表決心</t>
  </si>
  <si>
    <t>完整接種才能7＋7 莊人祥：大陸疫苗考慮入列</t>
  </si>
  <si>
    <t>Fed開始買進公司債ETF</t>
  </si>
  <si>
    <t>國衛院新冠疫苗大突破 動物實驗可將病毒量減到1％</t>
  </si>
  <si>
    <t>華人戴口罩防疫被歧視恥笑 胡宇威：笑他們的人才是傻瓜！</t>
  </si>
  <si>
    <t>病毒專家：食野味劣質文化不改 SARS 3.0必重返</t>
  </si>
  <si>
    <t>宜蘭縣加強防疫 1學生確診全校停課14天</t>
  </si>
  <si>
    <t>聯亞、高端誰比較好？李秉穎：都是自己小孩不需要比</t>
  </si>
  <si>
    <t>印度Delta病毒入侵台灣 柯文哲昨天一句話網驚：又是神預言</t>
  </si>
  <si>
    <t>政院加碼400億紓困 本周公布</t>
  </si>
  <si>
    <t>新北確診個案又破百例 侯友宜：應用發病日看趨勢</t>
  </si>
  <si>
    <t>大甲媽遶境停辦否 徐國勇：請示蘇揆 尚未定案</t>
  </si>
  <si>
    <t>三星Galaxy Note 20傳將線上發表 無實體發表會</t>
  </si>
  <si>
    <t>韓國瑜新民調曝光....陳揮文大驚！點名3人？</t>
  </si>
  <si>
    <t>大馬歌手來台發片兼徵婚 「大家先來認識我」</t>
  </si>
  <si>
    <t>台中醫北上就醫染疫 匡列22名接觸者 篩檢結果出爐</t>
  </si>
  <si>
    <t>北韓官員隔離期間趴趴走 慘遭槍決</t>
  </si>
  <si>
    <t>Delta病毒入侵仍缺疫苗 賴士葆：8400億防疫預算花到哪了？</t>
  </si>
  <si>
    <t>新冠肺炎康復者「復陽性」並非再感染</t>
  </si>
  <si>
    <t>81歲雙溪里長李添貴獲獎 台下里長們直呼：凍齡好年輕！</t>
  </si>
  <si>
    <t>立即查獲居家檢疫者趴趴走 盧秀燕肯定防疫人員</t>
  </si>
  <si>
    <t>《半導體》疫情催熱MOSFET需求 杰力9月營收雙攀頂</t>
  </si>
  <si>
    <t>防疫 總統帶頭 盼大型活動喊停</t>
  </si>
  <si>
    <t>新北幼兒園群聚擴大 羅致政籲全市預防性停課幾天</t>
  </si>
  <si>
    <t>他曝打完AZ發燒時間點 崩潰進入「人生搖滾區」痛到炸裂</t>
  </si>
  <si>
    <t>2人接種高端隔天猝逝 醫籲：應該暫停施打</t>
  </si>
  <si>
    <t>居家快篩試劑今開賣 一表看懂5款價格、資訊</t>
  </si>
  <si>
    <t>已死149人破SARS紀錄 藍委曝這族群高死亡率卻受忽略</t>
  </si>
  <si>
    <t>新增本土333例 陳時中：茶藝館為大宗 宜蘭的緩下來了</t>
  </si>
  <si>
    <t>第12輪明大規模開打 3大疫苗副作用曝光 莫粉打第二劑注意</t>
  </si>
  <si>
    <t>高鐵調薪無限期凍漲 工會嘩然：嚴重打擊士氣</t>
  </si>
  <si>
    <t>嘉縣新塭嘉應廟 首辦南巡北狩</t>
  </si>
  <si>
    <t>英37歲駐匈牙利副大使 感染新冠肺炎病逝</t>
  </si>
  <si>
    <t>萬華少爺確診回林內趴趴走假訊息 台中市警迅速查辦闢謠</t>
  </si>
  <si>
    <t>青少年第2劑將開打　專家傳授心肌炎監測妙招</t>
  </si>
  <si>
    <t>美華專家：疫情會否反撲　大陸如何應對</t>
  </si>
  <si>
    <t>台電公司板橋營業處1外包人員染疫 侯友宜：掌握中</t>
  </si>
  <si>
    <t>立院清潔人員疑似確診 游錫堃辦公室：該員正在自主健康管理</t>
  </si>
  <si>
    <t>歐盟開放54國入境沒台灣 公衛專家揭關鍵出在這</t>
  </si>
  <si>
    <t>莫德納將混打高端？民進黨團急喊 「不一定」：研究階段</t>
  </si>
  <si>
    <t>紐約郵報稱台灣專制防疫 外交部譴責報導不實</t>
  </si>
  <si>
    <t>校園BNT殘劑誰可打？ 北市訂4大原則</t>
  </si>
  <si>
    <t>謝金燕才曬胸器露兩點 擋不住疫情升溫忍痛宣布決定</t>
  </si>
  <si>
    <t>看看這串驚人數字！黃創夏為醫護人員喊話</t>
  </si>
  <si>
    <t>美、中企業入侵 歐加強防禦</t>
  </si>
  <si>
    <t>《盤後解析》航海王全亮燈 周線終止連黑</t>
  </si>
  <si>
    <t>陸增48例本土確診、涉及8省 孫春蘭坐鎮甘肅</t>
  </si>
  <si>
    <t>AZ、BNT接種免平台 指揮中心今宣布：找醫院預約就可打</t>
  </si>
  <si>
    <t>太陽報：AZ疫苗打造殺手訓練營 或提供終生保護力</t>
  </si>
  <si>
    <t>桃園特殊交友圈再＋1 多次拜訪居隔友人確診</t>
  </si>
  <si>
    <t>不聽爸爸的話 高雄男仗2點揪人打麻將 警上門1女5男臉發青</t>
  </si>
  <si>
    <t>宣導防範豬瘟 移民署辦理嘉義新住民母語網絡宣導</t>
  </si>
  <si>
    <t>《類股》各擁題材！生醫股活跳跳，智擎、雙美都漲停</t>
  </si>
  <si>
    <t>歐陽娜娜IG消失2個月現身！曬「居家亂髮照」網激動：終於回來了</t>
  </si>
  <si>
    <t>陳玉珍：口罩5塊已含物流費 不應多收7塊</t>
  </si>
  <si>
    <t>中西醫結合 避免重症化</t>
  </si>
  <si>
    <t xml:space="preserve">桃醫院內感染危機解除 陳時中支持度網難以置信 </t>
  </si>
  <si>
    <t>蔡英文提醒愚人節勿拿疫情開玩笑 以免觸法</t>
  </si>
  <si>
    <t>確診機師足跡入苗栗 58人住進集中檢疫所</t>
  </si>
  <si>
    <t>每1人確診 陳時中：光社會成本就要210萬</t>
  </si>
  <si>
    <t>減輕家長抗疫負擔！香港停課發放「學生津貼」 每人3500港幣</t>
  </si>
  <si>
    <t>《國際金融》救經濟 馬來西亞央行降息2碼</t>
  </si>
  <si>
    <t>《盤後解析》多頭復「電」，半年線守住</t>
  </si>
  <si>
    <t>10／1降為一級？ 指揮中心鬆口：八大行業將有條件開放</t>
  </si>
  <si>
    <t>《盤後解析》大立光開槍 台股收挫逾百點</t>
  </si>
  <si>
    <t>雙北長照機構淪陷 花蓮縣府：機構人員列接種第二順位</t>
  </si>
  <si>
    <t>搶救住宿率！高雄飯店響應防疫改推安心住房.異地辦公</t>
  </si>
  <si>
    <t>本土疫情嚴峻！立委馬文君感謝前線防疫警消、醫護、清潔等人員</t>
  </si>
  <si>
    <t>美八大銀行 暫緩實施庫藏股</t>
  </si>
  <si>
    <t>女「無罩」趴倒新莊體育館門口階梯 警消全副武裝查看全是烏龍</t>
  </si>
  <si>
    <t>新冠肺炎社區傳播首例 口罩之亂恐愈演愈烈</t>
  </si>
  <si>
    <t>防新冠肺炎擴散 好市多做這件事讓網友崩潰</t>
  </si>
  <si>
    <t>隨到隨打莫德納2天打2144人 台南火車站、文化中心6、7日繼續打</t>
  </si>
  <si>
    <t>新冠肺炎未成年確診病例激增！　南韓政府2度延後開學時間</t>
  </si>
  <si>
    <t>羅大佑〈伴侶〉抗疫女兒入鏡</t>
  </si>
  <si>
    <t>宜蘭縣宣布停辦童玩節 經費用以防疫</t>
  </si>
  <si>
    <t>台大生醫園區分院急診開幕 瑞昱捐200萬助警守護肺部健康</t>
  </si>
  <si>
    <t>西確診12萬例超義 全球第二</t>
  </si>
  <si>
    <t>印度變異病毒株 中研院：傳播更快、更具傳染力</t>
  </si>
  <si>
    <t>校正回歸導致難即時判讀 柯：看快篩陽性總數才準</t>
  </si>
  <si>
    <t>嘉市、新北推「雙城記」觀光，南下北上玩滿玩好</t>
  </si>
  <si>
    <t>疫苗覆蓋率大漲 醫師4字神比喻 網喊衝了！</t>
  </si>
  <si>
    <t>神 新冠患者破500萬僅次美 他卻沒像川普被罵臭頭</t>
  </si>
  <si>
    <t>安南區家族群聚8人染疫 南市府認症狀非Delta病毒</t>
  </si>
  <si>
    <t>國光生醫務長陳純誠上任 新冠疫苗開發有無補助都做到底</t>
  </si>
  <si>
    <t>疫情助長數位詐欺 SAS台灣總經理陳愷新：企業應善用AI 進行即時風險監控</t>
  </si>
  <si>
    <t>37家中小口罩廠僅14家生產 徵用後日多30萬片</t>
  </si>
  <si>
    <t>陳雷大馬開唱延期損300萬 女兒住「加州」超擔心</t>
  </si>
  <si>
    <t>《通信網路》威潤防疫新品出征東瀛 買家踴躍</t>
  </si>
  <si>
    <t>彰縣核酸檢測量能單日400支 已著手準備抗原快篩</t>
  </si>
  <si>
    <t>打疫苗後死亡解剖124人 死因公布：86例與慢性病相關</t>
  </si>
  <si>
    <t>應變醫院將清空收治 社宅供醫護住宿</t>
  </si>
  <si>
    <t>新北長者打疫苗 仿效日本宇美町式</t>
  </si>
  <si>
    <t>新冠肺炎教會我們的一課 《病毒不是故意的？！》述如何與病毒共處</t>
  </si>
  <si>
    <t>防護7成飛沫傳染 嘉基醫院送嘉市1000個新生兒防護面罩</t>
  </si>
  <si>
    <t>川普急出院可能導致選情崩盤？ 學者：言之過早</t>
  </si>
  <si>
    <t>NBA》復賽後若疫情惡化 席爾佛：再次停賽</t>
  </si>
  <si>
    <t>新冠肺炎若造成永久性嗅覺喪失 失能險有賠</t>
  </si>
  <si>
    <t>藥廠對抗新冠肺炎 邁大步</t>
  </si>
  <si>
    <t>港府頒餐廳限客新規 公共娛樂場所暫關閉</t>
  </si>
  <si>
    <t>好消息！永和群聚案獲控制 侯友宜曝關鍵全靠市民積極配合</t>
  </si>
  <si>
    <t>香港第3波新冠疫情擴散 單日新增確診42例 緊縮限聚令</t>
  </si>
  <si>
    <t>《半導體》力搏市場雜音 美系外資挺聯發科、續看1740元</t>
  </si>
  <si>
    <t>食物最容易沾染病毒！譚敦慈：外食先看2關鍵</t>
  </si>
  <si>
    <t>Delta危機四伏 專家揭一疫苗現象：傳統方式還是最好</t>
  </si>
  <si>
    <t>二期試驗沒完成就簽約 藍委要證交所抓高端疫苗異常交易</t>
  </si>
  <si>
    <t>新冠肺炎趨緩 歐元疲軟 歐股創新高</t>
  </si>
  <si>
    <t>美名嘴痛批：白宮正迫使情報單位做出「病毒源自大陸」的結論</t>
  </si>
  <si>
    <t>六輕再添1員工染疫 回高雄住處就醫確診</t>
  </si>
  <si>
    <t>奔騰思潮：劉大年》新冠肺炎下的美國</t>
  </si>
  <si>
    <t>醫斷言：社區感染終將到來 免疫力才是硬道理</t>
  </si>
  <si>
    <t>致函台灣要疫苗？菲律賓否認</t>
  </si>
  <si>
    <t>獨家〉新北再傳1確診者死亡 家屬被「居家隔離」無法送終</t>
  </si>
  <si>
    <t>青少年BNT第二劑打不打？指揮中心：兩周後再議</t>
  </si>
  <si>
    <t>日自衛隊備大巴 送公主號美旅客搭包機</t>
  </si>
  <si>
    <t>張瑞雄》不舒適也不仁慈的美國</t>
  </si>
  <si>
    <t>WWE巨星放棄大賽：我怕病毒</t>
  </si>
  <si>
    <t>民進黨要員怎不擔任抗疫總指揮？港媒嗅出不尋常</t>
  </si>
  <si>
    <t>張上淳：居家檢疫出現腹瀉者 通通篩檢</t>
  </si>
  <si>
    <t>三倍券將爆發民怨？她揭3關鍵要素綠議員贊同</t>
  </si>
  <si>
    <t>可多救500萬人 世衛促G20捐6500億抗疫</t>
  </si>
  <si>
    <t>何時恢復正常生活？陳建仁這麼說</t>
  </si>
  <si>
    <t>今新增10例本土 雙北7人最多 共3死</t>
  </si>
  <si>
    <t>開學在即 全國家長會長聯盟籲提8點防疫</t>
  </si>
  <si>
    <t>全國兩會不遠了 青海內蒙召開兩會</t>
  </si>
  <si>
    <t>疫情來襲 北市酒駕執法不打烊</t>
  </si>
  <si>
    <t>桃園特殊交友圈增8確診 文化局同仁也染疫</t>
  </si>
  <si>
    <t>莫德納來了！盧秀燕：29日起為68歲以上長者打第2劑</t>
  </si>
  <si>
    <t>新冠肺炎或長期流行 有如流感</t>
  </si>
  <si>
    <t>美國防授權法 呼籲醫療船來台</t>
  </si>
  <si>
    <t>美中角力下的台灣 《外交政策》：戰場延燒至疫苗外交</t>
  </si>
  <si>
    <t>屏東鳳梨出運 外銷日本超市第一櫃</t>
  </si>
  <si>
    <t>鍾南山：6月可以期待結束疫情</t>
  </si>
  <si>
    <t>美五角大廈37人中鏢！正副國防部長緊急隔離</t>
  </si>
  <si>
    <t>單日新增＋校正回歸 本土確診＋472 疫情壓不住 確診破萬增21死</t>
  </si>
  <si>
    <t>屏東Delta群聚 陳時中：相信越來越樂觀</t>
  </si>
  <si>
    <t>台灣高鐵 配息降至1.21元</t>
  </si>
  <si>
    <t>京元電子群聚感染 台中市府清查同人力仲介移工</t>
  </si>
  <si>
    <t>手機哪裡最髒？新冠病毒在特定環境竟可活28天</t>
  </si>
  <si>
    <t>為何防疫優秀紓困卻一團亂 網一針見血：問題都在他身上</t>
  </si>
  <si>
    <t>擬開放企業自行快篩 竹科可成為首個示範地點</t>
  </si>
  <si>
    <t>華春瑩痛罵：蓬佩奧編造謊言 已是公開秘密</t>
  </si>
  <si>
    <t>先打年輕人第1劑還是長輩第2劑？陳時中：這個問題永遠無解</t>
  </si>
  <si>
    <t>航空業危機？爆有第4人確診 莊人祥回應了</t>
  </si>
  <si>
    <t>美國旅遊疫情建議升級？陳時中：已到臨界點 分州實施</t>
  </si>
  <si>
    <t>無薪假家數、人數再創新高 逾千家住宿及餐飲業大減班</t>
  </si>
  <si>
    <t>【全台大停電】指揮中心漆黑一片 疫情直播突中斷 網驚：世界末日？</t>
  </si>
  <si>
    <t>北市5例中有3例是無症狀 柯文哲嘆醫院抓黑數進度緩慢</t>
  </si>
  <si>
    <t>日本和歌山縣再增3例新冠肺炎</t>
  </si>
  <si>
    <t>疫情指揮中心提升一級開設 國民黨肯定</t>
  </si>
  <si>
    <t>蘭科植物園自辦蘭展 名花爭豔</t>
  </si>
  <si>
    <t>住宿舍搭校車 生活單純規律！新增16例新冠確診 台師大生感染源不明</t>
  </si>
  <si>
    <t>因應傳染病威脅 國軍預醫所將規劃興建新的「P4實驗室」</t>
  </si>
  <si>
    <t>三級警戒不斷延後何時能解？網點出1關鍵：中秋節後</t>
  </si>
  <si>
    <t>第三劑莫德納4類人優先打！何時輪到你 4大QA一次看</t>
  </si>
  <si>
    <t>嚴防Delta病毒 鄭文燦提7大防線檢視</t>
  </si>
  <si>
    <t>涉掏空蘋果西打母公司 孫幼英怕染疫求免派出所報到 法官不准</t>
  </si>
  <si>
    <t>《產業》空中巴士在法國與西班牙部份復工</t>
  </si>
  <si>
    <t>揉眼、搓鼻染新冠病毒機率大增 醫師提醒家長注意過敏兒</t>
  </si>
  <si>
    <t>直播》新北「微＋2」逐步微解封 侯友宜：不具傳播力地點開始</t>
  </si>
  <si>
    <t>問題大了 美航母近3000人要下艦隔離</t>
  </si>
  <si>
    <t>民進黨支持者首選非高端？游盈隆曝數據：蔡政府2點判斷失誤</t>
  </si>
  <si>
    <t>中市增11例本土個案 確診者曾到健保署中區辦健保卡</t>
  </si>
  <si>
    <t>蕭乾祥專欄－從國際油價看後疫情時代投資方向</t>
  </si>
  <si>
    <t>國人重拾看國片信心！整體票房較去年成長30％</t>
  </si>
  <si>
    <t>法人喊買 鎧勝、可成行情升</t>
  </si>
  <si>
    <t>強生很嚴重！川普為英相祈禱 親派最棒專家赴英</t>
  </si>
  <si>
    <t>北市「不只1童」去新北染疫幼兒園 中正、中山區3公幼即起停課</t>
  </si>
  <si>
    <t>防堵疫情擴散 彰化今起連三天全縣大消毒</t>
  </si>
  <si>
    <t>日厚勞省公布13項新冠肺炎輕症患者「高度緊急症狀」</t>
  </si>
  <si>
    <t>藥局、衛生所喘息 4月19日起周日不賣口罩</t>
  </si>
  <si>
    <t>排華加劇 華人圈微信群組自保</t>
  </si>
  <si>
    <t>流感症狀與新冠肺炎雷同 專家提醒施打公費流感疫苗開打</t>
  </si>
  <si>
    <t>中職不縮水 開幕戰恐延到清明後</t>
  </si>
  <si>
    <t>侯友宜宣布：長照機構、洗腎患者、75歲以上優先施打疫苗</t>
  </si>
  <si>
    <t>影射政府徵用口罩大賺一筆 台中女上班族遭送辦</t>
  </si>
  <si>
    <t>新冠肺炎蔓延 呂秀蓮：總統應全權授權陳建仁帶領抗疫情</t>
  </si>
  <si>
    <t>義大利旅遊疫情建議 即日起升為第三級警告</t>
  </si>
  <si>
    <t>陸配納健保爭議…馬英九駁陳柏惟 籲警方究責</t>
  </si>
  <si>
    <t>南彰大家族傳播＋2 媳孫確診</t>
  </si>
  <si>
    <t>疫情推動遠距工作潮 英國四大電信網路崩潰微軟Teams故障</t>
  </si>
  <si>
    <t>趙少康「運氣說」遭綠圍剿有理？羅智強突破盲點</t>
  </si>
  <si>
    <t>力挺譚德塞惹議 LadyGaga恐成下個出征目標？</t>
  </si>
  <si>
    <t>2確診者感染源不明 陳時中不否認社區存在未爆彈</t>
  </si>
  <si>
    <t>陳時中下令要政風查葉彥伯 前疾管局副局長4字重轟：這不是逆時中</t>
  </si>
  <si>
    <t>台灣為何本土案例少？外媒驚：解方在台北</t>
  </si>
  <si>
    <t>財報、籌碼雙喜 16檔演主旋律</t>
  </si>
  <si>
    <t>北市中正區5旬男確診 14人居隔、3人PCR待出爐</t>
  </si>
  <si>
    <t>禁三倍券買賣 鄭運鵬提3點：我反對</t>
  </si>
  <si>
    <t>是否隔離說法引爭議 謝長廷：防疫中心決定</t>
  </si>
  <si>
    <t>比南海還危險 專家指中美愈緊張 陸愈急於奪台 部署潛艇基地</t>
  </si>
  <si>
    <t>另類商機！布口罩套夯 三重碧華布街湧人潮購布料</t>
  </si>
  <si>
    <t>諾獎得主：按現在速度 一個月內半數美國人染疫</t>
  </si>
  <si>
    <t>《半導體》頎邦上季、去年獲利齊登歷史第3高 多頭給漲聲</t>
  </si>
  <si>
    <t>彰化萬人檢測 台大公衛教授證實：有4個族群驗出陽性反應</t>
  </si>
  <si>
    <t>Garmin員工染疫 鄭文燦：7日入廠採檢 晚上才獲通知確診</t>
  </si>
  <si>
    <t>武漢跨年人潮湧動美歐羨慕 陸媒：如今全球封城武漢狂歡</t>
  </si>
  <si>
    <t>《基金》新興亞股連3周失血，今年來遭外資賣252.1億美元</t>
  </si>
  <si>
    <t>NBA若閉門打 詹皇改口願出賽</t>
  </si>
  <si>
    <t>大陸監獄爆新冠肺炎 劉樂妍：不捨醫護人員營救</t>
  </si>
  <si>
    <t>預言打高端不能赴美竟遭出征 游淑慧再爆：更可怕還在未來</t>
  </si>
  <si>
    <t>新冠肺炎肆虐港600位明星失業 部分被爆靠救濟金過活</t>
  </si>
  <si>
    <t>揭新冠肺炎未來 專家提三聯體防疫策略「與病毒共存」</t>
  </si>
  <si>
    <t>歐美疫苗臨床試驗也排除多個病種？莫德納官網打臉陳時中</t>
  </si>
  <si>
    <t>鍾南山：新冠肺炎對患者中樞神經傷害不明顯</t>
  </si>
  <si>
    <t>63歲影帝中標新冠肺炎 湯姆漢克被爆「最大隱憂」</t>
  </si>
  <si>
    <t>趙少康拍桌怒轟「什麼政府」 女醫生臉書14字回嗆</t>
  </si>
  <si>
    <t>光田擴大遠距視訊門診服務 腹膜透析居家洗腎更安心</t>
  </si>
  <si>
    <t>新北首辦線上國際閱讀節　全市國小生享40萬冊電子書</t>
  </si>
  <si>
    <t>回歸14世紀！ 紐約大教堂改造成野戰醫院</t>
  </si>
  <si>
    <t>AZ、莫德納恐引發嚴重副作用 台大醫：5種人要注意</t>
  </si>
  <si>
    <t>蕭敬騰憂心台灣家人「每天叮嚀」 隔海遙控備乾糧口罩送家門口</t>
  </si>
  <si>
    <t>新冠重創美駐印外交圈 上百職員染疫2死 商會曝真正風險才要來</t>
  </si>
  <si>
    <t>三零隔天秒破功 今增1本土 新北60多歲男發燒確診</t>
  </si>
  <si>
    <t>大陸新增21例本土確診 張家界旅遊傳播鏈現形</t>
  </si>
  <si>
    <t>藍委要求蔡英文向美積極搶購疫苗 升高防疫層級由賴清德當指揮官</t>
  </si>
  <si>
    <t>《國際政治》聯邦支出法案＋新冠紓困措施 美國會拚同時達陣</t>
  </si>
  <si>
    <t>綠色療癒力 蔡宜宸教你做心田「園丁」</t>
  </si>
  <si>
    <t>台灣版新冠肺炎地圖上線 即刻掌握第一手疫情</t>
  </si>
  <si>
    <t>美團去年轉盈 46億人民幣入袋</t>
  </si>
  <si>
    <t>台灣走向開放 張上淳：不可能100％不漏接任何個案</t>
  </si>
  <si>
    <t>《國際社會》日本日增病例逾980名 連2天創新高</t>
  </si>
  <si>
    <t>NBA罕見協議 停賽期間不做藥檢</t>
  </si>
  <si>
    <t>防疫優先 黃暐瀚母親台中告別式家祭不公祭</t>
  </si>
  <si>
    <t>《半導體》聯發科挺住 Q1營收超車財測</t>
  </si>
  <si>
    <t>不捨萬華染臭名 在地人老闆娘曝心聲：這裡包容了所有人</t>
  </si>
  <si>
    <t>4個月前看見台灣一景況預言防疫早鬆懈 孫協志：自負爽完後果</t>
  </si>
  <si>
    <t>新冠肺炎》憂台有111名潛在感染者未找出 台大教授籲：加嚴篩檢條件</t>
  </si>
  <si>
    <t>情人節排除感染新冠肺炎 基隆醫院送巧克力</t>
  </si>
  <si>
    <t>5本土個案仍找不到感染源 陳時中最擔心這2例</t>
  </si>
  <si>
    <t>疫苗預約量大過醫療量能 北市再轟中央：不體諒地方就自己打</t>
  </si>
  <si>
    <t>加強紓困！台中市場攤商租金8折 攤商滿意度高</t>
  </si>
  <si>
    <t>南下墾丁心得 防疫五月天：民眾生活如常 比國外幸運很多</t>
  </si>
  <si>
    <t>德國宣布：將關閉與法國、奧地利和瑞士的邊境</t>
  </si>
  <si>
    <t>曝超市買得到「防疫神物」 女星慶幸住大陸：感謝祖上</t>
  </si>
  <si>
    <t>天華兩大滋補品 守護呼吸系統</t>
  </si>
  <si>
    <t>端午連假想回家錯了嗎？網友公審返鄉「病毒伴手禮」吵翻天</t>
  </si>
  <si>
    <t>最美魚販挺柯P退職醫護徵召 曝受訓首日狀況</t>
  </si>
  <si>
    <t>高明見》流感疫苗之亂來了</t>
  </si>
  <si>
    <t>巴西總統人氣疫外高</t>
  </si>
  <si>
    <t>《國際社會》模範生疫情拉警報 德國新冠病毒傳染率激增</t>
  </si>
  <si>
    <t>開第一槍！林右昌籲：全國三級警戒再延2周</t>
  </si>
  <si>
    <t>高規格防疫 高巿議會取消歲末聯誼及新春團拜</t>
  </si>
  <si>
    <t>添3亡魂 母發燒2天亡 女兒隔離見不到最後一面</t>
  </si>
  <si>
    <t>新冠肺炎》俄羅斯總理證實確診 其職務由第一副總理暫代</t>
  </si>
  <si>
    <t>工人上月從桃園返鄉20多天才確診 花蓮縣府：個案沒收到匡列通知</t>
  </si>
  <si>
    <t>急著探望在美孫 違反檢疫嬤2天繳清10萬</t>
  </si>
  <si>
    <t>迎戰Delta疫情 王任賢：讓新北比照屏東緊急接種疫苗</t>
  </si>
  <si>
    <t>7／12餐飲拚內用生變？陳時中坦言：現在時機不對</t>
  </si>
  <si>
    <t>重返高雄 皇普搶進科工館房市熱區</t>
  </si>
  <si>
    <t>德國郵輪1200乘客於挪威港口檢疫</t>
  </si>
  <si>
    <t>台灣將稱霸半導體設備市場</t>
  </si>
  <si>
    <t>新冠疫苗成外交角力籌碼 宅神嘆：台灣還是要靠自己</t>
  </si>
  <si>
    <t>加強版防疫旅館患者等嘸人 柯P下令60歲以上患者配戴血氧監視器</t>
  </si>
  <si>
    <t>肺炎攪局、股債市震盪 高評級債券布局良機</t>
  </si>
  <si>
    <t>慘！里長也確診 葡萄盤商病毒鏈超強 溪湖某社區急設快篩站</t>
  </si>
  <si>
    <t>獨／政商黑白道的最愛 縱橫33年「頂上魚翅」驚傳熄燈</t>
  </si>
  <si>
    <t>靠精油防新冠肺炎 還要加上這一物</t>
  </si>
  <si>
    <t>中央拚千萬劑國產疫苗7月底開打 侯友宜怒批：我們還能再等2個月嗎？</t>
  </si>
  <si>
    <t>南投縣連續10天「嘉玲」 20日挺進埔里等地接種</t>
  </si>
  <si>
    <t>中元普渡不開放=8月無法降級？陳宗彥這麼說</t>
  </si>
  <si>
    <t>新北增65例 侯友宜曝：這區新增6確診有點特殊</t>
  </si>
  <si>
    <t>日韓疫情燒 我不排除邊境管制</t>
  </si>
  <si>
    <t>動力3月營收 月增近三倍</t>
  </si>
  <si>
    <t>人妻突收疫苗通知簡訊嗨喊「比婆婆早打」 真相曝光秒崩潰</t>
  </si>
  <si>
    <t>疑飼育員傳染 回傳人類機會不大</t>
  </si>
  <si>
    <t>台灣醫師召開線上跨國會議 對俄國分享防治新冠肺炎經驗</t>
  </si>
  <si>
    <t>NBA》退役球員確診 北美四大職業賽會同性戀第一人</t>
  </si>
  <si>
    <t>陸官方稱研究顯示氣溶膠、糞口傳播機率低</t>
  </si>
  <si>
    <t>藥師怒火被聽到了！ 陳時中：將撥經費聘工讀生</t>
  </si>
  <si>
    <t>批防疫不力被陳時中告 網轟：心眼到底多小？</t>
  </si>
  <si>
    <t>滯留武漢153人返台 接受集中檢疫14天</t>
  </si>
  <si>
    <t>謀疫難政治財得不償失</t>
  </si>
  <si>
    <t>蔡英文臉書遇逆風 媒體人：栽在賈永婕手上</t>
  </si>
  <si>
    <t>肺炎防疫第一線受矚 世新公廣訪基層醫護吐心聲</t>
  </si>
  <si>
    <t>台耀開發瑞德西韋 桃市府當後盾</t>
  </si>
  <si>
    <t>波蘭周三新增確診1.7萬人 創去年11月來新高</t>
  </si>
  <si>
    <t>酒店女公關疫調出爐　男客身分全掌握</t>
  </si>
  <si>
    <t>歐陽靖被爆取消關注日籍老公傳失和 驚曝「決定不來台灣探望我們了」</t>
  </si>
  <si>
    <t>航空業紓困 交通部擬補助48.6億元</t>
  </si>
  <si>
    <t>疫情還在高峰期 專家預估6月中旬才可能下降</t>
  </si>
  <si>
    <t>1分鐘看世界》美籲國民速返回 川普終於建議戴口罩</t>
  </si>
  <si>
    <t>疫情衝擊就業 高市府釋1073個防疫職缺</t>
  </si>
  <si>
    <t>林明溱視察疫苗接種站 曝南投縣人口涵蓋率破5成</t>
  </si>
  <si>
    <t>1922混打系統修改中 莊人祥：第12輪爽約自動停一輪</t>
  </si>
  <si>
    <t>自購59.5萬劑AZ來了 今15：25抵台</t>
  </si>
  <si>
    <t>《興櫃股》瘦身盼度寒冬 維格餅家苦笑</t>
  </si>
  <si>
    <t>春節入境新制將上路！旅館忙改入住時間 陳時中致歉</t>
  </si>
  <si>
    <t>因應新冠肺炎 世盟呼籲：不可以政治立場凌駕大眾健康</t>
  </si>
  <si>
    <t>抗新冠肺炎 胸腔內科醫師籲民眾戒菸</t>
  </si>
  <si>
    <t>亞變異株AY.4.2傳播力更強 科學家憂心未來將取代Delta</t>
  </si>
  <si>
    <t>湖南、北京新增外省關聯確診病例 軌跡同指張家界旅遊鏈</t>
  </si>
  <si>
    <t>《塑膠股》低油價時代來臨 外資喊買台塑、上看97元</t>
  </si>
  <si>
    <t>大連疫情擴散 5地9城市受牽連</t>
  </si>
  <si>
    <t xml:space="preserve">指揮中心發布 境外確診個案返國2條件 </t>
  </si>
  <si>
    <t>新冠肺炎致訂貨量減 拾荒長者日收入減半</t>
  </si>
  <si>
    <t>MLB》球員偷開慶生趴 恐爆發群聚感染</t>
  </si>
  <si>
    <t>美4月非農業就業 估驟減2,000萬人</t>
  </si>
  <si>
    <t>直播》 磐石艦染疫 韓國瑜說明高雄最新疫情</t>
  </si>
  <si>
    <t>居家檢疫落跑 2外國人太魯閣被攔強制安置</t>
  </si>
  <si>
    <t>施打AZ疫苗後 梅克爾第二劑疫苗接種莫德納</t>
  </si>
  <si>
    <t>遭控囤積醫療物資 華春瑩：已向120國提供大量援助</t>
  </si>
  <si>
    <t>中和分局偵查隊2員染疫 研議全隊居家自我管理</t>
  </si>
  <si>
    <t>新北增8例確診 劉和然：全是居隔案例</t>
  </si>
  <si>
    <t>指揮中心揭國內確診重症率5％ 背後藏這共同點</t>
  </si>
  <si>
    <t>前海軍艦長：陳道輝是我學生 究責算我一份！</t>
  </si>
  <si>
    <t>前白宮對華事務主管：美陸已由競爭轉為敵對關係</t>
  </si>
  <si>
    <t>美早期新冠肺炎首例死亡紀錄提前 與中國首例竟湊巧為同一天</t>
  </si>
  <si>
    <t>桃園開學將採高標準 1人確診全校停課14天</t>
  </si>
  <si>
    <t>瑞基雙喜臨門 營運動能強</t>
  </si>
  <si>
    <t>一家4確診1死 他不知病逝父案號：只能每天看CDC記者會猜</t>
  </si>
  <si>
    <t>不封城不停工 韓有效控制疫情引多國仿效</t>
  </si>
  <si>
    <t>海軍確診行程這地點曝光 網驚案情不單純</t>
  </si>
  <si>
    <t>《經濟》持續紓困產業 蘇貞昌：2周內籌編追加預算</t>
  </si>
  <si>
    <t>大立光跌太深 野村力挺喊買</t>
  </si>
  <si>
    <t>獨／5566首攻雄蛋完售破功 新冠肺炎疫情引爆退票潮</t>
  </si>
  <si>
    <t>板橋人怨新北耶誕城變「撒旦城」侯友宜：鼓勵搭乘大眾運輸</t>
  </si>
  <si>
    <t>高端與美國NIH合作開發新冠肺炎疫苗 拚下半年進入人體臨床實驗</t>
  </si>
  <si>
    <t>世衛： 新冠病毒為頭號公敵 比恐攻更具威脅</t>
  </si>
  <si>
    <t>不畏新冠肺炎疫情 七年級生開火鍋店拚轉機</t>
  </si>
  <si>
    <t>國光生：持續開發新冠疫苗決心不變</t>
  </si>
  <si>
    <t>枋山快篩站剩半天 潘孟安廣播喊話「拜託去篩」防印度變異株</t>
  </si>
  <si>
    <t>企業快篩指引何時出？指揮中心：待經濟部提計畫後審查擬定</t>
  </si>
  <si>
    <t>NBA》沒疫苗不看球 7成6球迷喊關門</t>
  </si>
  <si>
    <t>《業績-觀光》雲品Q1營收近1年半低點 Q2審慎應戰</t>
  </si>
  <si>
    <t>台灣9人突破性感染 醫急喊「快打2劑疫苗」 網全崩潰</t>
  </si>
  <si>
    <t>行庫淘金 鎖定新科技、高股息</t>
  </si>
  <si>
    <t>口罩實名制 侯友宜：1周2片不夠</t>
  </si>
  <si>
    <t>世銀大灑幣 斥資120億美元助發展中國家獲得新冠疫苗</t>
  </si>
  <si>
    <t>美FDA批准施打第3劑 3類人受惠 拜登被打臉</t>
  </si>
  <si>
    <t>網路出清額溫槍「甜甜價」 社區總幹事開箱嚇傻</t>
  </si>
  <si>
    <t>職場》打完AZ痛到眼睛快掉出來　老闆這句讓她不敢請假</t>
  </si>
  <si>
    <t>疫情加劇！《阿凡達》系列、《駭客任務4》無限期停拍</t>
  </si>
  <si>
    <t>上海今新增3例確診 均為浦東機場境外貨機作業人員</t>
  </si>
  <si>
    <t>江啟臣協調 金門送防疫酒精支援苗栗</t>
  </si>
  <si>
    <t>西洋名人確診再添3例 《K歌情人》配樂也中標</t>
  </si>
  <si>
    <t>《風雲雄霸天下》千葉真一不敵新冠肺炎逝世 享壽82歲</t>
  </si>
  <si>
    <t>《塑膠股》台塑Q2轉盈有望 恐依舊旺季不旺</t>
  </si>
  <si>
    <t>蘆洲買菜婦口罩拿手上遭警取締 最重開罰1萬5</t>
  </si>
  <si>
    <t>陳其邁採購物資 遭網友野生捕獲</t>
  </si>
  <si>
    <t>蔡琴護團隊防新冠肺炎 取消上半年演唱會</t>
  </si>
  <si>
    <t>警專生「插隊」打疫苗 台南、高雄通通認了：遵照警政署指示</t>
  </si>
  <si>
    <t>《金融》國銀對中小企新增放款 前5月達成率逼近8成</t>
  </si>
  <si>
    <t>學校清潔消毒 彭富源：希望在開學前3天完成</t>
  </si>
  <si>
    <t>專家稱727降級不解封像在賭一把 陳時中回6字</t>
  </si>
  <si>
    <t>防堵疫情 新北增設機動篩檢站</t>
  </si>
  <si>
    <t>買對保單 住負壓病房有醫靠</t>
  </si>
  <si>
    <t>醫大生打莫德納釀心肌炎 吞8顆止痛藥無效 2大警覺救一命</t>
  </si>
  <si>
    <t>全台新增315例疫情仍在高峰 彰化縣新增5例衛生局公布最新足跡</t>
  </si>
  <si>
    <t>疫情吃緊 感染呼吸道融合病毒會變氣喘？ 醫：恐呼吸衰竭</t>
  </si>
  <si>
    <t>波蘭贈台40萬劑AZ疫苗 蘇貞昌：善的循環</t>
  </si>
  <si>
    <t>專家示警 東京恐淪下個紐約</t>
  </si>
  <si>
    <t>蔡英文民調創新高 學者：未來還將面臨嚴峻兩岸挑戰</t>
  </si>
  <si>
    <t>疫情延燒 台灣西部唯一縣市為何能守住？他揭驚人巧合</t>
  </si>
  <si>
    <t>《業績-觀光》漢來美食Q1每股賺0.64元 5月見復甦曙光</t>
  </si>
  <si>
    <t>2020武漢風暴》加拿大權威醫師領隊 世衛專家團隊抵達大陸</t>
  </si>
  <si>
    <t xml:space="preserve">日厚勞相等3眾議員收到裝刀片的威脅信 </t>
  </si>
  <si>
    <t>日職首位確診！藤浪新冠肺炎檢測陽性</t>
  </si>
  <si>
    <t>穩得實業 EMI認證業務火熱</t>
  </si>
  <si>
    <t>東奧》東奧期間確診數暴衝3倍 國際奧會這些發言讓日本人超火</t>
  </si>
  <si>
    <t>台中終結「嘉玲」今日新增1確診</t>
  </si>
  <si>
    <t>雲林第8例確診者第一次PCR陰性 第9例迄今無症狀</t>
  </si>
  <si>
    <t>宛如臉上戴了保險套！專家曝美男拒戴口罩內心最大恐懼</t>
  </si>
  <si>
    <t>大甲媽遶境 奉天宮嚴陣以待</t>
  </si>
  <si>
    <t>新冠肺炎衝擊陸企 安永：台商應建立供應鏈彈性</t>
  </si>
  <si>
    <t>新北、桃園交界蓋集中檢疫所？侯友宜：中央統一分配</t>
  </si>
  <si>
    <t>NBA》賈霸呼籲打疫苗 聯盟仍有反對意見</t>
  </si>
  <si>
    <t>Omicron傳染力恐是Delta五倍 靠第三劑？醫籲快收回一措施</t>
  </si>
  <si>
    <t>百萬YouTuber劉沛等不到疫苗 帶孕妻回美國接受酸民批評</t>
  </si>
  <si>
    <t>新北發病與確診日趨近於0 侯友宜點出一關鍵就能控制疫情</t>
  </si>
  <si>
    <t>台灣確診者在澳門遭驗出感染印度Delta變異病毒 該員曾在越南工作</t>
  </si>
  <si>
    <t>陳偉殷的下一步 考慮中職、日職、中華隊？</t>
  </si>
  <si>
    <t>入境謊報歐洲旅史 最高可罰15萬元</t>
  </si>
  <si>
    <t>防疫無礙 屏東易讀版手冊上線</t>
  </si>
  <si>
    <t>興櫃生技股突圍 攜手強漲</t>
  </si>
  <si>
    <t>國際場站出境19日開放飲食 業者：早就準備好了</t>
  </si>
  <si>
    <t>韓宣布明年11月前 達成逾8成人口接種新冠疫苗目標</t>
  </si>
  <si>
    <t>鹿港地藏王廟超渡法會 赫見白牌車染疫司機</t>
  </si>
  <si>
    <t>武漢夫妻患新冠肺炎12天痊癒 哭：感謝上海</t>
  </si>
  <si>
    <t>花博提早開打醫師哀怨 陳時中緩頰：長輩習慣早起</t>
  </si>
  <si>
    <t>台男堅持飛日 竟嗆：回不來政府會包機</t>
  </si>
  <si>
    <t>打莫德納送現金！這縣市6施打站接種 每人發500元</t>
  </si>
  <si>
    <t>斯洛伐克捐贈疫苗抵台 蔡英文：優先提供第二劑接種</t>
  </si>
  <si>
    <t>新冠肺炎疫情影響 東吳超馬決定停辦</t>
  </si>
  <si>
    <t>搬家工送貨遭嫌「家具沒消毒」硬砍價 淚訴：又做白工了</t>
  </si>
  <si>
    <t>大疫當前 金門成立失業及無薪假勞工諮詢櫃台</t>
  </si>
  <si>
    <t>挨批視野狹隘！白宮圍剿佛奇 過失清單一長串</t>
  </si>
  <si>
    <t>京元電30移工快篩陽性 今PCR出爐！全部確診</t>
  </si>
  <si>
    <t>陳道輝遭調職是否公平？逾9成網友選邊站</t>
  </si>
  <si>
    <t>柯文哲曝感染新樣態 7成是家戶感染</t>
  </si>
  <si>
    <t>《金融股》元大期招募 培育多元人才</t>
  </si>
  <si>
    <t>店員比客人多 黃金山城「吹冷風」</t>
  </si>
  <si>
    <t>高端疫苗通過EUA 新北市副市長劉和然這樣說</t>
  </si>
  <si>
    <t>辦桌、流水席怎麼坐 陳時中：只要注意一限制</t>
  </si>
  <si>
    <t>超兇正妹穿三點式爬山 14萬人噴鼻血</t>
  </si>
  <si>
    <t>獨／許書豪今迎接33歲！生日禮「耗時3天」改造</t>
  </si>
  <si>
    <t>解封後首家健身房停業 即起「配合防疫」暫停營業2天</t>
  </si>
  <si>
    <t>民調滿意度高達9成 陳時中竟這樣回應</t>
  </si>
  <si>
    <t>還有500萬人沒打疫苗 民眾黨團籲政府增加誘因</t>
  </si>
  <si>
    <t>13名長者打AZ後猝死 是疫苗危險？ 台大權威醫說話了</t>
  </si>
  <si>
    <t>已確診45人！京元電快篩1915人 再傳51陽性</t>
  </si>
  <si>
    <t>快篩完立刻戴口罩上工 美女主播公布檢驗結果嘆：沒想過有這天</t>
  </si>
  <si>
    <t>匯率期貨趨勢專欄－美元兌日圓 走勢偏弱</t>
  </si>
  <si>
    <t>美國迎接死亡新年</t>
  </si>
  <si>
    <t>《業績-電子通路》拉貨力道回溫 茂綸5月營收雙增</t>
  </si>
  <si>
    <t>520總統就職大典 擬放寬參加人數</t>
  </si>
  <si>
    <t>防疫旅館貼紅標 陳時中：沒有必要</t>
  </si>
  <si>
    <t>社區已連續34天零確診 醫預言疫情發展：不必搶打第二劑</t>
  </si>
  <si>
    <t>又是喝咖啡 北市旅行社主管中鏢</t>
  </si>
  <si>
    <t>連兩天本土＋0 增4境外 1人連假逛百貨公司</t>
  </si>
  <si>
    <t>24名海軍「轉彎」願疫調 關鍵原因曝光！</t>
  </si>
  <si>
    <t>蘋果染疫 全球股市嚇跌</t>
  </si>
  <si>
    <t>《業績-電子通路》利機H1獲利登頂 今年拚逐季成長</t>
  </si>
  <si>
    <t>美喆新廠明年量產 有助全球接單</t>
  </si>
  <si>
    <t>無視防疫禁令 韓牧師口出狂言：染病參加集會就會好</t>
  </si>
  <si>
    <t>華南銀行挺紓困 成立紓困振興貸款處理小組</t>
  </si>
  <si>
    <t>《生醫股》長聖訂單滿 6月營收寫新高</t>
  </si>
  <si>
    <t>裝備升級！北市成立專責計程車隊 後送快篩陽性、輕症確診者</t>
  </si>
  <si>
    <t>女主播一家染疫痊癒 婆婆卻靠葉克膜搶命 自責：不孝輕忽</t>
  </si>
  <si>
    <t>經濟部擬發放酷碰券 立法院法制局提出3點建議</t>
  </si>
  <si>
    <t>中華奧會多元交流有成 獲頒雅典娜獎</t>
  </si>
  <si>
    <t>疫苗不足「恐打嘸第二劑」811萬人想打AZ、莫德納</t>
  </si>
  <si>
    <t>非洲確診與死亡人數增加40％ WHO控富裕國政策讓防疫失敗</t>
  </si>
  <si>
    <t>默沙東藥廠 終止研發新冠疫苗</t>
  </si>
  <si>
    <t xml:space="preserve">不再強硬？這一關鍵 讓美重啟武漢總領館反遭酸 </t>
  </si>
  <si>
    <t>兩日激增386人染疫 最新確診地圖曝光 3縣市一夜變色</t>
  </si>
  <si>
    <t>美12月非農就業 意外減14萬人</t>
  </si>
  <si>
    <t>大蟒蛇纏身 台灣面臨窒息危機</t>
  </si>
  <si>
    <t>超前部署 南韓政府搶購疫苗也搶購口服新冠藥</t>
  </si>
  <si>
    <t>揪團購募物資 台新關懷社福</t>
  </si>
  <si>
    <t>美爆追打疫苗之亂 至少近千人已打第3劑 超輕鬆闖關內幕曝光</t>
  </si>
  <si>
    <t>台師大跨國研究：蝙蝠恐引發人畜共通傳染病</t>
  </si>
  <si>
    <t>我10確診個案好轉 出院時間未定</t>
  </si>
  <si>
    <t>嘉縣65歲以上民眾明開放打疫苗 擴大29場疫苗接種站應戰</t>
  </si>
  <si>
    <t>壽險包租公出招 新壽啟動以物易物救租戶</t>
  </si>
  <si>
    <t>中西醫合併治療新冠 現曙光</t>
  </si>
  <si>
    <t>《專訪》是方攀「雲」計畫 10年拚闖國際盃(4-3)</t>
  </si>
  <si>
    <t>陸遊客擠爆黃山 當地管委會未採預約制引民怨</t>
  </si>
  <si>
    <t>宜蘭綠舞強化體質 推有感專案</t>
  </si>
  <si>
    <t>台微體新冠肺炎新方案TLC19臨床試驗 納入首位受試者</t>
  </si>
  <si>
    <t>侯友宜成「藍營新希望」 知情人士警告：綠營不會手軟</t>
  </si>
  <si>
    <t>WeWork陷苦戰 客戶解約、拒付租金</t>
  </si>
  <si>
    <t>《科技》車聯網「飆」出新商機 台積電、聯發科等大將不缺席</t>
  </si>
  <si>
    <t>莊人祥否認棄打潮 AZ預約接種率「天天破9成」</t>
  </si>
  <si>
    <t>懷疑美軍將接管洛杉磯 男子開火車撞醫療船</t>
  </si>
  <si>
    <t>三面項支撐 美股後市不看淡</t>
  </si>
  <si>
    <t>萬華爆確診感染源不明 茶室超嗨影片曝光</t>
  </si>
  <si>
    <t>《興櫃股》昱厚3主力產品 加速推進臨床進程、商用</t>
  </si>
  <si>
    <t>重災區黑龍江 首度雙零</t>
  </si>
  <si>
    <t>桃觀光工廠營收少3成 只有這家逆勢翻倍成長</t>
  </si>
  <si>
    <t>韓專家怒批WHO不可信！預估南韓3月確診數恐破萬</t>
  </si>
  <si>
    <t>嘉義市再添1本土病例 男學生同寢室已3人無症狀確診</t>
  </si>
  <si>
    <t>「新冠肺炎紓困振興特別條例」通過 傅崐萁提案優先300億元疫苗採購</t>
  </si>
  <si>
    <t>憂疫情噩夢重來 巴塞隆納籲市民宅在家</t>
  </si>
  <si>
    <t>今起入境適用7＋7 黃珊珊深夜憂心發文：天佑台灣</t>
  </si>
  <si>
    <t>新冠病毒 中國恐更早傳開</t>
  </si>
  <si>
    <t>宜蘭挺醫護 企業家捐10萬元打氣</t>
  </si>
  <si>
    <t>道歉後就留任 政治戲碼給誰看？</t>
  </si>
  <si>
    <t>讓大家活下去! 藍營金門為鄉親發聲</t>
  </si>
  <si>
    <t>美股誰在裸泳？這檔妖股4天狂殺24％</t>
  </si>
  <si>
    <t>南部國立大學生確診！校方公開足跡時間軸喊：來一波守一波 網暴動了</t>
  </si>
  <si>
    <t>馬國手套工廠爆疫情</t>
  </si>
  <si>
    <t>新冠檢測出貨放大 普生首月營收年增逾3倍 創歷年同期新高</t>
  </si>
  <si>
    <t>憂鬱星期四！ 全球股市摔入熊市</t>
  </si>
  <si>
    <t>林奕華躺著中槍？網曝高嘉瑜：在為台北市長鋪路</t>
  </si>
  <si>
    <t>分攤風險 高雄教育局分區宣導防疫</t>
  </si>
  <si>
    <t>洛杉基呼籲蔡政府做這件事 否則是小孬孬</t>
  </si>
  <si>
    <t>《農業科技》瑞基新冠病毒肺炎檢測試劑，開發中</t>
  </si>
  <si>
    <t>專家：最快本月底7成民眾打完2劑 籲緩步開放邊境</t>
  </si>
  <si>
    <t>北市1家9口全確診 柯文哲點1關鍵：社區感染不多</t>
  </si>
  <si>
    <t>日本沖繩美軍基地爆群聚感染 超過60人確診新冠肺炎</t>
  </si>
  <si>
    <t>日、韓新冠肺炎疫情擴散　山東各地今公布嚴格防疫措施</t>
  </si>
  <si>
    <t>韓市府打造智慧健康職場 高雄加工區1萬勞工受惠</t>
  </si>
  <si>
    <t>對抗歧視 學者發起連署</t>
  </si>
  <si>
    <t>不受新冠肺炎疫情影響 2020古都國際半程馬拉松如期舉行</t>
  </si>
  <si>
    <t>吳子嘉砲轟政府不務正業 劉寶傑驚：又要查假新聞？</t>
  </si>
  <si>
    <t>公文跑比病毒慢 柯文哲酸陳時中：是我們的錯嗎？</t>
  </si>
  <si>
    <t>匯率期貨趨勢專欄－疫情再起 美元走軟</t>
  </si>
  <si>
    <t>仿冒台灣製口罩販賣 橋檢聲押嫌犯獲准</t>
  </si>
  <si>
    <t>城市染疫！歐洲有錢人逃難鄉下 荒唐行徑被罵翻</t>
  </si>
  <si>
    <t>東奧延期決斷 為何要拖這麼久？</t>
  </si>
  <si>
    <t>王麗莎》經濟陳時中該上場了</t>
  </si>
  <si>
    <t>基隆增14例 確診攤商連續13天至成功路橋下擺攤</t>
  </si>
  <si>
    <t>防疫隔離補償 每人每日約800元</t>
  </si>
  <si>
    <t>中美必有一戰？北京態度是關鍵</t>
  </si>
  <si>
    <t>最慘新冠疫情預估：2億美國人感染 170萬人病死</t>
  </si>
  <si>
    <t>電影市場停擺近半年 線上放映漸成常態</t>
  </si>
  <si>
    <t>全球健康峰會 習籲勿政治操弄</t>
  </si>
  <si>
    <t>莫德納只排第3！最多國家施打疫苗排行曝光</t>
  </si>
  <si>
    <t>中央撤銷全面快篩 縣府：如果中央不能保護澎湖 請不要阻礙澎湖自我保護</t>
  </si>
  <si>
    <t>美國上調香港旅遊警示 與陸同列第3級</t>
  </si>
  <si>
    <t>管理學界奧斯卡 崇越論文大賞 賴清德出席盛讚</t>
  </si>
  <si>
    <t>何時能出國玩？醫透露最快時間點：不用提心吊膽</t>
  </si>
  <si>
    <t>台灣輸出暴增19人 創單次新高</t>
  </si>
  <si>
    <t>打臉13點聲明 林靜儀Q版回擊WHO</t>
  </si>
  <si>
    <t>苗栗縣外勤員警 31日上午開始施打AZ疫苗</t>
  </si>
  <si>
    <t>智邦營收 連7季突破百億</t>
  </si>
  <si>
    <t>全校停課家長請假有補償？ 要有「這張」才行</t>
  </si>
  <si>
    <t>用這理由懲處支隊長 宅神：是要笑死解放軍嗎？</t>
  </si>
  <si>
    <t>《經濟》經部砸5000萬投入重症呼氣氣器 沈榮津：先做百台原型機</t>
  </si>
  <si>
    <t>獨／暌違736天！林俊傑11月實體演唱會為慈善獻聲</t>
  </si>
  <si>
    <t>目標日篩10萬例 英居家檢測遭質疑</t>
  </si>
  <si>
    <t>影》麥當勞排2小時 網曝英人可悲下場</t>
  </si>
  <si>
    <t>客結帳嗆「不要碰我」 店員傻眼貓咪</t>
  </si>
  <si>
    <t>美股連續兩日暴跌 道瓊狂瀉超過1900點</t>
  </si>
  <si>
    <t>英國第9起 倫敦出現首例確診</t>
  </si>
  <si>
    <t>日本疫情嚴重？陳時中圖表證明：與台灣差不多</t>
  </si>
  <si>
    <t xml:space="preserve">國軍擬抗比照SARS全面停休？國防部：無此規劃 </t>
  </si>
  <si>
    <t>陸66家醫用N95口罩生產商遭美FDA禁售</t>
  </si>
  <si>
    <t>磐石艦有人偷溜？海軍再改口</t>
  </si>
  <si>
    <t>疫苗第7類對象突暴增81萬？一張圖秒懂最新施打順序</t>
  </si>
  <si>
    <t>《觀光股》雄獅首日填息75％ 世代交替拚突圍</t>
  </si>
  <si>
    <t>《興櫃股》八貫8月營收創今年新高 H2成長可期</t>
  </si>
  <si>
    <t>83％台企：新冠肺炎帶來全球經濟衰退</t>
  </si>
  <si>
    <t>《半導體》聯發科4月營收雙衰 惟力守200億大關</t>
  </si>
  <si>
    <t>疫情肆虐醫護最強後盾 彰化縣長表揚衛生保健績優志工</t>
  </si>
  <si>
    <t>轉播爵士突喊卡 台灣主播也傻眼</t>
  </si>
  <si>
    <t>基隆長庚醫院引進新機台　PCR檢測量能增5倍</t>
  </si>
  <si>
    <t>近百位網紅熱血遊台東　換上泳裝抵抗景氣寒冬</t>
  </si>
  <si>
    <t>歐洲這國辣模超豪放 只戴口罩公園內拍裸照</t>
  </si>
  <si>
    <t>新冠肺炎延燒 公平會：聯合哄抬予抬懲處</t>
  </si>
  <si>
    <t>大陸研究人員利用幹細胞對抗新冠肺炎</t>
  </si>
  <si>
    <t>新冠肺炎衝擊 澳門2月博彩收入大跌87.8％</t>
  </si>
  <si>
    <t>陸昨新增本土確診病例54例 黑龍江占一半</t>
  </si>
  <si>
    <t>編輯室報告－陸抗疫 穩就業重於保增長</t>
  </si>
  <si>
    <t>2天14例境外感染！隋棠罕動怒：自私荒唐</t>
  </si>
  <si>
    <t>獲配2500劑莫德納疫苗 桃機第一線人員首施打</t>
  </si>
  <si>
    <t>自營業者3萬補助 勞動部：逾9成符合資格</t>
  </si>
  <si>
    <t>《電子零件》外資大砍價 台郡翻黑臉</t>
  </si>
  <si>
    <t>獨／唐從聖雞排店下月調漲 原料價格飆NONO自行吸收成本</t>
  </si>
  <si>
    <t>高雄旅行業進冰河期 業者自救推國旅</t>
  </si>
  <si>
    <t>蔡政府買口罩援助他國 村長一句反酸網喊中肯</t>
  </si>
  <si>
    <t>紓困射4箭 川普簽2.2兆美元經濟刺激法案</t>
  </si>
  <si>
    <t>父親劉炳偉往生 劉美芳仍堅強關心第一線防疫人員福利</t>
  </si>
  <si>
    <t>陳凱倫兒陳銳拋磚引玉 天后級旅外明星助台抗疫</t>
  </si>
  <si>
    <t>北京新增6例肺炎確診病例 均為密切接觸者</t>
  </si>
  <si>
    <t xml:space="preserve">美國疫情嚴重 至少8％人口被感染 </t>
  </si>
  <si>
    <t>第二劑高端、第一劑BNT 27日開放接種 蘇揆：請民眾禮拜三中午前登記</t>
  </si>
  <si>
    <t>新冠肺炎／感謝防疫有功　鑽石公主號船員將獲2個月有薪假</t>
  </si>
  <si>
    <t>嚴防Delta入侵校園 北市議員籲：入校施打的BNT殘劑應留給校內人士接種</t>
  </si>
  <si>
    <t>我確診了嗎？如何分辨過敏還是感冒 醫：這症狀新冠比例特別高</t>
  </si>
  <si>
    <t>澎湖文旅年 強打軍事古蹟之旅</t>
  </si>
  <si>
    <t>福建莆田市出現本土疫情 全市中小學、幼兒園明起暫停面授課程</t>
  </si>
  <si>
    <t>高市長照機構染疫危機 幸工作人員PCR全為陰性</t>
  </si>
  <si>
    <t>德專家：不是武漢 義大利才是全球新冠瘟疫的開始</t>
  </si>
  <si>
    <t>海軍染疫 總統府3點提醒：徹底檢討、坦承以對</t>
  </si>
  <si>
    <t>高市議會將開臨時會 對如何維持社交距離傷腦筋</t>
  </si>
  <si>
    <t>實名制口罩見「一行字」驚喜 女大生感動直呼：我們的驕傲</t>
  </si>
  <si>
    <t>大陸科學院院士：新冠肺炎一般不會造成後遺症</t>
  </si>
  <si>
    <t>《通信網路》是方1月營收登頂 今年營利續成長</t>
  </si>
  <si>
    <t>基隆0確診 林右昌緊盯疫情</t>
  </si>
  <si>
    <t>年輕新冠患者少重症 英國研究找到關鍵原因了</t>
  </si>
  <si>
    <t>應停止60歲以上長者打AZ疫苗？歐盟官員澄清了</t>
  </si>
  <si>
    <t xml:space="preserve">本土感染源不明累計10例 3人未結案 </t>
  </si>
  <si>
    <t>8成5社福團體哀新冠肺炎比金融海嘯、SARS更難熬</t>
  </si>
  <si>
    <t>居家檢疫亂跑 台南創肉搜首例</t>
  </si>
  <si>
    <t>首次！川普宣布暫停外國人申請移民60天</t>
  </si>
  <si>
    <t>新冠疫情引發甲狀腺機能亢進 男子肌無力</t>
  </si>
  <si>
    <t>CNN：太平洋島國爆新冠危機 中澳闢疫苗政治角力新戰場</t>
  </si>
  <si>
    <t>陸增101例確診 4月中以來首度破百 新疆增89例</t>
  </si>
  <si>
    <t>楊忠衡》疫情棋局背後的計謀是什麼？</t>
  </si>
  <si>
    <t>經濟受重創 美失業率恐翻倍</t>
  </si>
  <si>
    <t>金門機場明起強制實聯制 替中央防疫做半套「補破網」</t>
  </si>
  <si>
    <t>友人一首詞曝蔡執政慘況 游盈隆：內容令人拍案叫絕</t>
  </si>
  <si>
    <t>防疫國家隊招募生力軍！竹市全國首場公部門安心即時上工就業博覽會</t>
  </si>
  <si>
    <t>全聯開打疫苗衝擊診所？醫翻白眼揭「先發優勢」</t>
  </si>
  <si>
    <t>揚州確診54例 江蘇省長指存在漏洞展開第六輪普篩</t>
  </si>
  <si>
    <t>疫情衝擊經濟 劉美芳建議每人發2萬元防疫振興金</t>
  </si>
  <si>
    <t>防範大流行！陳時中宣布回溯採檢「訪歐旅客」</t>
  </si>
  <si>
    <t>新增1境外移入 波蘭留學生欲再度出境確診</t>
  </si>
  <si>
    <t>《觀光股》瓦城Q1獲利落底 拚營運逐季向上</t>
  </si>
  <si>
    <t>北市計畫「嗶一下」買口罩 黃珊珊：先做軟體</t>
  </si>
  <si>
    <t>川普被稱敗選後首公開發言 暗示政府可能交替</t>
  </si>
  <si>
    <t>住台灣很安全！20外國人拍片讚爆台防疫：全世界應學習</t>
  </si>
  <si>
    <t>網球沙皇堅持新冠陰謀論：人類很快會被植入晶片</t>
  </si>
  <si>
    <t>印度疫情大爆炸 前外交官曝大陸伸援手目的：防疫成分居多</t>
  </si>
  <si>
    <t>《營建股》鄉林賴正鎰：成都重啟樓盤登記熱，集團當地推案有信心</t>
  </si>
  <si>
    <t>女大生打完BNT熬夜K書身亡 南韓爆多起年輕人猝死案例</t>
  </si>
  <si>
    <t>鑽石公主號為何一再出海又返港？原因曝光網驚長知識</t>
  </si>
  <si>
    <t>只打一劑疫苗保護力夠嗎？醫揭3大廠牌保護力</t>
  </si>
  <si>
    <t>金山、烏來生意慘澹 侯友宜：已公告紓困</t>
  </si>
  <si>
    <t>第七輪AZ首日接種22.9萬人 加開預約至今晚6點</t>
  </si>
  <si>
    <t>操盤心法－資金行情推升台股 仍需留意國際變數</t>
  </si>
  <si>
    <t>美研究：莫德納對Delta保護力優於BNT 羅一鈞這樣說</t>
  </si>
  <si>
    <t>超前部署 交部700億工程提早發包</t>
  </si>
  <si>
    <t>延長停課家長全崩潰 湧教育部粉專跪求：先放暑假再提早開學</t>
  </si>
  <si>
    <t>全球頂尖科學家：沒必要接種第3劑疫苗 點名2副作用風險</t>
  </si>
  <si>
    <t>WSBL》本季初登場？國泰女將準到嚇人</t>
  </si>
  <si>
    <t xml:space="preserve"> 華視「公務車司機確診」員工看報才知氣炸 總經理莊豐嘉內部信曝光</t>
  </si>
  <si>
    <t>分析師：新冠肺炎將全球推向衰退邊緣</t>
  </si>
  <si>
    <t>志村健維基死因被竄改 鄭弘儀開罵「是誰這麼無恥」</t>
  </si>
  <si>
    <t>台美防疫態度大不同！她揭超市慘況 驚呼「末日來了」</t>
  </si>
  <si>
    <t>疫情紓困 新竹市中小企業便利貸</t>
  </si>
  <si>
    <t>大陸新冠肺炎核酸篩檢 6小時縮至45分鐘</t>
  </si>
  <si>
    <t>遭傳人員確診 北市府駁：採驗2次都陰性</t>
  </si>
  <si>
    <t>為何有資格打疫苗？侯昌明夫妻撇說謊曝來龍去脈</t>
  </si>
  <si>
    <t>新冠肺炎衝擊 勞動部：人力需求創11年來新低</t>
  </si>
  <si>
    <t>想混打不用預約 25日起開放到醫療院所接種</t>
  </si>
  <si>
    <t>不畏疫情2020鳳梨好筍季開鑼</t>
  </si>
  <si>
    <t>清明連假後疫情危機解除？指揮中心給答案</t>
  </si>
  <si>
    <t>這個兩光又冷血政府</t>
  </si>
  <si>
    <t>口罩實名制亂象多 藥師嘆吃不消</t>
  </si>
  <si>
    <t>免疫力越強越好？台大醫憶SARS 青壯年死更多關鍵曝光</t>
  </si>
  <si>
    <t>台灣防疫有成 台灣精品防疫物資國際吸睛</t>
  </si>
  <si>
    <t>鎖定一所小學、一家工廠 福建莆田疫情再戰Delta</t>
  </si>
  <si>
    <t>疫情期間 企業大砍廣告支出</t>
  </si>
  <si>
    <t>疫情中心記者會直播超夯 港媒：台網友每天當追劇看</t>
  </si>
  <si>
    <t>國師唐綺陽警告疫情變數 下波時間點曝光</t>
  </si>
  <si>
    <t>蔡英文官邸志工確診 總統、隨扈採檢陰性 啟動醫療應變</t>
  </si>
  <si>
    <t>台灣何時解除三級警戒 醫：關鍵不是疫苗是它</t>
  </si>
  <si>
    <t>伺服器、筆電需求旺 系微BIOS出貨 開始放量</t>
  </si>
  <si>
    <t>部分新冠患者症狀更嚴重、持久 耶魯研究找到關鍵原因了</t>
  </si>
  <si>
    <t>才爆群聚確診45人 北市第一果菜市場凌晨恢復交易</t>
  </si>
  <si>
    <t>台中港又中鏢 1離岸風電船員染疫</t>
  </si>
  <si>
    <t>《產業》疫情衝擊短期難解 台北君悅酒店調整人力</t>
  </si>
  <si>
    <t>板橋幼兒園群聚再增2例 同住爺爺、職場同事染疫</t>
  </si>
  <si>
    <t>1分鐘看世界》傳台美討論新WHO 美2周內近10萬童染新冠</t>
  </si>
  <si>
    <t>機組員打2劑也要關？指揮中心澄清：照原規劃進行</t>
  </si>
  <si>
    <t>連隔離通知都沒有 台大工務室確診者家人怒批「放我們等死嗎」</t>
  </si>
  <si>
    <t>宋慧喬尺度大開！撩裙深V到肚臍「半球若隱若現」網讚爆</t>
  </si>
  <si>
    <t>美疫情降溫？川普：重點疫區危機「趨緩」</t>
  </si>
  <si>
    <t>蔡政府臉腫 口罩實名制逾8成認為不成功</t>
  </si>
  <si>
    <t>台股上樓還下樓？金管會盯二指標</t>
  </si>
  <si>
    <t>疫情指揮中心 提升至一級開設</t>
  </si>
  <si>
    <t>新冠肺炎 疑社區感染1死！新增2例確診為兄弟 無旅遊史</t>
  </si>
  <si>
    <t>廈門長途客運暫時停運 市屬學校採線上教學</t>
  </si>
  <si>
    <t>萬華大舅家族群聚累計14例 衛生局證實其中1位是花防部官兵</t>
  </si>
  <si>
    <t>共融公園要安全積極 邱素貞要求公園人性化</t>
  </si>
  <si>
    <t>《興櫃股》普生新冠肺炎試劑向台TFDA申請上市</t>
  </si>
  <si>
    <t>巧新11月合併營收7.6億元 創四年半來單月營收新高</t>
  </si>
  <si>
    <t>就是這2天 枋寮果農夫妻兩度和Delta確診者足跡重疊</t>
  </si>
  <si>
    <t>眾多品牌跟進關店潮 車商歐洲生產線停工</t>
  </si>
  <si>
    <t>高鐵開放自由座？交通部鬆口：最快下周報指揮中心</t>
  </si>
  <si>
    <t>首起艦隊淪陷！3實習生染疫 3艘艦艇700人集中檢疫</t>
  </si>
  <si>
    <t>基隆75歲以上第二劑15日開打 未預約者集中接種</t>
  </si>
  <si>
    <t>中央地方槓紓困 朱立倫：排富速發放現金是原則</t>
  </si>
  <si>
    <t>綠突襲疫苗調閱小組審查 藍不滿靠人數優勢怒轟「鴨霸」</t>
  </si>
  <si>
    <t>剛接下東奧主持上田晉也確診新冠 2周前才接觸選手</t>
  </si>
  <si>
    <t>新北明首辦防疫實兵演習 黃珊珊：北市已做過兵棋演練</t>
  </si>
  <si>
    <t>新北確診數飆破3千人 侯友宜點名這一區要注意</t>
  </si>
  <si>
    <t>陸昨新增本土確診93例 其中河北54例</t>
  </si>
  <si>
    <t>防疫在家選這味 OVO聯合愛奇藝KKTV四季線上推追劇優惠</t>
  </si>
  <si>
    <t>再添3例歐洲移入 第二波疫情壓力已開始</t>
  </si>
  <si>
    <t>避暑勝地陷疫情恐慌 梨山谷關多家飯店宣布停業</t>
  </si>
  <si>
    <t>《業績-半導體》訊芯Q2獲利強彈 攜H1齊登近4年同期高</t>
  </si>
  <si>
    <t>日本染疫產婦生產 嬰兒生了後還要隔離</t>
  </si>
  <si>
    <t>少了海外刷卡 高回饋成信用卡戰役關鍵</t>
  </si>
  <si>
    <t>貴州無新增新冠肺炎病例 累計出院140例</t>
  </si>
  <si>
    <t>新北開第一槍 三重大型KTV歇業一周抗疫</t>
  </si>
  <si>
    <t>國內累計441人確診 407人解除隔離</t>
  </si>
  <si>
    <t>土城男不戴罩爆打21歲店員 頭頂縫12針恐怖照曝光</t>
  </si>
  <si>
    <t>《產業》foodpanda捐萬份餐點慰勞醫護 使用率達6成</t>
  </si>
  <si>
    <t>幼兒園群聚疑染Delta 羅一鈞曝確診幼童3症狀</t>
  </si>
  <si>
    <t>《科技》研調：伺服器記憶體Q2價格續漲，H2再觀察疫情</t>
  </si>
  <si>
    <t>影》英紀錄片大讚台防疫 學者：台灣已為疫戰準備20年</t>
  </si>
  <si>
    <t>拜會游錫堃 蘇貞昌：紓困條例20日通過 盼立院盡速審議</t>
  </si>
  <si>
    <t>李來希稱婦買口罩遭輾斃獲不起訴 網友送6字</t>
  </si>
  <si>
    <t>想等BNT？前台大醫揭最慘下場：我不想烏鴉嘴</t>
  </si>
  <si>
    <t>新北今＋3足跡曝光 曾搭捷運遊遍西門町、士林科教館</t>
  </si>
  <si>
    <t>美大選後首場決策 Fed決議利率按兵不動！新冠疫情對經濟前景仍有風險</t>
  </si>
  <si>
    <t>伊朗單日死亡人數破紀錄 確診人數破8000大關</t>
  </si>
  <si>
    <t>新北增20例確診「這兩區」最多 又見環南市場感染</t>
  </si>
  <si>
    <t>莫德納疫苗開始配送 有利加速全美接種行動</t>
  </si>
  <si>
    <t>疫苗加開接種站超冷清 醫怒：存心想整我們嗎？</t>
  </si>
  <si>
    <t>高端現增資19.2億元入袋 疫苗開發加馬力24日法說會報佳音</t>
  </si>
  <si>
    <t>法網》小祖維瑞夫生病硬打 賽前還未向醫生報到</t>
  </si>
  <si>
    <t>小金門鄉親就醫 救國團專案優惠住宿</t>
  </si>
  <si>
    <t>北極星擬依DSMB建議 提早結束肺間皮癌三期試驗直接申請藥證</t>
  </si>
  <si>
    <t>助企業走出病毒危機 以色列投10億美元</t>
  </si>
  <si>
    <t>年底前全球最大的實體旅展 台北國際旅展 10／30登場</t>
  </si>
  <si>
    <t>禿子燕子都面臨罷免連署 侯友宜說話了</t>
  </si>
  <si>
    <t>若新冠肺炎疫情持續失控　陸恐裁員450萬人</t>
  </si>
  <si>
    <t>環南市場群聚案 新北篩檢316人找到1快篩陽性</t>
  </si>
  <si>
    <t>BNT疫苗又來了 192萬劑今下午抵台 效期至明年3月底</t>
  </si>
  <si>
    <t>從「家」開始防疫！新潤機構落實防疫 帶進社區好安心</t>
  </si>
  <si>
    <t>恐懼症候群 逛醫院的人少了</t>
  </si>
  <si>
    <t>鄭弘儀自爆已打AZ疫苗 姚惠珍被問「選哪種疫苗」答案很誠實</t>
  </si>
  <si>
    <t>接種疫苗猝死破百 累計119人亡 16人死因出爐</t>
  </si>
  <si>
    <t>使用呼吸器死亡率 紐約9成 台僅2成5</t>
  </si>
  <si>
    <t>11月目標單日打35萬劑 指揮中心：將派協助接種任務</t>
  </si>
  <si>
    <t>新冠病毒印度變異株 廣州出現本土確診病例</t>
  </si>
  <si>
    <t>菲男車禍過世被封成「木乃伊」 醫辯：怕他染疫散播病毒</t>
  </si>
  <si>
    <t>萬華茶室27名失聯外籍人士 警全數尋獲前往快篩</t>
  </si>
  <si>
    <t>新北爆4例Delta病毒皆境外移入 侯友宜：勿忘諾富特破口事件</t>
  </si>
  <si>
    <t>國民黨15縣市批中央防疫僵化 錢、防疫旅館、口罩成焦點</t>
  </si>
  <si>
    <t>川普新冠肺炎檢驗呈陰性 將開跑3場大型造勢活動</t>
  </si>
  <si>
    <t>疫情重創航班停飛 歐洲多家航空申請破產</t>
  </si>
  <si>
    <t>黃金蝙蝠生態館澄清 蝙蝠非新冠肺炎原罪</t>
  </si>
  <si>
    <t>出門隨手抓2黑口罩 拆開一看她羞爆</t>
  </si>
  <si>
    <t>開學才2周 美大學上千人染新冠</t>
  </si>
  <si>
    <t>防疫關鍵時刻 這動作遭罰6000元</t>
  </si>
  <si>
    <t>台商回不來！家屬崩潰喊「防疫不是我們的事」：那是政府要做的</t>
  </si>
  <si>
    <t>開放用餐就中鏢！新北確診男返台南足跡曝 吃麻辣燙待2小時</t>
  </si>
  <si>
    <t>《電腦設備》伍豐擬派利約1元 庫藏股力撐股價</t>
  </si>
  <si>
    <t>NBA》挑賭城重新開打 湖人前鋒力挺</t>
  </si>
  <si>
    <t xml:space="preserve">她打電話到動物醫院約打BNT 店員尷尬提醒反被嗆 </t>
  </si>
  <si>
    <t>澳確診音樂家波及範圍擴大 東吳音樂系緊急宣布停課14天</t>
  </si>
  <si>
    <t>美新冠變種新警訊 CDC憂抗疫進展恐歸零</t>
  </si>
  <si>
    <t>美副總統候選人辯論 為何「粉眼新冠」成為熱搜詞？</t>
  </si>
  <si>
    <t>無法復工愧提離職 男星一句話暖哭湖北員工</t>
  </si>
  <si>
    <t xml:space="preserve">雙北病床荒中央狀況外 醫怒開砲：當自己在玩模擬城市？	</t>
  </si>
  <si>
    <t>防疫優先 南投縣各風景區暫停營業</t>
  </si>
  <si>
    <t>「黑夜總會過去」 《聲林之王》歌手暖心獻唱</t>
  </si>
  <si>
    <t>鄉民女神讚爸媽是老人團防疫小尖兵 網抓一證據：妳過氣了</t>
  </si>
  <si>
    <t>陳時中：捷運或高鐵密閉空間 能夠就戴口罩</t>
  </si>
  <si>
    <t>特別預算拍板 蘇揆要求錢花刀口 相關部會成立新冠肺炎小組</t>
  </si>
  <si>
    <t>若疫情這天之前沒解決 他斷言蔡政府最後下場</t>
  </si>
  <si>
    <t>鈺太Q1營收 創歷年同期新高</t>
  </si>
  <si>
    <t>新冠肺炎疫情 苗栗女居家隔離超商買咖啡罰1萬</t>
  </si>
  <si>
    <t>板橋隔離者3度趴趴走 警方強制保護管束</t>
  </si>
  <si>
    <t>《國際產業》Counterpoint：2月全球智慧手機銷量暴跌14％</t>
  </si>
  <si>
    <t>武漢醫院研究 病毒不會經眼結膜傳染</t>
  </si>
  <si>
    <t>國外都不接受AZ疫苗？醫驚曝真相：比BNT、莫德納高</t>
  </si>
  <si>
    <t xml:space="preserve">創近2年半新低！汽、柴油各調降0.6及0.7元 </t>
  </si>
  <si>
    <t>高端今起預約 副作用、保護效果8大QA一次看 1種人不能接種</t>
  </si>
  <si>
    <t>蔡英文的第一仗</t>
  </si>
  <si>
    <t>30多名醫師接力抗議中火 籲「阿中部長」不要缺席</t>
  </si>
  <si>
    <t>輸出新冠暴增 國民黨籲出境前篩檢</t>
  </si>
  <si>
    <t>梅克爾語出驚人：德人口60％－70％會染上新冠病毒</t>
  </si>
  <si>
    <t>華航貨運站新北員工確診 妻任職另家航空公司也染疫</t>
  </si>
  <si>
    <t>與陸再陷緊張之際 印度確診420萬躍升全球第2</t>
  </si>
  <si>
    <t>《國際產業》新冠疫情攪局 BMW看衰獲利前景</t>
  </si>
  <si>
    <t>邊境疫情緊繃 黑龍江立即暫停跨省團隊旅遊和旅遊專列業務</t>
  </si>
  <si>
    <t>公主郵輪確診增至355人導致夜市冷清 林右昌：振興消費需等等</t>
  </si>
  <si>
    <t>接種AZ的人第二劑打不到莫德納了 指揮中心定調：不混打</t>
  </si>
  <si>
    <t>陸港觀盤－疫情引爆全球股災 黑夜降臨靜待曙光</t>
  </si>
  <si>
    <t>不怕死？白宮：川普可能再次服用奎寧「感覺棒極了」</t>
  </si>
  <si>
    <t>球王公開批川普：他把防疫政治化</t>
  </si>
  <si>
    <t>手語老師疫情記者會不戴口罩成破口？北市府回應</t>
  </si>
  <si>
    <t>新冠肺炎確診數超越美加總和 全球最嚴重疫區換人</t>
  </si>
  <si>
    <t>行政院BNT記者會 朱學恒看完一句話狠酸政府</t>
  </si>
  <si>
    <t>喜劇天王打過疫苗仍突破性感染 沉重PO文呼籲一句話</t>
  </si>
  <si>
    <t>士林染疫機構嗆市府遲不做快篩 黃珊珊回應了</t>
  </si>
  <si>
    <t>羅智強批蔡政府稱武漢肺炎引歧視 國民黨：易讓外界誤解防疫參雜「抗中」</t>
  </si>
  <si>
    <t>蔡英文、賴清德明天上午施打第二劑高端疫苗</t>
  </si>
  <si>
    <t>《產業分析》結構性挑戰仍在 餐飲業淘汰賽未落幕</t>
  </si>
  <si>
    <t>資深媒體人：黃清龍》新加坡防疫為何失靈</t>
  </si>
  <si>
    <t>台大獸醫系師生團隊 張曄、張郡 做的遠比課程內容多</t>
  </si>
  <si>
    <t>NBA》T-Mac預言：下季會有很多輪休</t>
  </si>
  <si>
    <t>NBA杜蘭特染新冠肺炎 籃網4人中鏢</t>
  </si>
  <si>
    <t>愛紗被問「不回日本打疫苗嗎」 本人親解原因</t>
  </si>
  <si>
    <t>後新冠時代10大變化 台灣剉咧等</t>
  </si>
  <si>
    <t>Novavax：台透過COVAX訂其抗變種效力逾90％新冠疫苗</t>
  </si>
  <si>
    <t>1分鐘看世界》正名為新冠肺炎 各國限令台灣受波及</t>
  </si>
  <si>
    <t>類風濕性關節炎藉「一分鐘微笑量表」 助醫病溝通</t>
  </si>
  <si>
    <t>離島機場設置快篩站 連江縣長：爭取全面快篩</t>
  </si>
  <si>
    <t>連鎖咖啡路易莎開第一槍 明起開放內用 星巴克討論中</t>
  </si>
  <si>
    <t>「請妳女兒不要發表傷日本和氣言論」歐陽靖母讚爆回應</t>
  </si>
  <si>
    <t>桃增1大型接種站、60社區、8外展疫苗接種站 每周可打10萬人</t>
  </si>
  <si>
    <t>校園防疫 不舒服別上學</t>
  </si>
  <si>
    <t>新冠肺炎疫情威脅 徐國勇：清明掃墓簡短就好</t>
  </si>
  <si>
    <t>漫威英雄疫樣難逃 伊卓斯艾巴染新冠肺炎</t>
  </si>
  <si>
    <t>災難財發不得！未許可賣口罩、藥用酒精已觸法</t>
  </si>
  <si>
    <t>想都不用想 陳時中重申：莫德納以廣打第一劑為主</t>
  </si>
  <si>
    <t>北科大學生設計具美感口罩 6千片送鄰里醫護</t>
  </si>
  <si>
    <t>基隆養護機構確診、致死率高 衛生局坦言：逸嘉群聚案不好處理</t>
  </si>
  <si>
    <t>林森北路錢櫃大火 指揮中心呼籲防疫期間少去</t>
  </si>
  <si>
    <t>印度神童揭明年4月疫情達高峰 命理家翻盤：緩和時間曝光</t>
  </si>
  <si>
    <t>英國三分之一癌症患者　因新冠肺炎中斷療程而惡化</t>
  </si>
  <si>
    <t>肺炎疫情升溫 檢察首長上任延期成「受災戶」</t>
  </si>
  <si>
    <t>學生確診單日增10人 全台352生染疫 大專院校最多</t>
  </si>
  <si>
    <t>疫情催生「藍營真共主」？國民黨中常委脫口：2024可能是他</t>
  </si>
  <si>
    <t>陸口罩過濾力不足50％！歐盟急發布警示</t>
  </si>
  <si>
    <t>川普真的確診了！韓粉第一反應超「直接」</t>
  </si>
  <si>
    <t>習川隔空較勁 譚德塞成箭靶</t>
  </si>
  <si>
    <t>女兒發燒被放生自生自滅 影后粗口咒罵英國政府</t>
  </si>
  <si>
    <t>楊冪六度捐贈物資助肺炎疫區 5百護目鏡送西班牙</t>
  </si>
  <si>
    <t>用餐免用隔板　超商、校園不敢大意</t>
  </si>
  <si>
    <t>79歲男高音多明哥染疫</t>
  </si>
  <si>
    <t>杭州本地確診病例「清零」</t>
  </si>
  <si>
    <t>新冠肺炎零確診破功！遭日客傳染 印尼2人確診</t>
  </si>
  <si>
    <t>直播》新北「逆時中」餐廳、電影院不開放 侯友宜：隱形傳播鏈未斷須謹慎</t>
  </si>
  <si>
    <t>台大醫院10員工確診 院方宣布不收新冠輕症患者</t>
  </si>
  <si>
    <t>丈夫偷帶小三打疫苗！正宮抓包互毆 怒砸椅子上演大亂鬥</t>
  </si>
  <si>
    <t>看到墾丁大街人潮超怒！醫嗆：才一個月紐約就出現滿滿的屍袋</t>
  </si>
  <si>
    <t>防院內感染 侯友宜：要求醫院分流、管控進出人數</t>
  </si>
  <si>
    <t>退役艦長曝海軍生活內幕 這些「可以做、不能說」</t>
  </si>
  <si>
    <t>台灣人嚇壞了！一圖曝高鐵有多空 一列車載不到100人</t>
  </si>
  <si>
    <t>室友發病後23天才確診 張上淳揭召回採檢原因</t>
  </si>
  <si>
    <t>腸道喜歡的養分它們都有 6種提高免疫力好食材</t>
  </si>
  <si>
    <t>《業績-觀光》寒舍上季獲利衝次高，去年EPS近3年高點</t>
  </si>
  <si>
    <t>恐怖！大媽故意拉下口罩 朝店員吐口水「播毒」</t>
  </si>
  <si>
    <t>單日新增＋校正回歸 本土確診＋355 單日確診數連3降 死亡數飆破百</t>
  </si>
  <si>
    <t>別再說雲林最難玩 農業大縣轉型觀光大縣 推新春遊5大主題</t>
  </si>
  <si>
    <t>破百確診數民眾狂囤貨 台劇女神提經驗：在台灣不會餓死</t>
  </si>
  <si>
    <t>確診3個月後仍有機會染疫 柯文哲：全都註記、日後補打疫苗</t>
  </si>
  <si>
    <t>染新冠肺炎喪失味覺、嗅覺 指揮中心：台灣有5例了</t>
  </si>
  <si>
    <t>桃園自強國中91歲老翁接種疫苗休克 送醫恢復意識</t>
  </si>
  <si>
    <t>《業績-觀光》王品Q1營收近7年半低點 兩岸同步衝刺外送</t>
  </si>
  <si>
    <t>防疫神話瀕臨破滅？港媒從這舉動看出端倪</t>
  </si>
  <si>
    <t>為防疫佛心老闆把店鋪打掉重練 增排水設隔離板減細菌飛沫</t>
  </si>
  <si>
    <t>《金融》防疫營運不中斷，36家金融機構啟動異地辦公</t>
  </si>
  <si>
    <t>有這款基因 新冠致死機率高1倍 英研究：兩族群最容易有</t>
  </si>
  <si>
    <t>抗疫救經濟 韓國三度追加預算 金額35.3兆韓元 史上最大</t>
  </si>
  <si>
    <t>出現死亡首例 台股走勢震盪</t>
  </si>
  <si>
    <t>新增3例境外移入均來自印尼 一人檢疫期滿才確診</t>
  </si>
  <si>
    <t>疫情警戒再降？陳時中曝時間點：明公布放寬措施</t>
  </si>
  <si>
    <t>施打疫苗比較慢 新竹縣解釋原因</t>
  </si>
  <si>
    <t>疫情釀恐慌？ 美好市多驚見棺材...網：超前部署</t>
  </si>
  <si>
    <t>買嘸機票買股票？ 華航今成交量飆破百萬張</t>
  </si>
  <si>
    <t>警示國家及地區增至36處 比利時、荷蘭、英國返台需自主健康管理</t>
  </si>
  <si>
    <t>宜蘭縣今＋3 父子感染源難確定 縣府宣布明後2天外籍漁工全面快篩</t>
  </si>
  <si>
    <t>陳建仁：一月初武漢醫護染新冠肺炎是重要警訊</t>
  </si>
  <si>
    <t>全台56萬人打完2劑 新到貨AZ疫苗 38歲以下有希望</t>
  </si>
  <si>
    <t>桃園風景區來客少4成 鄭文燦嘆慈湖業者才剛得標</t>
  </si>
  <si>
    <t>一分鐘看懂 今日指揮中心疫情重點</t>
  </si>
  <si>
    <t>《半導體》WiFi、TWS明年大好 瑞昱點火</t>
  </si>
  <si>
    <t>NBA》戈貝爾談新冠後遺症 嗅覺1年才恢復</t>
  </si>
  <si>
    <t>爽出國回台添一堆確診！張雅琴洩陳時中真實心聲：別讓全台做白工</t>
  </si>
  <si>
    <t>銀行抽銀根快撐不下　餐飲服業籲政府振興紓困動作要快</t>
  </si>
  <si>
    <t>《半導體》力成漲多回檔 外資按讚續挺</t>
  </si>
  <si>
    <t>新北各大醫院共收治528病人 重症率高達15％</t>
  </si>
  <si>
    <t>高一兒挑戰273元做晚餐 8週後變化驚人</t>
  </si>
  <si>
    <t>大讚「中國防疫做得很好」 饒舌天后卡蒂B：人家強大的很，絕對惹不起</t>
  </si>
  <si>
    <t>揪團遊歐女里長挨轟 李正皓再爆黑歷史</t>
  </si>
  <si>
    <t>市民詢問何時輪到我打？盧秀燕：疫苗太少 已向中央積極爭取</t>
  </si>
  <si>
    <t>柯文哲：雙北疫情趨緩 但全台都有隱藏感染源</t>
  </si>
  <si>
    <t>新冠疫苗將在巴拉圭做人體試驗 外交部：提供協助</t>
  </si>
  <si>
    <t>《科技》全球PCB版圖重新洗牌 陸一條龍策略續強</t>
  </si>
  <si>
    <t>《生醫股》藥華藥獲美FDA函 明年初可望拿PV藥證</t>
  </si>
  <si>
    <t>醫護人員疲於奔命 賴清德呼籲：不要貿然前往急診室</t>
  </si>
  <si>
    <t>指揮中心急轉彎 今宣布孕婦可任選AZ、莫德納接種</t>
  </si>
  <si>
    <t>《通信網路》去年淨利增逾7倍，統新樂看5G商機</t>
  </si>
  <si>
    <t>跨國防疫經驗證實：做好這件事 效果不輸打疫苗</t>
  </si>
  <si>
    <t>今年流感恐反撲 醫疾呼3疫苗打起來</t>
  </si>
  <si>
    <t>威士特丹號零感染？柬埔寨誤診？馬國新增一確診病例來自船上乘客</t>
  </si>
  <si>
    <t>民進黨為何流失300萬「死忠支持者」游盈隆8字總結：結果重傷</t>
  </si>
  <si>
    <t>阿姨證實被傳染新冠肺炎 吳鳳：請為我家人繼續加油</t>
  </si>
  <si>
    <t>磐石艦確診再＋1 連11天無本土</t>
  </si>
  <si>
    <t>彰化里長娘揪南投師兄 端午連假赴龍山寺渡靈全染疫</t>
  </si>
  <si>
    <t>《觀光股》多頭揮鞭 紅馬17分填息達陣</t>
  </si>
  <si>
    <t>紓困特別預算4200億未定用途 藍委批空白授權</t>
  </si>
  <si>
    <t>曝確診3大症狀！醫點出隱憂：發燒比例低要注意...</t>
  </si>
  <si>
    <t>華航1月客運成長12.90％ 貨運衰退17.84％</t>
  </si>
  <si>
    <t>霸氣撤回陸配子女入境 台大醫讚：陳時中以一擋百太帥 ！</t>
  </si>
  <si>
    <t>印度上季經濟成長 優於預期</t>
  </si>
  <si>
    <t>高端現緩打潮？陳時中認了 公開首兩日數據</t>
  </si>
  <si>
    <t>狂咳1個月才看診！醫追問下…他坦承做了這事</t>
  </si>
  <si>
    <t>白宮給疫苗 外交部：展現對我溫暖關懷</t>
  </si>
  <si>
    <t>中央配發BNT延遲 桃園28校、1.8萬名學生要延後施打</t>
  </si>
  <si>
    <t>新增6境外移入 自荷蘭、印尼及烏茲別克入境</t>
  </si>
  <si>
    <t>院內感染最新調查 45例與42例曾同單位做檢查</t>
  </si>
  <si>
    <t>減少市場群聚 議員許淑華大推門牌、樓層分流採買法</t>
  </si>
  <si>
    <t>台灣缺疫苗 網瘋傳美西「接種團」行程 6月出發</t>
  </si>
  <si>
    <t>用鏡頭看台灣》萬華大鬧熱「青山祭」暖身 相揪逛艋舺老城區</t>
  </si>
  <si>
    <t>北京驚傳疫聲 12日新增6起本土病例 豐台區啟動戰時機制</t>
  </si>
  <si>
    <t>新冠肺炎疫情持續延燒 搶訂水神生成機大缺貨</t>
  </si>
  <si>
    <t>IMF：大陸經濟可望Ｖ型復甦</t>
  </si>
  <si>
    <t xml:space="preserve"> 浙江監獄疫情大爆發 竟因獄警隱瞞旅遊史</t>
  </si>
  <si>
    <t>要蓋方艙醫院了？陳時中終於鬆口</t>
  </si>
  <si>
    <t>磐石艦官兵染疫全海軍遭罵翻 老海軍大反彈</t>
  </si>
  <si>
    <t>中市國高中生BNT施打意願書全數回收 有意接種疫苗學生達9成4</t>
  </si>
  <si>
    <t>效法川普？ 巴西總統說羥氯喹有效治癒他的病</t>
  </si>
  <si>
    <t>本土再「嘉玲」 境外增5例、死亡添1人</t>
  </si>
  <si>
    <t>中秋連假人擠人成疫情破口？陳宗彥曝觀察期</t>
  </si>
  <si>
    <t>王祖賢素顏做公益 53歲真實面貌曝光</t>
  </si>
  <si>
    <t xml:space="preserve">日本副首相批「義大利曾說只有黃種人才會染新冠肺炎」 </t>
  </si>
  <si>
    <t>柯文哲：AZ、莫德納效果差不多 呼籲這幾類人別打AZ</t>
  </si>
  <si>
    <t>嘉義市33歲男打完AZ不適送醫 搶救3周無效今不治身亡</t>
  </si>
  <si>
    <t>NBA》新冠肺炎疫情肆虐舊金山 勇士拒絕取消比賽</t>
  </si>
  <si>
    <t>民營酒廠加入 酒精國家隊在台南</t>
  </si>
  <si>
    <t>內蒙古額濟納旗爆疫情 近萬名遊客滯留 物資供應壓力大增</t>
  </si>
  <si>
    <t>憤怒揭細節 陸向美通報時間軸吻合</t>
  </si>
  <si>
    <t>情人節逛燈會！盧秀燕臉書分享幸福時光</t>
  </si>
  <si>
    <t>以色列男性施打輝瑞疫苗出現心肌炎 高風險年齡曝光</t>
  </si>
  <si>
    <t>綠島傳遊客染新冠肺炎 鄉長臉書闢謠</t>
  </si>
  <si>
    <t>彰化男夜闖警分局 暖送1萬2千片口罩挺警</t>
  </si>
  <si>
    <t>速食店實聯制驚見超潦草字體 網怒：是在寫處方籤？</t>
  </si>
  <si>
    <t>蔡英文：口罩藥物技術三方面協助國際社會</t>
  </si>
  <si>
    <t>新北幼兒園群聚再增2確診 累計32人染疫</t>
  </si>
  <si>
    <t>打到未稀釋BNT 議員林金結大嫂現況曝 緊張到交代後事</t>
  </si>
  <si>
    <t>新冠患者易猝死家中？醫揭恐怖原因：輕症、無症狀也會死</t>
  </si>
  <si>
    <t>新北友善家庭企業最高獎5萬 勞工局放寬員工數及登記地限制</t>
  </si>
  <si>
    <t>原訂下周回家陪兒子過生日 福原愛推延返台真正原因曝光</t>
  </si>
  <si>
    <t>史上最大鎖國行動</t>
  </si>
  <si>
    <t>110年度保險競賽 富邦人壽抱三大獎</t>
  </si>
  <si>
    <t>挺高殖利率 外資逆風升評台股</t>
  </si>
  <si>
    <t>疫情升溫 新北戶所取消夜間服務與假日預約登記結婚</t>
  </si>
  <si>
    <t>北市再公布確診者足跡 9、10日曾到永利市場</t>
  </si>
  <si>
    <t>疫情炸裂 出門買菜怕病毒帶回家 醫教4關鍵保證安全</t>
  </si>
  <si>
    <t>獨／來客數雪崩式下跌 高雄漢來飯店兩餐廳明起停業</t>
  </si>
  <si>
    <t>有夠白賊！新冠患者扯謊害全省封城 無罰則當局氣炸</t>
  </si>
  <si>
    <t>北市旅行社主管中鏢 公司暫停營業</t>
  </si>
  <si>
    <t>自費驗抗體違法？禾馨稱6月已報備 衛生局：非中央指定機構</t>
  </si>
  <si>
    <t>比爾蓋茲的「陰謀」與「陽謀」？</t>
  </si>
  <si>
    <t>金門65歲以上接種第2劑AZ 8／28啟動大型接種站開打</t>
  </si>
  <si>
    <t>宏利七年階梯到期新興債基金 開募</t>
  </si>
  <si>
    <t>日專家： 新冠肺炎疫情4至5月恐是顛峰期</t>
  </si>
  <si>
    <t>北巿內湖幼兒園老師確診 染疫師住新北 急匡列近百人</t>
  </si>
  <si>
    <t>《其他股》美國各地嚴防疫，億豐四大措拖因應</t>
  </si>
  <si>
    <t>不甩居家檢疫 北市重罰百萬</t>
  </si>
  <si>
    <t>陳時中兒設計罷韓T恤 網友：都什麼時候了？</t>
  </si>
  <si>
    <t>500萬劑高端可能打不完 陳時中認了曝後續做法</t>
  </si>
  <si>
    <t>小明爸爸的苦衷 網紅一看戶籍秒懂</t>
  </si>
  <si>
    <t>救低迷經濟 亞洲國家齊降息</t>
  </si>
  <si>
    <t>15萬劑莫德納疫苗 新北獲9800劑！全給專責病房工作者</t>
  </si>
  <si>
    <t>訪建教合作廠 侯加碼400萬補助學生</t>
  </si>
  <si>
    <t>《國際社會》美國動起來！眾院火速通過83億美元防疫支出法案</t>
  </si>
  <si>
    <t>南韓新天地教會大有來頭？　外媒曝：曾慫恿洗腦信徒逃家、捐獻財產</t>
  </si>
  <si>
    <t>Omicron來勢凶猛恐影響跨年 柯文哲：修改去年防疫計畫就好</t>
  </si>
  <si>
    <t>中和又1警員確診 全市累計15警員染疫</t>
  </si>
  <si>
    <t>揭密新冠病毒疫情發展！醫療金字塔底層仍有8成未爆彈？</t>
  </si>
  <si>
    <t>莫德納將到貨？陳時中鬆口：很快會有好消息</t>
  </si>
  <si>
    <t>世錦賽延到明年底 BWF有信心成功</t>
  </si>
  <si>
    <t>打完高端再接種其他疫苗 柯文哲：不被國際社會承認這叫重打</t>
  </si>
  <si>
    <t>林志玲帥尪同團成員 爆確診新冠肺炎</t>
  </si>
  <si>
    <t>韋禮安33歲生日許願疫情緩和！睽違4年即將推新專輯</t>
  </si>
  <si>
    <t>新冠確診激增＋紓困案停擺！美股道瓊重挫650點</t>
  </si>
  <si>
    <t>法國因新冠疫情再度封城 法網恐再度延賽</t>
  </si>
  <si>
    <t>紓困陳時中啟動關懷產業之旅 首站婚紗業</t>
  </si>
  <si>
    <t>竹市小學生吃飯裝隔板 有效防止學童口沫飛濺</t>
  </si>
  <si>
    <t>宏碁[email protected]新品全球發表會 6/23線上舉行</t>
  </si>
  <si>
    <t>協助隔離逃跑者 侯友宜：連帶責任一定追究</t>
  </si>
  <si>
    <t>女星「湖北人」收傳票怕爆！返台出庭恐面對「雙重隔離」</t>
  </si>
  <si>
    <t>彰化確診里長出院4日猝死 才跟女兒通電話突口吐白沫倒地亡</t>
  </si>
  <si>
    <t>《國際社會》白宮衛生顧問：冬季確診激增 美史上最艱難時刻</t>
  </si>
  <si>
    <t>社區傳播風險增 個人防護更重要</t>
  </si>
  <si>
    <t>體恤醫護人員辛勞　醫院贈住宿、溫泉券</t>
  </si>
  <si>
    <t>駐台大使證實 帛琉總統惠恕仁將訪台</t>
  </si>
  <si>
    <t>防疫保單 理賠有四原則</t>
  </si>
  <si>
    <t>批評菲國移工將被遣返？外交部：未經協商不得遣送</t>
  </si>
  <si>
    <t>胖子列第九類公費接種對象？缺這資料恐沒機會</t>
  </si>
  <si>
    <t>新冠肺炎疫情衝擊內需產業 謝金河曝慘況</t>
  </si>
  <si>
    <t>口罩量已滿載 定額徵收比例正研議</t>
  </si>
  <si>
    <t>MLB》害怕就別打！球員可拒絕復工</t>
  </si>
  <si>
    <t>北京境外輸入確診病例飆升 占比逾6成</t>
  </si>
  <si>
    <t>WHO：全球70種新冠疫苗賽跑 陸康西諾衝最快</t>
  </si>
  <si>
    <t>勇於改變 美語業者送課衝出業績</t>
  </si>
  <si>
    <t>新冠肺炎防疫不做好 華盛頓州病例8周恐增破6萬</t>
  </si>
  <si>
    <t>憂失聯移工成防疫破口 移民署呼籲投案將享禮遇</t>
  </si>
  <si>
    <t>陸新增逾百例新冠肺炎本土確診 東北、京冀重災區</t>
  </si>
  <si>
    <t>中市推社區防疫指引 協助社區防疫整備</t>
  </si>
  <si>
    <t>新冠非典型症狀加強採檢</t>
  </si>
  <si>
    <t>新片《一家之主》疫情攪局延檔 寇世勳、導演回應了</t>
  </si>
  <si>
    <t>果農夫妻感染源不明 17人曾到枋寮醫院未篩檢 縣府急找人</t>
  </si>
  <si>
    <t>有夠爽！少男擠進電梯對老伯吐口水 慘遭爆打地上拖行</t>
  </si>
  <si>
    <t>基隆男確診肺部浸潤 救命神器奏效開心比讚</t>
  </si>
  <si>
    <t>北市校園場地 20日全面解封</t>
  </si>
  <si>
    <t>兩引擎助攻 創源近二月營收衝</t>
  </si>
  <si>
    <t>好險！端午連假第二天 南科移工快篩1人陽性PCR轉陰</t>
  </si>
  <si>
    <t>金價漲漲漲 3大因素讓黃金可望直衝2000美元</t>
  </si>
  <si>
    <t>三級警戒持續 基本工資工作小組改書面徵詢委員意見</t>
  </si>
  <si>
    <t>主帥親征釋訊號 撫民心鼓勵復工</t>
  </si>
  <si>
    <t>台北捷運傳員工確診 北捷回應了</t>
  </si>
  <si>
    <t>蘇內閣階段性任務完成？蘇揆行政院會突發自省說</t>
  </si>
  <si>
    <t>北部醫院群聚傳染關鍵曝 李秉穎：戴口罩仍有風險</t>
  </si>
  <si>
    <t>三商美邦人壽攜三友藥妝 送暖醫護</t>
  </si>
  <si>
    <t>新冠疫苗訂價 藥廠立場分歧</t>
  </si>
  <si>
    <t>救救機械業 柯拔希提7建言</t>
  </si>
  <si>
    <t>疫情好轉 台南街頭16日舉辦今年首場露天微電影</t>
  </si>
  <si>
    <t>新北昨28校施打BNT 5369人出現不適</t>
  </si>
  <si>
    <t>川普倉促出院罵聲不斷 競選造勢陷重殘</t>
  </si>
  <si>
    <t>快評》既然撕破臉 台嗆聲拉高音量展現國際聲望</t>
  </si>
  <si>
    <t>東奧命運未卜 這些賽事也可能因疫情喊卡</t>
  </si>
  <si>
    <t>《國際社會》日本經濟部長：政府今尋求延長緊急事態至月底</t>
  </si>
  <si>
    <t>韓國又一教會群聚感染 至少28人確診</t>
  </si>
  <si>
    <t>及時雨！立陶宛捐2萬劑AZ疫苗 今抵桃園機場</t>
  </si>
  <si>
    <t>《熱門族群》IC設計Q3大好、Q4續旺 瑞昱、義隆、聯詠帶勁</t>
  </si>
  <si>
    <t>防止新冠肺炎擴散 伊朗釋放7萬名囚犯</t>
  </si>
  <si>
    <t>陸昨本土確診增87例、遍及14省份 2地出現小學生感染</t>
  </si>
  <si>
    <t>獨》打完疫苗後確診 五股某里長與妻子雙雙染疫</t>
  </si>
  <si>
    <t>鍾南山：以發燒為判斷標準 易漏診疑診</t>
  </si>
  <si>
    <t>武漢包機確診台商 解除隔離</t>
  </si>
  <si>
    <t>北市基層診所醫護人員今開打疫苗 盼周六前完成接種</t>
  </si>
  <si>
    <t>BBC：全球捐贈緊急物資 印度病患卻拿不到</t>
  </si>
  <si>
    <t>義新增病例稍降 官員：疫情拐點快到</t>
  </si>
  <si>
    <t>為陸封城解禁作準備 葉金川疾呼：疫情高峰難測 篩檢量絕對不夠</t>
  </si>
  <si>
    <t>口罩網購無外語版 71萬移工難買</t>
  </si>
  <si>
    <t>不是越貴越好！布口罩標榜抗菌單售299元 檢驗竟無抗菌性遭下架</t>
  </si>
  <si>
    <t>苦口婆心再勸停辦跨年晚會 曹西平：萬一出事情誰要負責</t>
  </si>
  <si>
    <t>肺炎疫情升溫 醫師親至學校宣導衛教</t>
  </si>
  <si>
    <t>迎戰社區傳播 基層診所憂撐不住</t>
  </si>
  <si>
    <t>東奧》IOC副主席透露 不論有無新冠疫情都辦定了</t>
  </si>
  <si>
    <t xml:space="preserve">美國新冠確診2周內暴增百萬例 總數今將衝破4百萬 </t>
  </si>
  <si>
    <t>逐洞賽》爾投顧分析師鐘崑禎</t>
  </si>
  <si>
    <t>美衛生部長阿札爾抵台 揮手向台灣民眾打招呼</t>
  </si>
  <si>
    <t>台中増2死 66歲洗腎男打完疫苗4天後猝逝</t>
  </si>
  <si>
    <t>接種首劑疫苗後 巴基斯坦總統確診新冠肺炎</t>
  </si>
  <si>
    <t>26歲研究生打高端後中風昏迷 莊人祥：已列不良事件</t>
  </si>
  <si>
    <t>川普左批CNN右罵華郵 製造假新聞</t>
  </si>
  <si>
    <t>11／2防疫大鬆綁！雙鐵可飲食 KTV唱歌不用戴口罩</t>
  </si>
  <si>
    <t>陳其邁：新冠肺炎若傳9次 即26萬人確診</t>
  </si>
  <si>
    <t>陝西新冠肺炎患者康復218例 治愈率88.9％</t>
  </si>
  <si>
    <t>張上淳兒遭學長爆料痛譙「我們OK、你出國？」</t>
  </si>
  <si>
    <t>境外＋6 台男返國逾2個月才確診 陳時中：疑慮深</t>
  </si>
  <si>
    <t>Delta病毒攻陷大陸17個省 美聯社點出封鎖戰略最大挑戰</t>
  </si>
  <si>
    <t>新冠病毒抗體雞尾酒 進入臨床</t>
  </si>
  <si>
    <t>境外移入＋16例 確診無新增死亡</t>
  </si>
  <si>
    <t>前非洲邦交國布吉納法索 四部長同一天中鏢</t>
  </si>
  <si>
    <t>無視專業？美數州抗議要解禁足 川普暗中搧風點火</t>
  </si>
  <si>
    <t>疫情嚴峻 王鴻薇翻出范雲事蹟爆怒：追究責任</t>
  </si>
  <si>
    <t>反病毒起源陰謀論！陸官媒「十問」逼問華府</t>
  </si>
  <si>
    <t>助霧峰學子防疫在家學習不中斷 益生獅子會贈30台平板</t>
  </si>
  <si>
    <t>義大利疫情失控 歐銀7月降息機率升高</t>
  </si>
  <si>
    <t>16檔績優股 抗疫先鋒</t>
  </si>
  <si>
    <t>台南首度出動無人機防疫！黃偉哲夜市宣導社交距離</t>
  </si>
  <si>
    <t>半年來最高！疫情肆虐 外資2月撤近1,200億元</t>
  </si>
  <si>
    <t>港放寬社交措施 專家憂疫情進入社區</t>
  </si>
  <si>
    <t>追加第3劑疫苗 ACIP專家達共識 指揮中心明公布</t>
  </si>
  <si>
    <t>東洋代理新冠疫苗破局 網友怒批：陳時中害慘台灣人</t>
  </si>
  <si>
    <t>AZ＋BNT保護力佳 前台大醫：只有一種人需要混打</t>
  </si>
  <si>
    <t>好心肝千人打疫苗堅稱合法 水電工、保全都算志工</t>
  </si>
  <si>
    <t>陸增81例新冠確診 鄭州暴雨災後疫情未見底</t>
  </si>
  <si>
    <t>蓬佩奧：大量證據顯示新冠肺炎始於武漢實驗室</t>
  </si>
  <si>
    <t>陸連5日有自俄輸入病例 黑龍江採緊急行動</t>
  </si>
  <si>
    <t>北韓堅稱零確診 遭爆染病被槍斃</t>
  </si>
  <si>
    <t>紐時評台防疫正常到詭異：鎖國非長久之計</t>
  </si>
  <si>
    <t>新北居家檢疫惡意失聯 侯友宜：絕對罰最重</t>
  </si>
  <si>
    <t>NBA》新冠肺炎疫情影響 七六人球團減薪20％</t>
  </si>
  <si>
    <t>全球股市慘綠！美股單周重挫近4000點</t>
  </si>
  <si>
    <t>跨界交流！桌球一姊遇上跨欄一哥</t>
  </si>
  <si>
    <t>參採二次包機磋商後續包機 藍委籲讓台人以輕鬆、方便、無負擔返台</t>
  </si>
  <si>
    <t>奇美醫學中心即日起一般病房禁止探病</t>
  </si>
  <si>
    <t>我見我思：謝錦芳》病毒突變與企業創新</t>
  </si>
  <si>
    <t>恆春無罩開趴抓到了 屏東縣府要罰彰化客</t>
  </si>
  <si>
    <t>台南首設新冠肺炎貨櫃採檢站今啟用　黃偉哲：安全有效率</t>
  </si>
  <si>
    <t>回家過年陷兩難 境外生煎熬</t>
  </si>
  <si>
    <t>地小人稠 星國鼓勵全民種菜</t>
  </si>
  <si>
    <t>新北本週運輸量大增 侯友宜：用網路代替馬路</t>
  </si>
  <si>
    <t>南投新增1確診 只在公墓工作也染疫</t>
  </si>
  <si>
    <t>春節台商檢疫縮短 後4天可返家檢疫</t>
  </si>
  <si>
    <t>亞高收債 未掃到颱風尾</t>
  </si>
  <si>
    <t>觀光局主祕派下屬接機》未確實申報健康聲明書 連喝咖啡都不罰！放縱雙重標準 防疫遲早破功</t>
  </si>
  <si>
    <t>日本新冠肺炎單日確診破千人 唯一零確診的岩手縣也淪陷</t>
  </si>
  <si>
    <t>爵士樂大師艾利斯馬沙利斯罹新冠肺炎病逝 享壽85歲</t>
  </si>
  <si>
    <t>新冠肺炎準新藥瑞德西韋 國衛院超前進度今完成公克級合成</t>
  </si>
  <si>
    <t>國內新增1境外移入 赴墨西哥出差男子染疫</t>
  </si>
  <si>
    <t>和平醫院翻版？聯醫某院區爆危機 感染者恐流動到各院區</t>
  </si>
  <si>
    <t>「台日友好」但日本不認台灣疫苗接種證明 網戰翻</t>
  </si>
  <si>
    <t>連續3天無新增 全國學生確診人數維持754例</t>
  </si>
  <si>
    <t>疫情受控 鍾南山：別指望全消失</t>
  </si>
  <si>
    <t>香港確診數激增！學者示警：若每日都破百 公立醫院一周內爆滿</t>
  </si>
  <si>
    <t>台灣防疫被讚爆 前署長曝22年前一場仗是關鍵</t>
  </si>
  <si>
    <t>譚德塞胡說八道 黃明志髒話怒飆！讚台灣防疫強大</t>
  </si>
  <si>
    <t>英國讓新冠痊癒者再度接觸病毒 研究是否免疫</t>
  </si>
  <si>
    <t>1分鐘看世界》北京現新疫情 世衛調查源頭；美陸放寬客機互飛</t>
  </si>
  <si>
    <t>疫急！美建野戰醫院 南韓蓋方艙</t>
  </si>
  <si>
    <t>北市啟動千人血清抗體研究 柯文哲要查「這三件事」：周五說明細節</t>
  </si>
  <si>
    <t>酷碰券改發現金、消費券？沈榮津：會傾聽意見整體評估</t>
  </si>
  <si>
    <t>禍不單行 為防疫喝到假酒 伊朗釀20死</t>
  </si>
  <si>
    <t>榮剛3月合併營收8.41億元 創今年來新高</t>
  </si>
  <si>
    <t>每日確診數破十萬 Delta病毒讓美觸底疫情6週內重返去年節點</t>
  </si>
  <si>
    <t>萬華運動中心推「打第三劑疫苗免費游泳1個月」 柯文哲：不實廣告已下架</t>
  </si>
  <si>
    <t>一起抗「疫」 網協製作防疫影片</t>
  </si>
  <si>
    <t>因應新冠肺炎全國監所隔離170人犯　幸未發現感染個案</t>
  </si>
  <si>
    <t>本土206例分布曝光 板橋暴增 萬華最多</t>
  </si>
  <si>
    <t>《盤後解析》多頭啟「航」 周線連9紅</t>
  </si>
  <si>
    <t>東京迪士尼休園至3月15日 大阪環球影城也暫休</t>
  </si>
  <si>
    <t>新增2境外移入 指揮中心下午2點說明</t>
  </si>
  <si>
    <t>想玩趁現在！高雄溫泉飯店萬元房下殺5折</t>
  </si>
  <si>
    <t>南韓出現超級傳播者 61歲婦發燒不聽勸...照參加婚禮</t>
  </si>
  <si>
    <t>Taiwan Need Help 促成美國疫苗助台關鍵推手 柯建銘爆是「她」</t>
  </si>
  <si>
    <t>監守自盜A口罩6000片 中校被移送</t>
  </si>
  <si>
    <t>美擴大紓困 參院追加14.7兆台幣</t>
  </si>
  <si>
    <t>居家檢疫男夜店爽玩 侯友宜：罰100萬一定不手軟</t>
  </si>
  <si>
    <t>一分鐘快速看懂 今日疫情記者會重點</t>
  </si>
  <si>
    <t>銀行代班警衛也確診 北富銀：分行全員篩檢呈陰性</t>
  </si>
  <si>
    <t>三級警戒延長！指揮中心：各縣市暫停公祭</t>
  </si>
  <si>
    <t>衛福部出招莫德納混打高端！盧秀燕回應了</t>
  </si>
  <si>
    <t>劉結一講話 港媒：傳遞五點訊息</t>
  </si>
  <si>
    <t>巾幗不讓鬚眉 科技女傑闖出一片天－和鑫董事長 馬維欣 精準跨業投資 創造收益</t>
  </si>
  <si>
    <t>嘉市新北觀光雙城記 玩滿玩好</t>
  </si>
  <si>
    <t>NBA》科爾：持續備戰東奧 疫情擴散難防</t>
  </si>
  <si>
    <t>5／28解除三級？ 侯友宜坦承：不樂觀！要長期抗戰</t>
  </si>
  <si>
    <t>北部醫師傳染疫民眾怕爆 醫院官網被點到當機</t>
  </si>
  <si>
    <t>新冠肺炎確診病例 各國累計已超過大陸</t>
  </si>
  <si>
    <t>《業績-電腦設備》光寶科2月營收月減23％，年減20％</t>
  </si>
  <si>
    <t>廣州7日新增10例新冠確診 已核酸採樣2798.55萬份</t>
  </si>
  <si>
    <t>《油電燃氣》煉油、石化品現曙光 外資喊買台塑化、上看113元</t>
  </si>
  <si>
    <t>1450不見了 蔡英文被八卦版噓到爆</t>
  </si>
  <si>
    <t>法國確診破千例 英國319例</t>
  </si>
  <si>
    <t>抗疫也拚招商 新北祭減租優惠</t>
  </si>
  <si>
    <t>新冠大流行讓人好焦躁 研究：每天吃可紓壓10％的食物</t>
  </si>
  <si>
    <t>智利每增1％科興疫苗接種者 恐增加3％新冠感染者</t>
  </si>
  <si>
    <t>今增21例死亡！最年輕30多歲 張上淳：僅1人無潛伏疾病</t>
  </si>
  <si>
    <t>計程車生意掉一半 韓國瑜允協助</t>
  </si>
  <si>
    <t xml:space="preserve">日本捐124萬劑疫苗 黃偉哲：量能足夠 台南日僑優先施打 </t>
  </si>
  <si>
    <t>換外幣 好時機</t>
  </si>
  <si>
    <t>長庚大學研究發現 伊維菌素可抑制新冠病毒</t>
  </si>
  <si>
    <t>男星認「台灣有罵譚德賽」轟：不能揭穿惡的謊言嗎</t>
  </si>
  <si>
    <t>媽祖遶境停不停辦？民眾表示「不該人為自主硬性決定」</t>
  </si>
  <si>
    <t>新冠及流感疫苗可同日接種 港專家：兩隻手分開打</t>
  </si>
  <si>
    <t>國內新增2確診案例 80歲父及50多歲子均無出國史</t>
  </si>
  <si>
    <t>影〉李蘭娟：群體免疫說法對人民極不負責任</t>
  </si>
  <si>
    <t>確診者愛犬罹癌心急如焚 新北市動保處溫馨接送助就醫</t>
  </si>
  <si>
    <t>花火節延期澎湖觀光慘兮兮 縣長親自拉客</t>
  </si>
  <si>
    <t>健康新視界：潘懷宗》感冒讓您免得新冠肺炎嗎？</t>
  </si>
  <si>
    <t>軍艦士兵哈啾一下染新冠 舌相竟透露病毒蹤跡</t>
  </si>
  <si>
    <t>確診女研究員住家單獨出入 無鄰居遭匡列</t>
  </si>
  <si>
    <t>NBA》好慘！詹皇少打1場損失千萬</t>
  </si>
  <si>
    <t>接種疫苗後死亡增9例！7例AZ、莫德納高端各1</t>
  </si>
  <si>
    <t>疫苗大作戰 沈富雄一句話拆穿陳時中</t>
  </si>
  <si>
    <t>戴口罩別做這些運動！醫曝加重負擔 水氣更讓病毒入侵</t>
  </si>
  <si>
    <t>擴大紓困之亂衛福部挨批　陳時中道歉：請大家給一點時間改正</t>
  </si>
  <si>
    <t>疾管署買高端疫苗後 包正豪推測最後結局</t>
  </si>
  <si>
    <t>本土千人確診這年齡佔3成 醫示警：衝擊要來了</t>
  </si>
  <si>
    <t>《業績-百貨》全家2月營收月減12.94％，年增6.17％</t>
  </si>
  <si>
    <t>《國際社會》6個月來首見 美國單日染疫死亡破2000人</t>
  </si>
  <si>
    <t>美疫情惡化恐超乎想像… 蘋果重新關閉32家門市</t>
  </si>
  <si>
    <t>新北市擬取消餐廳內用 柯文哲：不要看到Delta病毒就地球毀滅</t>
  </si>
  <si>
    <t>生物考6題新冠肺炎 補教：沒注意此新聞的考生不易作答</t>
  </si>
  <si>
    <t>口罩到處都有何必再衝藥局？網曝「關鍵」原因：當然買</t>
  </si>
  <si>
    <t>快樂缺氧死亡率11.8％ 醫曝恐怖奪命原因：有4症狀快就醫</t>
  </si>
  <si>
    <t>法國天體海灘爆發新冠肺炎</t>
  </si>
  <si>
    <t>最年輕死亡個案 24歲男打AZ後在家身亡</t>
  </si>
  <si>
    <t>停泊長崎港維修的郵輪有33船員確診</t>
  </si>
  <si>
    <t>網路流傳停課假名單 侯友宜：不實訊息將送交警方偵辦</t>
  </si>
  <si>
    <t>《通信網路》仲琦連3年營收破百億</t>
  </si>
  <si>
    <t>《冰雪奇緣2》女星也「中招」 好萊塢確診再添一例</t>
  </si>
  <si>
    <t>連江縣失守 今增1例確診 馬祖屏東兩地足跡曝光</t>
  </si>
  <si>
    <t>高雄鳳山某大樓驚傳陽性個案 急召回150多名住戶</t>
  </si>
  <si>
    <t>新莊區衛福部立台北醫院再設快篩站？侯友宜：盤整中</t>
  </si>
  <si>
    <t>配置新興短期高收債 強化防禦力</t>
  </si>
  <si>
    <t>Delta太強 攻破保護力防線 12人打完兩劑仍染疫</t>
  </si>
  <si>
    <t xml:space="preserve">高層來者不拒讓消防「包山包海」 基層怨：我們確診誰來打火？ </t>
  </si>
  <si>
    <t>確診夫婦西非返台 空服員：曾說喉嚨痛 狂吃喉糖</t>
  </si>
  <si>
    <t>川普：美可助伊朗對抗新冠病毒 「只等他們開口」</t>
  </si>
  <si>
    <t>猴打疫苗 產生新冠病毒抗體</t>
  </si>
  <si>
    <t>感謝日本捐贈124萬劑AZ疫苗 朱立倫：政府應積極讓各種管道疫苗來台</t>
  </si>
  <si>
    <t>新北校園BNT施打 今有14名學生胸悶送醫</t>
  </si>
  <si>
    <t>載秘魯祖孫返屏東 司機：祖孫在關廟休息站上廁所</t>
  </si>
  <si>
    <t>中市曝3官兵確診足跡 網一看這例嚇壞</t>
  </si>
  <si>
    <t>《皇后的品格》女星宣布結婚 對象是大7歲單眼皮前輩</t>
  </si>
  <si>
    <t>可以回家了！三採陰拔管 他豎大拇指向醫護表達謝意</t>
  </si>
  <si>
    <t>新增2境外移入 9天累計22例確診 指揮中心14：30說明</t>
  </si>
  <si>
    <t>增3例無症狀 青島恐現群聚感染</t>
  </si>
  <si>
    <t>疫苗施打「資格預先查詢」發揮功能 逾150萬人次查詢</t>
  </si>
  <si>
    <t>黃偉哲建議中央 盡快將大學師生納入禁出國行列</t>
  </si>
  <si>
    <t>600億新冠肺炎紓困預算案 執政黨拚下周五3讀</t>
  </si>
  <si>
    <t>俄羅斯返台國人採檢出爐 全團皆陰性</t>
  </si>
  <si>
    <t>美股大反彈 道瓊飆漲11％ 創1933年來最高單日漲幅</t>
  </si>
  <si>
    <t>血栓疑慮下 中風者可以打新冠疫苗嗎？ 醫師這麼建議</t>
  </si>
  <si>
    <t>要求拆除復必泰布條？總統府抗議：不實臆測</t>
  </si>
  <si>
    <t>疫苗採購0進度 陳時中推託廠商生產線出問題</t>
  </si>
  <si>
    <t>苗栗禁移工外出 指揮中心要求回歸3級警戒標準執行</t>
  </si>
  <si>
    <t>《半導體》Q4不淡、旺到明年 盛群帶量躍70</t>
  </si>
  <si>
    <t>口水戰升級！　白宮顧問批陸用「武器化病毒」攻擊美國</t>
  </si>
  <si>
    <t>翁章梁訪視敏道家園 了解防疫情形</t>
  </si>
  <si>
    <t>中東又1國中鏢！巴林現第1起新冠肺炎確診病例</t>
  </si>
  <si>
    <t>陳道輝維護長官有難言之隱？網要他說出來</t>
  </si>
  <si>
    <t>《日股》憂疫情、財報 日經指數跌至1周新低</t>
  </si>
  <si>
    <t>春節檢疫專案實施至明年1月底 陳宗彥視察南市警電子圍籬系統</t>
  </si>
  <si>
    <t>封城也沒用 澳洲新南威爾斯州單日確診創新高</t>
  </si>
  <si>
    <t>智邦估因新冠肺炎染疫衝擊 6月產量將因而減少一成</t>
  </si>
  <si>
    <t>開放潛水卻不開放游泳池 陳時中說明1個差別</t>
  </si>
  <si>
    <t>美正式啟動配送輝瑞疫苗 拚2021年3月底前1億人接種</t>
  </si>
  <si>
    <t>口罩鬆綁還會戴嗎？網超怕：除非疫情結束</t>
  </si>
  <si>
    <t>《興櫃股》安盛生Q4推新冠智能抗原快篩、數位健康通行證</t>
  </si>
  <si>
    <t>送疾管署花籃 朱學恒不起訴</t>
  </si>
  <si>
    <t>申請紓困被退件 原因曝光他傻了 1.2萬網朝聖：快跑</t>
  </si>
  <si>
    <t>明年只會更慘？各國預言家同調：2021仍是黑暗年 還有更大災難</t>
  </si>
  <si>
    <t>反制國際挺台參與WHO！陸連署施壓譚德塞密信曝光了</t>
  </si>
  <si>
    <t>外媒關心武漢台商 陳時中：再去救援會形成矛盾</t>
  </si>
  <si>
    <t>杜特蒂捐「1個月薪水」抗疫！菲國內閣自願連續3個月減薪</t>
  </si>
  <si>
    <t>陸稱蘇揆指控是謊言 陸委會回應：不接受政治口水</t>
  </si>
  <si>
    <t>吳斯懷指蔡英文「像慈禧」 蘇貞昌批：讓全民憤怒</t>
  </si>
  <si>
    <t>大蘋果準備好了！紐約市6月可望第一階段重啟</t>
  </si>
  <si>
    <t>男子確診家人竟能逃過感染 醫師透露：靠這三招</t>
  </si>
  <si>
    <t>59.55萬劑AZ今抵台 效期到12月底</t>
  </si>
  <si>
    <t>致敬南丁格爾！社企送護手霜力挺醫護</t>
  </si>
  <si>
    <t>人在家中坐 愛奇藝大賺宅商機</t>
  </si>
  <si>
    <t>商品期貨趨勢專欄－原油期波動大 操作謹慎</t>
  </si>
  <si>
    <t>施志昌要求廟方遶境建名冊 民政局：配合中央規定</t>
  </si>
  <si>
    <t>中央提600億防疫紓困 盧秀燕籲各局處積極爭取</t>
  </si>
  <si>
    <t>《半導體》聯發科Q3報喜、好到2021年 6家外資正面看</t>
  </si>
  <si>
    <t>疫苗接種死亡 新北再添6例</t>
  </si>
  <si>
    <t>黃偉哲再槓蘇貞昌？網驚問一句</t>
  </si>
  <si>
    <t>新疆再增13例確診 已隔離2705名相關人士</t>
  </si>
  <si>
    <t>文大4名學生確診 大倫館345名住宿生今快篩</t>
  </si>
  <si>
    <t>公主號上5名台籍旅客已下船赴飯店休息</t>
  </si>
  <si>
    <t>尹恩惠確診新冠疑遭同居人傳染 一張全黑畫面報現況</t>
  </si>
  <si>
    <t>基市明德國中 送酒精口罩</t>
  </si>
  <si>
    <t>國內累計339人確診 50人解除隔離</t>
  </si>
  <si>
    <t>疫後復甦經濟！韓市府挺青年釋500職缺</t>
  </si>
  <si>
    <t>陳明璋指陸經濟進入保4爭5年代</t>
  </si>
  <si>
    <t>印度疫情慘烈 企業致力保護員工</t>
  </si>
  <si>
    <t>新北市居檢男猝死！倒臥防疫旅館馬桶旁</t>
  </si>
  <si>
    <t>內湖電視台攝影生前確診 主播張雅琴快篩結果出爐！</t>
  </si>
  <si>
    <t>利差擴大 新興企業債長線可期</t>
  </si>
  <si>
    <t>《塑膠股》台化配息3.8元 示警塑化業今年嚴峻</t>
  </si>
  <si>
    <t>疫情大爆發！北市現搶打疫苗潮 新冠肺炎門診預約全額滿</t>
  </si>
  <si>
    <t xml:space="preserve">雙北單日本土破百！最新確診地圖曝光 1縣市由橙轉紅 </t>
  </si>
  <si>
    <t>北京新增新冠肺炎境外輸入21例 涉及6國、8航班</t>
  </si>
  <si>
    <t>攝影師陳屍公司廁所確診新冠肺炎！內湖某電視台宣布「全體員工緊急快篩」</t>
  </si>
  <si>
    <t>病毒專家石正麗：新冠僅冰山一角</t>
  </si>
  <si>
    <t>英驚世預估 疫情至明年春 8成民眾染病</t>
  </si>
  <si>
    <t>民間醫院不聽指揮收治確診病患 柯P不排除採強制手段</t>
  </si>
  <si>
    <t>止咳藥常見成分會加速新冠病毒複製　醫曝：恐出現重症病患</t>
  </si>
  <si>
    <t>7天自主管理還能趴趴走 宅神：天網也抓不乾淨啦</t>
  </si>
  <si>
    <t>磐石艦雲林縣感染官兵接觸者8人 二採結果出爐</t>
  </si>
  <si>
    <t>金門疫情謠言滿天飛 縣府專稿澄清＋警告</t>
  </si>
  <si>
    <t>新北24小時三班制 一天處理110具遺體</t>
  </si>
  <si>
    <t>《通信網路》啟碁5G營收占比明年拚翻倍 續擴增台越產能</t>
  </si>
  <si>
    <t>市場施打疫苗堵疫情15日後見真章 柯文哲要大家拭目以待</t>
  </si>
  <si>
    <t>侯友宜坦言：新北近期確診數只會更多 但寧可多也不要漏掉</t>
  </si>
  <si>
    <t>確診者自曝「萬華人與人連結」 他人生的痛：害母親染疫病歿</t>
  </si>
  <si>
    <t>超商店員怒曝這東西…客人都要「摸一下」 網驚：超噁心</t>
  </si>
  <si>
    <t>高端4死「2人主動脈剝離」 醫分析關聯性：這些人可先緩打</t>
  </si>
  <si>
    <t>提升篩檢量能 三軍總醫院明支援板橋機動篩檢站</t>
  </si>
  <si>
    <t>半導體設備 SEMI憂市場變數增</t>
  </si>
  <si>
    <t>沒有症狀的快樂缺氧 當被告知要插管時 該怎麼辦？</t>
  </si>
  <si>
    <t>普力生技公布產品抗新冠病毒報告 達99.99％以上</t>
  </si>
  <si>
    <t>專家走開！美CDC重啟國門方針 遭川普政府丟一邊</t>
  </si>
  <si>
    <t>《不可能7》爆離職潮 工作人員曝阿湯哥態度嘆：只想回家</t>
  </si>
  <si>
    <t>台南護專維持實體授課學生氣炸 校長：可請防疫假</t>
  </si>
  <si>
    <t>基隆65至67歲長者 集中施打第二劑莫德納</t>
  </si>
  <si>
    <t>劉倩妏護目鏡不離身！不為防新冠肺炎其實有隱情</t>
  </si>
  <si>
    <t>警察忙防疫 金融機構搶案 近1個月5起</t>
  </si>
  <si>
    <t>28日後生活能回復正常？專家：恐要等到疫苗打完</t>
  </si>
  <si>
    <t>Burberry賣3,600元高級口罩</t>
  </si>
  <si>
    <t>慰勉新冠肺炎努力貢獻 蔡其昌親赴國衛院</t>
  </si>
  <si>
    <t>病毒延燒美國務院？蓬佩奧妻子確診了</t>
  </si>
  <si>
    <t>防疫送暖 大學生烤披薩贈醫護</t>
  </si>
  <si>
    <t>聯亞EUA沒過 醫曝抗體只是把戲 避免死亡關鍵是它</t>
  </si>
  <si>
    <t>新港農會推廣優質黑豆 結合雲朗觀光推住宿免費品嘗國產黑豆茶</t>
  </si>
  <si>
    <t>新埔國小停課3天 劉美芳與家長會表支持</t>
  </si>
  <si>
    <t>紓困補助 侯友宜：個體發放是解燃眉之急 拚經濟路還很長</t>
  </si>
  <si>
    <t>再向蘇貞昌喊話 傅崐萁：速開放民間企業與地方政府採購疫苗</t>
  </si>
  <si>
    <t>新北今13所學校停課 劉和然：明日可全部復課</t>
  </si>
  <si>
    <t>草莓姐姐突PO文：沒錯 我們住萬華 看完網友留言鼻酸了</t>
  </si>
  <si>
    <t>怕接到陳時中電話 蔡英文吐真心話</t>
  </si>
  <si>
    <t>《經濟》景氣連亮3綠燈，疫情致短期受干擾</t>
  </si>
  <si>
    <t>北市新冠肺炎確診病患 砍殺護理師羈押確定</t>
  </si>
  <si>
    <t>有效抗疫 習近平促進一步發展中醫藥</t>
  </si>
  <si>
    <t>追幼兒園傳染源已沒意義 前台大醫揭2可能：Delta已在社區潛伏</t>
  </si>
  <si>
    <t>新壽防疫關懷保單借款 最低利率1％</t>
  </si>
  <si>
    <t>劉品言網購內衣頻卡關 PO文吐「大胸女孩困擾」</t>
  </si>
  <si>
    <t>譚德塞：新冠肺炎與季節性流感有4大差異</t>
  </si>
  <si>
    <t>短評／開學應再延後</t>
  </si>
  <si>
    <t>有效降低9成死亡風險 抗憂鬱症老藥為治療新冠帶來新希望</t>
  </si>
  <si>
    <t>遊覽車出車不到1成 計程車等嘸人</t>
  </si>
  <si>
    <t>東京奧運》奧組委要求500名護理師協助 引爆怒火</t>
  </si>
  <si>
    <t>南韓大邱市群聚感染 世衛與首爾密切聯繫</t>
  </si>
  <si>
    <t>被問疫苗採購 陳時中：要我講價格的都居心叵測</t>
  </si>
  <si>
    <t>擔心群聚感染 南市強化關懷據點防疫</t>
  </si>
  <si>
    <t>伊朗衛生部副部長驚爆感染新冠肺炎 已接受隔離</t>
  </si>
  <si>
    <t>全台1299間郵局 進入採簡訊實聯制</t>
  </si>
  <si>
    <t>北市賣菜確診婦稱獨居 疫調揪尪關鍵身影 招了：去過環南</t>
  </si>
  <si>
    <t>湖北台辦：滯留台胞盼從武漢返鄉 兩岸各飛2班 本周可運送完</t>
  </si>
  <si>
    <t>廣東本土病例清零 60萬支重組亞單位新冠疫苗抵粵</t>
  </si>
  <si>
    <t>豪門老公全力支援防疫 殷琦感覺很溫暖</t>
  </si>
  <si>
    <t>都會區人口密集 醫坦言：Delta防疫難度比屏東高</t>
  </si>
  <si>
    <t>MLB》就算不打年資照給 選秀可能縮至5輪</t>
  </si>
  <si>
    <t>最值得表揚的確診者 超狂足跡曝光 醫大讚防疫典範</t>
  </si>
  <si>
    <t>大陸想接滯摩洛哥台人 外交部：駐法代表處要更努力協助返台</t>
  </si>
  <si>
    <t>弔念新冠疫情烈士 陸領導人默哀3分鐘</t>
  </si>
  <si>
    <t>百貨線上搶客 流量數倍成長</t>
  </si>
  <si>
    <t>華盛頓州疑出現社區傳播與院內感染</t>
  </si>
  <si>
    <t>專家解讀本輪大陸疫情走勢：有三個主要暴發點 都可追溯到境外輸入</t>
  </si>
  <si>
    <t>遠距當道 筆電伺服器接單旺</t>
  </si>
  <si>
    <t>北市3千名學生尚未接種 聯醫16日加開BNT門診</t>
  </si>
  <si>
    <t>美單日確診新高美歐股陰霾罩頂</t>
  </si>
  <si>
    <t>北京嚴控疫情：在京人員近期非必要不出京 按75％限流開放景區等</t>
  </si>
  <si>
    <t>910萬人打疫苗遭指大內宣 蘇貞昌：全民踴躍打疫苗才穩住疫情</t>
  </si>
  <si>
    <t>腦麻兒口罩斷貨 婦聯會送500個應急</t>
  </si>
  <si>
    <t>疫情扯後腿 費半指數陷修正</t>
  </si>
  <si>
    <t>美確診破百萬 川普樂觀說了一句話</t>
  </si>
  <si>
    <t>《國際產業》史上最慘 歐洲4月新車銷售崩跌76.3％</t>
  </si>
  <si>
    <t>蕭乾祥專欄－疫情干擾、區間震盪 逢低擇強切入</t>
  </si>
  <si>
    <t>全球首例！港確診患者愛犬染新冠病毒</t>
  </si>
  <si>
    <t>美國又有數州想復工 公衛專家苦諫無效</t>
  </si>
  <si>
    <t>林飛帆殺雞取「暖」 PTT鄉民酸爆：9萬防疫新生活</t>
  </si>
  <si>
    <t>陸新冠肺炎疫苗 最快將於4月下旬申報臨床試驗</t>
  </si>
  <si>
    <t>馬祖加強防疫 屢勸不聽縣府將開罰</t>
  </si>
  <si>
    <t>屏東確診增1例 足跡家樂福閉館消毒</t>
  </si>
  <si>
    <t>疫情攪局！高市議會臨時會開不開還有變數</t>
  </si>
  <si>
    <t>去年基期低＋車廠大力促銷 陸1月汽車銷量 年增逾3成</t>
  </si>
  <si>
    <t>日本境內894例新冠肺炎 51重症7死</t>
  </si>
  <si>
    <t>國發基金通過新創救援要點 協新興事業度過寒冬</t>
  </si>
  <si>
    <t>疫發難收的文明對抗</t>
  </si>
  <si>
    <t>被爆確診後「不配合藥物治療」久佔病房 女星吐：最合適的方法</t>
  </si>
  <si>
    <t>《產業》與縣市觀光首長座談，觀光局提振興3重心</t>
  </si>
  <si>
    <t>為提高疫苗施打率 屏東縣府於百貨公司設疫苗注射站</t>
  </si>
  <si>
    <t xml:space="preserve">最新確診地圖曝光 雙北累計3193人染疫 中部這縣巿逼近百人	</t>
  </si>
  <si>
    <t>全國農業金庫推新冠肺炎疫情紓困貸款措施</t>
  </si>
  <si>
    <t>大陸地震局推出疫期中小學生地震安全知識</t>
  </si>
  <si>
    <t>《國際社會》防疫情失控，義大利宣布全境封鎖</t>
  </si>
  <si>
    <t>國軍口罩政策爆陰謀論 媒體人揭最嚴重問題在這！</t>
  </si>
  <si>
    <t>男子假冒新冠防疫員 登堂入室綑綁屋主洗劫財物</t>
  </si>
  <si>
    <t>印度神童恐怖預言 這4國再爆一波 全球解封時間曝光</t>
  </si>
  <si>
    <t>外籍人士盼延簽 指揮中心：相信外交部會視情況准許</t>
  </si>
  <si>
    <t>擴大消費場所查察？侯友宜：有些場所也會評估</t>
  </si>
  <si>
    <t>疫情讓你焦慮不安？ 3招打造情緒復原力 抗疫更強大</t>
  </si>
  <si>
    <t>獨／乘客上車未戴口罩 暖司機無私送萬人讚爆</t>
  </si>
  <si>
    <t>大陸多10宗輸入確診 廣州通報4宗最多</t>
  </si>
  <si>
    <t>1450霸凌名揚全世界 羅智強怒批：丟盡台灣人的臉</t>
  </si>
  <si>
    <t>最強帶原者　媽媽傳染新冠肺炎給17個小孩</t>
  </si>
  <si>
    <t>道瓊暴跌逾千點 台股早盤大跌逾百點後反彈</t>
  </si>
  <si>
    <t>疫情趨緩 巨城五一連假業績成長五成</t>
  </si>
  <si>
    <t>口罩外交奏效、我列疫苗首批名單 AIT：美國不會忘記台灣慷慨</t>
  </si>
  <si>
    <t>市議員籲台中近10萬移工應整合快篩 市府：神岡、豐洲已設置快篩站</t>
  </si>
  <si>
    <t>CBA》林書豪：復賽意義遠大於打球</t>
  </si>
  <si>
    <t>立委爆7600萬口罩憑空消失 陳時中這麼說</t>
  </si>
  <si>
    <t>確診北部女「潛伏期」掀熱議 ICU醫曝正確算法</t>
  </si>
  <si>
    <t>驚！四川出現新冠肺炎治癒10日後二次感染患者</t>
  </si>
  <si>
    <t>聯亞EUA卡關 3800名受試者怎麼辦？陳時中曝2種選擇</t>
  </si>
  <si>
    <t>疫情衝擊旅行社飯店業航空業！華語導遊 淪做洗碗工謀生</t>
  </si>
  <si>
    <t>指揮中心急發8萬多則警示簡訊 提醒曾赴環南民眾速採檢</t>
  </si>
  <si>
    <t>板橋昨篩檢497人 陽性個案24例 陽性率達4.8％</t>
  </si>
  <si>
    <t>《半導體》Sony PS5傳追單 鈺太Q3吃補丸</t>
  </si>
  <si>
    <t>成大醫院防疫再升級 一般病房每天只開放1小時探病</t>
  </si>
  <si>
    <t>近85％民眾估今年經濟保一 明年則憂疫情再起</t>
  </si>
  <si>
    <t>被小孩逼瘋？川普語出驚人：學校不復課 爸媽都要死了</t>
  </si>
  <si>
    <t>《科技》2020新冠黑天鵝突襲 高通陳若文：明年半導體仍健康</t>
  </si>
  <si>
    <t>《熱門族群》疫苗滅宅經濟 富邦媒重傷、東森苦情</t>
  </si>
  <si>
    <t>《股利-電腦設備》融程電決配息3元 今年拚穩中求進</t>
  </si>
  <si>
    <t>新冠肺炎影響畜產價格？農委會：土雞價格已上漲</t>
  </si>
  <si>
    <t>投資型保單占率 9月破五成</t>
  </si>
  <si>
    <t>確認浙江台商是新冠肺炎死亡案例傳染源？ 陳時中：需透過血清檢驗</t>
  </si>
  <si>
    <t>哥倫比亞株與南非、英國變種同門 專家分析：1傳5不容小覷</t>
  </si>
  <si>
    <t>首例出院女台商 肺部纖維化</t>
  </si>
  <si>
    <t>兒童該接種疫苗嗎？醫師提醒5個「該打」理由</t>
  </si>
  <si>
    <t>WHO攜手臉書、微軟等大廠舉辦 防疫黑客松 48小時不斷電</t>
  </si>
  <si>
    <t>疫情從此改變旅遊習慣 切斯基回歸初心 重振Airbnb業績</t>
  </si>
  <si>
    <t>如何有效減少重症死亡率？公衛專家：應及早部署重症照護量能</t>
  </si>
  <si>
    <t>曾酸「台灣太自滿」釀社區感染 澳專家看防疫數據讚：了不起</t>
  </si>
  <si>
    <t>「伊林」達陣 國內連10天沒有新增病例</t>
  </si>
  <si>
    <t>文化部所屬表演型場館主辦活動 即日起暫停</t>
  </si>
  <si>
    <t>公司無預警歇業 中市府歇業事實認定維護勞工權益</t>
  </si>
  <si>
    <t>警PO文批衛生局「甩鍋」 劍青檢改籲統合行政與司法相驗</t>
  </si>
  <si>
    <t>新冠病毒是「人造」嗎？美醫學權威研究 結果驚人！</t>
  </si>
  <si>
    <t>參加全大陸抗擊新冠肺炎疫情表彰大會 林天良：兩岸好，台灣才會好</t>
  </si>
  <si>
    <t>派丁森染疫《蝙蝠俠》再停擺</t>
  </si>
  <si>
    <t>再增1例境外移入 指揮中心14：00說明</t>
  </si>
  <si>
    <t>《國際金融》疫苖＋復甦基金 歐股漲0.75％、歐元登4個月新高</t>
  </si>
  <si>
    <t>嘉義泡茶群聚再＋1 早餐店老闆二採陰轉陽確診</t>
  </si>
  <si>
    <t>多啪啪能防疫？性學專家：高潮能殺病毒</t>
  </si>
  <si>
    <t>新冠疫苗 我近1500萬劑到手</t>
  </si>
  <si>
    <t>超暖心 日本醫護每人5.5萬慰勞金</t>
  </si>
  <si>
    <t>內政部三張圖宣導居家隔離檢疫 網笑：他就死掉了…</t>
  </si>
  <si>
    <t>【民進黨大亂鬥3】新系領頭羊動作多　賴神密會這些立委吃飯</t>
  </si>
  <si>
    <t>下船了！結束人球漂流 威士特丹號乘客受柬總理歡迎</t>
  </si>
  <si>
    <t>鄭文燦：要有三級延長心理準備 學習享受一人獨處的幸福</t>
  </si>
  <si>
    <t>香港新冠確診48例創單日新高 多數自歐美返回</t>
  </si>
  <si>
    <t>新北3例確診CT值高 侯友宜籲中央：建立快速抗體檢驗流程</t>
  </si>
  <si>
    <t>新冠肺炎疫情衝擊　智慧型手機全年產量將衰退3.5%</t>
  </si>
  <si>
    <t>新冠病毒=老婆？　印尼部長口出狂言：無法控制就與它／她並存</t>
  </si>
  <si>
    <t>外資賣台積 為哪樁？</t>
  </si>
  <si>
    <t>AZ真的白打了？醫列數據打臉 若擔心就快做1件事</t>
  </si>
  <si>
    <t>疫情炸鍋 彰縣議會定期會暫停2周 今全縣1.1萬名學生請假</t>
  </si>
  <si>
    <t>【全台清潔龍頭1】每天摸病毒卻買嘸口罩 開第一槍才得救</t>
  </si>
  <si>
    <t>長期主題 新興市場好超值 重返正當時</t>
  </si>
  <si>
    <t>三立電視台2員工確診 接觸者PCR結果出爐</t>
  </si>
  <si>
    <t>本土病例狂飆 加拿大台人曝：這招效果絕不輸封城</t>
  </si>
  <si>
    <t>美股紅翻黑 新興市場也失血</t>
  </si>
  <si>
    <t>新冠肺炎死亡數逾50萬 拜登下令聯邦機構「降半旗5天」領導哀悼儀式</t>
  </si>
  <si>
    <t>新增8境外移入 5例都來自這個國家</t>
  </si>
  <si>
    <t>高雄防堵疫情 明啟動三大科學園區快篩</t>
  </si>
  <si>
    <t>「開車也要戴口罩」全台傻眼 莊人祥：我一個人不會戴</t>
  </si>
  <si>
    <t>高市KTV最快今晚五點可復業 從業人員一周一篩</t>
  </si>
  <si>
    <t>後新冠房市兩樣情</t>
  </si>
  <si>
    <t>桃園新增1確診者 為特殊交友圈外溢親友</t>
  </si>
  <si>
    <t>15國可解封 台排名全球第8</t>
  </si>
  <si>
    <t>《半導體》聯發科法說落幕 外資比讚5G實力、憂4G有「疫」外</t>
  </si>
  <si>
    <t>南科推精準健康照護 鎖定後疫情時代</t>
  </si>
  <si>
    <t>取消全國性酒測 防酒駕團體批 徐國勇強調地方不打折</t>
  </si>
  <si>
    <t>紓困打工族1萬何不普發？社畜嘆正職該死：沒補助疫苗卻繳稅</t>
  </si>
  <si>
    <t>《金融》星展員工彈性福利金，可買防疫物品</t>
  </si>
  <si>
    <t>防疫新手段 屏縣府推平安手環</t>
  </si>
  <si>
    <t>北市松山區2校預防性停課 教育局建議鄰近18間補習班停課1天</t>
  </si>
  <si>
    <t>實聯制驚傳詐騙QR Code 傳送前確認1數字</t>
  </si>
  <si>
    <t>日月潭團客大減 散客多自駕遊</t>
  </si>
  <si>
    <t>大疫當前 《金門迎城隍宗教文化觀光季》停辦</t>
  </si>
  <si>
    <t>中和一家9口5確診2人待送醫 年紀最小僅6歲</t>
  </si>
  <si>
    <t>新北聯醫三重板橋院區 即日起探病、陪病限1人</t>
  </si>
  <si>
    <t>台灣防疫吊車尾 藍議員舉韓國現況轟：政府到底在幹什麼</t>
  </si>
  <si>
    <t>陳時中一句話 王丰酸：快走下祭壇退乩了還不知道</t>
  </si>
  <si>
    <t>日航包機撤離俄羅斯 保留50位置給國人</t>
  </si>
  <si>
    <t>北市警轟衛生局1句話甩鍋「死後確診」 警政署回應：會查</t>
  </si>
  <si>
    <t>男造謠嘉基醫院新冠肺炎疫情 面臨300萬元罰責</t>
  </si>
  <si>
    <t>華航印度撤僑專機 5月4日載南亞台人回台</t>
  </si>
  <si>
    <t>中研院實驗室門把、桌面有病毒 專家直呼怪！曝2大疑點</t>
  </si>
  <si>
    <t>基隆獲2100劑疫苗 林右昌宣布5族群優先施打</t>
  </si>
  <si>
    <t>2020武漢風暴》陸17省市省際公路與城市客運逐步恢復營運</t>
  </si>
  <si>
    <t>《半導體》外資續看好長期成長 日月光投控量增價揚</t>
  </si>
  <si>
    <t>病例更早就有 世衛籲各國調查</t>
  </si>
  <si>
    <t>義大利新增數字稍降 高層盼高峰期已過</t>
  </si>
  <si>
    <t>東方神起允浩爆上非法酒店有妹坐陪 公司急出面：遇警沒逃</t>
  </si>
  <si>
    <t>15檔體質勇 強勢抗疫</t>
  </si>
  <si>
    <t>無畏肺炎疫情 俄羅斯電影空降票房冠軍</t>
  </si>
  <si>
    <t>快篩容易偽陽性 指揮中心：採檢兩次更精準</t>
  </si>
  <si>
    <t>又一個歐洲國家新冠死亡人數超過大陸 它是...</t>
  </si>
  <si>
    <t>中市境外＋1 印尼確診台商搭醫療專機返台治療</t>
  </si>
  <si>
    <t>新冠病毒恐在台「自我進化」 醫憂：傳染力超過50％</t>
  </si>
  <si>
    <t>譚德塞：尚未發現讓疫苗失效的變種病毒 但情況可能改變</t>
  </si>
  <si>
    <t>批高端「三無疫苗」趙少康轟蔡政府用奧運轉移焦點</t>
  </si>
  <si>
    <t>《半導體》NB熱翻天 義隆搭上順風車、旺到年底</t>
  </si>
  <si>
    <t>生華科 抗疫新藥 獲美國青睞</t>
  </si>
  <si>
    <t>EXO Xiumin確診新冠肺炎 SM娛樂聲明：全團居家隔離</t>
  </si>
  <si>
    <t>新北今日首度0確診 侯友宜：更要小心翼翼</t>
  </si>
  <si>
    <t>接觸Delta病毒確診者 新北2人採檢1人PCR陰性</t>
  </si>
  <si>
    <t>嚴防北農出現破口 新竹果菜批發市場首批快篩均為陰性</t>
  </si>
  <si>
    <t>週末還會有人跑出去嗎？網一面倒：別高估台灣人</t>
  </si>
  <si>
    <t xml:space="preserve">搶救球后參賽權 WTA賽事送「緊急信」給政府 </t>
  </si>
  <si>
    <t>被疫情逼出來 名醫獻出直播處女秀</t>
  </si>
  <si>
    <t>挺大甲媽繞境顏清標喊話「媽祖保護」 館長怒轟：染疫吃XX</t>
  </si>
  <si>
    <t>195.9億元人事成本扛不住！ 長榮航 實施專案無薪事假</t>
  </si>
  <si>
    <t>WHA13友邦提案邀請台灣與會 巴拉圭重申堅定支持台灣</t>
  </si>
  <si>
    <t>新增2境外移入 搭機前採檢＋居檢都無效 菲女出關11天才確診</t>
  </si>
  <si>
    <t>義大利醫生：新冠病毒正在減弱 最終將自行消失</t>
  </si>
  <si>
    <t>網友整理台灣新冠肺炎確診地圖 台北市7人最多</t>
  </si>
  <si>
    <t>江仲豪 讓人生更棒</t>
  </si>
  <si>
    <t>新北確診重回二位數 侯友宜：1人感染源不明</t>
  </si>
  <si>
    <t>首波BNT疫苗 嘉義縣93％學生有意願接種</t>
  </si>
  <si>
    <t>《興櫃股》安特羅新冠肺炎抗原快篩試劑取得歐盟認證</t>
  </si>
  <si>
    <t xml:space="preserve">逮捕染疫通緝犯 萬華西門派出所員警1確診1快篩陽性 </t>
  </si>
  <si>
    <t>《產業》餐飲業結盟搶抗疫商機 後備生力軍蓄勢待發</t>
  </si>
  <si>
    <t>竹縣特殊交友圈傳播＋1 竹北男與友人北市聚餐染疫</t>
  </si>
  <si>
    <t>《金融》金價創近9年新高 回落低接避險</t>
  </si>
  <si>
    <t>他談疫苗「鮮奶說、老車論」爆紅 網瘋傳逾5800次完勝名嘴</t>
  </si>
  <si>
    <t>第11輪BNT預約時間延長！這群人可打到第1劑</t>
  </si>
  <si>
    <t>疫情嚴峻 宜縣即日起禁止宮廟繞境、廟會等活動</t>
  </si>
  <si>
    <t>《興櫃股》心悅新冠新藥在台申請臨床試驗</t>
  </si>
  <si>
    <t>美開始試驗新冠疫苗 西雅圖第一批病患接受注射</t>
  </si>
  <si>
    <t>Delta變異株入侵台灣後 朱學恒吐一句心聲</t>
  </si>
  <si>
    <t>連兩天0確診 網驚：海軍女友天生神力？</t>
  </si>
  <si>
    <t>《產業》觀光產業紓困補助 已核撥41.6億元</t>
  </si>
  <si>
    <t>第一線媒體人 爭取優先打疫苗</t>
  </si>
  <si>
    <t>疫情期間捐2.1億 新北表揚96家績優宗教團體</t>
  </si>
  <si>
    <t>《產業分析》高通看好開放網路破壞性創新 台廠展拳腳</t>
  </si>
  <si>
    <t>新增1境外移入 指揮中心下午2點記者會</t>
  </si>
  <si>
    <t>明起入境全面普篩 陳時中：驗出陽性一律做基因定序</t>
  </si>
  <si>
    <t>高端混打安全性沒問題？陳時中跳針回應這句話</t>
  </si>
  <si>
    <t>婦產科醫學會：孕產婦打mRNA疫苗為主 那其他女性呢？</t>
  </si>
  <si>
    <t>旅遊等五大產業要求紓困 中市府：九箭全力推動</t>
  </si>
  <si>
    <t xml:space="preserve">婦打莫德納第二劑陷惡夢 起疹、胸痛 20天後主動脈剝離 </t>
  </si>
  <si>
    <t>斷翅膀、縫眼睛活體烹煮 越南驚見野味市場</t>
  </si>
  <si>
    <t>陳一新下武漢 約法三章震懾官場</t>
  </si>
  <si>
    <t>《國際社會》新冠疫情警報大響，美國要民眾開始為境內傳播做準備</t>
  </si>
  <si>
    <t>雲南瑞麗連續爆疫情 1歲多幼兒已做74次核酸檢測</t>
  </si>
  <si>
    <t>新冠病毒超難纏 國內再增3復陽案例</t>
  </si>
  <si>
    <t>在家工作潮讓Zoom翻紅 偷傳資料給Facebook再惹爭議</t>
  </si>
  <si>
    <t>《業績-電腦設備》佳世達3月營收雙增 創同期新高</t>
  </si>
  <si>
    <t>北港香盛期暴人潮 公所加強防制新冠、登革熱消毒</t>
  </si>
  <si>
    <t>美疫情惡化 路透：川普可能宣布國家級災難</t>
  </si>
  <si>
    <t>影》爆料老媽滿屋子狂咳 川普前顧問火辣女兒宣布染新冠</t>
  </si>
  <si>
    <t>MLB公布2021年賽程 全聯盟4月1日同步開季</t>
  </si>
  <si>
    <t>媽祖進香 徐耀昌：媽祖是慈悲的 萬一有漏洞得不償失</t>
  </si>
  <si>
    <t>32歲男星急性敗血症病逝 友慟：因新冠肺炎延誤黃金治療期</t>
  </si>
  <si>
    <t>出院嚴格自主管理 戴口罩勿共食</t>
  </si>
  <si>
    <t>義大利新冠確診單日暴增千人 執政黨魁自曝感染</t>
  </si>
  <si>
    <t>新竹縣增1例 孕婦即日起可於5醫院預約接種</t>
  </si>
  <si>
    <t>歐洲遭新冠攻陷 至1月底 金融業曝險近5兆</t>
  </si>
  <si>
    <t>美網防疫大刀砍 女雙頭號種子被迫棄賽</t>
  </si>
  <si>
    <t>二級警戒持續至8／23 最新規定出爐！超商可賣茶葉蛋了</t>
  </si>
  <si>
    <t>《類股》統一狂飆逾8％，食品股飄香氣</t>
  </si>
  <si>
    <t>胡扯新冠肺炎定名「SARI」？ 刑事局逮假訊息張貼者</t>
  </si>
  <si>
    <t>台中首例打高端後死亡個案　莊人祥：出現肺浸潤、竇性心搏過速等症狀</t>
  </si>
  <si>
    <t>崩壞與節制的一年</t>
  </si>
  <si>
    <t>文曄擬私募1.7億股 市場關注</t>
  </si>
  <si>
    <t>大陸本土又＋0 高風險地區剩1</t>
  </si>
  <si>
    <t>找嘸買家 美油商被迫關油井</t>
  </si>
  <si>
    <t>克雷多生醫 PCR檢測CP值高</t>
  </si>
  <si>
    <t>BNT疫苗何時到貨？ 陳時中回應了</t>
  </si>
  <si>
    <t>疫苗險取消年齡下限 嬰幼兒學生都可投保</t>
  </si>
  <si>
    <t>陸港觀盤－Q2持續盤整 資金青睞內需</t>
  </si>
  <si>
    <t>新冠肺炎重症關鍵 英研究： 76％患者有這情形</t>
  </si>
  <si>
    <t>公布案33日本旅遊路徑 掌握67名接觸者持續採檢</t>
  </si>
  <si>
    <t>打過2劑AZ也成功登記 工程師揪漏洞遭酸：國家真的病了</t>
  </si>
  <si>
    <t>回顧諾富特事件 陳時中坦言跌了一跤</t>
  </si>
  <si>
    <t>居家隔離趴趴走 陳以信：應戴電子手環</t>
  </si>
  <si>
    <t>北部高中停課 該校學生悲痛控綠媒：不只肺炎會殺人</t>
  </si>
  <si>
    <t>確診者抱怨作業有空窗期 侯友宜籲中央：校正回歸速度加快</t>
  </si>
  <si>
    <t>MOSFET廠喜迎轉單潮</t>
  </si>
  <si>
    <t>疫情紓困 屏縣主動調降娛樂稅30％</t>
  </si>
  <si>
    <t>台灣偷偷隱瞞疫情？他直言「絕不可能」：真相太中肯</t>
  </si>
  <si>
    <t>香港推12歲以上學童明起預約接種輝瑞疫苗 最快端午節打</t>
  </si>
  <si>
    <t>吳淡如淚曝醫護心酸手術過程 為確診孕婦剖腹只怕寶寶感染</t>
  </si>
  <si>
    <t>花蓮青年新創基地揭牌 全台唯一24小時開放</t>
  </si>
  <si>
    <t>金門縣府量體溫 首日出現「小塞車」狀況</t>
  </si>
  <si>
    <t>北京新冠病毒株變了？48歲女病患驚見這症狀</t>
  </si>
  <si>
    <t>台灣新冠肺炎趨緩 防疫員憂：恐換這病大爆發</t>
  </si>
  <si>
    <t>基隆某醫院行政人員確診！已匡列50人、48人陰性</t>
  </si>
  <si>
    <t>戰疫奏捷賺2.8億 電影《幸運女神》榮登義票房冠軍</t>
  </si>
  <si>
    <t>嗆爆陸仍遭看衰！共和黨黨工：川普恐連丟總統與國會大選</t>
  </si>
  <si>
    <t>保加利亞副總統確診新冠肺炎 症狀輕微</t>
  </si>
  <si>
    <t>留學生返台偷跑買蚵仔煎 害慘店家「停業1個月」</t>
  </si>
  <si>
    <t>短視！川普斷WHO金援 衛生專家震驚</t>
  </si>
  <si>
    <t>川普狂打陸 美前國安顧問：想隱瞞自己一大弱點</t>
  </si>
  <si>
    <t>入境留假名「胡析延」 柯承諾一定依法找出並裁罰</t>
  </si>
  <si>
    <t>1分鐘看世界》英相高燒不退住院 日可望發布「緊急事態宣言」</t>
  </si>
  <si>
    <t>封國前兆？美國務院發推文：美國人快回來！</t>
  </si>
  <si>
    <t>網讚1790劑疫苗「神手接種1955人」竹北市衛生所：客家醫護我驕傲</t>
  </si>
  <si>
    <t xml:space="preserve">威士特丹號乘客不得來台 2台人返國須檢疫 </t>
  </si>
  <si>
    <t>苗栗禁移工外出 民團批：以恐懼包裝歧視</t>
  </si>
  <si>
    <t>高雄福華飯店搶推遠端辦公室 安心住房專案</t>
  </si>
  <si>
    <t>無視防疫出席高檔晚宴 愛爾蘭部長丟烏紗帽</t>
  </si>
  <si>
    <t xml:space="preserve">國內新增1死為埃及團成員 華航毒班機又添1確診 </t>
  </si>
  <si>
    <t>高端開打首日 桃園驚傳2人不適 美籍女接種後倒地</t>
  </si>
  <si>
    <t>歐盟峰會火爆達成25兆刺激協議 馬克宏川普附身 領袖互嗆大暴走</t>
  </si>
  <si>
    <t>疫情變助力 網：2024總統會是他</t>
  </si>
  <si>
    <t>防疫視同作戰 中市宣佈高中職以下學校場地不對外開放</t>
  </si>
  <si>
    <t>歐洲確診數恐會高於亞洲 陳時中：嚴防第二波疫情</t>
  </si>
  <si>
    <t>照完肺部CT才驚覺女嬰染疫　44名醫護人員被隔離</t>
  </si>
  <si>
    <t>台東盼到「嘉玲」饒慶鈴：持續抗疫</t>
  </si>
  <si>
    <t>回國住防疫旅館 櫃檯驚曝：與匡列確診者混住共用電梯</t>
  </si>
  <si>
    <t>外出何時不用戴口罩？專家給答案 做到這件事就快了</t>
  </si>
  <si>
    <t>破功！今增1境外移入確診 為俄羅斯返台國人</t>
  </si>
  <si>
    <t>陰轉陽病例再現！她一採陰性後中鏢</t>
  </si>
  <si>
    <t>台女赴菲染疫痊癒2個多月 返台解隔離又確診</t>
  </si>
  <si>
    <t>護理師控確診者「索取女人」求幫洗內褲 河莉秀氣炸：用稅金治療瘋子</t>
  </si>
  <si>
    <t>BioNTech、輝瑞新冠疫苗 早期臨床試驗報佳音</t>
  </si>
  <si>
    <t>《國際經濟》新紓困振興案、Fed會議、超級財報周 本周美股風起雲湧</t>
  </si>
  <si>
    <t>台男赴澳門檢出Delta病毒！指揮中心曝感染源：非近期感染</t>
  </si>
  <si>
    <t>疫情管制鬆綁下周說明 陳時中定調：不會分區</t>
  </si>
  <si>
    <t>訂單旺 京元電營收連月締新猷</t>
  </si>
  <si>
    <t>美零售業重災 無薪假人數飆</t>
  </si>
  <si>
    <t>最強措施！伊朗令軍方清空街道 人民全接受檢測</t>
  </si>
  <si>
    <t>港人瘋搶衛生紙！　新加坡部長笑「低能」：國人母湯學</t>
  </si>
  <si>
    <t>2月營收提前報！4檔創新高</t>
  </si>
  <si>
    <t>竇逸》別走到封城那一天</t>
  </si>
  <si>
    <t>三級疫情警戒延長 將加強稽查裁罰</t>
  </si>
  <si>
    <t>東奧延1年 韓選手難逃兵役？</t>
  </si>
  <si>
    <t>防疫大於一切！多數網友認為應禁止非本國籍人入境台灣</t>
  </si>
  <si>
    <t>全台「順時中」大解封 台南還維持部分「逆時中」</t>
  </si>
  <si>
    <t>戴口罩亞裔成箭靶 我外館示警</t>
  </si>
  <si>
    <t>好來工作 291人安心上工</t>
  </si>
  <si>
    <t>新北有線電視 「防疫動健康」上線</t>
  </si>
  <si>
    <t>全民防疫！太魯閣停車格減半 東大門4／14起人流管制</t>
  </si>
  <si>
    <t>機師突破性感染！民航局長對業者說重話 無法落實防疫就檢討航線</t>
  </si>
  <si>
    <t>高端第二劑接種計畫出爐 指揮中心：9／27起施打</t>
  </si>
  <si>
    <t>陳時中拋「太多單位自購會引發困擾」 賴士葆：與蔡互唱黑白臉？</t>
  </si>
  <si>
    <t>致新營運旺 大方配息9.5元</t>
  </si>
  <si>
    <t>520登記 台法情侶韓國訂姻緣</t>
  </si>
  <si>
    <t>不信新冠數字 英比較名單將陸除名</t>
  </si>
  <si>
    <t>立法院再添國會聯絡人確診 邱臣遠呼籲交通委員會委員、助理自主健康管理</t>
  </si>
  <si>
    <t>泰嘉去年銷售金額創高 今年續推3案總銷78億元</t>
  </si>
  <si>
    <t>10州擬解新冠封 川普嗆他說了才算</t>
  </si>
  <si>
    <t>歐洲線飆漲 長榮超前部署營運衝</t>
  </si>
  <si>
    <t>台北市新增1院內感染 洗腎病患確診 4接觸者快篩陽性</t>
  </si>
  <si>
    <t>集美國小祭海關測溫儀 入校量體溫不卡卡</t>
  </si>
  <si>
    <t>新冠患者住院治療為何都趴著？ ICU醫揭秘</t>
  </si>
  <si>
    <t>降二級警戒仍與病毒共處 醫師：隱形傳播讓人擔憂</t>
  </si>
  <si>
    <t>蘇貞昌：台灣好棒 陳時中不會換</t>
  </si>
  <si>
    <t>中壢40年自助餐老店7月底關門 網：沒有50塊便當了！</t>
  </si>
  <si>
    <t>疫情嚴峻 鄒族南三村祈福守護族人</t>
  </si>
  <si>
    <t>禍不單行 沒水沒電有病毒！網友崩潰：住在第三世界？</t>
  </si>
  <si>
    <t>超豐曝群聚感染內幕 移工誇張手法逃過第一線檢測</t>
  </si>
  <si>
    <t>加拿大勞動市場急凍</t>
  </si>
  <si>
    <t>柯籲官兵足跡公布標準應一致 不該讓地方看著辦</t>
  </si>
  <si>
    <t>接種AZ餵母乳害女嬰猝死？醫曝致命關鍵恐是它</t>
  </si>
  <si>
    <t>華南銀行主辦裕融企業公司新臺幣60億元聯貸案 協助企業拓展事業</t>
  </si>
  <si>
    <t xml:space="preserve">北市加強版防疫專責旅館 驚傳5旬確診者猝死 </t>
  </si>
  <si>
    <t>彰化女保險員被通知隔離還出門賣保單 最重可罰15萬元</t>
  </si>
  <si>
    <t>嚴德發自請處分 蔡英文：待完整調查後進行相關人員懲處</t>
  </si>
  <si>
    <t>台灣疫情快失控？台大名醫曝關鍵：其實還差非常遠</t>
  </si>
  <si>
    <t>網謠傳基隆廟口攤商「中標」主委怒貼懸賞揪兇</t>
  </si>
  <si>
    <t>本土增8例 5例在新北幼兒園 學童回家傳給1歲妹</t>
  </si>
  <si>
    <t>慘！一家8口染疫 早上中午各4具棺材抬出</t>
  </si>
  <si>
    <t>大陸本土＋6 揚州第11次大檢測</t>
  </si>
  <si>
    <t>柯文哲嗆中央 對付新冠沒有對付我用心</t>
  </si>
  <si>
    <t>降低病毒傳播速度 新冠專家：全世界接種疫苗後還是應戴好口罩</t>
  </si>
  <si>
    <t>17萬學生接種BNT意願書 新北明完成彙整造冊</t>
  </si>
  <si>
    <t>石斑魚滯銷 民代盼國營單位協助解決</t>
  </si>
  <si>
    <t>宜蘭金樽喜宴傳播鏈再增1例 30多歲男陰轉陽今確診</t>
  </si>
  <si>
    <t>心血管疾病不敢打新冠疫苗？醫分析：染疫後心肌梗塞機率反增</t>
  </si>
  <si>
    <t>潘迎紫喉痛胸緊虛驚</t>
  </si>
  <si>
    <t>仲介在旅館藏32名移工竟6確診 竹市府重罰100萬元</t>
  </si>
  <si>
    <t>湖口移工宿舍傳快篩陽性 業者：入住39人來自苗栗</t>
  </si>
  <si>
    <t>網瘋傳「日本贈送過期疫苗」綠委：假訊息 速查速辦速罰</t>
  </si>
  <si>
    <t>新冠肺炎》美國確診數37萬 死亡破1.1萬例！川普斥WHO搞砸了</t>
  </si>
  <si>
    <t>Delta來了！恐有好幾條感染源 柯文哲：12區成立疫調小組</t>
  </si>
  <si>
    <t>新冠肺炎 產業驗傷－首季營收估減三成 TPK：4月恢復正常</t>
  </si>
  <si>
    <t>第二波口罩實名制2.0預購 25日啟動</t>
  </si>
  <si>
    <t>美F-35等戰機出問題 這關鍵指標爆全面衰退</t>
  </si>
  <si>
    <t>拯救台灣疫情從這開始 降低新冠肺炎感染風險12％的習慣</t>
  </si>
  <si>
    <t>華新口罩擴廠缺人 縣府幫徵才</t>
  </si>
  <si>
    <t>今新增7例確診 6境外移入 1本土</t>
  </si>
  <si>
    <t>日本第五度贈AZ疫苗 50萬劑今日下午抵台</t>
  </si>
  <si>
    <t>網傳肺炎確診者在新竹某醫院隔離 2名被告緩起訴</t>
  </si>
  <si>
    <t>林宥嘉籌備新專輯 二寶預產期保密到家</t>
  </si>
  <si>
    <t>滯湖北鄰長夫妻回台 逃過肺炎死劫吃麻油麵淚掉</t>
  </si>
  <si>
    <t>民眾免驚恐 刑警嚴打假訊息</t>
  </si>
  <si>
    <t>《半導體》Q2續看升 精測穩揚</t>
  </si>
  <si>
    <t>前伊朗駐教廷大使 染新冠肺炎病逝</t>
  </si>
  <si>
    <t>日奧運大臣：東京奧運可在2020年內延期舉行</t>
  </si>
  <si>
    <t>獨》IKEA員工返馬國確診 匡列225人PCR採檢結果出爐</t>
  </si>
  <si>
    <t>1分鐘看世界》WHO改口讚台防疫 川普以台為證控WHO失職</t>
  </si>
  <si>
    <t>蝙蝠洞遊客怕怕 動保處提三不</t>
  </si>
  <si>
    <t>排隊買口罩多老人 李來希一句話讓年輕人氣炸</t>
  </si>
  <si>
    <t>新增13起接種疫苗後死亡 莊人祥回應</t>
  </si>
  <si>
    <t>載到確診者 6公車司機抗疫 復工</t>
  </si>
  <si>
    <t>1分鐘看世界》日本、新加坡疫情告急 大陸改變檢測方法</t>
  </si>
  <si>
    <t>國泰產險攜手WeMo Scooter 推外送員傷害保險</t>
  </si>
  <si>
    <t>《美股》業績差、「錢」景淡 UA重挫9.72％</t>
  </si>
  <si>
    <t>中科篩檢站7日完成演練 廠商展開線上預約篩檢</t>
  </si>
  <si>
    <t>直擊屏東枋山2村解封首日 巿場這一幕令人意外</t>
  </si>
  <si>
    <t>台北地院出現第4位確診者 衛生局緊急匡列10多名接觸者</t>
  </si>
  <si>
    <t>台中市新增7例 首傳藥師一家三口確診</t>
  </si>
  <si>
    <t>特權打疫苗？ 蔡英文喊話：輪到你再去打</t>
  </si>
  <si>
    <t>傳財經大老外籍媳大鬧隔離病房？陳時中回應</t>
  </si>
  <si>
    <t>花蓮四維高中打頭陣接種BNT 未傳出有人不適</t>
  </si>
  <si>
    <t>疫情燒大馬 手套、保險套產業告急</t>
  </si>
  <si>
    <t>新加坡對東盟、日本、瑞士、英國 發布入境管制</t>
  </si>
  <si>
    <t>驚！上次的20倍 新一輪蝗災強襲非洲 農糧組織：前所未有的威脅</t>
  </si>
  <si>
    <t>全域清零 大陸遼寧省降至低風險區</t>
  </si>
  <si>
    <t>國民黨順時中 臉書粉專黨徽戴粉紅色口罩</t>
  </si>
  <si>
    <t>拓也哥疑染新冠肺炎？高燒40度送加護病房</t>
  </si>
  <si>
    <t>川普稱至尊公主號的鍋我們不背 網友嗆史上最爛的總統棄老百姓不顧</t>
  </si>
  <si>
    <t>屏東88名長者錯打AZ疫苗 東港安泰醫院：每人發5千元慰問金</t>
  </si>
  <si>
    <t>大病初癒生子後 英相強森今首度主持疫情簡報</t>
  </si>
  <si>
    <t>與確診者出遊 北市南港某國小92人請防疫假</t>
  </si>
  <si>
    <t>好慘！他怨川普3年建最強國 陸60天就毀了</t>
  </si>
  <si>
    <t>第10輪BNT加開一對象 今上午10點起「限8小時」搶訂</t>
  </si>
  <si>
    <t>接種三針新冠重組蛋白疫苗 北京落地開打</t>
  </si>
  <si>
    <t>本土病例 症狀前就具高傳染力</t>
  </si>
  <si>
    <t>夏天病毒會消失 醫師悲觀</t>
  </si>
  <si>
    <t>第12輪3疫苗開打逾50萬劑 盧秀燕：艱困挑戰不能出錯</t>
  </si>
  <si>
    <t>台積電捐疫苗不尋常？陸行之4點分析這樣看</t>
  </si>
  <si>
    <t>《國際經濟》美國疫情到頂 川普：周四公布復工準則</t>
  </si>
  <si>
    <t>月底50％！富士康復工時程曝光</t>
  </si>
  <si>
    <t>102歲人瑞入院3天死亡 莊人祥：目前最年長確診者</t>
  </si>
  <si>
    <t>引柏南奇談話 龔明鑫：發現金比消費券還糟</t>
  </si>
  <si>
    <t>校園解禁 桃竹苗陸續開放運動</t>
  </si>
  <si>
    <t>嘉縣246人放無薪假 實際恐更多</t>
  </si>
  <si>
    <t>「解密科技寶藏」近萬人按讚 AI科技免費任你玩</t>
  </si>
  <si>
    <t>社區防疫　里長自主管理　再加送水神</t>
  </si>
  <si>
    <t>《櫃買市場》申請上櫃公司數回升 續推戰略新板</t>
  </si>
  <si>
    <t>陳時中戴眼鏡化身「風衣型男」登時尚雜誌 網：拍馬屁？</t>
  </si>
  <si>
    <t>美200萬屋主 申請房貸寬限</t>
  </si>
  <si>
    <t>712解封有望 陳時中：表現好的話 這些地方先開放</t>
  </si>
  <si>
    <t>紐西蘭破功！奧克蘭新增4例社區感染　感染源頭至今不明</t>
  </si>
  <si>
    <t>BNT疫苗今抵台 蔡其昌：18歲以上可打到</t>
  </si>
  <si>
    <t>紐約比武漢危險 柯P：標準應一致</t>
  </si>
  <si>
    <t>陸昨新增新冠確診98例 其中本土55例 江蘇占40例</t>
  </si>
  <si>
    <t>雷根號航母又淪陷！　印度將成全球疫情第二大國</t>
  </si>
  <si>
    <t>資深女星沒趕上疫苗意願登記 網友給答案找「這個人」</t>
  </si>
  <si>
    <t>催打疫苗！盧秀燕宣布：13日起台中市民打第1劑送200元禮券</t>
  </si>
  <si>
    <t>蘇貞昌昔稱沒有打疫苗的急迫性 賴士葆：讓人無言</t>
  </si>
  <si>
    <t>強化防禦力 新興短期高收債可納入資產配置組合</t>
  </si>
  <si>
    <t>現有疫苗難擋Omicron？最新BNT保護力曝光</t>
  </si>
  <si>
    <t>安養機構風險高 指揮中心：醫護有呼吸道症狀就採檢</t>
  </si>
  <si>
    <t>中西醫合治 緩解新冠症狀</t>
  </si>
  <si>
    <t>新冠肺炎衝擊 匯豐下調陸Q1 GDP成長至4.1％</t>
  </si>
  <si>
    <t>蔡依林抗疫歌惹議 館長狂酸：敢講中華民國加油？</t>
  </si>
  <si>
    <t>《經濟》紓困現金補助 蘇貞昌：90萬人本周入帳</t>
  </si>
  <si>
    <t>大陸全國疫情高風險地區清零 中風險地區下降到3個</t>
  </si>
  <si>
    <t>6人群聚打牌恐罰36萬 輸家還沒請烤雞「好市多1900隻」先飛了</t>
  </si>
  <si>
    <t>大陸病例反彈！北京再增36確診 官方宣布進入非常時期</t>
  </si>
  <si>
    <t>NBA》復原超快！美媒爆杜蘭特可上場</t>
  </si>
  <si>
    <t>遭羅友志轟「政大之恥」張雅琴播報時再開酸</t>
  </si>
  <si>
    <t>自費施打疫苗政策轉彎 賴士葆痛批：難道台灣人命不如友邦？</t>
  </si>
  <si>
    <t>疫情衝擊經濟 香港廠商會：火燒連環船</t>
  </si>
  <si>
    <t>大甲媽祖遶境辦不辦？ 廟方說話了</t>
  </si>
  <si>
    <t>利多護體 原相泰碩抗跌</t>
  </si>
  <si>
    <t>南山弱體保單免等待期</t>
  </si>
  <si>
    <t>防疫超前 花蓮縣議會率先無限期休會</t>
  </si>
  <si>
    <t>疫情導致歧視蔓延？學者：政府有意無意灌輸</t>
  </si>
  <si>
    <t>低調捐救命神器後范瑋琪罕見發文 網友湧入道歉她一句話神回應</t>
  </si>
  <si>
    <t>國內汙水測到新冠病毒 來源地曝光！全是高風險區</t>
  </si>
  <si>
    <t>移工來源國列第三級警告 台中籲雇主落實防疫措施</t>
  </si>
  <si>
    <t>疾管署高端疫苗簡介悄上線 眼尖網揪：連保護力幾％都没寫</t>
  </si>
  <si>
    <t>校園BNT殘劑繳回醫院遭批浪費 北市大轉彎：授權教職員接種</t>
  </si>
  <si>
    <t>宜蘭碧候村確診 村民暴動丟酒瓶太過份？知情者怒揭真相</t>
  </si>
  <si>
    <t xml:space="preserve"> 挫勒等！北市酒店女公關確診 中央要追「框出場」、「性交易」男客名單</t>
  </si>
  <si>
    <t>才3月中 國際板贖回快5千億 去年同期增124倍</t>
  </si>
  <si>
    <t xml:space="preserve">到診所可自費快篩了 陳時中公布社區廣篩4措施 </t>
  </si>
  <si>
    <t>郵政壽險共同抗疫挺保戶 提供多項關懷應變服務措施</t>
  </si>
  <si>
    <t>日15000球迷戴口罩看足球 陸網：日本人真不怕！</t>
  </si>
  <si>
    <t>麻豆新樓醫院防疫升級 今起一般病房全面禁止探病</t>
  </si>
  <si>
    <t>敦睦艦隊疫情擴大？傳出台南官兵女友先後烏龍確診</t>
  </si>
  <si>
    <t>連假後疫情樂觀？陳時中：本土案例仍需觀察</t>
  </si>
  <si>
    <t>台大100人以上課程 4／6起遠距教學</t>
  </si>
  <si>
    <t>疫後報復式反彈？外媒：陸V型復甦機率很低</t>
  </si>
  <si>
    <t>【防疫政要緊】憂台灣失守 蘇偉碩喊：蔡總統該下令鎖國了</t>
  </si>
  <si>
    <t>陳時中公布電郵 痛斥WHO不要一錯再錯</t>
  </si>
  <si>
    <t>鍾南山：陸疫情中下旬達高峰</t>
  </si>
  <si>
    <t>日政府阻擋不住購物網天價轉賣口罩</t>
  </si>
  <si>
    <t>台灣到底有沒有社區感染？</t>
  </si>
  <si>
    <t>路透：東奧已悄悄規劃延期方案</t>
  </si>
  <si>
    <t>疫情指揮中心將推電子圍籬監控 HTC DeepQ／LINE助攻</t>
  </si>
  <si>
    <t>不預期被大量施打 AZ申請美藥證時間點曝光</t>
  </si>
  <si>
    <t>基隆維持0確診 童話藝術節等多項大型活動延期</t>
  </si>
  <si>
    <t>中興米挺抗疫 製造商供糧不間斷</t>
  </si>
  <si>
    <t>《半導體》敦泰Q3每股賺1.06元 創上市後新高</t>
  </si>
  <si>
    <t>基隆市醫院專責快篩 衛生局：採檢93人、1人陽性</t>
  </si>
  <si>
    <t>王任賢》當病毒已翻牆進來</t>
  </si>
  <si>
    <t>IBM超級電腦已分析出77種新冠病毒藥品有效成分</t>
  </si>
  <si>
    <t>日財務大臣稱出錢也沒有口罩 網曝2關鍵</t>
  </si>
  <si>
    <t>偶像新星「口罩詐騙百萬」被捕 親姊道歉曝悲慘家世埋伏筆</t>
  </si>
  <si>
    <t>用振興券創業 大台中環保市場要幫失『薪』族做頭家</t>
  </si>
  <si>
    <t>宅在家防疫太苦悶 線上花店與室內設計app正夯</t>
  </si>
  <si>
    <t>囤貨潮狂吹...長輩一句LINE訊息網友傻眼：快檢舉</t>
  </si>
  <si>
    <t>《其他股》八貫1月營收雙增 訂單滿到Q2</t>
  </si>
  <si>
    <t>新冠病毒侵美時間翻盤 入冬恐再爆疫情</t>
  </si>
  <si>
    <t>Fed無限QE 新興短高收來勁</t>
  </si>
  <si>
    <t>打高端後不治要求加驗遭拒？桃檢：已轉達死者家屬希望</t>
  </si>
  <si>
    <t>蘇揆新年賀卡亮相 轉輪寫六大政績</t>
  </si>
  <si>
    <t>搶攻國旅客！高市觀光局力推城市探險月</t>
  </si>
  <si>
    <t>台灣會封城？楊志良：「這種情況」下就會被衝破</t>
  </si>
  <si>
    <t>倒店潮席捲台灣 專家：這類店家非常剉</t>
  </si>
  <si>
    <t>奇美醫PCR分艙分流 依受檢者屬性預約分流3處篩檢</t>
  </si>
  <si>
    <t>救觀光交通部砸百億 20億補助民眾玩國旅</t>
  </si>
  <si>
    <t>沒得選！打過兩劑疫苗返台 一樣要住防疫旅館</t>
  </si>
  <si>
    <t>影》總統府：盼其他宗教團體配合中央疫情中心指示</t>
  </si>
  <si>
    <t>防年輕族群成漏洞 學者建議學童定期快篩</t>
  </si>
  <si>
    <t>防失聯移工成破口 徐國勇看過來</t>
  </si>
  <si>
    <t>坦言三級警戒看不到盡頭 美女主播曬S腰辣照：找樂子</t>
  </si>
  <si>
    <t>解封前留後路！專家籲訂「再警戒」標準：把規則講清楚</t>
  </si>
  <si>
    <t>有打有保庇 雲林肺鏈疫苗大缺貨</t>
  </si>
  <si>
    <t>因應疫情 勞動部：無薪假勞工可領回原投保薪3個月</t>
  </si>
  <si>
    <t>美吹噓抗疫捐助 華春瑩反嗆：WHO會費繳了沒？</t>
  </si>
  <si>
    <t>新北全市將周周大消毒 直到解除三級警戒</t>
  </si>
  <si>
    <t>1分鐘看世界》國際疫情集中4大國 美股強勢反彈</t>
  </si>
  <si>
    <t>彰化7899位鄰長真拍謝了 奔走服務造冊打疫苗竟被誤會是官員</t>
  </si>
  <si>
    <t>《股利-其他》豐泰擬派利6元，Nike未砍單鬆口氣</t>
  </si>
  <si>
    <t>新北幼兒園確診師足跡曝光 常搭捷運往返板南線這2站</t>
  </si>
  <si>
    <t>新寶產後護理之家試營運 58折大促銷</t>
  </si>
  <si>
    <t>50餘人參加葬禮全程戴口罩、維持社交距離　仍有30人得新冠肺炎　</t>
  </si>
  <si>
    <t>第三劑明年開打！台大醫曝副作用 這兩款疫苗局部反應最多</t>
  </si>
  <si>
    <t>獨》基隆婦打莫德納後腦栓塞 治療4個月仍半邊無力</t>
  </si>
  <si>
    <t>要射箭還是停止口水？藍綠挺彰縣府推出圓夢、減稅計畫...</t>
  </si>
  <si>
    <t>《產業分析》全球及台灣筆電受「疫」 今年出貨估創5年高</t>
  </si>
  <si>
    <t>疫情惡化不見底！加州再禁全數室內活動</t>
  </si>
  <si>
    <t>防疫緊繃醫護看《三生三世十里桃花》助眠 楊冪喊話：你們是真英雄！</t>
  </si>
  <si>
    <t>抓出黑數 藍委籲開放民眾自購快篩劑普篩</t>
  </si>
  <si>
    <t>疫情衝擊 台東縣政府建請原鄉停辦豐年祭等歲時祭儀</t>
  </si>
  <si>
    <t>南投縣暫不關閉夜市 持續加強防疫宣導</t>
  </si>
  <si>
    <t>中市公布最新確診足跡 遍布寶雅、全聯、家樂福</t>
  </si>
  <si>
    <t>疫情激勵休閒商機、中美兩大市場同步進入消費旺季 運動概念股響叮噹</t>
  </si>
  <si>
    <t>學者憂病毒早就竄台</t>
  </si>
  <si>
    <t>台灣權王－元太、全新反彈 後市看旺</t>
  </si>
  <si>
    <t>苗栗7日新增45例 其中京元電為44例、超豐電1例</t>
  </si>
  <si>
    <t>屏東縣府免費接送長輩打疫苗 4鄉鎮啟動速打站</t>
  </si>
  <si>
    <t>媽祖正在看人間胡扯</t>
  </si>
  <si>
    <t>中市65歲以上第二劑AZ疫苗 明起46處快打站開打</t>
  </si>
  <si>
    <t>新北耶誕城停止戶外集會活動 網讚：侯神得分</t>
  </si>
  <si>
    <t>竹市疫苗再加開！明後天免預約打莫德納送200元禮券</t>
  </si>
  <si>
    <t>女歌手住飯店隔離14天 自彈自唱解悶慘被隔壁房投訴</t>
  </si>
  <si>
    <t>《全球聚焦》美西南數州染疫飆升 前景堪憂</t>
  </si>
  <si>
    <t>陸國旗五角星遭塗改為病毒 網怒斥印媒：公然辱華、以怨報德</t>
  </si>
  <si>
    <t>醫學期刊稱 變種病毒傳台後斷根</t>
  </si>
  <si>
    <t>伊朗驚傳23名國會議員染新冠肺炎</t>
  </si>
  <si>
    <t>與鑽石公主號同船4天 5移民官解禁呼幸運</t>
  </si>
  <si>
    <t>不敢大疫 猴硐遠距賞貓上線</t>
  </si>
  <si>
    <t>慢半拍？ 英格蘭今起規定 搭大眾運輸戴口罩</t>
  </si>
  <si>
    <t>砲轟口罩問題！李來希酸：偉大的民進黨政府啊</t>
  </si>
  <si>
    <t>入住雲朗觀光各館 免費品嘗新港黑豆茶</t>
  </si>
  <si>
    <t>MLB》大聯盟38人中鏢 二戰後首次停辦明星賽</t>
  </si>
  <si>
    <t>NBA》魔術強生：愛滋與新冠害慘我們</t>
  </si>
  <si>
    <t>振興「酷碰券」 每人每月上限1000元</t>
  </si>
  <si>
    <t>第12期疫苗開打 新北AZ疫苗施打率達到97％</t>
  </si>
  <si>
    <t>陳時中拭淚暴紅！最「不討好民意」防疫總舵手 如何讓醫界到網友都服他</t>
  </si>
  <si>
    <t>WHO更名新冠病毒 黃安讚有智慧：武漢太虧了</t>
  </si>
  <si>
    <t>居家隔離、檢疫者「奔喪」再放寬！滿5天無症狀可申請每天1次</t>
  </si>
  <si>
    <t>《國際金融》美疫情飆升，美股期貨走跌</t>
  </si>
  <si>
    <t>美術老師確診北市光仁國小緊急通知停課 校長回應了</t>
  </si>
  <si>
    <t>防疫最高警戒 謝淑薇口罩戴N-95</t>
  </si>
  <si>
    <t>野村投信2020第二季投資展望：美陸台股＋投資債 逢低布</t>
  </si>
  <si>
    <t>原訂4月搬回台 女星媽獨居美國德州「1月早先備妥物資」</t>
  </si>
  <si>
    <t>死亡人數突破80萬　新冠肺炎全球確診超過2300萬</t>
  </si>
  <si>
    <t>三重某診所醫師傳隱形缺氧亡 檢屍確診新冠肺炎</t>
  </si>
  <si>
    <t>雲林西螺埔心父子檔染疫 全縣6確診者的傳染者都是家人</t>
  </si>
  <si>
    <t>日本新冠肺炎確診達773人</t>
  </si>
  <si>
    <t>林佳龍烙狠話 再犯擬限縮航班</t>
  </si>
  <si>
    <t>新光三越南西店週年慶開打 連假首日挑戰5億元</t>
  </si>
  <si>
    <t xml:space="preserve">女兒發高燒、熱痙攣昏迷 診所醫急脫防護衣送急診 </t>
  </si>
  <si>
    <t>AZ疫苗疑又出血栓問題 丹麥再傳死亡案例</t>
  </si>
  <si>
    <t>鍾錦明：兩岸很多事不能一刀切</t>
  </si>
  <si>
    <t>徐若瑄嘆：好好活著是最重要 何如芸喊台灣加油網狂讚</t>
  </si>
  <si>
    <t>病例數下降 衛長：沒有樂觀本錢</t>
  </si>
  <si>
    <t>台北國際旅展今開幕！觀光業受創近2年 蔡英文：等待春暖花開</t>
  </si>
  <si>
    <t>新聞早班車》抗疫曙光 中研院找到10倍強效抑制劑</t>
  </si>
  <si>
    <t>ATP男單世界第2 確診新冠肺炎</t>
  </si>
  <si>
    <t>小小孩在外吃飯也要梅花座？陳時中這樣說</t>
  </si>
  <si>
    <t>盧森堡總理染疫住院 血氧不足呼吸急促 情況嚴重但穩定</t>
  </si>
  <si>
    <t>6成民調不滿政府防疫 綠委：去年疫情不嚴重 以致國際疫苗先給重災區</t>
  </si>
  <si>
    <t>寶貝你最繪 繪畫比賽感恩第一線防疫的無名英雄</t>
  </si>
  <si>
    <t>需求熱 美裝運用紙箱價格飆至每噸785美元</t>
  </si>
  <si>
    <t>名主持艾倫狄珍妮爆「雙面人惡劣行徑」 員工群起踢爆：溫暖都裝的</t>
  </si>
  <si>
    <t>香港政府宣布 台、星入境措施比照陸、澳人士</t>
  </si>
  <si>
    <t>櫃姊染疫感染源不明 高雄漢神巨蛋深夜公告緊急停業</t>
  </si>
  <si>
    <t>三度進駐前線任環南指揮官 王必勝曝一現象讓抗疫陷窘境</t>
  </si>
  <si>
    <t>陸宅經濟爆發 網遊影音用戶激增</t>
  </si>
  <si>
    <t>大陸指台灣疫情有漏洞 陳時中「乾笑兩聲」：大家心知肚明</t>
  </si>
  <si>
    <t>陳時中口誤「社工」支援口罩包裝？　王婉諭盼指揮中心澄清</t>
  </si>
  <si>
    <t>高端人士國際寸步難行 陳時中：下周開會研擬混打政策</t>
  </si>
  <si>
    <t>雙北有望解禁！專家點評開放內用缺失：別再葬送自由呼吸的權利</t>
  </si>
  <si>
    <t>在美打2劑BNT返台仍確診 年輕人足跡超廣橫跨6縣市</t>
  </si>
  <si>
    <t>疫苗空窗期要不要打高端 專家一比喻神解答</t>
  </si>
  <si>
    <t>日缺核酸檢測劑 陸急捐大批試劑：感同身受</t>
  </si>
  <si>
    <t>聯亞疫苗首批28萬劑完成量產 EUA通過後即可交貨</t>
  </si>
  <si>
    <t>啟人疑竇 陸7部門嚴查病毒實驗 銷毀違規樣本</t>
  </si>
  <si>
    <t>北市公布2確診足跡 南京公寓市場、新光三越A4館都上榜</t>
  </si>
  <si>
    <t>搶完整接種！AZ第二劑今登記截止 6QA必看</t>
  </si>
  <si>
    <t>搶打莫德納殘劑 醫搖頭點1關鍵：真的要先想清楚</t>
  </si>
  <si>
    <t>大陸官方坦承 武漢重症8000多人、危重症1600多人</t>
  </si>
  <si>
    <t>人事大轉彎 台肥總座黃耀興接董座</t>
  </si>
  <si>
    <t>國光新冠疫苗 拚明年冬天量產</t>
  </si>
  <si>
    <t>校園雞隻生病 師生擔憂求助動保處</t>
  </si>
  <si>
    <t>新冠肺炎衝擊全球金融業 勤業眾信：台灣待觀察</t>
  </si>
  <si>
    <t>江蘇昨新增本土確診38例 南京1例、揚州37例</t>
  </si>
  <si>
    <t>發病前5天傳染力達最高峰？張上淳曝「隱形患者」案例</t>
  </si>
  <si>
    <t>莫德納一瓶只能打13人 莊人祥：醫護別自責</t>
  </si>
  <si>
    <t>新冠肺炎延燒 眼科醫師提醒勿用手碰觸、搓揉眼睛</t>
  </si>
  <si>
    <t>彰化縣確診16例 新增2留學生接觸親友多達17人</t>
  </si>
  <si>
    <t>《農業科技》防疫商機閃金光，瑞基漲停</t>
  </si>
  <si>
    <t>連3天零確診 網見一數字亢奮：五月目標是它！</t>
  </si>
  <si>
    <t>美股兩天狂崩1900點 台股嚇跌逾百點</t>
  </si>
  <si>
    <t>疫症冰山 1例死亡 恐已百人感染</t>
  </si>
  <si>
    <t>嘉縣防疫升級 要求公家機關提供手部消毒液</t>
  </si>
  <si>
    <t>陸疾控中心建議：60歲以上人群也可加強免疫接種</t>
  </si>
  <si>
    <t>《最後生還者2》延後推出 劇情外洩頑皮狗崩潰</t>
  </si>
  <si>
    <t>《熱門族群》外資點將半導體 台積電、聯發科、信驊入列</t>
  </si>
  <si>
    <t>全聯補貨慘況 他一張圖曝光：比中元節還誇張</t>
  </si>
  <si>
    <t>渦扇18傳年內量產 運20將換心</t>
  </si>
  <si>
    <t>神腦：下半年手機買氣回溫</t>
  </si>
  <si>
    <t>美研究：2019年12月美國可能就有新冠病例</t>
  </si>
  <si>
    <t>網紅「含羞草」草爺爆10多人群聚喝嗨終於道歉 鳳梨直播尷尬中離</t>
  </si>
  <si>
    <t xml:space="preserve">若用美國方法防疫 中疾控：陸單日確診將超過63萬例 </t>
  </si>
  <si>
    <t>劉真喪禮以佛教儀式進行 為防疫追思靈堂採分批分流方式弔唁</t>
  </si>
  <si>
    <t>NBA》疫情影響無限期停賽 國際球員無法離美</t>
  </si>
  <si>
    <t>女公關確診男客挫咧等！ 醫掲親密行為易中鏢原因</t>
  </si>
  <si>
    <t>社交距離恐不夠！英研究：病毒最遠可傳播8公尺</t>
  </si>
  <si>
    <t>弘兼憲史作品《島耕作》主角罹新冠 長壽漫畫搭議題</t>
  </si>
  <si>
    <t>《通信網路》統振11月營收雙增 站回3億大關</t>
  </si>
  <si>
    <t>林智堅視察長照機構 再配給口罩予95處據點</t>
  </si>
  <si>
    <t>宜縣關懷據點 恢復相關活動</t>
  </si>
  <si>
    <t>台增23例連創新高 確診達百人</t>
  </si>
  <si>
    <t>大甲媽遶境規模縮水 顏清標嘆：還沒辦被罵得要死</t>
  </si>
  <si>
    <t>新北加強稽查傳統市場 10處自主休市16處觀察中</t>
  </si>
  <si>
    <t>1分鐘看世界》美解新冠封 死亡數將倍增；美中摩擦升級恐爆武裝衝突</t>
  </si>
  <si>
    <t>新竹科園區將設篩檢站 以廠商為單位申請</t>
  </si>
  <si>
    <t>染新冠後4成5男性精蟲數大減 指揮中心曝原因</t>
  </si>
  <si>
    <t>新冠肺炎蔓延 加泰隆尼亞自治區政府主席確診</t>
  </si>
  <si>
    <t>《傳產》無畏疫情，台北、桃園、台中2月房市交易量增</t>
  </si>
  <si>
    <t>武漢解禁搭機 指揮中心：已有12名台商返台</t>
  </si>
  <si>
    <t>桃長青學苑暫緩 身障證明人團改選可延期</t>
  </si>
  <si>
    <t>無症狀確診者解隔後再居家隔離 勞動部：可請防疫隔離假</t>
  </si>
  <si>
    <t>子瑜居家檢疫最愛做2件事 媽媽曝其捐款中韓真相</t>
  </si>
  <si>
    <t>智飛疫苗完成三期 打3劑保護力逾8成</t>
  </si>
  <si>
    <t>加工處挺就業 戶外徵才242個職缺</t>
  </si>
  <si>
    <t>本周星座雙魚有貴人扶持 肺炎疫情將有好消息！</t>
  </si>
  <si>
    <t>提升篩檢量 各縣市增設採檢院所</t>
  </si>
  <si>
    <t xml:space="preserve">跟進新北！北市新冠肺炎身亡者家屬將有每人10萬慰問金 </t>
  </si>
  <si>
    <t>轉投資損失 華新去年EPS 0.95元 四年新低</t>
  </si>
  <si>
    <t>罷韓立委3Q哥陳柏惟邀港人來台當兵 網友轟誰選出來的？</t>
  </si>
  <si>
    <t>10元口罩月賣21萬片 藥師送辦</t>
  </si>
  <si>
    <t>NBA》遭歧視？籃網前鋒控訴被擋門外</t>
  </si>
  <si>
    <t>台北往返杜拜航班　阿聯酋明起暫時停飛</t>
  </si>
  <si>
    <t>2劑莫德納只排第二 醫曝疫苗保護力最強組合是它</t>
  </si>
  <si>
    <t>磨刀霍霍！川普下周公布砍WHO經費 傳考慮「另起爐灶」</t>
  </si>
  <si>
    <t>高端疫苗二度加開預約今收單 剩5萬多名額沒人打</t>
  </si>
  <si>
    <t>搶攻國旅市場！高雄旅行社送客到花蓮、澎湖</t>
  </si>
  <si>
    <t>和碩1員工採檢陽性 公司緊急大消毒、分流上班</t>
  </si>
  <si>
    <t>疫情趨緩後 夏春湧預言蔡政府將面對這項難題</t>
  </si>
  <si>
    <t>男住森林與世隔絕...8周後疫情爆發彷彿《陰屍路》上演</t>
  </si>
  <si>
    <t>垃圾有專人倒...隔離期滿 夫妻居家14天生活曝光</t>
  </si>
  <si>
    <t>大陸國家衛健委：本輪疫情已波及11省 擴散風險加大</t>
  </si>
  <si>
    <t>貴婦拒繳居檢10萬罰金逃中國 天母1800萬豪宅遭查封</t>
  </si>
  <si>
    <t>產經解析－後防疫時代的中美投資新契機</t>
  </si>
  <si>
    <t>口罩戴好別亂丟！今起8大類場所沒戴恐噴15000元</t>
  </si>
  <si>
    <t>與確診者同框 歐盟執委會主席宣布自我隔離</t>
  </si>
  <si>
    <t>新冠病毒已突變？巴西首例病例有新發現</t>
  </si>
  <si>
    <t>金門設立計程車消毒站 　第一線防疫再升級</t>
  </si>
  <si>
    <t>疫情打亂計畫 傳蘋果供應鏈趕工生產iPhone SE 2</t>
  </si>
  <si>
    <t>境外移入登革熱 台南今年累計4例</t>
  </si>
  <si>
    <t>新冠肺炎出院卻多重器官衰竭？重症醫：微血管豐富部位成重災區</t>
  </si>
  <si>
    <t>金門校園防疫升級 5大措施全面戒備</t>
  </si>
  <si>
    <t>基隆增1例死亡個案 累計15名養護機構住民病逝</t>
  </si>
  <si>
    <t>2公尺還不夠！「滑流作用」讓病毒飛更遠...模擬圖秒看懂</t>
  </si>
  <si>
    <t>疫情燒不止 英相強生入院 仍能視事</t>
  </si>
  <si>
    <t>新冠肺炎疫情影響 彰化百K單車活動延遲10月起跑</t>
  </si>
  <si>
    <t>《蝙蝠俠》躲肺炎停工 巨石強森新片也喊卡</t>
  </si>
  <si>
    <t>全球僅6國沒停課...台也在其中 網驚：不敢相信</t>
  </si>
  <si>
    <t>《國際社會》南韓新冠肺炎確診新增131例，累計達7513例</t>
  </si>
  <si>
    <t>蛇精男臉毀容又確診新冠肺炎 PO文哭訴：不知道做錯什麼？</t>
  </si>
  <si>
    <t xml:space="preserve">蔡英文曝光陳時中辦公室 網友看完哭了 </t>
  </si>
  <si>
    <t>歐盟增列AZ疫苗「極罕見副作用」 指揮中心：國內已有10例</t>
  </si>
  <si>
    <t>檢驗量能擴大至近4.8萬件 量能全開每日可驗8萬件</t>
  </si>
  <si>
    <t>工商社論》全球疫情肆虐下的新台幣匯率展望</t>
  </si>
  <si>
    <t>何時可打到莫德納？陳時中吐五字真心話</t>
  </si>
  <si>
    <t>MLB》洋基首日非正式春訓 教練直言超怪</t>
  </si>
  <si>
    <t>蘇揆講武漢肺炎為操作反中情緒？綠委：個別說法不需過度解讀</t>
  </si>
  <si>
    <t>日感染者出院後嗅覺未能完全恢復</t>
  </si>
  <si>
    <t>彰化再拔頭籌 全國最大規模1萬人新冠肺炎血清抗體篩檢</t>
  </si>
  <si>
    <t>台確診32人喪失嗅、味覺！ 醫：永久性傷害</t>
  </si>
  <si>
    <t>川普防疫祕方 拚命洗手別碰扶手</t>
  </si>
  <si>
    <t>女星赴日滑雪用中文溝通 曝日本人直覺反應「超傷人」</t>
  </si>
  <si>
    <t>開學抗疫情 平鎮警民合作助防疫</t>
  </si>
  <si>
    <t>雲縣工藝師鼠年創作 邀民眾「賞藝抗疫」</t>
  </si>
  <si>
    <t>磐石艦5發燒官兵驗出3人有抗體 疑上船前就感染</t>
  </si>
  <si>
    <t>中市9日起搭大眾運輸 不戴口罩最高罰1.5萬元</t>
  </si>
  <si>
    <t>中職帶旺運彩 英國也開盤</t>
  </si>
  <si>
    <t>15檔強恆強 跨過新冠肺炎缺口</t>
  </si>
  <si>
    <t>加州加速解封重啟經濟 美媒：用生命搏自由</t>
  </si>
  <si>
    <t>今增2確診 皆為境外移入 累計395人染疫</t>
  </si>
  <si>
    <t>《國際社會》南韓新冠肺炎確診新增518例，累計達6,284例</t>
  </si>
  <si>
    <t>最精彩的隔離日記 白靈貼窗曬太陽大洩春光</t>
  </si>
  <si>
    <t>高端疫苗已有24萬人完成預約 確定下放至36歲施打</t>
  </si>
  <si>
    <t>《通信網路》捲入友訊經營權風暴！佳世達溢價收購 明泰漲停</t>
  </si>
  <si>
    <t>配合防疫 新北市休閒農場暫停營業</t>
  </si>
  <si>
    <t>台灣單周3度零確診更擔憂？楊志良：未來很不樂觀</t>
  </si>
  <si>
    <t>暌違18天 新冠肺炎昨零確診</t>
  </si>
  <si>
    <t>李富城怒 還要死多少人 政府才會給疫苗？</t>
  </si>
  <si>
    <t>《業績-光電》大立光：3月拉貨動能比2月好，是否修正待觀察</t>
  </si>
  <si>
    <t>新聞早班車》境外移入確診產子 醫護如臨大敵</t>
  </si>
  <si>
    <t>社論／別糟蹋了陳時中</t>
  </si>
  <si>
    <t>台灣新冠疫苗一劑300元 至少買460萬劑</t>
  </si>
  <si>
    <t>第2波新冠疫情擋不住 美英示警：冬天更凶險</t>
  </si>
  <si>
    <t>10月5日至10月18日維持疫情警戒標準為第二級</t>
  </si>
  <si>
    <t>名導金基德染新冠肺炎59歲辭世</t>
  </si>
  <si>
    <t>中美關係降到冰點 外患 新冷戰儼然成形</t>
  </si>
  <si>
    <t>全台首座 金門機場增置智慧清消門自動量溫、殺菌</t>
  </si>
  <si>
    <t>南投縣查獲8家夾娃娃機違規營業 最高可罰30萬</t>
  </si>
  <si>
    <t>老人不想打就別擋路！醫罕見說重話：有這種心態談什麼解封</t>
  </si>
  <si>
    <t>電通集團CEO 唐心慧新書發表</t>
  </si>
  <si>
    <t>東奧》智利跆拳道女將確診 成首例因染疫退賽選手</t>
  </si>
  <si>
    <t>醫護遭砍成重傷 賴清德拜託：給醫護多點溫暖 不要讓彼此成為敵人</t>
  </si>
  <si>
    <t>新北增6例3例在永和 衛生局：與先前永和社區感染無關</t>
  </si>
  <si>
    <t>蔡英文見工商團體會允解決缺電、疫苗問題</t>
  </si>
  <si>
    <t>生策會：三大因應策略減緩醫護壓力、減少國人恐慌</t>
  </si>
  <si>
    <t>三名共和黨參議員確診 參院停擺 美新紓困案短期難通過</t>
  </si>
  <si>
    <t>賭場藏身新店三合院 逮30名賭客查獲44萬賭資</t>
  </si>
  <si>
    <t>談 防疫融資 華銀主動出擊 紓困廠商</t>
  </si>
  <si>
    <t>新冠病患美航班上猝死 他曝沾滿尿搶救內幕</t>
  </si>
  <si>
    <t>防疫不分你我他 警友站熱心捐贈防疫面罩</t>
  </si>
  <si>
    <t>嘉義長庚中醫從「台灣茶葉」發現新冠肺炎潛力藥物</t>
  </si>
  <si>
    <t>林濁水：前後70萬劑疫苗 自己買到只有11萬 採購能力太驚嚇</t>
  </si>
  <si>
    <t>拚北市醫護人員第3劑覆蓋率 蔡炳坤：明年1月底將達95％</t>
  </si>
  <si>
    <t>為何全歐洲都大讚台灣？法國人曝主因驚呼「欣慰住在台灣」</t>
  </si>
  <si>
    <t>社區感染疫演 新北推區域聯防</t>
  </si>
  <si>
    <t>疫情告急 韓砸16兆韓元補助紓困</t>
  </si>
  <si>
    <t>防疫零缺口 澎湖縣率先全國成立「居家檢疫報到站」</t>
  </si>
  <si>
    <t>又是印尼輸入 今新増2印尼移工檢疫期滿後確診</t>
  </si>
  <si>
    <t>讓陸撿槍！CNN：川普應對示威 毀了挺港力道</t>
  </si>
  <si>
    <t>《國際社會》南韓新冠肺炎確診再增374例，累計達5186例</t>
  </si>
  <si>
    <t>壽險OIU疫落千丈 保費近腰斬</t>
  </si>
  <si>
    <t>陸專家：疫情下降轉折已現 小心反升拐點</t>
  </si>
  <si>
    <t>打噴嚏咳嗽NG動作！名醫曝很多人都這樣</t>
  </si>
  <si>
    <t>水神終於來了 鹿港公所後9號倉庫平日每天三時段供領取</t>
  </si>
  <si>
    <t>迎春節返鄉潮 嘉市防疫旅館供不應求</t>
  </si>
  <si>
    <t>不敢公布打疫苗大官名單？港媒預言：民進黨這次慘了</t>
  </si>
  <si>
    <t>「你染上新冠肺炎了！」 詐騙集團話術月撈千萬</t>
  </si>
  <si>
    <t>虎林市場攤商確診封攤3天 曾赴台北府城隍廟</t>
  </si>
  <si>
    <t>印度變異株傳染力強 莊人祥：國內驗出3例</t>
  </si>
  <si>
    <t>《其他電子》陸復工緩慢影響營收，鴻海量增價跌</t>
  </si>
  <si>
    <t>《造紙股》正隆助抗疫，竹北廠免費提供消毒水</t>
  </si>
  <si>
    <t>雲林17日無新增確診個案 外縣市確診足跡1案</t>
  </si>
  <si>
    <t>高端臨床試驗排除5類人 陳時中解釋原因</t>
  </si>
  <si>
    <t>桃機旅運量 創10年來新低</t>
  </si>
  <si>
    <t>武漢市新冠肺炎患者病亡率正逐漸下降</t>
  </si>
  <si>
    <t>日本名古屋高速公路員工染新冠肺炎 52名收費員在家隔離</t>
  </si>
  <si>
    <t>Delta病毒株入侵台灣 賴士葆：購買疫苗十萬火急 蔡英文聽到沒</t>
  </si>
  <si>
    <t>世界肺炎日 醫界五大團體籲：接種肺炎疫苗遠離致死威脅</t>
  </si>
  <si>
    <t>高端疫苗接種對象出爐 36歲以上都打得到</t>
  </si>
  <si>
    <t>家人曾去過萬華 竹市1歲男童一採陰 二採陽性確診</t>
  </si>
  <si>
    <t>柯：社區感染遲早發生 但要維持零星個案</t>
  </si>
  <si>
    <t>沒接觸確診者卻染疫 24歲男星「0症狀帶原」身邊人怕爆</t>
  </si>
  <si>
    <t>讓步對染疫者致歉 蘇貞昌：只希望政府不要空轉</t>
  </si>
  <si>
    <t>新聞透視》NBA陷新冠風暴！顧隱私或止謠言 公布名單陷兩難</t>
  </si>
  <si>
    <t>陸新增確診31例 其中30例境外輸入</t>
  </si>
  <si>
    <t>少碰電梯 交談保持3公尺</t>
  </si>
  <si>
    <t>台積 躍全球最受尊崇企業第六</t>
  </si>
  <si>
    <t>《通信網路》智邦5月營收雙增 12員工確診、生產出貨正常</t>
  </si>
  <si>
    <t>福建省立法全面禁食野味 即日起實施</t>
  </si>
  <si>
    <t>賣劣質口罩到義大利 黑心企業遭起底..竟有台資！？</t>
  </si>
  <si>
    <t>買不到？蘇貞昌：政府查辦囤積口罩</t>
  </si>
  <si>
    <t>九把刀岳母死因同小鬼？他親自回應</t>
  </si>
  <si>
    <t>專家傳真－公私協力解題：口罩app與總統盃黑客松</t>
  </si>
  <si>
    <t>陳建仁透露 夫妻皆參與國產疫苗二期人體實驗 未出現不適</t>
  </si>
  <si>
    <t>不甩封鎖令 紐衛生部長騎越野車被活逮道歉</t>
  </si>
  <si>
    <t>批陸新冠試劑準確度僅40％挨轟 菲國認錯了</t>
  </si>
  <si>
    <t>新北增13例確診 曾赴三重百貨廣場、三峽全聯</t>
  </si>
  <si>
    <t>紐西蘭要求所有入境旅客即日起自主隔離14天</t>
  </si>
  <si>
    <t>按摩師家人染疫 鳳山賭場群聚案已累計15人確診</t>
  </si>
  <si>
    <t>BNT疫苗下周開打 陳時中：接種意願蠻高的</t>
  </si>
  <si>
    <t>穩192萬人就業機會 政院拍板！百萬自營業者可月領萬元3個月</t>
  </si>
  <si>
    <t>陳時中稱高端在做市場監測 柯P酸：他說法像藥廠業務代表</t>
  </si>
  <si>
    <t>永康探索公園傳長者群聚未戴口罩 警方前往勸導</t>
  </si>
  <si>
    <t>妹妹的比較好！喬治小王子吃醋了</t>
  </si>
  <si>
    <t>恆生指數曾創七周新高 現漲幅收窄</t>
  </si>
  <si>
    <t>自主管理期至立院開會 洪孟楷：皆遵守相關防疫規範</t>
  </si>
  <si>
    <t>北市餐廳又有確診足跡 曾赴天母義麵屋、早餐店</t>
  </si>
  <si>
    <t>興達港魚市周末湧7000人擠爆 高雄巿怒令休巿清消</t>
  </si>
  <si>
    <t>新增1確診 為案34同病房不同病室已出院病患</t>
  </si>
  <si>
    <t>山姆史密斯自爆染疫隔離</t>
  </si>
  <si>
    <t>陳其邁、唐鳳討論口罩實名制2.0更便民買口罩</t>
  </si>
  <si>
    <t>雙北防疫有心結？侯友宜：新北一定要走在最前面</t>
  </si>
  <si>
    <t>AZ混打mRNA？陳時中鬆口：11月可能性高</t>
  </si>
  <si>
    <t>飯店沒因新冠肺炎疫情降價？背後原因曝光</t>
  </si>
  <si>
    <t>新冠疫情防疫優先 海峽論壇延到年底舉行</t>
  </si>
  <si>
    <t>超前部署國旅 把危機變轉機</t>
  </si>
  <si>
    <t>陸新冠肺炎死亡3,042人 累計確診逾8萬例</t>
  </si>
  <si>
    <t>感謝過去投入的防疫工作 蔡英文拜託護理師與政府一起守住疫情</t>
  </si>
  <si>
    <t>疫情期間 美信用卡詐騙案暴增</t>
  </si>
  <si>
    <t>被譽為世界藥房 印度為何落到疫苗不夠窘境？</t>
  </si>
  <si>
    <t>《半導體》去年每股狂賺44.86元 譜瑞-KY看需求仍強、卡關產能</t>
  </si>
  <si>
    <t>北市疫苗施打紀錄誤植逾3千筆 上百人預約第2劑受阻</t>
  </si>
  <si>
    <t>新冠肺炎高峰論壇 7／24登場</t>
  </si>
  <si>
    <t>陸新冠肺炎死亡2,870人 累計確診7.9萬例</t>
  </si>
  <si>
    <t>最悲慘耶誕節 聖誕老公公驚喜現身後 18老人喪命</t>
  </si>
  <si>
    <t>港佛堂經書跪墊有病毒 確認二代傳播</t>
  </si>
  <si>
    <t>南韓新增235人確診　重症病患2周暴增11倍</t>
  </si>
  <si>
    <t>趙寅成爆住院！公司急證實病因</t>
  </si>
  <si>
    <t>《通信網路》智邦去年獲利登頂 今年訂單能見度優</t>
  </si>
  <si>
    <t>避免群聚感染 東吳規定中午暫停餐廳內用餐</t>
  </si>
  <si>
    <t>新冠肺炎疫情趨緩 視訊診療門診使用人次下降</t>
  </si>
  <si>
    <t>當然可以「反時中」 媒體人提醒彰化縣：要有2前提</t>
  </si>
  <si>
    <t>第7類人員沒全部打完 台鐵、郵局第一線自嘲「只打到安慰獎」</t>
  </si>
  <si>
    <t>有心血管疾病、吃抗凝血劑的長者 可以打AZ疫苗嗎？</t>
  </si>
  <si>
    <t>《國際經濟》重啟防疫封鎖 印度7月製造業加速衰退</t>
  </si>
  <si>
    <t>國土法爭議 林淑芬：開啟讓民間業者彈性變更的巧門</t>
  </si>
  <si>
    <t>《半導體》鈺太今年營收拚增3成 EPS上看7元</t>
  </si>
  <si>
    <t>澳門18日起 禁止陸港台以外非本地居民入境</t>
  </si>
  <si>
    <t>奈及利亞台商染疫 包機返台救命</t>
  </si>
  <si>
    <t>市場、商品趨勢　新興國搶反彈 V型復甦有撐</t>
  </si>
  <si>
    <t>疫情不斷擴大 新北開放申請暫時提供免洗餐具</t>
  </si>
  <si>
    <t>德將迎接最慘新冠反撲 官員曝德國人只剩3種命運</t>
  </si>
  <si>
    <t>美華裔病毒學者遇害 警方：桃色糾紛 與病毒無關</t>
  </si>
  <si>
    <t>戴手套防疫更安全？英國醫拍影片：整天累積更多病菌</t>
  </si>
  <si>
    <t>川普敦促陸公佈新冠肺炎病毒來源信息</t>
  </si>
  <si>
    <t>NBA》塔圖染新冠肺炎 塞爾提克連折4將</t>
  </si>
  <si>
    <t>看完道歉聲明 音樂人為張上淳心痛</t>
  </si>
  <si>
    <t>解封靠3關鍵 陳時中鬆口：放寬餐廳內用</t>
  </si>
  <si>
    <t>恐慌性掃貨爆搶購潮 吳鳳：人類自私的一面</t>
  </si>
  <si>
    <t>超大方！三重先嗇宮贈2千公斤洗手乳、6千公升次氯酸水</t>
  </si>
  <si>
    <t>最危險的不是出門！專家曝：不是少去公共場合就沒事</t>
  </si>
  <si>
    <t>美反口罩示威捍衛自由：戴口罩害進入大腦的氧氣量降低</t>
  </si>
  <si>
    <t>牛津唱衰：陸經濟成長跌破5</t>
  </si>
  <si>
    <t>金管會：庫藏股實施上看611億</t>
  </si>
  <si>
    <t>玉山銀行董事長 黃男州領軍 決戰數位金融</t>
  </si>
  <si>
    <t>觀光局染疫員工不識高官子 陳時中：說兩人是叔侄是收到錯誤訊息</t>
  </si>
  <si>
    <t>台灣第一篇新冠肺炎論文 中部大型醫院發表在國際頂尖期刊</t>
  </si>
  <si>
    <t>新冠疫情全球蔓延 搭飛機時如何保護自己？</t>
  </si>
  <si>
    <t>武漢70個「無疫小區」 因無症狀感染者等原因被「摘牌」</t>
  </si>
  <si>
    <t>豬價創新低 農委會3月中前淘汰2.3萬頭母豬因應</t>
  </si>
  <si>
    <t>歐美機場無罩作業 機師盼指揮中心採奧運模式稽核外站防疫</t>
  </si>
  <si>
    <t>長榮機師確診 北巿匡列24人採檢陰性 2人等結果</t>
  </si>
  <si>
    <t>南京本土疫情不止 將第二輪普篩</t>
  </si>
  <si>
    <t>「爸到確診者家裝冷氣」慘遭隔離 女大生痛批：隱匿自私</t>
  </si>
  <si>
    <t>台灣歷史博物館10周年館慶超夯 兩天湧進逾5萬人潮</t>
  </si>
  <si>
    <t>基隆成功市場再增1攤商確診 感染源不明延至6月3日復市</t>
  </si>
  <si>
    <t>OECD：Omicron變種病毒或加劇供應短缺和通膨</t>
  </si>
  <si>
    <t>菅義偉： 習近平將如預定訪日</t>
  </si>
  <si>
    <t>川普危機四伏！巴西駐美大使中鏢 曾與他共進晚宴</t>
  </si>
  <si>
    <t>法國上周末新增4萬5,422例 單日確診數飆新高</t>
  </si>
  <si>
    <t>17世紀義大利防疫設備　因新冠肺炎再度開啟「酒窗」</t>
  </si>
  <si>
    <t>疫病戰 美中下一波交鋒</t>
  </si>
  <si>
    <t>若有需要擬擴大採檢 陳時中：外國人自費</t>
  </si>
  <si>
    <t>「戰狼」變身「暖男」 趙立堅：陸為韓日疫情送暖</t>
  </si>
  <si>
    <t>何時解除三級警戒？柯文哲：依科學標準決定</t>
  </si>
  <si>
    <t>和看不見的敵人戰鬥 日方未承諾付東奧追加費用</t>
  </si>
  <si>
    <t>連假墾丁大街被擠爆！ 台人劣根性擋不住...醫護爆氣：講不聽</t>
  </si>
  <si>
    <t>疫情確診今攀升 賴清德喊話：全力保護 積極照顧</t>
  </si>
  <si>
    <t>旺旺全球捐水神 邀蕭敬騰同做公益</t>
  </si>
  <si>
    <t>板橋某大樓再增3人染疫 非住戶裝修工人也確診</t>
  </si>
  <si>
    <t>34例的院內感染誰傳誰？陳時中：仍在釐清</t>
  </si>
  <si>
    <t>接種3劑BNT仍突破性感染！20多歲女自美返台確診</t>
  </si>
  <si>
    <t>《觀光股》雅茗Q2近損平 拚Q3轉盈躍進</t>
  </si>
  <si>
    <t>沒戴口罩站自家陽台遭「無罩女」嗆報警 網：歹年冬搞蕭郎</t>
  </si>
  <si>
    <t>網兜售莫德納一劑6000 媒體人爆診所鑽漏洞牟利</t>
  </si>
  <si>
    <t>防疫不出門 電子支付激增</t>
  </si>
  <si>
    <t>疫情看見曙光？前衛生署長：5月底前可達到毎日本土病例個位數</t>
  </si>
  <si>
    <t>美失業率飆新高 超越大蕭條！防疫亟需銀彈 歐盟取消預算赤字上限</t>
  </si>
  <si>
    <t>新增1境外移入 20多歲女在法發病 回台確診新冠</t>
  </si>
  <si>
    <t>新冠肺炎論壇 反思健康大未來</t>
  </si>
  <si>
    <t>只剩摔角了？北美體育寸草不生</t>
  </si>
  <si>
    <t>美懷俄明州出現確診首例 新冠肺炎已攻陷44州</t>
  </si>
  <si>
    <t>超眾 下半年展望樂觀</t>
  </si>
  <si>
    <t>《半導體》同欣電Q2營收遇逆風 拚獲利續揚</t>
  </si>
  <si>
    <t>農會嗆政府深掘最軟心頭肉 朱立倫籲優先紓困農漁民</t>
  </si>
  <si>
    <t>美德元首關係冷淡</t>
  </si>
  <si>
    <t>川普夫婦確診 《環時》總編胡錫進說話了：忽視疫情付出代價</t>
  </si>
  <si>
    <t>「從沒喜歡過連假」…醫無奈吐一句：沉不住氣全盤皆輸</t>
  </si>
  <si>
    <t>疫苗資訊不能透明 民進黨：大家都在搶 隨時會被打劫、搶走</t>
  </si>
  <si>
    <t>嘉義小七女店員感染源不明 千人篩檢首日結果出爐</t>
  </si>
  <si>
    <t>台北車站打莫德納送全聯100元禮券 限這5天</t>
  </si>
  <si>
    <t>遭陳時中判定為感染源 帛琉政府：感到不解</t>
  </si>
  <si>
    <t>疫情意外效應 NASA最新大陸「二氧化碳衛星對比圖」超清澈</t>
  </si>
  <si>
    <t>美再提台灣社區傳播 817氣噗噗</t>
  </si>
  <si>
    <t>菲律賓、台灣個案誰傳誰？ 指揮中心：兩人都在菲國暴露同感染源</t>
  </si>
  <si>
    <t>南市議員集體宣布推行「不跑攤」防疫措</t>
  </si>
  <si>
    <t>新增3例本土全在新北 5境外移入 無人死亡</t>
  </si>
  <si>
    <t>新冠肺炎演變成世界疫戰 陳明璋：大陸進入「保四爭五」年代</t>
  </si>
  <si>
    <t>《通信網路》神腦Q4吃蘋果補血 明年靠5G跑贏今年</t>
  </si>
  <si>
    <t>《金融》5月刷卡金額回升 前5月仍衰退1成</t>
  </si>
  <si>
    <t>鮑爾染新冠併發症亡 醫曝免疫低下者 一定要打第3劑</t>
  </si>
  <si>
    <t>印度神童示警 12月再爆大規模疫情危機 點名4國最危險</t>
  </si>
  <si>
    <t>武田製藥等藥商測試新冠肺炎血漿療法</t>
  </si>
  <si>
    <t>同心防疫 靈鷲山捐新北市府1000份愛心防疫包</t>
  </si>
  <si>
    <t>疫情警戒期間 新興分局聯手金融機構2個月反詐16件</t>
  </si>
  <si>
    <t>棉棒插鼻孔15秒轉5圈 2款破千元居家檢測試劑藥師推更準確</t>
  </si>
  <si>
    <t>BVI經濟實質要求 暫採彈性</t>
  </si>
  <si>
    <t>「3＋11」成疫情破口卻註記萬華人 鍾小平怒告陳時中違憲、瀆職</t>
  </si>
  <si>
    <t>不以人廢言 防疫經驗價值連城</t>
  </si>
  <si>
    <t>宅配通股利1.2元 今年獲利估大增</t>
  </si>
  <si>
    <t>關廠防疫 汽車產業恐損失逾千億美元營收</t>
  </si>
  <si>
    <t>蘇貞昌夜探指揮中心 葉元之痛批：還有空去作秀</t>
  </si>
  <si>
    <t>《業績-半導體》順德去年每股稅前盈餘3.82元，首季營收逐月增</t>
  </si>
  <si>
    <t>不滿譚德賽控遭台灣攻擊 網紅嗆：我們就是歧視你</t>
  </si>
  <si>
    <t>對比星韓 超前部署淪口號！檢測慢半拍 恐有防疫黑數</t>
  </si>
  <si>
    <t>本土劇女神打AZ曬絕美床照 曝副作用太苦：躺到渙散</t>
  </si>
  <si>
    <t>蔡英文簽署紓困條例 籲600億預算也能盡速通過</t>
  </si>
  <si>
    <t>直擊新冠疫苗試驗！1人抽6管血 受測女：我很怕確診</t>
  </si>
  <si>
    <t>牛津大學研發新冠肺炎疫苗 具強烈免疫反應</t>
  </si>
  <si>
    <t>疫情狂爆川普支持者卻拒戴口罩 原因讓宅神看傻：智商瞬間少100</t>
  </si>
  <si>
    <t>高雄驚傳確診 2人感染源未明 1人曾與北部友人聚會</t>
  </si>
  <si>
    <t>萬華家樂福桂林店7員工確診明復業 北市衛生局：有做好適當措施就可以</t>
  </si>
  <si>
    <t>第15輪混打何時宣布？陳時中：今天或明天</t>
  </si>
  <si>
    <t>拿浙江台商抗體救人！ 張上淳給答案</t>
  </si>
  <si>
    <t>慢性病確診者接續離世 侯友宜哽咽：中央不要再刁難民間買疫苗</t>
  </si>
  <si>
    <t>台灣2020年度代表字出爐！前10名從黑暗中看見希望</t>
  </si>
  <si>
    <t>歐陽娜娜展示房間證實已返台 曝未來動向竟被罵翻！</t>
  </si>
  <si>
    <t>美疾管局不建議搭郵輪到亞洲 仍將台灣列為社區傳播地區</t>
  </si>
  <si>
    <t>台中開豪宅趴釀3人確診 家教男曾到萬華疑為感染源</t>
  </si>
  <si>
    <t>揮刀砍3護理師 雙和醫院繼續治 惡男竟還故意吐痰辱罵</t>
  </si>
  <si>
    <t>新冠肺炎影響 新北家扶僅募得7000元</t>
  </si>
  <si>
    <t>祕魯祖孫帶病毒返台？家屬爆機場送別曾擁抱 健康狀況曝光</t>
  </si>
  <si>
    <t>墾丁成「疫情重災區」 大街人潮稀落攤商叫苦</t>
  </si>
  <si>
    <t>疫情不只城市受影響　嘉明湖、向陽山屋住宿也減半</t>
  </si>
  <si>
    <t xml:space="preserve">疫苗只經EUA就上市 引發不良反應誰負責？柯文哲：政府要賠償 </t>
  </si>
  <si>
    <t>蓋茲談疫情復工的5要件 缺一不可</t>
  </si>
  <si>
    <t>接受過多資訊 民眾焦慮上身</t>
  </si>
  <si>
    <t>出席黨中央研討會？侯友宜：目前須先專心防疫工作</t>
  </si>
  <si>
    <t>金馬奇幻影展4月登場 曾敬驊登開幕片</t>
  </si>
  <si>
    <t>全球新冠病例突破4000萬！日本研究：冠狀病毒可在皮膚存活9小時</t>
  </si>
  <si>
    <t>協商失敗 以色列逾百萬劑輝瑞疫苗恐被迫銷毀</t>
  </si>
  <si>
    <t>疫情受控 瑞德西韋在陸臨床試驗喊停</t>
  </si>
  <si>
    <t>第二波疫情與鮭魚有關？張上淳打臉：機會很小</t>
  </si>
  <si>
    <t>境外基金規模 6年新低</t>
  </si>
  <si>
    <t>川普夫婦確診新冠肺炎 網驚：果然有「十月驚奇」！</t>
  </si>
  <si>
    <t>百萬劑莫德納明天抵台 陳時中曝最快開打時間</t>
  </si>
  <si>
    <t>《日股》日經指數大漲2.5％ 改寫逾29年來新高</t>
  </si>
  <si>
    <t>對緊急事態宣言麻痺？ 日本街頭依舊人潮洶湧</t>
  </si>
  <si>
    <t>徐國勇拼了 老骨頭下海拍防疫動茲動</t>
  </si>
  <si>
    <t>「與病毒共存」概念不切實際 專家憂港遭新冠及流感夾擊</t>
  </si>
  <si>
    <t>真的那麼安心？連假人潮傾巢而出 林氏璧驚：14天內就知道了</t>
  </si>
  <si>
    <t>不認蓋牌 陳時中：本土疫情與獎勵採檢無關</t>
  </si>
  <si>
    <t>IKEA開賣自組棺材網瘋傳 官方證實惡搞</t>
  </si>
  <si>
    <t>金門「金正好購」商品專區上架 縣長直播客串「叫賣哥」</t>
  </si>
  <si>
    <t>花蓮今零確診 累計68例確診案例7成因家庭群聚染疫</t>
  </si>
  <si>
    <t>錢多利率低 新基金募集熱</t>
  </si>
  <si>
    <t>《國際經濟》疫情趨緩 義大利5月4日起逐步解封</t>
  </si>
  <si>
    <t>爆陳時中沒搞清楚狀況 藍委：台灣代工疫苗慢半拍</t>
  </si>
  <si>
    <t>51歲自信全裸身 珍妮佛羅培茲新單曲封面太驚人</t>
  </si>
  <si>
    <t>暗諷？澳鬧衛生紙荒 小報「貼心」印8頁空白供急用</t>
  </si>
  <si>
    <t>抱遊戲機大單 台積7奈米備戰</t>
  </si>
  <si>
    <t>風濕也是肺炎高風險群 醫籲病友這樣抗「疫」</t>
  </si>
  <si>
    <t>京元電爆群聚案 勞動部：其移工不得任意外出</t>
  </si>
  <si>
    <t>港失業率3.7％ 創近9年新高</t>
  </si>
  <si>
    <t>使用者付費？柬國將向外國客徵收「新冠肺炎押金」9萬　含葬儀費</t>
  </si>
  <si>
    <t>黃珊珊》本土Delta個案 北市最速處理</t>
  </si>
  <si>
    <t>基隆男高中生媽媽確診 為美香齋餅店員工</t>
  </si>
  <si>
    <t>李克強：取消妨礙復工、復產的不合理規定</t>
  </si>
  <si>
    <t>美承諾贈台75萬劑疫苗真的要來了？ 高官證實「非常短時間內」送出</t>
  </si>
  <si>
    <t>故鄉情！南投縣同鄉總會鳳還巢 1200人齊聚埔里歡唱</t>
  </si>
  <si>
    <t>廟壇群聚不戴口罩爆染疫 員警取締也被隔離</t>
  </si>
  <si>
    <t>日本救經濟 追加1.1兆美元</t>
  </si>
  <si>
    <t>鴻海、台積電買BNT疫苗 陳時中曝最新進度</t>
  </si>
  <si>
    <t>全台供電吃緊 產發局：會確保快篩站穩定供電</t>
  </si>
  <si>
    <t>蔡英文年輕支持度為何下滑 民進黨元老曝2關鍵因素</t>
  </si>
  <si>
    <t>蔡裕明》新冠肺炎催生防疫共同體？</t>
  </si>
  <si>
    <t>中職》火腿確診數暴增比賽取消 王柏融、吳念庭危險</t>
  </si>
  <si>
    <t>杯麵沒喝完的湯怎辦？日清曝超省吃法</t>
  </si>
  <si>
    <t>新冠病毒篩檢大進步 檢體發光就知染疫</t>
  </si>
  <si>
    <t>巴西川普趴趴走 練肖話人終須一死</t>
  </si>
  <si>
    <t>恐夏天才重返唐寧街 英相強生進ICU最新病況曝光</t>
  </si>
  <si>
    <t>高醫大防疫超前部署 百人以上改為線上授課</t>
  </si>
  <si>
    <t>金門婦人掉落大排　摸黑搶救順利脫困</t>
  </si>
  <si>
    <t>《金融股》臺企銀紓困小攤商 首日核准逾千萬元</t>
  </si>
  <si>
    <t>居家辦公卻奔陽明山遊玩恐觸法 律師：最重判7年</t>
  </si>
  <si>
    <t>獨》五股獅子會現任會長傳訊「要去當兵了」疑確診</t>
  </si>
  <si>
    <t>美脫口秀主持人挺過性醜聞又染疫 親密接觸對象全收通知</t>
  </si>
  <si>
    <t>6月寒！停課收入歸零 補教業呼籲政府從優、從速、從寬紓困</t>
  </si>
  <si>
    <t>大家都開什麼線上商店？樂天市場公布疫情下新店趨勢</t>
  </si>
  <si>
    <t>大規模接種預苗即將展開 中市議員建議將診所納入</t>
  </si>
  <si>
    <t>美新冠群體免疫難！有疫苗也沒用 專家佛奇說太多老美拒接種</t>
  </si>
  <si>
    <t>菲有望解禁？杜特蒂將親審對台旅行禁令</t>
  </si>
  <si>
    <t>本土＋3 2死亡 7月至今境外移入 突破性感染12例</t>
  </si>
  <si>
    <t>804醫院再添3確診累積18人 護理師打完2劑AZ仍染疫</t>
  </si>
  <si>
    <t>新冠首見！確診台商病重插管 搭醫療專機自迦納返台</t>
  </si>
  <si>
    <t>夫妻同染疫 張上淳揭40歲男死亡關鍵</t>
  </si>
  <si>
    <t>零症狀到不能走路僅幾小時 她曝發病恐怖經過</t>
  </si>
  <si>
    <t>新北明改回市政總質詢 新冠肺炎專案報告延期</t>
  </si>
  <si>
    <t>美11月起需打2劑疫苗才准入境 陳時中：將啟動緊急第2劑接種</t>
  </si>
  <si>
    <t>NBA》勇士宣布格林與榜眼新秀懷斯曼得新冠肺炎</t>
  </si>
  <si>
    <t>李翊君愛女王敏淳自美返台引網友開戰 公司回應：尊重網友發言</t>
  </si>
  <si>
    <t>彰化國中生打BNT右腿失去知覺 急診住院</t>
  </si>
  <si>
    <t>默克抗疫口服藥簽約中 莊人祥：未來輕症可在家隔離吃藥</t>
  </si>
  <si>
    <t>新冠肺炎影響 國產豬拚5月外銷新加坡計畫恐延後</t>
  </si>
  <si>
    <t>港媒揭露陸政府未公開文件　早在11月中旬就有新冠肺炎病例</t>
  </si>
  <si>
    <t>北市聯醫陽明院區爆群聚 8工作人員PCR陽性</t>
  </si>
  <si>
    <t>實名制口罩自動販賣系統 北市試辦開賣</t>
  </si>
  <si>
    <t>居酒屋關起門9人無罩K歌 中市警上門還辯稱親友聚會</t>
  </si>
  <si>
    <t>染疫官兵曾去過！一中商圈變空城 商家打算向軍方求償</t>
  </si>
  <si>
    <t>對抗新冠肺炎病毒 懷特生技新藥研發計畫啟動　</t>
  </si>
  <si>
    <t>跟進中央 柯文哲拍板北市明起室外運動、室內外拍照免戴口罩</t>
  </si>
  <si>
    <t>世衛專家論壇： 病毒新名稱反汙名化 18月內推出疫苗</t>
  </si>
  <si>
    <t>新冠肺炎後果嚇人 1／5患者恐傷腦 罹失智等精神疾病</t>
  </si>
  <si>
    <t>林秉樞遭爆7月用特權打莫德納 網想起高嘉瑜一句話：很好笑</t>
  </si>
  <si>
    <t>WHO新冠樣本車遇襲 駕駛死官員重傷</t>
  </si>
  <si>
    <t>好消息！瑞德西韋治療神效 道瓊期狂噴了</t>
  </si>
  <si>
    <t>台中國家歌劇院微解封 餐廳提供限時外帶外送</t>
  </si>
  <si>
    <t>北北基桃首都生活圈破裂 林右昌要求重視基隆人民</t>
  </si>
  <si>
    <t>陸98歲新冠肺炎危重症患者 痊癒出院</t>
  </si>
  <si>
    <t>為何不廣設普篩？陳其邁重申2關鍵</t>
  </si>
  <si>
    <t>電鍋蒸口罩也可幫助歐美？網答案一面倒</t>
  </si>
  <si>
    <t>葉毓蘭質疑交通安全預算才0.4％ 林佳龍承諾會增加</t>
  </si>
  <si>
    <t>雙北宣布高中以下停課 若雇主不給家長請假最高可罰30萬</t>
  </si>
  <si>
    <t>權威胸腔醫師曝防疫守則 高文音特殊髮型成最佳示範</t>
  </si>
  <si>
    <t>約基奇中了 NBA復賽蒙陰影</t>
  </si>
  <si>
    <t>南投埔里家庭群聚4確診 今起3天啟動兩醫院快篩專案</t>
  </si>
  <si>
    <t>順時中 百貨龍頭購物節四一開跑已超「錢」部署</t>
  </si>
  <si>
    <t>防新冠封關 印尼將禁外國人入境、轉機</t>
  </si>
  <si>
    <t>宅經濟發酵 友銓 連六月傳佳音</t>
  </si>
  <si>
    <t>疫情中的惡毒言語</t>
  </si>
  <si>
    <t>《盤中解析》大立光引殺機 多空激戰12100</t>
  </si>
  <si>
    <t>郭台銘疫苗送件完成 鄭文燦：非常佩服</t>
  </si>
  <si>
    <t>疫苗分配高雄竟比新北多 陳時中解釋：看一數字</t>
  </si>
  <si>
    <t>疫情讓菜銷不出去 新北推保證銷售、價格助農友</t>
  </si>
  <si>
    <t>新冠肺炎疫苗 川普掛保證年內就有</t>
  </si>
  <si>
    <t>《業績-電子零件》毅嘉Q1稅前淨利創6年同期新高 Q2拚回溫</t>
  </si>
  <si>
    <t>創新技術、基本面利多 特斯拉、輝達 耶誕行情響叮噹</t>
  </si>
  <si>
    <t>北市7家醫院PCR揪4人確診 柯公布奇怪個案：3採陰後竟確診</t>
  </si>
  <si>
    <t>《產業》疫後來台旅遊振興 觀光局超前部署</t>
  </si>
  <si>
    <t>美國銀行預警 5G iPhone受疫情影響將延後發表</t>
  </si>
  <si>
    <t>為何大陸量腕溫？ 台灣網友：原來如此</t>
  </si>
  <si>
    <t>三級警戒延長為何停課不停班？陳時中曝背後2考量</t>
  </si>
  <si>
    <t>快打疫苗！北巿擬推健康通行證 打2劑就可一起吃飯</t>
  </si>
  <si>
    <t>台積電抗疫 非產線員工可在家上班</t>
  </si>
  <si>
    <t>都發局長居家自主管理 中市府回應了</t>
  </si>
  <si>
    <t>陸警3千里押解嫌犯 竟是無症狀感染者！逾90人隔離</t>
  </si>
  <si>
    <t>疫情嚴峻 屏縣長照安養業者盼縣府下令禁訪</t>
  </si>
  <si>
    <t>外送員沒將餐點送上樓 竟接到警方通知：你被告了</t>
  </si>
  <si>
    <t>世衛認證 陸病例兩周降80％</t>
  </si>
  <si>
    <t>官邸志工染疫 府：無文獻顯示貓犬會傳病毒給人</t>
  </si>
  <si>
    <t>小英520演說 兩岸維持8字箴言</t>
  </si>
  <si>
    <t>防疫今解封！賴清德籲輕鬆生活 參與戶外活動</t>
  </si>
  <si>
    <t>《好好聽》紐約被迫按下暫停鍵 美國現況如何？</t>
  </si>
  <si>
    <t>東京進緊急狀態資深女優直接不玩 他曝成人界陷恐慌慘況</t>
  </si>
  <si>
    <t>為何新冠肺炎難消滅 柯文哲曝：北市44.7％確診者無症狀</t>
  </si>
  <si>
    <t>知性抗疫 陸紛出版預防手冊</t>
  </si>
  <si>
    <t>Delta變種病毒再升級Delta＋ 已蔓延10國 恐抵擋抗體</t>
  </si>
  <si>
    <t>二級警戒再延長 跨年大型活動規範出爐：指定區外禁飲食</t>
  </si>
  <si>
    <t>中信金聲明 累計7位員工確診新冠肺炎</t>
  </si>
  <si>
    <t>《國際金融》美出現首例感染源不明確診病例，美股期貨走跌</t>
  </si>
  <si>
    <t>全台疫苗施打懶人包 台北今早8點預約、新北里長公告</t>
  </si>
  <si>
    <t>查詢流感疫苗 疾管署竟是2019年資料</t>
  </si>
  <si>
    <t>全球為何都輸給Delta？重症醫1圖揭真相：人類敗在說謊</t>
  </si>
  <si>
    <t>湯姆漢克夫妻捐血做新冠病毒研究 妻子爆藥物嚴重副作用</t>
  </si>
  <si>
    <t>美攔截20萬個口罩 德官員批：現代海盜</t>
  </si>
  <si>
    <t>嘆很多朋友跑出門運動 男星揭關鍵作為：疫情降溫絕對快很多</t>
  </si>
  <si>
    <t>食藥署核准逾87萬劑高端 超過1萬劑疾管署不收</t>
  </si>
  <si>
    <t>紐約確診一夜倍增 下周恐破千！市長宣布緊急狀態</t>
  </si>
  <si>
    <t>武漢實驗室外洩新冠病毒？川普嗆陸要承擔後果</t>
  </si>
  <si>
    <t>4月DRAM合約價續揚</t>
  </si>
  <si>
    <t>《國際社會》新冠肺炎全球確診破300萬 逾21萬人病故</t>
  </si>
  <si>
    <t>驚呆！西班牙封城防疫 街頭驚見4肢著地「人裝狗」</t>
  </si>
  <si>
    <t>確診人數暴增 防疫保單詢問度熱 隔離最高賠5萬</t>
  </si>
  <si>
    <t>中央發出110萬封細胞簡訊 新北社區篩檢站今再湧入2552人篩檢</t>
  </si>
  <si>
    <t>新北外籍看護工確診後失聯 躲龜山民宅落網急送檢疫所</t>
  </si>
  <si>
    <t>口罩解禁太著急？正反兩派想法兩極掀論戰</t>
  </si>
  <si>
    <t>防堵新冠肺炎疫情 港都盃田徑賽封閉式舉行</t>
  </si>
  <si>
    <t>《熱門族群》MacBook Pro剪刀腳鍵盤威 概念股吃補</t>
  </si>
  <si>
    <t>Omicron變異毒株在香港成功培養 將用於生產新疫苗</t>
  </si>
  <si>
    <t>實驗室外洩病毒究責 柯文哲：擺出究責態度 大家就忙著湮滅證據</t>
  </si>
  <si>
    <t>北部「那所」高中生確診 家長、上班族：「答案」呼之欲出</t>
  </si>
  <si>
    <t>指南宮祈福法會 眾宮廟齊心參拜</t>
  </si>
  <si>
    <t>《金融》國銀紓困振興貸款 半年增1.78兆元</t>
  </si>
  <si>
    <t>天天接小姐電話問「能不能休息」 飯店員工怒：1天不連結會死？</t>
  </si>
  <si>
    <t>Panasonic冰箱 三大保鮮科技</t>
  </si>
  <si>
    <t>全台首位？男高端混打BNT闖關成功 嗨喊：打到第三劑啦</t>
  </si>
  <si>
    <t>TWICE檢測結果出爐 她得隔離其他成員正常活動</t>
  </si>
  <si>
    <t>《國際經濟》日本3月製造業活動 近11年來最慘</t>
  </si>
  <si>
    <t>澳政府下令：疫情沒停不准去東奧</t>
  </si>
  <si>
    <t>染疫機師密切接觸2空姐 7縣市收110萬簡訊挫咧等</t>
  </si>
  <si>
    <t>口罩奇缺 美麻州球隊專機赴深圳載回120萬片</t>
  </si>
  <si>
    <t>警察打卡在武漢市場稱「帶好料回去」 遭罰20萬還丟了工作</t>
  </si>
  <si>
    <t>說年輕人防疫鬆懈 台大妹爆氣49字槓陳時中 3千網狂讚</t>
  </si>
  <si>
    <t>劉樂妍心願達成飛回上海 花300住防疫旅館一開門驚呆了</t>
  </si>
  <si>
    <t>娛樂圈大姐大見疫情期亂象怒了 公開照片「整根樹枝纏滿」開罵</t>
  </si>
  <si>
    <t>打高端3人不適 陳時中證實都是同一原因 2種人先別打</t>
  </si>
  <si>
    <t>美主播批「請大陸為肺炎道歉」 賭王兒轟：吃屎吧</t>
  </si>
  <si>
    <t>拒絕WHO第二階段新冠病毒起源調查 北京這樣回應</t>
  </si>
  <si>
    <t>中壢超級傳播者已插管難疫調 衛生局長：可能還有漏掉的</t>
  </si>
  <si>
    <t>1周二度0確診！漢來點燈「＋0」豪送住宿</t>
  </si>
  <si>
    <t>日本相撲力士出現確診首例</t>
  </si>
  <si>
    <t>北市14天無本土不明感染源 柯文哲：接近降到一級標準</t>
  </si>
  <si>
    <t>新冠緊咬陸 川普怪沒遏阻全球流行</t>
  </si>
  <si>
    <t>成都出台33條措施 助力今年目標達成</t>
  </si>
  <si>
    <t>年輕人接種新冠疫苗後爆心肌炎 美展開調查</t>
  </si>
  <si>
    <t>年假車潮估增3成 考驗交通維運</t>
  </si>
  <si>
    <t>各國下修GDP 最快夏季恢復常軌</t>
  </si>
  <si>
    <t>龐德女郎蕾雅瑟杜打完2劑疫苗仍確診 坎城影展行程恐喊卡</t>
  </si>
  <si>
    <t>大陸國家衛健委：新冠疫苗接種破9億劑次</t>
  </si>
  <si>
    <t>新北花蓮旅遊團6確診「5人在北市工作」北巿急匡列210人</t>
  </si>
  <si>
    <t>你知道我在等你嗎？台哥大拖累新壽去年表現</t>
  </si>
  <si>
    <t>《生醫股》基亞新冠肺炎病毒檢測試劑，獲歐盟CE認證</t>
  </si>
  <si>
    <t>WHA閉幕 今年國際支持台灣呼聲更明確強烈</t>
  </si>
  <si>
    <t>南非Omicron疫情爆超不尋常趨勢 專家：前所未見</t>
  </si>
  <si>
    <t>告別檢疫所 這些台商還要自主健康管理14日</t>
  </si>
  <si>
    <t>鄭文燦視察護理之家 鼓勵施打流感疫苗</t>
  </si>
  <si>
    <t>遊客不敢坐船 小琉球住房率低</t>
  </si>
  <si>
    <t>防列管民眾趴趴走 強化指揮體系3月上路</t>
  </si>
  <si>
    <t>準確預測新冠疫情 神童警告：12月有更嚴重的災難</t>
  </si>
  <si>
    <t>疫情未滅大水來亂 密西根2水壩潰堤萬人疏散</t>
  </si>
  <si>
    <t>烈日下排隊打疫苗 南市議員搬風扇、礦泉水讓民眾消暑</t>
  </si>
  <si>
    <t>今增287人確診 校正回歸170例 6人死亡</t>
  </si>
  <si>
    <t>鍾南山團隊預測疫情：嚴格防控至4月底</t>
  </si>
  <si>
    <t>全台學生願意接種率93.10％ 桃園市得第一名</t>
  </si>
  <si>
    <t>原住民歲時祭儀停辦？夷將：原鄉沒有確診</t>
  </si>
  <si>
    <t>東京奧運因疫情停辦會如何？旅台日人：鼠定了</t>
  </si>
  <si>
    <t>台灣新冠肺炎戰疫 兩岸包機秘辛</t>
  </si>
  <si>
    <t>新北學生22日接種BNT 接種後學校採線上授課</t>
  </si>
  <si>
    <t>《類股》前景發光 水泥指數狂飆4％</t>
  </si>
  <si>
    <t>《產業》疫情影響，電腦展延期至9月</t>
  </si>
  <si>
    <t>瑞智營運報喜 今日舉辦法說會</t>
  </si>
  <si>
    <t>高雄市阿蓮區長佑醫院不敵新冠肺炎疫情 將於下月歇業</t>
  </si>
  <si>
    <t>迎接東奧 運彩推新投注、新活動─每奪金牌一面即加碼百萬現金</t>
  </si>
  <si>
    <t>為一袋衛生紙 3女在超市開戰 上演綜合格鬥</t>
  </si>
  <si>
    <t>北市知名診所爆未依分類打AZ 指揮中心：違者重罰200萬</t>
  </si>
  <si>
    <t>國王3人染疫 溜馬主控也中鏢</t>
  </si>
  <si>
    <t xml:space="preserve">別輸在最後一哩路！ 他曝單日爆增8例關鍵 </t>
  </si>
  <si>
    <t>滯留湖北台人個別返台？陸委會：仍須包機檢疫</t>
  </si>
  <si>
    <t>韓國瑜：啟動遠距教學測試、研擬異地上班</t>
  </si>
  <si>
    <t>他喊端午連假「開車返鄉行了吧」網戳防疫盲點嗆：你確定身上沒病毒？</t>
  </si>
  <si>
    <t>國家隊連爆假口罩卻被感謝？原因曝光網笑：加利尷尬了</t>
  </si>
  <si>
    <t>速食店打工11年從未生病 他曝驚人原因</t>
  </si>
  <si>
    <t>《盤後解析》台積擺尾 周線2連紅</t>
  </si>
  <si>
    <t>陳時中24小時未闔眼？被問有無休息大笑回4字</t>
  </si>
  <si>
    <t>川普重大宣布 恐結束對陸審慎策略</t>
  </si>
  <si>
    <t>台東11鄉鎮設快篩站 每日15名額 今起開放電話預約</t>
  </si>
  <si>
    <t>安排立委考察醫院惹議 邱泰源辦公室：有徵得醫療院所同意</t>
  </si>
  <si>
    <t>進口冷凍食品檢出病毒 陸媒再掀新冠疫情起源宣傳戰</t>
  </si>
  <si>
    <t>新竹縣開學日 量體溫秩序良好</t>
  </si>
  <si>
    <t>死亡新增17例 最年輕40多歲 張上淳：到醫院時間慢了點</t>
  </si>
  <si>
    <t>《國際經濟》中韓星公司債增加最快 疫情影響償債能力</t>
  </si>
  <si>
    <t>匯率期貨趨勢專欄－疫情再起 避險貨幣抬頭</t>
  </si>
  <si>
    <t>什麼時候能打開國門？疫苗每年都要打？陸感染科權威來解答</t>
  </si>
  <si>
    <t>鄭文燦：因公染疫視同職業災害</t>
  </si>
  <si>
    <t>撐不住了！香港10天飆升數千例…「港版方艙醫院」緊急啟用</t>
  </si>
  <si>
    <t>驚！當年SARS爆發 他爆跟新冠肺炎竟有一個共同點</t>
  </si>
  <si>
    <t>新冠肺炎變異病毒染疫年輕化</t>
  </si>
  <si>
    <t>疫情停課標準宣布 台大教授：這學校恐第一個遭殃</t>
  </si>
  <si>
    <t>女研究人員染疫 醫曝「感染主因」喊：1例Delta都擋不住別想開國門</t>
  </si>
  <si>
    <t>1分鐘讀財經》踹下航海王 4檔半導體搶進當沖10強</t>
  </si>
  <si>
    <t>無旅遊史完蛋了！SARS指揮官：恐一發不可收拾</t>
  </si>
  <si>
    <t>MLB》疫情影響賽季延宕 球員也慌了</t>
  </si>
  <si>
    <t xml:space="preserve">劉樂妍崩潰怕確診 親睹河北樓下鄰居驚悚一幕 </t>
  </si>
  <si>
    <t>戰戰兢兢 紐約州一周內依各地條件陸續開放</t>
  </si>
  <si>
    <t>復旦新冠研究登上《科學》說明年齡易感性停課效果</t>
  </si>
  <si>
    <t>製造困擾的都先處理！柯宣布遊民也先打疫苗</t>
  </si>
  <si>
    <t>疫情持續升溫 侯友宜：新北進入準四級準備</t>
  </si>
  <si>
    <t>疫情照妖鏡！住院醫師請長假 台大醫院院長批：無情且傲慢</t>
  </si>
  <si>
    <t>醫學權威期刊《刺胳針》：各國政要可學陸防疫經驗</t>
  </si>
  <si>
    <t>上海新增來自台灣陸籍確診案例 集中隔離觀察出現症狀</t>
  </si>
  <si>
    <t>嘉義東石超商店員染疫 逾1500人次顧客收通知緊張了</t>
  </si>
  <si>
    <t>旺旺志工演唱會 新北開唱千位志工樂嗨嗨</t>
  </si>
  <si>
    <t>全球晶圓設備支出 找回繁榮</t>
  </si>
  <si>
    <t xml:space="preserve">這個罪犯確診 美國人全都怒了 </t>
  </si>
  <si>
    <t>彰化賣水果家族康復出院 盼別再有確診者遭「汙名化」</t>
  </si>
  <si>
    <t>疫苗接種半年後應否補打第3針 專家：應視免疫記憶是否增強</t>
  </si>
  <si>
    <t>江蘇確診者僅剩一人未出院 全省清零差一步</t>
  </si>
  <si>
    <t>《台北股市》振興政策激勵 餐廳、零售業復甦看俏</t>
  </si>
  <si>
    <t>《電子零件》毅嘉10月營收年增1成 寫今年次高</t>
  </si>
  <si>
    <t>美國250萬劑莫德納怎麼來的 陳時中曝過程</t>
  </si>
  <si>
    <t>斯洛伐克贈台16萬劑AZ 效期曝光</t>
  </si>
  <si>
    <t>連三天＋0 桃醫19日恢復營運</t>
  </si>
  <si>
    <t>買郵輪綜合險 不怕突發狀況</t>
  </si>
  <si>
    <t>同島一命 你我都不是局外人 捐贈防疫物資為一線工作人員加油</t>
  </si>
  <si>
    <t>東奧》疫情連環爆 奧運未開幕已累積5選手確診退賽</t>
  </si>
  <si>
    <t>三級何時解封 柯文哲：疫苗覆蓋率需達7成以上</t>
  </si>
  <si>
    <t>房市剛性需求強 安新建經建議買房跟著交通、建設、大型企業走</t>
  </si>
  <si>
    <t>溫布頓正式宣布 取消今年賽事</t>
  </si>
  <si>
    <t>一關鍵錯誤 讓美實際確診率偏低？CDC認了</t>
  </si>
  <si>
    <t>《半導體》京元電「疫」外擴大 聯發科估營收6月有壓、全年成長依舊</t>
  </si>
  <si>
    <t>義黑手黨沒閒著 趁抗疫送暖</t>
  </si>
  <si>
    <t>檢疫「7＋7」匆忙上線、變種病毒肆虐 機師嘆：混合派飛風險極高</t>
  </si>
  <si>
    <t>口罩新制上路 高雄藥局人龍綿延10家店</t>
  </si>
  <si>
    <t>「疫情結束求國家分配男友」 網激喊：女護士來台灣吧</t>
  </si>
  <si>
    <t>拉警報！2台北巿民曾赴枋寮 和疑似Delta確診親戚近距離接觸</t>
  </si>
  <si>
    <t>國內爆9例突破性感染 莊人祥：都是打AZ</t>
  </si>
  <si>
    <t>好友突患漸凍症...王力宏譜曲「捐出所有收益」號召粉獻愛</t>
  </si>
  <si>
    <t>基亞 新藥開發雙喜臨門</t>
  </si>
  <si>
    <t>這裡好毒！NBA與NHL半數確診來過</t>
  </si>
  <si>
    <t>久違零確診 說好的連假大爆發呢？網揭關鍵真相</t>
  </si>
  <si>
    <t>「疫苗調閱小組」竟只開過一次會 藥師一聽忍不住喊6字</t>
  </si>
  <si>
    <t>雲林超前部署 縣務會議改視訊並籌備臨時辦公中心</t>
  </si>
  <si>
    <t>連28天沒本土病例　陳時中：520總統就職會建議放寬人數</t>
  </si>
  <si>
    <t>聯合醫院傳有醫護被匡列？陳時中：不會公布特定醫院</t>
  </si>
  <si>
    <t>公文跑比病毒慢？藍委怒轟陳時中：徹底的X話</t>
  </si>
  <si>
    <t>緊急命令：湖北孝感禁居民外出 生活物資官方配送</t>
  </si>
  <si>
    <t>楊志良批春節10＋4是對台商有恨 陳時中妙回：是有愛吧</t>
  </si>
  <si>
    <t>新冠肺炎肆虐翁立友短收百萬 患疾流鼻血「惜罩如金」</t>
  </si>
  <si>
    <t>陳時中表達有意願接機 BNT無保留劑量但書 全部無償捐贈</t>
  </si>
  <si>
    <t>人民日報點名痛批張雅琴、安幼琪！電視台回應了</t>
  </si>
  <si>
    <t>武漢門診新增病例 爆危險信號</t>
  </si>
  <si>
    <t>禁高中以下師生出國 王浩宇、苗博雅互槓</t>
  </si>
  <si>
    <t>高科技與半導體產業 板塊挪移</t>
  </si>
  <si>
    <t>寒假變長 嘉義縣市紛推線上學習</t>
  </si>
  <si>
    <t>川普對WHO通牒信出包？醫學期刊《刺胳針》揭真相</t>
  </si>
  <si>
    <t>已有一死！義大利突成重災區 一天增17病例</t>
  </si>
  <si>
    <t>新竹縣竹東2長照機構新增10個案 確診產婦新生兒為陰性</t>
  </si>
  <si>
    <t>若出現GBS 醫籲驗新冠並隔離</t>
  </si>
  <si>
    <t>《半導體》聯發科天璣820現身 劍指中高端5G智慧機</t>
  </si>
  <si>
    <t>歐洲第2國淪陷 這裡確認出現Omicron病例</t>
  </si>
  <si>
    <t>冰島普篩成功抗疫</t>
  </si>
  <si>
    <t>磐石艦僅爆31確診 張上淳指海軍這件事做對了</t>
  </si>
  <si>
    <t>疫情對老人不利？105歲人瑞打敗新冠肺炎 養生秘方也許幫大忙</t>
  </si>
  <si>
    <t>急症纏身？ Grace喊話阿翔：慾望沒得到平衡</t>
  </si>
  <si>
    <t>獲取越南超級國家祕方 台東男張貼假訊息被移送</t>
  </si>
  <si>
    <t>新增4例境外移入 3台灣人自英美德返台確診</t>
  </si>
  <si>
    <t>YouTube舉辦全球電影節 聯手20大影展線上免費看片</t>
  </si>
  <si>
    <t>嘉義警打AZ後爆多發性血栓 兩度開刀仍命危</t>
  </si>
  <si>
    <t>入境大陸護照慘被當垃圾銷毀 韓國人崩潰</t>
  </si>
  <si>
    <t>雲縣超前部署 盼台灣平安</t>
  </si>
  <si>
    <t>新竹今增1確診為京元電員工 足跡曝光連續4日到苗栗用餐</t>
  </si>
  <si>
    <t>全球疫情前半年台灣如世外桃源...黃暐瀚示警了！</t>
  </si>
  <si>
    <t>「罩」顧健康動手做 巧藝志工布口罩DIY教學</t>
  </si>
  <si>
    <t>大爆發！韓最新增115確診！累計1261人染新冠肺炎</t>
  </si>
  <si>
    <t>BNT疫苗中秋前後「每周到貨7、80萬劑」 爭取明年3000萬劑</t>
  </si>
  <si>
    <t>北捷龍山寺站1人確診、3人快篩陽性 保全及清潔員染疫 均為接觸旅客人員</t>
  </si>
  <si>
    <t>《其他股》三能2019年EPS挑戰3元，今年恐受疫情干擾下滑</t>
  </si>
  <si>
    <t>新冠肺炎確診傷亡補償 陳以信：政府應負全部責任</t>
  </si>
  <si>
    <t>SBL》因應防疫升級 總冠軍賽採閉門比賽</t>
  </si>
  <si>
    <t>喬柯維奇參加美網：我不怕新冠疫情</t>
  </si>
  <si>
    <t>異地辦公 國民黨準備好了</t>
  </si>
  <si>
    <t>境外移入再＋1！50多歲男從南非返台探親確診</t>
  </si>
  <si>
    <t>哈薩克爆發不明肺炎 死亡率遠高於新冠病毒</t>
  </si>
  <si>
    <t>單寧酸可抑制新冠病毒活性 中醫大研究登國際期刊</t>
  </si>
  <si>
    <t>瘋狂搶機票赴美打疫苗 市議員憂心：返國恐成防疫破口</t>
  </si>
  <si>
    <t>莫德納新冠疫苗最新測試功效達94.1％ 向FDA申請緊急使用授權</t>
  </si>
  <si>
    <t>傾向打滿2劑就不管制 柯文哲：驚弓之鳥過生活撐不了幾年</t>
  </si>
  <si>
    <t>40萬劑AZ疫苗今抵台 賴清德呼籲儘快施打</t>
  </si>
  <si>
    <t>高雄春天藝術節創新《舞筵自然》不受疫情影響</t>
  </si>
  <si>
    <t>亞東院內感染擴大 再爆3人染疫 陪病家屬確診</t>
  </si>
  <si>
    <t>染疫住院77天 金芭黎台商傳出「好消息」</t>
  </si>
  <si>
    <t>蓋茲基金會CEO：新冠疫苗為史上最速研發</t>
  </si>
  <si>
    <t>滯湖北台商散客式返台 恐生防疫漏洞</t>
  </si>
  <si>
    <t>防疫照顧假僅6.4％家長敢請 勞長：如給薪初估要百億元</t>
  </si>
  <si>
    <t>堅稱新冠肺炎確診掛零 北韓解除3600多人隔離令</t>
  </si>
  <si>
    <t xml:space="preserve"> 倫敦爆發數千人「反防疫」示威　警拘捕10人</t>
  </si>
  <si>
    <t>台東林家小館確診再＋5 另有1彰化確診足跡</t>
  </si>
  <si>
    <t>美FDA專家 認可默沙東新冠口服藥</t>
  </si>
  <si>
    <t>經營炸豬排店 日新冠確診者自願公布店名 讓消費者安心</t>
  </si>
  <si>
    <t>友達彭双浪：疫情下迎商機</t>
  </si>
  <si>
    <t>1分鐘看世界》白宮官員戴上MIT口罩 佛奇警告早解封下場慘</t>
  </si>
  <si>
    <t>世衛譚德塞：陸首次無新增病例 是驚人成就啊！</t>
  </si>
  <si>
    <t>臺裔美籍企業家楊安澤 宣布競選紐約市長</t>
  </si>
  <si>
    <t>農產成功拓銷 蔡英文：雞蛋不放同一籃方向正確</t>
  </si>
  <si>
    <t>影后爆粗女兒發燒被英國放生 黃安虧：糗了吧</t>
  </si>
  <si>
    <t xml:space="preserve">美壯漢染新冠肺炎爆瘦22公斤！對照圖判若兩人 </t>
  </si>
  <si>
    <t>金門接種新冠疫苗滿5個月 可赴醫院追加接種第3劑</t>
  </si>
  <si>
    <t>零症狀到癱軟無力僅數小時！染病女醫師歷經生死恍如隔世</t>
  </si>
  <si>
    <t>汐止月子中心員工確診肺結核 院方發布6點聲明</t>
  </si>
  <si>
    <t>苗栗肺炎居家檢疫男外出戰酒店 開罰30萬元</t>
  </si>
  <si>
    <t>新冠肺炎重挫陸經濟 KPMG：比SARS影響更大</t>
  </si>
  <si>
    <t>聯電 締造史上最旺2月</t>
  </si>
  <si>
    <t>疫情升溫 台股早盤賣壓沈重</t>
  </si>
  <si>
    <t>竟然不是鮭魚？北京疫情意外揭穿進口魚背後真相</t>
  </si>
  <si>
    <t>收陸韓包裹恐染病？這2動作別省</t>
  </si>
  <si>
    <t>急診醫護納補助 蘇貞昌感謝防疫英雄：申請細節下周公布</t>
  </si>
  <si>
    <t>早接比晚接好</t>
  </si>
  <si>
    <t>看到高雄這一幕 陳致中心急如焚連PO7張照片</t>
  </si>
  <si>
    <t>台南端午返鄉車票退票獎勵金修訂 搭高鐵到嘉義站也納入</t>
  </si>
  <si>
    <t>每10小時新增一起調查案 陸已成美情報界三大威脅之一</t>
  </si>
  <si>
    <t>南市善化分局做公益 募240袋補血庫</t>
  </si>
  <si>
    <t>川普拜登不握手免寒暄 首場辯論將單刀直入打罩門</t>
  </si>
  <si>
    <t>鍾南山：陸疫情防控策略正確</t>
  </si>
  <si>
    <t>連續5日「嘉玲」揚州今日65萬人重啟核酸檢測</t>
  </si>
  <si>
    <t>日本與加拿大接連挺臺參與WHO 外交部表達感謝</t>
  </si>
  <si>
    <t>優雅好騎YAMAHA Limi上市 ØZI帥氣助陣</t>
  </si>
  <si>
    <t>阻擋飛沫 食藥署：布製口罩也OK</t>
  </si>
  <si>
    <t>疫情重挫愛迪達業務 飛雅特克萊斯勒陸廠將全面復產</t>
  </si>
  <si>
    <t>工商社論》正視新冠、網路、民主三種疫情交相感染的毒害</t>
  </si>
  <si>
    <t>別走到封城那一天</t>
  </si>
  <si>
    <t>兩岸比一比 防疫工作誰最透明？</t>
  </si>
  <si>
    <t>被酸民留言詛咒「希望你確診」名嘴嗆：不怕我找你索命嗎？</t>
  </si>
  <si>
    <t>不普篩 疑雲重重</t>
  </si>
  <si>
    <t>加強防疫！ 台中高中職以下學校室內場地暫不外借</t>
  </si>
  <si>
    <t>揪團歐洲行惹議 新北民政局：里長不會領居家檢疫補償金</t>
  </si>
  <si>
    <t>50多歲女未出國曾住院 感染源不明</t>
  </si>
  <si>
    <t>印度撤僑包機9人有症狀 採檢後回去集中檢疫</t>
  </si>
  <si>
    <t>水洗義大利麵外包裝 麵條竟「隔袋發黑」真相讓婆媽震驚</t>
  </si>
  <si>
    <t>輸出口罩不合格遭收回 陸駐荷大使盼勿政治化解讀</t>
  </si>
  <si>
    <t>全球疫情爆發、名人相繼逝世 唐綺陽預測：今年還有2波重大變故</t>
  </si>
  <si>
    <t>新台幣續升 買歐元人民幣撿便宜</t>
  </si>
  <si>
    <t>不要大「疫」！南投縣府走訪黃昏市場逐攤提醒</t>
  </si>
  <si>
    <t>「吸血鬼男」染新冠肺炎　羅伯派丁森主演《蝙蝠俠》再停拍</t>
  </si>
  <si>
    <t>防群聚感染 多個宗教團體暫停活動</t>
  </si>
  <si>
    <t>嗆川普不是真男人！國會女王曝美遲不強制戴口罩內幕</t>
  </si>
  <si>
    <t>網友打新冠肺炎疫苗 驚見王菲謝霆鋒一起來了</t>
  </si>
  <si>
    <t>血友病童母發言惹議 張雅琴播報「爆粗口」</t>
  </si>
  <si>
    <t>LINE提供政府機關申請公共服務帳號 防疫期傳遞正確資訊</t>
  </si>
  <si>
    <t>台灣何時會封城？陳時中：會預先公告</t>
  </si>
  <si>
    <t>陽性率掉到5.1％ 柯P報好消息：萬華慢慢控制下來</t>
  </si>
  <si>
    <t>大馬最正辣媽 Amanda 呼籲防疫「胸前大痣」卡事業線</t>
  </si>
  <si>
    <t>台灣4月疫情會如何？命理師解籤後宅神驚問一句</t>
  </si>
  <si>
    <t>川普痊癒了？白宮御醫公布最新病毒檢測結果</t>
  </si>
  <si>
    <t>中研院確診女「2度被鼠咬」 黃珊珊揭關鍵日：沒做快篩</t>
  </si>
  <si>
    <t>《業績-電腦設備》友通6月、Q2、H1營收 齊登同期新高</t>
  </si>
  <si>
    <t>《傳產》新冠肺炎疫情尚未趨緩，房市首季後才會較明朗</t>
  </si>
  <si>
    <t>新藥點火 生醫基金看漲</t>
  </si>
  <si>
    <t>AZ第二劑擴大至52歲以上 9／29開打</t>
  </si>
  <si>
    <t>科學家譽為「最好的新冠疫苗」： 透視Novavax疫苗厲害強項</t>
  </si>
  <si>
    <t>WHO將測試2種新冠肺炎藥物　專家呼籲：不要草率上市</t>
  </si>
  <si>
    <t>UFC復賽失敗！復活兩天就被勸退</t>
  </si>
  <si>
    <t>竹縣1失聯移工打疫苗卻被捕 朋友斥：跟指揮中心講的不一樣</t>
  </si>
  <si>
    <t>居家快篩最快本周鋪貨 侯友宜：搭配社區快篩找隱形傳播</t>
  </si>
  <si>
    <t>開放更多兩岸貨運航班？指揮中心：尚未收到業者申請</t>
  </si>
  <si>
    <t>全台移工體檢 勞動部：針對百人移工宿舍聯合訪視</t>
  </si>
  <si>
    <t>《產業》疫情重擊 台南大億麗緻6月底熄燈</t>
  </si>
  <si>
    <t>逆時中有壓力？柯文哲、侯友宜互推麥克風…</t>
  </si>
  <si>
    <t>陳時中說疫苗接種順序中央說得算 柯文哲回應了</t>
  </si>
  <si>
    <t>疫情6月底前結束？ 陳時中開示了</t>
  </si>
  <si>
    <t>拜登就職蕭美琴參加嗎？ 外交部：還沒要到票</t>
  </si>
  <si>
    <t>力抗疫情衝擊 高雄將推第二波紓困計劃</t>
  </si>
  <si>
    <t>PLG》個人決定出走？領航猿宣告沃倫離隊</t>
  </si>
  <si>
    <t>羽球》雙重打擊 伊瑟儂母親去世父親確診 退出2大賽</t>
  </si>
  <si>
    <t xml:space="preserve">48卷訂成48箱 澳洲女收到嚇傻卻被人羨慕 </t>
  </si>
  <si>
    <t>蔡總統聲望45.7％創新低 游盈隆：一年蒸發近500萬人的擁戴</t>
  </si>
  <si>
    <t>本土暴增633例 11人死亡創新高</t>
  </si>
  <si>
    <t>無懼新冠肺炎 吳思瑤竟稱現在應鼓勵看展</t>
  </si>
  <si>
    <t>獨／大馬男星光榮回鄉卻被羨「住台灣」！提前返台幸運躲過封城</t>
  </si>
  <si>
    <t>談疫色變 救護車當免費小黃變少</t>
  </si>
  <si>
    <t>第一金投信：機器人投資價值再升級</t>
  </si>
  <si>
    <t>中央開放企業快篩 柯P轟亂撒錢、亂弄</t>
  </si>
  <si>
    <t>《基金》台新投信新興短期高收益債券基金18日開募</t>
  </si>
  <si>
    <t>防堵歐洲疫情擴散 俄緊急關閉波蘭、挪威邊界</t>
  </si>
  <si>
    <t>新增1境外移入 20多歲女赴菲律賓工作返台確診</t>
  </si>
  <si>
    <t>陳時中揚言對地方減配疫苗 網友笑稱：減減看啊！</t>
  </si>
  <si>
    <t>《半導體》精材Q3營收戰新高 Q4審慎樂觀</t>
  </si>
  <si>
    <t>護照無法辨識大陸旅遊史 政院：外交部19日已提應急做法</t>
  </si>
  <si>
    <t>獨》44名洗腎患者AZ只打1／5劑量 大里仁愛醫院13期恢復疫苗接種</t>
  </si>
  <si>
    <t>鑽石公主號全員採檢 陰性且健康良好19日後下船</t>
  </si>
  <si>
    <t>現金買20斤大麵怎提營收證明？朱立倫：簡化紓困申請流程</t>
  </si>
  <si>
    <t>陳培哲辭疫苗審查委員 賴士葆嘆：政治黑手伸入科研</t>
  </si>
  <si>
    <t>定期快篩會更安全？ 柯文哲：PCR才能做最後確認</t>
  </si>
  <si>
    <t>新竹台大分院 獲贈3台超紫光滅菌機器人</t>
  </si>
  <si>
    <t>中和工業區某公司被爆員工確診 老闆要求所有人照常上班</t>
  </si>
  <si>
    <t>「吹哨者」李文亮 美參議員也要提案紀念</t>
  </si>
  <si>
    <t>吳京捐負壓救護車 韓寒以讀者名送防疫物資</t>
  </si>
  <si>
    <t>林口三井Outlet無預停業3天 業者：內部大清消</t>
  </si>
  <si>
    <t>博世Ridecare解決方案 讓共享汽車保持最佳狀態</t>
  </si>
  <si>
    <t>除了京元電、超豐 智邦科技也有1員工染疫</t>
  </si>
  <si>
    <t>英國疫情太嚇人！大批波蘭人逃回祖國</t>
  </si>
  <si>
    <t>搶救高雄觀光！韓國瑜開直播促銷旅館秒殺搶光</t>
  </si>
  <si>
    <t>「台灣是個國家」 他曝法最大電視台這樣評價台灣</t>
  </si>
  <si>
    <t>指揮中心搭公車須戴口罩 中市配合實施</t>
  </si>
  <si>
    <t>台東2官兵傳打AZ後不適 士官長一度危急裝葉克膜搶救</t>
  </si>
  <si>
    <t>台南畢旅不停辦 禁到高風險區域</t>
  </si>
  <si>
    <t>英新冠肺炎疫苗8日開打 前線醫護與長者優先接種</t>
  </si>
  <si>
    <t>美債ETF抗波動 危機入市首選</t>
  </si>
  <si>
    <t>採檢民眾要自主隔離多久？陳時中：新增健康存摺系統盡快通知</t>
  </si>
  <si>
    <t>台微體旗下金雞 盈擘 發表微脂體抗新冠報告</t>
  </si>
  <si>
    <t>賣魚郎助陣 石斑魚訂單飆破百萬</t>
  </si>
  <si>
    <t>懷疑染新冠肺炎！婦怕連累家人搞失蹤 10天後竟成浮屍</t>
  </si>
  <si>
    <t>《美股》看好「疫」外財 PayPal盤後急升8.52％</t>
  </si>
  <si>
    <t>海上郵輪超好玩？行家答案一面倒</t>
  </si>
  <si>
    <t>波蘭環境部長確診新冠肺炎 已自我隔離</t>
  </si>
  <si>
    <t>航空業確診案例 未來不排除公布航班資訊</t>
  </si>
  <si>
    <t>南京零新增 揚州連7天破30例</t>
  </si>
  <si>
    <t>南美首例 巴西病例確診 六大洲無一倖免</t>
  </si>
  <si>
    <t>誰說陸不給進！譚德賽：世衛專家今將訪武漢</t>
  </si>
  <si>
    <t>3件接種疫苗後死亡 檢察官決定2具不剖了</t>
  </si>
  <si>
    <t>鍾南山：陸錯失新冠藥物大規模臨床研究機會</t>
  </si>
  <si>
    <t>捐血領口罩引爆熱血沸騰　排隊畫面全場傻眼：血荒還口罩荒啊</t>
  </si>
  <si>
    <t>雲縣發口罩學生每人2盒</t>
  </si>
  <si>
    <t>捐血驗出新冠病毒陽性　專家：恐是「無症狀感染者」</t>
  </si>
  <si>
    <t>Garmin林口廠員工染疫 桃市衛生局急採500人</t>
  </si>
  <si>
    <t>萬華板橋民眾禁入馬偕？衛長：防院內感染</t>
  </si>
  <si>
    <t>抗疫100天 張上淳感謝民眾、媒體比SARS當年水準高很多</t>
  </si>
  <si>
    <t>《國際社會》疫情發燒！澳洲首度關閉學校，警告治療經費恐破10億澳元</t>
  </si>
  <si>
    <t>南韓陷社區傳播 旅遊疫情建議升級至第一級注意</t>
  </si>
  <si>
    <t>支持現金紓困民調曝光 洪孟楷：蔡政府還要慢幾拍？</t>
  </si>
  <si>
    <t>陳宜民：盼與柯P討論北市三期臨床「圈選接種」</t>
  </si>
  <si>
    <t>台灣輸出60例確診到世界 莊人祥：對國內疫情無影響</t>
  </si>
  <si>
    <t>上海3至5歲兒童今啟動疫苗接種 暫不包括港澳台人士</t>
  </si>
  <si>
    <t>綠媒稱台胞被半強迫打疫苗 國台辦斥：用心卑劣</t>
  </si>
  <si>
    <t>BBC整理譚德塞公開發言 網罵翻：白目！</t>
  </si>
  <si>
    <t>台灣新增6境外移入 醫開砲一句網憤怒了</t>
  </si>
  <si>
    <t>新冠肺炎帶來新問題 臨時工如何過日子</t>
  </si>
  <si>
    <t>公費流感疫苗開打 不分順序趕快接種</t>
  </si>
  <si>
    <t>陸員工傳染2同事 德新冠肺炎增為16例</t>
  </si>
  <si>
    <t>Omicron衝擊跨年活動？陳時中：大家要有心理準備</t>
  </si>
  <si>
    <t>出現新冠疫情國家增至56國 WHO：有全球流行病潛力</t>
  </si>
  <si>
    <t>李培禎確診新冠肺炎後首報平安 曝隔離狀況「不要跟我說加油」</t>
  </si>
  <si>
    <t>北美半導體設備出貨 3個月新高</t>
  </si>
  <si>
    <t>研究：新冠患者若曾高燒或氧氣治療 大腦灰質減少致情緒障礙</t>
  </si>
  <si>
    <t>新天地教主李萬熙下跪道歉 身旁神秘女子成焦點...身分遭起底</t>
  </si>
  <si>
    <t>近6成人民等不到第一劑預約通知 鄭麗文狠嗆蔡政府一句</t>
  </si>
  <si>
    <t>MWC取消 華為2／24舉辦線上發表會新摺疊機有望亮相</t>
  </si>
  <si>
    <t>桃園增4例皆為確診者接觸者 足跡包含汽車旅館、菜市場、3量販店</t>
  </si>
  <si>
    <t>CNN：新冠拆散來不及說再見 靈異事件頻傳</t>
  </si>
  <si>
    <t>廣州發現廣東首例境外輸入Omicron陽性病例</t>
  </si>
  <si>
    <t>僑外資企業入手新北工業地產掀熱潮</t>
  </si>
  <si>
    <t>好消息！新冠疫苗採購700元一劑 台灣明年中開打</t>
  </si>
  <si>
    <t>看好第四季 中菲行：11月航空貨運運價漲定了</t>
  </si>
  <si>
    <t>讚大陸陳薇研發新冠疫苗 蔡正元酸：不像某些人造神</t>
  </si>
  <si>
    <t>該不該開罰周玉蔻 網投票一面倒：指揮中心裝死機率高</t>
  </si>
  <si>
    <t xml:space="preserve">北市逾40萬人已打疫苗 柯文哲：接種率15.6％六都第一 </t>
  </si>
  <si>
    <t>【躲疫買億萬屋2】擁老豪宅36年 一代妖姬遭控風波不斷</t>
  </si>
  <si>
    <t>高雄特殊交友圈開趴再＋1 密切接觸5天後發病 最新足跡曝光</t>
  </si>
  <si>
    <t>沒把新冠放在眼裡 墨總統坦承染疫</t>
  </si>
  <si>
    <t>退休高官確診嫌醫院爛 開3條件：要住單人房</t>
  </si>
  <si>
    <t>飛機又成破口？桃園女染Delta 負責機上清潔</t>
  </si>
  <si>
    <t>日本第三波疫情爆發 單日確診人數創新高</t>
  </si>
  <si>
    <t>安盛生科 Q4推出新冠智能抗原快篩 5分鐘內有結果</t>
  </si>
  <si>
    <t>被楊志良嗆不適合當總統 馬英九笑回9字全場傻眼</t>
  </si>
  <si>
    <t>自購疫苗今到貨 45.8萬劑AZ下午抵台</t>
  </si>
  <si>
    <t>陸新冠疫苗效果如何？感染科專家張文宏：再等3個月才知道</t>
  </si>
  <si>
    <t>蓬佩奧、楊潔篪通話 強調抗疫透明重要性</t>
  </si>
  <si>
    <t>「校正回歸」網罵翻 鄉民吃早餐神比喻</t>
  </si>
  <si>
    <t>類風溼性關節炎藥 救活新冠患者</t>
  </si>
  <si>
    <t>奇美醫學中心防疫升級 住院病人需PCR陰性</t>
  </si>
  <si>
    <t>新冠肺炎重創全球企業！美股道瓊重挫410點！首季表現史上最慘</t>
  </si>
  <si>
    <t>不滿陽明山停車場擠爆人潮 最純主播脫口一句話洩真性情</t>
  </si>
  <si>
    <t>王子、李康生追逐槍戰臨喊卡 拍電影無奈遭疫情攪局</t>
  </si>
  <si>
    <t>《花木蘭》日韓因疫情延檔 影迷寫信求《007》延後上映</t>
  </si>
  <si>
    <t>商品期貨趨勢專欄－油價上漲有限 中性偏多</t>
  </si>
  <si>
    <t>非本國籍明零時起限制入境 柯文哲：這政策是對的</t>
  </si>
  <si>
    <t>台防疫僅贏在起跑點民族性使然？ 網曝無奈真相</t>
  </si>
  <si>
    <t>《經濟》防疫鬆綁在即 蘇貞昌：預先規畫振興準備</t>
  </si>
  <si>
    <t>害怕疫情 這些大廠都退出 全球行動通訊大會遭取消</t>
  </si>
  <si>
    <t>抗Delta大戰變調 CDC警告 美民眾打不打疫苗都散播得一樣快</t>
  </si>
  <si>
    <t>不怕疫情 北韓今年光復節和建黨日將表演這個</t>
  </si>
  <si>
    <t>對政府無聲抗議 江啟臣響應「熄燈一分鐘」悼確診亡者</t>
  </si>
  <si>
    <t>特殊！新加坡航空展最搶手紀念品是這個</t>
  </si>
  <si>
    <t>大陸拚年底前8成接種 群體免疫達標</t>
  </si>
  <si>
    <t>急診醫揭混打唯一副作用 痛整晚比首劑AZ更嚴重</t>
  </si>
  <si>
    <t>美版陳時中直打臉川普：缺一關鍵 過早解封下場慘</t>
  </si>
  <si>
    <t>嘉義市買菜分流 攤販叫客人：今天多買些明天不要來</t>
  </si>
  <si>
    <t xml:space="preserve">產地直送！德國BNT執行長證實：提供台灣疫苗「來自歐洲工廠」 </t>
  </si>
  <si>
    <t>NBA》魔術老闆花200萬美元照顧停擺員工</t>
  </si>
  <si>
    <t>鴻海、台積電證實 採購BNT疫苗正進行簽約法定程序</t>
  </si>
  <si>
    <t>全球首款「吸入式」新冠疫苗亮相 網友笑稱：像喝奶茶</t>
  </si>
  <si>
    <t>新冠肺炎疫情仍嚴峻 這些險種你保了沒？</t>
  </si>
  <si>
    <t>疫情重傷美就業市場 1個半月3千萬人丟工作</t>
  </si>
  <si>
    <t>高雄男打BNT「全身血疹、血便」血小板急降 衛生局回應了</t>
  </si>
  <si>
    <t>查爾斯王儲確診新冠肺炎 起底荒唐情史！為卡蜜拉逼走黛安娜</t>
  </si>
  <si>
    <t>西甲瓦倫西亞足球隊 35％驗出新冠</t>
  </si>
  <si>
    <t>新聞透視》操弄防疫抗陸 深化兩岸敵意</t>
  </si>
  <si>
    <t>抗新冠 接種兩劑AZ疫苗效力可達90％</t>
  </si>
  <si>
    <t>國產疫苗提前量產 楊志良提5大理由：讓高端下架</t>
  </si>
  <si>
    <t>雙和醫院護理師嘆踏進醫院備感壓力 感性發文拜託待在家裡</t>
  </si>
  <si>
    <t>同機者染新冠肺炎飛機遭遣返 旅行不便險賠不賠？</t>
  </si>
  <si>
    <t>防疫在家上班很輕鬆？OL曝悲慘現況</t>
  </si>
  <si>
    <t>醫用口罩納邊境查驗 7／7起口罩進口要抽查</t>
  </si>
  <si>
    <t>文化大學猛暴性群聚 快篩206人、13人陽性</t>
  </si>
  <si>
    <t>牛津新冠疫苗保護力才70％ BBC：失望</t>
  </si>
  <si>
    <t>《商情》國際油價跌 估下周國內汽油不調整</t>
  </si>
  <si>
    <t>口罩產能催落去！蔡英文宣示 日產2000萬片</t>
  </si>
  <si>
    <t>聯合國警告 疫情可能引爆50年來最嚴重的糧食危機</t>
  </si>
  <si>
    <t>葉匡時掏1.5萬響應「暖心預購」 點名黃捷接棒</t>
  </si>
  <si>
    <t>又見台灣輸出新冠病例 4人赴日本、法國確診</t>
  </si>
  <si>
    <t>駐外館首例！我駐法代表處淪陷 一職員確診新冠肺炎</t>
  </si>
  <si>
    <t>近2千人確診僅「個位數死亡」 德國防疫做了什麼？</t>
  </si>
  <si>
    <t>《哈利波特》作者羅琳自稱 染新冠病毒已痊癒</t>
  </si>
  <si>
    <t>烏克蘭美女在台打免費疫苗 接種後卻痛哭：我後悔了</t>
  </si>
  <si>
    <t>專車來回1.5小時接送 台南南化偏鄉關山里3位長輩接種疫苗</t>
  </si>
  <si>
    <t>變種新冠難測？連3驗都陰性 大馬7旬長者突暴斃：肺驚人變化</t>
  </si>
  <si>
    <t>駭客趁疫打劫 全球網路攻擊暴增</t>
  </si>
  <si>
    <t>大陸首款新冠肺炎疫苗專利誕生　</t>
  </si>
  <si>
    <t>蘇貞昌狂喊武漢肺炎 趙少康痛批：比歧視更惡劣的羞辱</t>
  </si>
  <si>
    <t>【信民播客】龍觀點｜兩隻黑天鵝相遇 全球大蕭條近在眼前！</t>
  </si>
  <si>
    <t>英國確診男病毒量超高 將比對是否染變種病毒</t>
  </si>
  <si>
    <t>阿緯順利打完2劑AZ疫苗 網友坦言不敢打他貼心回應</t>
  </si>
  <si>
    <t>台大麻醉護師染疫！員工看新聞才知 憂傳給家中親友</t>
  </si>
  <si>
    <t>陳時中否認「3＋11」破口 網友怒批民進黨顛倒是非</t>
  </si>
  <si>
    <t>旅美高球好手潘政琮好暖 不搭機返台保護寶島</t>
  </si>
  <si>
    <t>5月起山川琉璃吊橋 周一免費入場攝影</t>
  </si>
  <si>
    <t>新聞透視》新冠肺炎來勢洶洶！執著無社區傳播 鴕鳥心態作祟</t>
  </si>
  <si>
    <t>高市高中以下學校若停課 將啟動遠距教學</t>
  </si>
  <si>
    <t>武漢今「解封」76天封城告終！276班列車四散全境</t>
  </si>
  <si>
    <t>秋冬疫情再來台灣沒疫苗 陳時中：備妥135億元可跟國外買</t>
  </si>
  <si>
    <t>新聞早班車》英首相強森 今日復工</t>
  </si>
  <si>
    <t>萬金石開第一槍！新北鐵道馬拉松也確定延期</t>
  </si>
  <si>
    <t>五一連假盧祭鐵腕：人流如管制困難 必要時關景點</t>
  </si>
  <si>
    <t>讓長輩開心出遊 市議員爭取敬老卡搭台鐵區間車</t>
  </si>
  <si>
    <t>台北夫妻自行開車回嘉義溪口老家確診 曾去過大林全聯</t>
  </si>
  <si>
    <t>長水泡成新冠肺炎新症狀？張上淳證實國內有類似情況</t>
  </si>
  <si>
    <t>影》新北二級漸解封 侯友宜籲：隨時戴口罩病毒不會到</t>
  </si>
  <si>
    <t>陸外交部：境外輸入留學生佔4成 盼留學生和家長權衡利弊</t>
  </si>
  <si>
    <t>曝高端最重大副作用 台大醫揭猝死機率</t>
  </si>
  <si>
    <t>新冠肺炎狗貓會傳染引恐慌？高市農業局：病源汙染非感染</t>
  </si>
  <si>
    <t>確診女「吸不到空氣」隔離在家求助無門 護理師見訊息崩潰</t>
  </si>
  <si>
    <t>澳門生想回台上課 陳時中：可能要等3月中</t>
  </si>
  <si>
    <t>桃園男子猝死前發高燒 檢警採檢體送驗</t>
  </si>
  <si>
    <t>新北＋1 北巿松山確診國中生外婆也染疫</t>
  </si>
  <si>
    <t>防堵Delta 新北幼兒園9日起停辦跨班課後留園</t>
  </si>
  <si>
    <t>基隆小姑娘群聚感染再添7例 老闆娘家族幾乎確診</t>
  </si>
  <si>
    <t>逾3百人打疫苗死亡 藍委脫口一句怒嗆蔡政府</t>
  </si>
  <si>
    <t>新冠肺炎擴散 7旬老婦「惜緣」不和老伴離婚</t>
  </si>
  <si>
    <t>敦睦艦隊秘密行程曝光 經新加坡而不入竟是為了....</t>
  </si>
  <si>
    <t>新冠疫情擴散再增1國 以色列出現首例確診</t>
  </si>
  <si>
    <t>桃園特殊交友圈釀5家人染疫 足跡包括奇異果旅店、華泰名品城</t>
  </si>
  <si>
    <t>北市診所可打疫苗 新北市衛生局：已和203家診所簽約</t>
  </si>
  <si>
    <t>《股利-其他》基士德擬配息4.5元，現金殖利率高達9.57％</t>
  </si>
  <si>
    <t>網友解析指揮中心組合 陳時中讚爆</t>
  </si>
  <si>
    <t>Gogolook攜「美玉姨」擴大防詐領域</t>
  </si>
  <si>
    <t>美仇恨亞裔暴力事件頻傳 李彥秀自爆：開車上路被比中指</t>
  </si>
  <si>
    <t>估值偏低＋政策作多 A股後市不看淡</t>
  </si>
  <si>
    <t>新北又見＋0 戶外有望脫罩？ 侯友宜這樣說</t>
  </si>
  <si>
    <t>採訪音樂家遭隔離 藝文記者嘆人情冷暖</t>
  </si>
  <si>
    <t>葛民輝閃電搬離月租47萬豪宅 主因曝光網讚：良心有錢人</t>
  </si>
  <si>
    <t>《業績-生醫》疫情侵蝕消費力 達爾膚Q1營收年減29％</t>
  </si>
  <si>
    <t>55歲男愛吃生魚片 數月後嚇傻：器官變這樣</t>
  </si>
  <si>
    <t>北市宣布Delta停課標準 匡列者全班停課5天 確診全校停14天</t>
  </si>
  <si>
    <t>衛生所加入賣口罩 南市兒童口罩銷量差</t>
  </si>
  <si>
    <t>口罩數量大增為何排隊隊伍變更長？網揭原因超現實</t>
  </si>
  <si>
    <t>李明依訴長者打疫苗多人猝死 嘆「難道只剩數字」網砲轟</t>
  </si>
  <si>
    <t>2娃奶聲喊話 陳時中一號表情變了</t>
  </si>
  <si>
    <t>台人紛紛出國打疫苗 醫曝恐怖致命點：感染風險更高</t>
  </si>
  <si>
    <t>佛系防疫拖累 瑞典上半年死亡數創150年新高</t>
  </si>
  <si>
    <t>疫情趨緩 北市：10／1起開放長照機構探視</t>
  </si>
  <si>
    <t>柯P談開放疫苗嗆「搞我就慢兩天打」 陳時中回應了</t>
  </si>
  <si>
    <t>實聯制將執行到明年中 陳時中：降級初期要先挺住</t>
  </si>
  <si>
    <t>歐美疫情不退 13檔防疫概念股交投熱</t>
  </si>
  <si>
    <t>《盤後解析》權王穩盤勢 拿月線還得加把勁</t>
  </si>
  <si>
    <t>南韓明起限制口罩、乾洗手出口　大邱現搶購人龍</t>
  </si>
  <si>
    <t>《商情》料產量增 周二馬來西亞棕櫚油走低</t>
  </si>
  <si>
    <t>中醫大抗冠研究成果 刊登國際學術期刊受關注</t>
  </si>
  <si>
    <t>非必要不要前往！旅遊警示升至3級 27日起自韓返台須居家檢疫</t>
  </si>
  <si>
    <t>高雄染疫＋1 麻將群聚案已13確診</t>
  </si>
  <si>
    <t>瞄準富商、藝人！日業者推疫苗團 觀光或留學隨選</t>
  </si>
  <si>
    <t>新光醫院倡健檢 別因疫情耽誤病情</t>
  </si>
  <si>
    <t>新冠肺炎臨床照護經驗 員榮醫院透過5G智慧跨海傳遞</t>
  </si>
  <si>
    <t>疫情轉嚴峻 西雅圖宣布緊急狀態</t>
  </si>
  <si>
    <t>向侯友宜下指導棋 陳時中：新北應增設篩檢站</t>
  </si>
  <si>
    <t>降級首日重症醫直擊民眾1行為 嘆風雲恐再起</t>
  </si>
  <si>
    <t>從日本等地區進京 需隔離14天</t>
  </si>
  <si>
    <t>驚悚！紐約市死亡過多 無人島改建千人塚畫面曝光</t>
  </si>
  <si>
    <t>東馬取消只留職業跑者 參賽資格明年仍可用但要再付報名費</t>
  </si>
  <si>
    <t>86歲脫線罹肺炎康復出院 感人PO文謝老伴</t>
  </si>
  <si>
    <t>北京下調防控等級 五一假期機票秒殺</t>
  </si>
  <si>
    <t>謠傳有確診病例害診所遭霸凌 被迫停業14天！ 衛生局痛批：獵巫</t>
  </si>
  <si>
    <t>富市台中、新好生活 盧秀燕：展現持續建設台中決心</t>
  </si>
  <si>
    <t>1分鐘看世界》全球死亡破十萬 WHO駁台警告未提人傳人</t>
  </si>
  <si>
    <t>川普：將成立經濟工作組來重啟美國經濟</t>
  </si>
  <si>
    <t>外出不肯戴口罩！村民遭反綁教訓「你不活，百姓還想活」</t>
  </si>
  <si>
    <t>黃秋生見台灣疫情大爆炸 列4大點信心喊話「一月內必可控」</t>
  </si>
  <si>
    <t>《興櫃股》八貫3大動能加持 明年業績續攀</t>
  </si>
  <si>
    <t>股價指數期貨贏家專欄－歐疫情升溫 生技醫療錢景俏</t>
  </si>
  <si>
    <t>她開箱美國政府救濟金 支票驚見這金額</t>
  </si>
  <si>
    <t>二級警戒延長至10月 2大行業哭了 完整指引曝光</t>
  </si>
  <si>
    <t>疫情衝擊觀光業 中市府力挺勞資困境</t>
  </si>
  <si>
    <t>世衛組織：大陸以外新冠肺炎確診逾2萬人 全球已破10萬</t>
  </si>
  <si>
    <t>《紐時》記者來台專訪 長文介紹中職開打</t>
  </si>
  <si>
    <t>百事北京大興磁魏路廠 8名員工確診 已停工停產</t>
  </si>
  <si>
    <t>北市公布2確診者足跡 曾搭捷運到小巨蛋、西門及江子翠</t>
  </si>
  <si>
    <t>爆料稱iPhone 12 Pro支援120Hz更新率與3倍光學變焦</t>
  </si>
  <si>
    <t>為何要政風處撤查？陳時中曝病患一句話是關鍵主因</t>
  </si>
  <si>
    <t>歐洲前所未見的擴散速度 丹麥病例2天暴增10倍</t>
  </si>
  <si>
    <t>揭日本防疫漏洞反害友人遭公審 歐陽靖：相當抱歉</t>
  </si>
  <si>
    <t>日出現第1家撐不過疫情宣布破產的旅館</t>
  </si>
  <si>
    <t>用疫情和台灣人開玩笑？ 夏春湧辣嗆陳時中：真有種</t>
  </si>
  <si>
    <t>疫情干擾 台灣高鐵Q1營收6年新低</t>
  </si>
  <si>
    <t>疫情再起重挫台股 內需、零售、單車抗跌</t>
  </si>
  <si>
    <t>新冠肺炎紓困、防疫最新措施－大學指考延至7／3～5</t>
  </si>
  <si>
    <t>女星想訂大飯店外送餐 被富尪一句話點醒秒取消：真心敬佩你</t>
  </si>
  <si>
    <t>降級不解封！農委會：批發市場仍依防疫指引處理</t>
  </si>
  <si>
    <t>國內累計9人出院 未來採檢3陰才能解除隔離</t>
  </si>
  <si>
    <t>好噁啊！新冠肺炎環境大消毒卻放著排水溝浮廢油飄垃圾</t>
  </si>
  <si>
    <t>國軍桃園總醫院確診增為13人 2護理師家人也染疫</t>
  </si>
  <si>
    <t>首廟天壇法會 黃偉哲帶頭祈福</t>
  </si>
  <si>
    <t>舊金山疑現社區傳播新冠肺炎首例 病源不明</t>
  </si>
  <si>
    <t>陸港觀盤－政策趨向利多A股、中資股</t>
  </si>
  <si>
    <t>今增2境外移入 指揮中心14：00說明</t>
  </si>
  <si>
    <t>國產疫苗沒三期試驗就下單 柯文哲：沒辦法支持中央很多說法</t>
  </si>
  <si>
    <t>疫情衝擊 洋桔梗價格重挫每把剩20多元</t>
  </si>
  <si>
    <t>新冠肺炎攪局 全錄放棄350億美元收購惠普案</t>
  </si>
  <si>
    <t>尪解隔離後二度確診 她爆防疫漏洞崩潰：為何不檢查就放出來</t>
  </si>
  <si>
    <t>「關8」橫山裕確診 才上《紅白》大咖明星陷染疫危機</t>
  </si>
  <si>
    <t>基因定序出爐 確定Delta！新北餐飲將取消內用</t>
  </si>
  <si>
    <t>打疫苗有多痛？哈孝遠空姐妻驚呼「像剖腹產傷口」</t>
  </si>
  <si>
    <t>本世紀最大經濟挑戰來了</t>
  </si>
  <si>
    <t>衛福部公開招募疫苗受試者 藍委批：帶頭遊走法律邊緣</t>
  </si>
  <si>
    <t>台大碩士曝唐鳳不為人知的一面：3件事令人震撼</t>
  </si>
  <si>
    <t>防疫再升級！東海校園本學期謝絕訪客</t>
  </si>
  <si>
    <t>空頭來了 全球股市四天蒸發3.3兆美元</t>
  </si>
  <si>
    <t>新冠肺炎？ 斯洛伐克總理呼吸道感染加高燒 緊急住院</t>
  </si>
  <si>
    <t>雙北確診數破百還不封城？指揮中心回應</t>
  </si>
  <si>
    <t>新冠肺炎肆虐 華仔大陸巡演全喊卡</t>
  </si>
  <si>
    <t>因颱風延期 宜蘭民眾施打疫苗撲空抱怨連連</t>
  </si>
  <si>
    <t>專家：沒證據顯示戶外要強制戴口罩</t>
  </si>
  <si>
    <t>陳時中曝代工AZ破局原因 林濁水分析：台灣防疫被切成三塊</t>
  </si>
  <si>
    <t>疫情又回溫 粵港澳「健康碼」政策恐再延宕</t>
  </si>
  <si>
    <t>無死亡病例！廣州本波新冠感染者清零 全數治癒出院</t>
  </si>
  <si>
    <t>風光不再？MWC出「疫」外</t>
  </si>
  <si>
    <t>新冠肺炎1／13境外移入＋4 來自印度、印尼</t>
  </si>
  <si>
    <t>為了意識形態陳時中買疫苗可能被加錢？ 藥師酸：老闆還不電爆你</t>
  </si>
  <si>
    <t>開第一槍 長照機構禁止探視</t>
  </si>
  <si>
    <t>尖點台灣產能全開 支援大陸</t>
  </si>
  <si>
    <t>武漢在院患者歸零 綏芬河嚴峻</t>
  </si>
  <si>
    <t>醫療人員便當曝光 慘輸台商隔離所...她嘆：根本吃不飽</t>
  </si>
  <si>
    <t>美國疫情復燃 疫苗接種率低的地區病例激增</t>
  </si>
  <si>
    <t>乘客少8成 新北藍色公路 業者苦撐</t>
  </si>
  <si>
    <t>7月棄打莫德納 張亞中今現身接種BNT 親曝原因</t>
  </si>
  <si>
    <t>「封城」又延長！新加坡總理夫人何晶臉書轉PO一句話 網友看哭了</t>
  </si>
  <si>
    <t>成大組創新聯盟 邁向工業4.0</t>
  </si>
  <si>
    <t>日本單日確診首度破2萬 醫師協會呼籲快這麼做</t>
  </si>
  <si>
    <t>酒店女確診如何找接觸史？老司機曝：「食物鏈」知端倪　</t>
  </si>
  <si>
    <t>英國106歲嬤2度戰勝新冠肺炎 曝長壽秘訣：全脂牛奶＋威士忌</t>
  </si>
  <si>
    <t>1分鐘死1人 美新冠病歿數破25萬人 囚犯充當屍體搬運工</t>
  </si>
  <si>
    <t>新聞早班車》回國14天內發燒 就要採驗</t>
  </si>
  <si>
    <t>防疫最該吃什麼？專家：黏膜是第一道防線</t>
  </si>
  <si>
    <t>本土又破百例！新增104確診 24人死亡</t>
  </si>
  <si>
    <t>都是作戲？憂傷害美陸關係 傳川普不願制裁林鄭等高官</t>
  </si>
  <si>
    <t>3生肖人4款疫苗全打不到 灌爆衛福部臉書：我們是孤兒嗎？</t>
  </si>
  <si>
    <t>普生卡位新冠檢測商機 營運旺</t>
  </si>
  <si>
    <t>女星飛韓批貨！返台想按摩遭嗆「沒隔離別來害人」夫氣炸：是在哈囉？</t>
  </si>
  <si>
    <t>錦鯉女王PO文解疫苗採購難題 2.2萬人狂讚 網友戰翻</t>
  </si>
  <si>
    <t>東奧會徽與病毒結合 組委會抗議侵權</t>
  </si>
  <si>
    <t>不要吵了 最先提到新冠病毒人傳人的可能是他</t>
  </si>
  <si>
    <t>美疫情升溫 陳時中：會分州處理旅遊警示</t>
  </si>
  <si>
    <t>蒙古通報新冠肺炎首例 患者為法國籍人士</t>
  </si>
  <si>
    <t>為員警健康把關 生技公司贈南市警4680瓶乾洗手液</t>
  </si>
  <si>
    <t>獨家》隔1天才說載到確診客 染疫台女搭高鐵車次曝光</t>
  </si>
  <si>
    <t>第33例疑大阪染疫 網友怨氣大爆發</t>
  </si>
  <si>
    <t>北市疫苗護照擬納科興、國藥 陳時中：要考量國內EUA</t>
  </si>
  <si>
    <t>嗆蘇「最聰明醫師」深夜再放話 反遭親兒嗆：死不認錯</t>
  </si>
  <si>
    <t>彰化縣40多歲肝癌女發病67天死亡 全縣最年輕案例</t>
  </si>
  <si>
    <t>《電腦設備》微星奪三項2020德國iF設計大獎</t>
  </si>
  <si>
    <t>打完AZ金槍不倒？醫搞笑曝BNT「鄉野傳說」女網友激動了</t>
  </si>
  <si>
    <t>美新冠肺炎確診數飆破萬人大關 ！旅遊警示升到最高：不要出國！</t>
  </si>
  <si>
    <t>第13輪打BNT、AZ 預約日出爐 再開50歲以上打AZ第一劑</t>
  </si>
  <si>
    <t>《國際社會》群聚感染＋境外移入 南韓新冠肺炎新增確診數升高</t>
  </si>
  <si>
    <t>高端疫苗解盲驚見2問題 專家：魔鬼都在細節中</t>
  </si>
  <si>
    <t>全台電影院第一槍 朝代戲院將暫停營業</t>
  </si>
  <si>
    <t>確診學生單日增28人 各級學校累計達405人</t>
  </si>
  <si>
    <t>印度新冠肺炎疫情惡化 多地宵禁盼擴大接種疫苗</t>
  </si>
  <si>
    <t>北京百事分廠傳疫情 關廠停工</t>
  </si>
  <si>
    <t>《半導體》聯發科蔡力行喊話 H1營收看增1成、H2繼續努力</t>
  </si>
  <si>
    <t>在家也要社交距離、戴口罩 四級可能性曝：不一定完全封城</t>
  </si>
  <si>
    <t>新冠肺炎疫情延燒　蔡壁如強力推動《公衛師法》立法</t>
  </si>
  <si>
    <t>新冠肺炎疫情衝擊 台在陸求職者63％回流或南進東協</t>
  </si>
  <si>
    <t>校園解禁！ 苗栗縣5月30日開放民眾運動</t>
  </si>
  <si>
    <t>謝忻金援小甜甜「翻白眼回應」：有需要我會幫妳</t>
  </si>
  <si>
    <t>新冠疫情尚未走到終點 如何保養肺有撇步</t>
  </si>
  <si>
    <t>接回鑽石公主20台人 華航機長15秒廣播讓乘客淚崩了</t>
  </si>
  <si>
    <t>好市多爆發搶購潮 網驚呼這4樣食物「末日必備」！</t>
  </si>
  <si>
    <t>阿妹工作按暫停鍵 陳鎮川「找事做」代言名車</t>
  </si>
  <si>
    <t>台商戴口罩仍傳染司機？網曝關鍵</t>
  </si>
  <si>
    <t>萬金石馬拉松吸引7500名跑者 金山警發揮巧思替選手加油</t>
  </si>
  <si>
    <t>誰是下個鬆綁台旅客入境的國家？這兩國被點名</t>
  </si>
  <si>
    <t>新冠肺炎怎暴增100例 綠委：台灣人弄破的</t>
  </si>
  <si>
    <t>疫情再現 澳門6日凌晨起關閉部分娛樂場所</t>
  </si>
  <si>
    <t>新北60多歲男感染源不明 指揮中心揭Ct值</t>
  </si>
  <si>
    <t>WHO：義大利西班牙疫情有趨穩跡象</t>
  </si>
  <si>
    <t>野村：砍單才剛開始 蘋概股業績有壓</t>
  </si>
  <si>
    <t>川普選後復仇 承諾全美都會有新冠疫苗 紐約州要等等</t>
  </si>
  <si>
    <t>熱門股－懷特 放量漲停挑戰前高</t>
  </si>
  <si>
    <t>金在中稱得新冠肺炎 1小時內反轉喊「愚人節玩笑」網罵爆</t>
  </si>
  <si>
    <t>返台隔離14天何時可鬆綁？前台大醫曝最快時間點</t>
  </si>
  <si>
    <t>確診外籍看護曾到龍山寺、北車 今全面大消毒</t>
  </si>
  <si>
    <t>恐怖！美估24萬人死 道瓊又重挫近千點</t>
  </si>
  <si>
    <t>伊朗新冠肺炎死亡達237例 當局釋放7萬囚犯</t>
  </si>
  <si>
    <t>南投縣疫苗配撥2萬3800劑 7月3日起開放74歲至85歲接種</t>
  </si>
  <si>
    <t>長者打疫苗利大於弊 重症醫喊行前注意「三個不」</t>
  </si>
  <si>
    <t>5倍券網路民調曝光 許淑華：可見蘇貞昌的結論荒謬</t>
  </si>
  <si>
    <t>勝選演說猛咳嚇死人 拜登認了染病</t>
  </si>
  <si>
    <t xml:space="preserve">莫德納要來了 108萬劑明天抵台 </t>
  </si>
  <si>
    <t>新冠肺炎不辦實體法會 改辦「宅法會」線上祈福</t>
  </si>
  <si>
    <t>恩主公翻版？台中大里仁愛醫院打錯AZ劑量 40多人遭殃</t>
  </si>
  <si>
    <t>金門新款鹿茸酒上市 抗疫期間「補」一下</t>
  </si>
  <si>
    <t>防疫禁廳內用餐 美麥當勞遭女客槍擊2員工受傷</t>
  </si>
  <si>
    <t>好日子快來了？印度神童預言這天起回歸正常生活</t>
  </si>
  <si>
    <t>中央下令酒店舞廳全關 高雄「金芭黎」說話了</t>
  </si>
  <si>
    <t>星展透過視訊送暖心食袋 照顧獨居老人</t>
  </si>
  <si>
    <t>本土疫情升溫 林務局：新北、桃竹苗森林育樂場暫停開放</t>
  </si>
  <si>
    <t>防疫滴水不漏 吳鳳科大宿舍安裝智慧聲控電梯</t>
  </si>
  <si>
    <t>台中市83名打AZ不良反應3住院3死 長者現「緩打潮」</t>
  </si>
  <si>
    <t>新冠快篩有譜 僅需15分鐘</t>
  </si>
  <si>
    <t>義大利成歐洲防疫破口？網曝失控關鍵</t>
  </si>
  <si>
    <t>本土疫情35人到院前死亡 指揮中心驚爆主要原因</t>
  </si>
  <si>
    <t>台南市政府疫情因應小組減緩經濟衝擊</t>
  </si>
  <si>
    <t>WHO若不是傲慢回「收到了」 黃創夏感嘆喊10字</t>
  </si>
  <si>
    <t>阿嬤買霰彈槍、媽媽推嬰兒車逛槍店 美國到底怎麼了</t>
  </si>
  <si>
    <t>竹市增2確診 1例曾搭高鐵通勤 皆有萬華、台北活動史</t>
  </si>
  <si>
    <t>北市跨年限8萬人 疫情未爆彈？許淑華：市府態度令人擔憂</t>
  </si>
  <si>
    <t>獨》肺炎疫情威脅 男性申請育嬰留職停薪情況大增</t>
  </si>
  <si>
    <t>高市添1例海軍確診 足跡不公布原因曝光</t>
  </si>
  <si>
    <t>最新疫調！高雄確診海軍曾到新營麥當勞用餐</t>
  </si>
  <si>
    <t>王浩宇罕見讚許韓國瑜 只為修理柯文哲到高雄趴趴走</t>
  </si>
  <si>
    <t>中年男大鬧急診室 醫喊「他超疫苗」護理師會意秒懂</t>
  </si>
  <si>
    <t>無篩檢證明禁國人入境 沈富雄酸陳時中：嚇破了膽</t>
  </si>
  <si>
    <t>雙和醫院護理師遭確診男砍「傷勢嚴重」 學姊不捨：20幾歲韌帶都斷了</t>
  </si>
  <si>
    <t>說好的「同進退」呢？ 法國高官宣布不抵制北京冬奧</t>
  </si>
  <si>
    <t>大寮家庭群聚案再添一例 陳其邁拜託端午節減少移動</t>
  </si>
  <si>
    <t>血庫告急 鄭文燦號召捐血</t>
  </si>
  <si>
    <t>船上醫官隱匿？醫曝前線真相：不可能</t>
  </si>
  <si>
    <t>勞動基金前7月逆轉勝 小賺282億元</t>
  </si>
  <si>
    <t>陳時中現場乾蒸口罩8分鐘 戴了大讚：熱熱的不錯</t>
  </si>
  <si>
    <t>國內累計432人確診 6人死亡、324人解除隔離</t>
  </si>
  <si>
    <t>霸王條款惹議 藍委籲發布緊急命令</t>
  </si>
  <si>
    <t>關曉彤全副武裝現身醫院發燒門診！真相揭曉</t>
  </si>
  <si>
    <t>《半導體》信驊H1樂觀 董座林鴻明喊：封測最缺</t>
  </si>
  <si>
    <t>竹市3個親子館14日起實名制重新開館</t>
  </si>
  <si>
    <t>幼兒園群聚感染關鍵在「通風」 專家建議：監測二氧化碳濃度</t>
  </si>
  <si>
    <t>《興櫃股》法德藥代理利巴韋林吸入劑，向陸NMPA申請緊急註冊</t>
  </si>
  <si>
    <t>JHVL》麥寮黑馬突圍 直落三奪隊史首冠</t>
  </si>
  <si>
    <t>拜登為何禁用「中國病毒」黃暐瀚揭背後原因：當初還遭網軍攻擊</t>
  </si>
  <si>
    <t>泰國羽球公開賽》賽娜確診新冠 退出賽事</t>
  </si>
  <si>
    <t>長庚試驗第3劑混打 醫護人員踴躍報名</t>
  </si>
  <si>
    <t>中時專欄：郁慕明》親陸、富台、強中的新道路</t>
  </si>
  <si>
    <t>基層診所苦等疫苗處置費 陳時中宣布下周一發放</t>
  </si>
  <si>
    <t>普拿疼一天可吃幾顆？她打完AZ爆痛 醫揭這時吃最有效</t>
  </si>
  <si>
    <t>陸委會正名新冠肺炎 羅智強嗆館長：你說呢？</t>
  </si>
  <si>
    <t>台灣權王－永豐金證券 蘋概股利多 用權證推升獲利</t>
  </si>
  <si>
    <t>彰化衛生局公布最新足跡 正彰化肉圓、得記麻辣火鍋都列入</t>
  </si>
  <si>
    <t>北市長照中心再爆4確診 這次竟是社會局管轄的機構</t>
  </si>
  <si>
    <t>竹縣老街 6月1日解除分流管制</t>
  </si>
  <si>
    <t>肺炎餐廳卻爆滿 警察看驚見全是人頭</t>
  </si>
  <si>
    <t>翹班接兒 高官行程曝光 網驚：立院慘了</t>
  </si>
  <si>
    <t>美股迎12年最糟財報季 那指反向創歷史新高</t>
  </si>
  <si>
    <t>內蒙古疫情延燒 多地防控升級</t>
  </si>
  <si>
    <t>《半導體》WiFi 6前景佳、良率升 立積11月營收拚站新高</t>
  </si>
  <si>
    <t>馬英九探視呂若瑟神父 自爆幼年受天主教照顧</t>
  </si>
  <si>
    <t>危機入市 壽險主權基金 看好台開洄瀾灣</t>
  </si>
  <si>
    <t>旅美30年確診才返台？網7點還原當年</t>
  </si>
  <si>
    <t>佳凌調配產線 為疫後急單備戰</t>
  </si>
  <si>
    <t>車上防疫不馬虎！專家：3動作改善車內空氣</t>
  </si>
  <si>
    <t>蔡英文823打高端疫苗 趙少康呼籲一件事</t>
  </si>
  <si>
    <t>旺報社評》合力阻絕比新冠更毒的病毒</t>
  </si>
  <si>
    <t>大陸：新冠肺炎疫苗料最快年底上市</t>
  </si>
  <si>
    <t>阿嬤進超商喊「不識字」拒絕實聯制 店員幫忙遭嗆：你們都得肺炎</t>
  </si>
  <si>
    <t>疫情擴散擔心街友　資深藝人劉尚謙艋舺公園發便當</t>
  </si>
  <si>
    <t>無法返校開學 花蓮16陸港澳生遠距教學</t>
  </si>
  <si>
    <t>《半導體》智慧機＋電視需求轉弱 外資降聯詠評等、目標價</t>
  </si>
  <si>
    <t>沒負壓救護車 宜縣鎖定負壓艙</t>
  </si>
  <si>
    <t>6月大嬰染新冠肺炎 詭異過程曝光...醫：一股寒意升起</t>
  </si>
  <si>
    <t>只睡2.5小時硬拚了 名嘴曝清晨6點半美廉社「驚人一幕」</t>
  </si>
  <si>
    <t>新冠肺炎疫情延燒　歐CDC示警部分國家恐步入義大利後塵</t>
  </si>
  <si>
    <t>各縣市微解封標準不一惹民怨？陳時中回應了</t>
  </si>
  <si>
    <t>微軟臉書等美科技業合作 打擊新冠肺炎不實資訊</t>
  </si>
  <si>
    <t>慘淪疫區！全球4國限制日本人入境</t>
  </si>
  <si>
    <t>高雄群聚案13人染疫 扯出20年前往事 眾人一聽都淚了</t>
  </si>
  <si>
    <t>工商團體鬆一口氣 4月電價 連四凍機會大</t>
  </si>
  <si>
    <t>川普染疫肺受損機率高？醫揭驚人數據：老和胖是危險關鍵</t>
  </si>
  <si>
    <t>考量防疫 森林遊樂區、自然步道微解封範圍縮減</t>
  </si>
  <si>
    <t>《業績-其他》鈺齊首季稅後淨利3.54億元 寫同期高</t>
  </si>
  <si>
    <t>韓再增70確診！累計833人染疫 13軍人中鏢 死亡8例</t>
  </si>
  <si>
    <t>冷區金山突增6人家族群聚 侯友宜：明派快篩隊進駐</t>
  </si>
  <si>
    <t>防疫守門員 中市交大啟用「自動測溫除菌門」</t>
  </si>
  <si>
    <t>清冠中藥治癒21人 7月進軍歐美</t>
  </si>
  <si>
    <t>新冠肺炎產險理賠 已逾3,000案</t>
  </si>
  <si>
    <t>微解封後部分健身房扣繳月費 消基會籲「應完整開放才能收費」</t>
  </si>
  <si>
    <t>彰化新增6確診 衛生局20日下午再公布最新8足跡</t>
  </si>
  <si>
    <t>一日農夫開直播 行銷金鑽鳳梨</t>
  </si>
  <si>
    <t>政治人物應該最後打疫苗 王世堅喊：台灣2300萬人打完我再打</t>
  </si>
  <si>
    <t>疫苗準備追加第3劑 蘇貞昌：適當時機對外公布</t>
  </si>
  <si>
    <t>桃園今查700宿舍工廠分艙分流 141家工廠入廠篩檢</t>
  </si>
  <si>
    <t>又一高官中鏢 西班牙副總理確診新冠肺炎</t>
  </si>
  <si>
    <t>高雄小港今增1確診 CT值僅17感染源不明 曾到7-11、50嵐</t>
  </si>
  <si>
    <t>NBA緊急停賽 球員還有薪水嗎？</t>
  </si>
  <si>
    <t>見蔡政府回應民間全都有這2字 游盈隆忍不住了：不吐不快</t>
  </si>
  <si>
    <t>新一批AZ疫苗明後天抵台？指揮中心澄清並非事實</t>
  </si>
  <si>
    <t>西班牙21歲足球教練去世！體壇首位因新冠肺炎病逝</t>
  </si>
  <si>
    <t>北市一級開設標準？黃珊珊：中央開我就開</t>
  </si>
  <si>
    <t>日大臣得意秀鑽石公主船內防疫照 網一看氣炸：難怪會失控</t>
  </si>
  <si>
    <t>美疫情到底多嚴重？CDC透露：實際確診數最高恐24倍</t>
  </si>
  <si>
    <t>無懼疫情 長榮文苑開幕</t>
  </si>
  <si>
    <t>誤會大了 以為確診者去過 全聯台中2門市今停業</t>
  </si>
  <si>
    <t>非洲將會大流行？ 納米比亞與盧安達出現病例</t>
  </si>
  <si>
    <t>美食-KY最壞已過 瑞信喊買</t>
  </si>
  <si>
    <t>林佳龍：戴口罩才能搭大眾運輸 網友嘩然</t>
  </si>
  <si>
    <t>和逆時中派對壘 莊人祥：防疫界「823砲戰」盼點到為止</t>
  </si>
  <si>
    <t>留學生不來撐不住了 澳洲爆大學裁員潮 1.1萬人慘丟工作</t>
  </si>
  <si>
    <t>2億人的新冠後遺症</t>
  </si>
  <si>
    <t>新店渡口清淤 浮筒自行車道重啟</t>
  </si>
  <si>
    <t>新冠肺炎走向「流感化」 打兩劑AZ等於沒打？專家這樣說</t>
  </si>
  <si>
    <t>流感更甚於新冠肺炎 一張圖證明民眾心情</t>
  </si>
  <si>
    <t>網路謠傳屏東做大通鋪臨時醫院 潘孟安斥「消息假得離譜」</t>
  </si>
  <si>
    <t>世衛宣布 新冠肺炎全球風險上調非常高</t>
  </si>
  <si>
    <t>自費檢驗費用大不同 台灣價格竟高出13倍</t>
  </si>
  <si>
    <t>伊朗疫情失控！革命衛隊指揮官染疫病逝 高官死亡率為全球之首</t>
  </si>
  <si>
    <t>換義大利恐慌了 戴口罩排隊搶購民生用品</t>
  </si>
  <si>
    <t>北市死亡個案「校正回歸」遭陳時中說重話 衛生局：初判為系統問題</t>
  </si>
  <si>
    <t>美6月非農就業暴增480萬人</t>
  </si>
  <si>
    <t>2020美大選》川普警訊！40年鐵粉反感 4成認美走錯了</t>
  </si>
  <si>
    <t>冬季專案8大類場所強制戴口罩 主要原因曝光</t>
  </si>
  <si>
    <t>疫情後川普首度辦造勢 竟選在種族大屠殺地點</t>
  </si>
  <si>
    <t>入境集中管制 南非六國列高風險</t>
  </si>
  <si>
    <t>紐西蘭奇異果竟在陸檢出新冠病毒陽性</t>
  </si>
  <si>
    <t>南市1.6萬劑疫苗開打 郭信良建議開放部分給年長及病弱者施打</t>
  </si>
  <si>
    <t>橡塑膠產業訂單加持 台穩營運報喜</t>
  </si>
  <si>
    <t>北京新增新冠肺炎確診病例1例 累計400例</t>
  </si>
  <si>
    <t>默沙東抗疫口服藥可降低50％住院或死亡風險</t>
  </si>
  <si>
    <t>《國際社會》川普延後禁足令至4月底，警告新冠死亡率兩周內達高峰</t>
  </si>
  <si>
    <t>WHO回應川普「中國病毒」說　不應把病毒同種族相聯繫</t>
  </si>
  <si>
    <t>三寶媽確診四肢截肢才保命 悲痛心聲曝光</t>
  </si>
  <si>
    <t>餐飲禁止內用提早解禁？ 侯友宜這樣回應</t>
  </si>
  <si>
    <t>鮭魚為何不是新冠感染源？醫解密：少了特殊「天菜」</t>
  </si>
  <si>
    <t>直播》藍委控造謠？吳釗燮立院報告「口罩援外」</t>
  </si>
  <si>
    <t>勞動部砸5億　無薪假員工最多可領1萬9</t>
  </si>
  <si>
    <t>山富3月上櫃 長期營運動能強</t>
  </si>
  <si>
    <t>李毓芬防疫沒穿衣！「一條毛毯」裹裸體網噴鼻血</t>
  </si>
  <si>
    <t>「快篩陽性應視同PCR確診」 柯文哲下令加速匡列</t>
  </si>
  <si>
    <t>崴立多管齊下 降低疫情衝擊</t>
  </si>
  <si>
    <t>抗新冠藥瑞德西韋試驗結果正面 歐美股大漲</t>
  </si>
  <si>
    <t>日和歌山縣知事： 因院內感染案例遭全國霸凌</t>
  </si>
  <si>
    <t>鮑爾：復甦有挑戰 首重控制疫情</t>
  </si>
  <si>
    <t>宅在家防疫 雪隧、蘇花改車流稀疏 有望創單日車流量最低</t>
  </si>
  <si>
    <t>Novavax疫苗英國試驗 防護力約89％</t>
  </si>
  <si>
    <t>新冠肺炎衝擊業績反增4成 愛買抹茶霜淇淋67折快閃</t>
  </si>
  <si>
    <t>新北就業服務處志工染疫 勞工局：第一時間大清消</t>
  </si>
  <si>
    <t>國產疫苗中和抗體效價為何和AZ相比？ 陳時中：因國內現在只有打AZ</t>
  </si>
  <si>
    <t>快訊！侯友宜宣布：畢業典禮、畢業旅行皆可舉辦　下周起第二階段解封</t>
  </si>
  <si>
    <t>強化防制疫情 川普宣布延後復工</t>
  </si>
  <si>
    <t>同樣染Delta 幼兒園老師社區卻沒清空 張上淳曝原因</t>
  </si>
  <si>
    <t>印尼移工單日爆增20例 前藍委：鄭文燦可能要升官了</t>
  </si>
  <si>
    <t>女廚工陳屍高雄85大樓日租套房 檢測結果出爐</t>
  </si>
  <si>
    <t>華航新增1機師染疫 足跡公布！去過海真私房菜</t>
  </si>
  <si>
    <t>出國玩有望！日本擬開放團客入境 台灣可望列首波名單</t>
  </si>
  <si>
    <t>防疫少出門 新北推宗教線上祈福</t>
  </si>
  <si>
    <t>《女鬼橋》不畏疫情！全台賣破2300萬奪冠</t>
  </si>
  <si>
    <t>3天0確診 八大行業急盼重啟！停業令牽連25萬人 拖愈久治安愈差</t>
  </si>
  <si>
    <t>普生新冠試劑再傳捷報 獲中研院授權合約</t>
  </si>
  <si>
    <t>疫情後全球經濟－斷鏈後科技產業的新挑戰</t>
  </si>
  <si>
    <t>市場修正後... 高收債、新興債價值面誘人</t>
  </si>
  <si>
    <t>新冠肺炎第32案路徑曝光 藍38公車及駕駛嚴格自管</t>
  </si>
  <si>
    <t>中部又傳外籍工程師染新冠肺炎 莊人祥回應</t>
  </si>
  <si>
    <t>建立自主防疫供應鏈是首務</t>
  </si>
  <si>
    <t>《傳產》紡拓會董事長 王文淵3度接任</t>
  </si>
  <si>
    <t>《台北股市》新冠衝擊台股 三招趨吉避凶</t>
  </si>
  <si>
    <t>陳其邁：台灣模式防疫 歐美都想取經</t>
  </si>
  <si>
    <t>美國硬漢高球手染新冠去世 美網宣布資格賽閉門</t>
  </si>
  <si>
    <t>《盤中解析》台股大停「電」 回測5日線支撐</t>
  </si>
  <si>
    <t>英國情侶可領防疫補助金？ 陳時中給答案</t>
  </si>
  <si>
    <t>沈榮津：新冠肺炎快篩試劑還要半年才能上路</t>
  </si>
  <si>
    <t>新冠肺炎失控 義大利經濟恐陷衰退</t>
  </si>
  <si>
    <t>藥商擬發聯合聲明 不倉促推新冠肺炎疫苗</t>
  </si>
  <si>
    <t>疫情爆發後 習近平首次視察武漢</t>
  </si>
  <si>
    <t>戰況緊急 不能再拖一個禮拜！柯文哲籲中央盡速發疫苗給地方</t>
  </si>
  <si>
    <t>CNN主播庫柏為台發聲：防疫耀眼 WHO刻意忽視</t>
  </si>
  <si>
    <t>獨家》中和某國小學童PCR陽性 一關鍵判斷與幼兒園群聚關連低</t>
  </si>
  <si>
    <t>疫苗終於供過於求了 盧秀燕曝：2萬劑高端尚無人預約</t>
  </si>
  <si>
    <t>機組員憂成防疫破口 指揮中心：排班間隔5天以上</t>
  </si>
  <si>
    <t>開學日護童勤務 竹市警強化各國小學童人身安全</t>
  </si>
  <si>
    <t>北市增1本土個案 CT值低曾前往桃園華泰名品城</t>
  </si>
  <si>
    <t>《經濟》疫苗救市＋基期低 明年全球經濟成長上看4.5％</t>
  </si>
  <si>
    <t>疫苗未打前 柯籲台一定程度鎖國</t>
  </si>
  <si>
    <t>國產疫苗若通過二期 衛長掛保證安全</t>
  </si>
  <si>
    <t>田寮健康友善社區揭牌 大家相約活到120歲</t>
  </si>
  <si>
    <t>幼兒園廚工確診 中市府一早完成西屯泰安國小消毒</t>
  </si>
  <si>
    <t>新北確診婦南送嘉義治療拒絕插管 靠親情喚醒求生意念</t>
  </si>
  <si>
    <t>北京降低疫情防控等級 陸境內低風險區進京 4／30起免隔離</t>
  </si>
  <si>
    <t>大安區某防疫旅館1男死亡 北市府回應了</t>
  </si>
  <si>
    <t>中醫新冠解藥「清冠一號」熱銷全球 蔡英文讚：讓世界看到台灣</t>
  </si>
  <si>
    <t>MLB》韋藍德偕辣妻發聲 薪水全捐抗疫情</t>
  </si>
  <si>
    <t>澳洲與阿斯特捷利康簽訂新冠肺炎疫苗協議</t>
  </si>
  <si>
    <t>採最嚴格管控措施 揚州主城區取消居民外出許可 統一足不出戶</t>
  </si>
  <si>
    <t>華西街黑幫公祭取消 兄弟與警察都鬆一口氣</t>
  </si>
  <si>
    <t>來取暖吧！31天內世界變樣 推特掀搞笑對照圖風潮</t>
  </si>
  <si>
    <t>餐飲業禁內用到底有多慘？網點名1類型：一定先倒</t>
  </si>
  <si>
    <t>宜蘭新增2確診 1人與羅東遊藝場有關、1人赴台中進香團</t>
  </si>
  <si>
    <t>疫情升溫 台灣人壽推三大關懷服務措施</t>
  </si>
  <si>
    <t>竹縣兒科醫建議加強孩童保謢力兒科醫</t>
  </si>
  <si>
    <t>日新威秀9月吹響熄燈號 全台第1個數位IMAX影廳</t>
  </si>
  <si>
    <t xml:space="preserve"> 今日零確診！一分鐘看懂疫情重點</t>
  </si>
  <si>
    <t>郭董捐500萬劑BNT疫苗見曙光？陳時中曝最新進度</t>
  </si>
  <si>
    <t>美國11月入境採新規 賴士葆諷：官員都不打高端不受影響</t>
  </si>
  <si>
    <t>雙北14人赴花蓮法會1人確診 另13人完成採檢</t>
  </si>
  <si>
    <t>防中鏢快學瘦子！這些習慣很管用</t>
  </si>
  <si>
    <t>高雄92名海軍拒絕疫調？陳時中：因先前下命令別接不明電話</t>
  </si>
  <si>
    <t>這才是航母殺手！法戴高樂號近半確診戰力全失</t>
  </si>
  <si>
    <t>印尼首現新冠肺炎患者死亡病例</t>
  </si>
  <si>
    <t>雙北破千例！最新確診地圖曝光 台南巿一夜變色</t>
  </si>
  <si>
    <t>金管會核准國泰產險移工防疫保險商品</t>
  </si>
  <si>
    <t>歐洲議會辯論新冠肺炎疫情 6議員發聲極力挺台</t>
  </si>
  <si>
    <t>本土增2例新北夫妻確診 匡列50人居家隔離</t>
  </si>
  <si>
    <t>國防部臉書被灌爆 網觀察：罷韓有變數</t>
  </si>
  <si>
    <t>台灣確診死亡率為何高 學者曝蔡政府3大問題</t>
  </si>
  <si>
    <t>莫德納回來了！帛琉泡泡10月每航班提供30劑</t>
  </si>
  <si>
    <t>【鳳梨風暴】大陸後面還有招？港媒怒揭蔡政府騙術：看你們還能頂多久</t>
  </si>
  <si>
    <t xml:space="preserve">譚德塞：新冠疫情破壞全球經濟 死亡率10倍於流感 </t>
  </si>
  <si>
    <t>韓再增293確診！累計5621人染疫 近7成為集體感染</t>
  </si>
  <si>
    <t>上海返台搭高鐵回高雄 台女遭衛生局堵人開罰</t>
  </si>
  <si>
    <t>美擬管制冷媒 15年內供應減85％</t>
  </si>
  <si>
    <t>飛特立航空16人打特權疫苗 民航局將開罰</t>
  </si>
  <si>
    <t>星國疫情延燒！波及蕭敬騰、韋禮安演唱會</t>
  </si>
  <si>
    <t>疫情衝擊坪林社區 桶柑加工果乾打品牌</t>
  </si>
  <si>
    <t>Delta變種病毒肆虐 雪梨擴大封城2週</t>
  </si>
  <si>
    <t>疫情掀醫藥革命 生醫基金俏</t>
  </si>
  <si>
    <t>台中首例重症死亡個案 盧秀燕：全力協助家屬度過難關</t>
  </si>
  <si>
    <t>中國20日新增26例新冠肺炎 北京占22例</t>
  </si>
  <si>
    <t>可赴陸調查武漢實驗室？WHO回覆超意外</t>
  </si>
  <si>
    <t>國台辦也要捐疫苗 蘇貞昌：法律規定不能進來</t>
  </si>
  <si>
    <t>北京今新增1例新冠確診 立即封控相關社區涉及1萬多人</t>
  </si>
  <si>
    <t>包括新冠 川普指陸卯勁要他敗選</t>
  </si>
  <si>
    <t>中市新增5例確診 東海大一生和萬華朋友吃飯染疫</t>
  </si>
  <si>
    <t>不減薪就滾 足球隊為疫砍9人</t>
  </si>
  <si>
    <t>疫情干擾！盧廣仲春季巡演4場全喊卡...粉絲挺「我們等你」</t>
  </si>
  <si>
    <t>陸被迫加入WHA疫情決議提案？趙立堅：無稽之談</t>
  </si>
  <si>
    <t>美研究：接種第3劑BNT 對長者效益更好</t>
  </si>
  <si>
    <t>26.5萬劑AZ到貨 主要供擴大第一劑</t>
  </si>
  <si>
    <t>700萬口罩捐歐洲 駐德代表：眼淚不爭氣地流</t>
  </si>
  <si>
    <t xml:space="preserve">刑事局1偵查員確診 又1新進警官不適就醫快篩陽性 </t>
  </si>
  <si>
    <t>4利多領航 出口連7紅報喜訊 成長率高達36.8％</t>
  </si>
  <si>
    <t>Novavax新冠疫苗進入第3期試驗 英國買下6千萬劑</t>
  </si>
  <si>
    <t>NBA》德拉蒙打賞1000美元 餐廳女侍感動流淚</t>
  </si>
  <si>
    <t>NBA》新冠肺炎疫情全面停賽 預估損失10億美元</t>
  </si>
  <si>
    <t>禿子漢子燕子合體入黨中央？侯這樣說</t>
  </si>
  <si>
    <t>鐘南山：陸已進入低風險階段 社交仍需保持距離</t>
  </si>
  <si>
    <t>蔡英文簽署新冠肺炎特別條例 贈筆陳時中</t>
  </si>
  <si>
    <t>Delta確診者摸過手扶梯 他105分鐘後再碰到竟染疫</t>
  </si>
  <si>
    <t>歐洲足球盛事延賽</t>
  </si>
  <si>
    <t>高雄19日新增7確診 相關足跡曝光</t>
  </si>
  <si>
    <t>CBA》林書豪秀新投籃姿勢 嗆聲換周董</t>
  </si>
  <si>
    <t>行政院拍板：全國三級警戒延長至6月28日</t>
  </si>
  <si>
    <t>就算染新冠也要抗爭 美示威者曝上街心聲</t>
  </si>
  <si>
    <t>穆迪示警 新冠疫情恐拖累亞太經濟</t>
  </si>
  <si>
    <t>從韓返台打疫苗遭拒…媽控訴「淪醫療人球」 醫怒轟：急個屁！</t>
  </si>
  <si>
    <t>又傳竹市府停班假訊息！市府澄清將查辦</t>
  </si>
  <si>
    <t>嘉義工廠群聚染疫 老闆娘到嘉義市拜廟、男員工去過耐斯百貨及家樂福</t>
  </si>
  <si>
    <t>基隆增本土14例 小姑娘、快樂城小吃店群聚案擴大 各傳3人確診</t>
  </si>
  <si>
    <t>登富比士傑出防疫領導人 蔡英文：關鍵在國人團結一心</t>
  </si>
  <si>
    <t>新冠肺炎大流行壓抑需求 原油供給過剩創史上新高</t>
  </si>
  <si>
    <t>嬰兒沒口罩 衛生局籲 大人戴好戴滿</t>
  </si>
  <si>
    <t>6搶1若延 中職改328開打</t>
  </si>
  <si>
    <t>治癒新冠旅美名中醫：「清冠一號」效果有限 若誤用反加重病情</t>
  </si>
  <si>
    <t>嘉玲沒了 新北今增2例本土全在這區</t>
  </si>
  <si>
    <t>西方不敢跟進台灣防疫 宅神曝祕辛</t>
  </si>
  <si>
    <t>新北推加倍券 最高加碼曝光「5千可換1萬」</t>
  </si>
  <si>
    <t>新北確診數為何降不下來？陳時中揭關鍵原因</t>
  </si>
  <si>
    <t>長榮機師Delta群聚案 密切接觸空姐三採陰解隔</t>
  </si>
  <si>
    <t>為何美國疫情突然噴發？網分析爆3大致命關鍵！</t>
  </si>
  <si>
    <t>北市高中五專9／22疫苗開打 國中9／30開始接種</t>
  </si>
  <si>
    <t>大陸25日新冠肺炎確診67例 大增4成</t>
  </si>
  <si>
    <t>不戴口罩就「躺棺材」！ 印尼推防疫新規</t>
  </si>
  <si>
    <t>疫情意外收穫！莿桐鄉農會蒜頭精爆紅</t>
  </si>
  <si>
    <t>防疫優等生何必跟放牛班起鬨</t>
  </si>
  <si>
    <t>黃安返台搶口罩 高大成「把台灣當堡壘」酸爆</t>
  </si>
  <si>
    <t>洪秀柱、吳斯懷談防疫與戰爭「超前部署」 籲要法律依據</t>
  </si>
  <si>
    <t>惡化！全球首次100小時內增百萬確診 單日確診美包辦1／3</t>
  </si>
  <si>
    <t>紘康松翰3月營收攀峰 Q2續衝</t>
  </si>
  <si>
    <t>義境外輸入 浙江新增7確診</t>
  </si>
  <si>
    <t>萬景藝苑董事長敦請喇嘛 舉行除疫息災法會</t>
  </si>
  <si>
    <t>里長發文病毒不分顏色 求行政院承諾放寬協助各界取得疫苗</t>
  </si>
  <si>
    <t>南韓確診檢驗又快又多？神人解密</t>
  </si>
  <si>
    <t>為何不能因防疫禁止媽祖遶境活動？學者直喊4字</t>
  </si>
  <si>
    <t>花蓮縣府女員工與家族共5人確診 社福館緊急關閉</t>
  </si>
  <si>
    <t>川普盛讚俄贈大量援助物資 俄媒酸：還沒宣佈呢！</t>
  </si>
  <si>
    <t>內政部政務次陳宗彥 任疫情中心副指揮官</t>
  </si>
  <si>
    <t>疫情衝擊租屋市場 專家：6大房型要小心</t>
  </si>
  <si>
    <t xml:space="preserve">外出運動戴口罩就安全嗎？ 這些狀況有風險 嚴重恐猝死 </t>
  </si>
  <si>
    <t>業者：口罩政策應避免矯枉過正</t>
  </si>
  <si>
    <t>第三劑今開打！只供莫德納 這些人可接種</t>
  </si>
  <si>
    <t>美捐贈疫苗抵台 AIT：展現美國對台灣的承諾</t>
  </si>
  <si>
    <t>英國爆新變種病毒 專家看好現有疫苗效力</t>
  </si>
  <si>
    <t>防疫部署 外交部：規劃異地遠距分組辦公</t>
  </si>
  <si>
    <t>曾搭公車捷運火車 去過3車站 確診看護 足跡遍雙北</t>
  </si>
  <si>
    <t>彰化婦到萬華賣葡萄 指揮中心：發病日比基隆賣茶女更早</t>
  </si>
  <si>
    <t>G7視訊峰會 聯手救經濟</t>
  </si>
  <si>
    <t>德國口罩賣天價！網揭露背後關鍵</t>
  </si>
  <si>
    <t xml:space="preserve">國中女為引關注 抖音傳台灣感染肺炎百死假訊息 </t>
  </si>
  <si>
    <t>終於！川普戴口罩 畫面曝光了</t>
  </si>
  <si>
    <t>7旬嬤施打AZ後洗腎時猝死 台中晚間新增2死皆為洗腎病患</t>
  </si>
  <si>
    <t>高風險打不到第二劑 前疾管局副局長批「亂七八糟」</t>
  </si>
  <si>
    <t>新冠肺炎到底何時結束？他看完古書預言嚇一跳</t>
  </si>
  <si>
    <t>算法應更貼近實情！陸致死率 仍有5.5％ 我不可輕忽</t>
  </si>
  <si>
    <t>《國際社會》批WHO助中國隱匿疫情 川普宣布美國暫斷金援</t>
  </si>
  <si>
    <t>《金融股》高雄銀去年獲利登次高 強身增量戰逆風</t>
  </si>
  <si>
    <t>《業績-其他》2因素干擾，中租1月營收仍登同期高</t>
  </si>
  <si>
    <t>民調太高遭綠營圍剿 港媒忍不住問侯友宜一句話</t>
  </si>
  <si>
    <t>李四川514字道破台灣人要疫苗心聲 網淚喊：説到心坎裡了</t>
  </si>
  <si>
    <t>工商社論》後疫情時代企業的當為與不當為</t>
  </si>
  <si>
    <t>疫苗不是金鐘罩！Delta降臨 醫揭現階段防疫重點</t>
  </si>
  <si>
    <t>防疫升級！日擬拒陸韓人士入境</t>
  </si>
  <si>
    <t>多國港口陸續解封 台灣遠洋漁民也想優先打疫苗</t>
  </si>
  <si>
    <t>委內瑞拉反對派領袖瓜伊多 確診新冠肺炎</t>
  </si>
  <si>
    <t>空前翻盤！美海軍要航母艦長復職</t>
  </si>
  <si>
    <t>越南名媛秀半球赴Gucci、YSL時裝秀確診！所幸台灣無人到場</t>
  </si>
  <si>
    <t>黃士修：每天200萬片的口罩黑洞怎麼產生的？</t>
  </si>
  <si>
    <t>Delta太狂！打完2劑疫苗確診 病毒量「和未接種一樣高」</t>
  </si>
  <si>
    <t>癌症病友連線 治療中病人爭優先施打疫苗</t>
  </si>
  <si>
    <t>美國首都出現首例新冠肺炎死亡案例</t>
  </si>
  <si>
    <t>善用大數據 增強防治力道</t>
  </si>
  <si>
    <t>《國際經濟》13季來首見，日本Q4資本支出轉跌</t>
  </si>
  <si>
    <t>台新：美股逢回皆買點</t>
  </si>
  <si>
    <t>三峽家庭群聚案其中5例是學生 新北教育局回應了</t>
  </si>
  <si>
    <t>新增2境外移入 台男9月在緬甸染疫 上周返台又確診</t>
  </si>
  <si>
    <t>陸新冠死亡3248人 累計確診8.09萬例</t>
  </si>
  <si>
    <t>全家確診！這位WNBA球星好悲情</t>
  </si>
  <si>
    <t>抗疫打到下半場 數位科技成關鍵</t>
  </si>
  <si>
    <t>雲林第7例確診者為工程公司老闆 妻子19日確診他成漏網之魚</t>
  </si>
  <si>
    <t>FDA考慮緊急授權新冠疫苗</t>
  </si>
  <si>
    <t>中西醫抗疫 《傷寒論》舊方新治</t>
  </si>
  <si>
    <t>復工有影 15檔概念股動起來</t>
  </si>
  <si>
    <t>陸、西兩國外長通電 陸承諾提供疫情援助</t>
  </si>
  <si>
    <t>華爾街示警 美國恐陷肺炎衰退</t>
  </si>
  <si>
    <t>桃園一天確診暴增！全台169例分布圖曝光</t>
  </si>
  <si>
    <t>超前部署防新冠肺炎 新北大規模防災演習</t>
  </si>
  <si>
    <t>外資今年賣超逾6,000億創紀錄</t>
  </si>
  <si>
    <t>《國際產業》莫德納新冠疫苖 已申請美國使用許可</t>
  </si>
  <si>
    <t>崩潰！媽媽搶到18包衛生紙 下秒被幼童丟進…變「紙漿」</t>
  </si>
  <si>
    <t>新任武漢市委書記：要續建方艙醫院增床位</t>
  </si>
  <si>
    <t>博通Q4財報 可望優於預期</t>
  </si>
  <si>
    <t>看圖回顧2020》今年人心不安元凶：新冠襲捲全球</t>
  </si>
  <si>
    <t>再撐2天 林右昌：連續14天＋0就評估開放籃球場</t>
  </si>
  <si>
    <t>高市添1例漢他出血熱 密切監控至6／29</t>
  </si>
  <si>
    <t>不用去藥局買了！陳時中：考慮在學校配送口罩 企業採預約</t>
  </si>
  <si>
    <t>萬元之亂 龔明鑫：新北中央有共識要合作</t>
  </si>
  <si>
    <t>雙北World Gym屢爆確診足跡 台北大安店也淪陷</t>
  </si>
  <si>
    <t>廖人帥宣布打完第2劑疫苗 曬圖籲台灣人小心：不然又要封了</t>
  </si>
  <si>
    <t>台灣權王－營收逆增 譜瑞立積買盤青睞</t>
  </si>
  <si>
    <t>抗疫天王慘了 紐約州長被曝施壓竄改疫情報告</t>
  </si>
  <si>
    <t>新力旺奈米銅離子口罩 防護力強</t>
  </si>
  <si>
    <t>九份驚人畫面曝光 員警揭人都跑到這裡了</t>
  </si>
  <si>
    <t>吸血鬼也無法倖免 暮光男星羅伯派汀森驚傳染新冠 蝙蝠俠停拍</t>
  </si>
  <si>
    <t>又有員警確診 全國警察機關累計至39人</t>
  </si>
  <si>
    <t>陸公益組織呼籲：建立防疫期大陸全國性寵物隔離制度</t>
  </si>
  <si>
    <t>NBA》突發 詹姆斯驚傳確診新冠肺炎 恐缺席達10天</t>
  </si>
  <si>
    <t>陸學者：美軍未因疫情而放鬆攪動南海</t>
  </si>
  <si>
    <t>福建新增22例本土病例 1例無症狀感染者由台灣輸入</t>
  </si>
  <si>
    <t>泰山高中研發「無人自駕消毒車」減輕教師消毒負擔</t>
  </si>
  <si>
    <t>防疫全境封鎖　外籍旅客無法入境錯愕</t>
  </si>
  <si>
    <t>IKEA高雄店前主管返回馬來西亞確診 離台前住鼓山區</t>
  </si>
  <si>
    <t>因應新冠肺炎疫情 化學兵持續在北市捷運站消毒</t>
  </si>
  <si>
    <t>報導台灣隔離是監獄 外交部澄清英情侶指控 BBC刪貼文了</t>
  </si>
  <si>
    <t>侯向受難者致意 籲用愛包容</t>
  </si>
  <si>
    <t>科技防疫 以色列用電腦算出可能帶原者</t>
  </si>
  <si>
    <t>黃百璐嫁德國8年曝與丈夫分居 發文嘆「想回台灣取暖」</t>
  </si>
  <si>
    <t>中部成新冠肺炎重災區 人心惶惶防疫物資搶手</t>
  </si>
  <si>
    <t>大陸專注抗疫 兩會延後舉行</t>
  </si>
  <si>
    <t>美國70名大學生「無視禁足令」包機度假！44人返國確診</t>
  </si>
  <si>
    <t>武漢地鐵重啟 首日載客超12萬乘次</t>
  </si>
  <si>
    <t>川普讚美防疫棒 火大不知感激州長</t>
  </si>
  <si>
    <t>甲魚料理台灣少見 老饕揭致命關鍵</t>
  </si>
  <si>
    <t>返台女確診足跡跨5縣市 北市急發493封細胞簡訊</t>
  </si>
  <si>
    <t>桃園1確診者80歲老母猝死家中 衛生局解釋未被匡列原因</t>
  </si>
  <si>
    <t>焦糖打第2劑高端 煩惱打滿3劑要去哪國玩 PTT洗版笑瘋</t>
  </si>
  <si>
    <t>不服新冠封鎖 尼泊爾數千民眾與警察街頭大戰</t>
  </si>
  <si>
    <t>奎寧可治新冠肺炎？陳時中回應了</t>
  </si>
  <si>
    <t>25人遭打未稀釋BNT 醫：濃度破表 第2劑得改打這款疫苗</t>
  </si>
  <si>
    <t>瑞典佛系防疫 估首都1／3人口將被感染</t>
  </si>
  <si>
    <t>《電子零件》5G基站及蘋果新機助攻 勤凱業績旺到明年</t>
  </si>
  <si>
    <t>逆行者？應召女不懼新冠肺炎 開著露營車趴趴走接客</t>
  </si>
  <si>
    <t xml:space="preserve">國內確診首度破百 今暴增23例 </t>
  </si>
  <si>
    <t>全聯板橋長江店今閉店清消 明恢復營業</t>
  </si>
  <si>
    <t>《金融》台股重挫，國安基金今召開臨時委員會因應</t>
  </si>
  <si>
    <t>《觀光股》疫情衝擊前所未見，晶華潘思亮籲租稅減免加碼</t>
  </si>
  <si>
    <t>台大首度線上畢典 管中閔道別畢業生：「要小心喔」</t>
  </si>
  <si>
    <t>《股利-觀光》漢來美食決配息7元 開源節流抗逆風</t>
  </si>
  <si>
    <t>全國防疫3級警戒 景區活動關閉資訊一次看</t>
  </si>
  <si>
    <t>放棄治療？剛稱國人恐面臨生死分離 英要讓民眾染病獲免疫</t>
  </si>
  <si>
    <t>21天前曾施打BNT 桃園15歲特教生體育課突昏迷不治</t>
  </si>
  <si>
    <t>SEMI：矽晶圓出貨 強到2024</t>
  </si>
  <si>
    <t>台鐵「1人中鏢全台淪陷」 1500名司機員自發性不出國</t>
  </si>
  <si>
    <t>北市高中生確診班級停課 家長狂問要上課嗎？校方回應了</t>
  </si>
  <si>
    <t>342萬人想打BNT再等等！指揮中心曝第八輪不是BNT</t>
  </si>
  <si>
    <t>為何第2劑疫苗副作用更嚴重？專家揭原因</t>
  </si>
  <si>
    <t>5天零確診 無本土病例滿月</t>
  </si>
  <si>
    <t>乘聯會：新能源車銷量拚增6成</t>
  </si>
  <si>
    <t>肺炎影響留學返台 男友狂嗆「流鶯」 曝真相嫩妹喊分手</t>
  </si>
  <si>
    <t>PGA首位高球員確診 接觸者全陰性</t>
  </si>
  <si>
    <t>難逃新冠肺炎魔掌！華盛頓大學病理學教授逝世</t>
  </si>
  <si>
    <t>從戴口罩看出「台灣人自律」 關鍵原因曝 網：真的笑死</t>
  </si>
  <si>
    <t>韓市府5／3兵推 陳時中出席與否關鍵是「這個」</t>
  </si>
  <si>
    <t>義甲不怕死 被停賽又偷踢6場</t>
  </si>
  <si>
    <t>新冠肺炎回馬槍 年輕人、兒童確診數暴增</t>
  </si>
  <si>
    <t>外館防疫大作戰</t>
  </si>
  <si>
    <t>新冠肺炎肆虐 才知道什麼是幸福</t>
  </si>
  <si>
    <t>石油戰爭誰受創？</t>
  </si>
  <si>
    <t>2020年就醫王是他 1年就診839次！掛號人數爆多是這3科</t>
  </si>
  <si>
    <t>苦苓曝4種人排隊買口罩！杏仁哥拋一問...網感嘆</t>
  </si>
  <si>
    <t>慧洋 2月每股虧損0.09元</t>
  </si>
  <si>
    <t>《業績-生醫》防疫加宅配 杏一首季營收年增逾17％</t>
  </si>
  <si>
    <t>影》為封城做準備？柯文哲：下禮拜將桌上演習</t>
  </si>
  <si>
    <t>《業績-化工》轉單效應 永捷首季營收年增4成</t>
  </si>
  <si>
    <t>寶格麗生產抗菌洗手凝膠！未來兩個月內達到20萬瓶</t>
  </si>
  <si>
    <t>同為防疫前線 不捨醫護確診還遭酸諷 海巡臉書力挺 網友灌爆送暖</t>
  </si>
  <si>
    <t>黃珊珊》防疫房數沒辦法跟上新增病例</t>
  </si>
  <si>
    <t>大陸近7日新冠肺炎確診 境外輸入占84.55％</t>
  </si>
  <si>
    <t>MLB》劉致榮紅襪春訓營報到 先隔離獨居一周</t>
  </si>
  <si>
    <t>「疫苗空窗期」爆民怨 蔡英文一舉動被他質疑：掩護高端？</t>
  </si>
  <si>
    <t>大甲鎮瀾宮媽祖遶境復辦？ 陳時中：我不贊成</t>
  </si>
  <si>
    <t>香港機師染疫 專家憂恐爆發第五波疫情</t>
  </si>
  <si>
    <t>《業績-生醫》明達醫去年EPS約4.2元，擬配息2.55元</t>
  </si>
  <si>
    <t>南投新增3確診皆為東方紅傳播鏈 衛生局長籲：端午節別來南投</t>
  </si>
  <si>
    <t>雙北不同調？柯稱「力不可用盡」 侯友宜：屆時想救都沒機會</t>
  </si>
  <si>
    <t>1分鐘看世界》疫情重擊美經濟 土耳其貨船遭襲擊</t>
  </si>
  <si>
    <t>三星追單 神盾出貨放量到3月</t>
  </si>
  <si>
    <t>24歲女打AZ「眼前一片黑」嚇壞 醫曝暫時性失明原因</t>
  </si>
  <si>
    <t>彰化連續嘉玲後今添1確診 男子社交圈跨3縣市 10人遭匡列</t>
  </si>
  <si>
    <t>「別再說疫調不實！」璩大成曝北市疫調秘辛：1天僅能做3份</t>
  </si>
  <si>
    <t>台新投信：新興短期高收益債成最佳資金避風港</t>
  </si>
  <si>
    <t>巨城斥資百萬添購熱像儀 體溫走過就現形</t>
  </si>
  <si>
    <t>他住華南海鮮市場 全家靠做3件事躲過感染</t>
  </si>
  <si>
    <t>新冠肺炎「最新試劑」研發成功！一次測6種病毒　只需90分鐘</t>
  </si>
  <si>
    <t>準備施打疫苗 新北共有23處大、中型接種站</t>
  </si>
  <si>
    <t>習近平為抗疫 與法、埃、英領袖通電話</t>
  </si>
  <si>
    <t>《翻爆午間精選》堵住疫情漏洞 防疫車隊上路</t>
  </si>
  <si>
    <t xml:space="preserve"> 武漢封城局部解禁！滯留在武漢外地人可分批出城</t>
  </si>
  <si>
    <t>美Delta疫情飆升 佛奇警告走錯方向</t>
  </si>
  <si>
    <t>被搶光！這國「買斷」瑞德西韋未來3個月產量</t>
  </si>
  <si>
    <t>3月營收 52檔創新高</t>
  </si>
  <si>
    <t>近4500例91死 法國總理： 別無選擇 宣布封鎖</t>
  </si>
  <si>
    <t>三星Galaxy Note 20共2款 高階款支援120Hz更新率</t>
  </si>
  <si>
    <t>酒店女公關疫調為何大轉彎？莊人祥曝原因</t>
  </si>
  <si>
    <t>國台辦：搭民航赴陸台胞 可在大陸接種疫苗</t>
  </si>
  <si>
    <t>《斯卡羅》導演喊話衛福部拍片 陳時中推羅一鈞來演</t>
  </si>
  <si>
    <t>恩主公醫院成標靶 護理部主任給同仁的信：忍住憤怒堅守崗位</t>
  </si>
  <si>
    <t>茶藝館1染疫女是「伊拉客」 趴趴走揪男消費 接觸人數難估計</t>
  </si>
  <si>
    <t>擔心出國遭汙名化 警員蜜月旅行變環島</t>
  </si>
  <si>
    <t>AZ擋不住Delta病毒？醫揭最新研究數據</t>
  </si>
  <si>
    <t>湖北解封台商返台潮 醫憂：境外移入下一波挑戰</t>
  </si>
  <si>
    <t>日本出現第一個新冠肺炎死亡病例</t>
  </si>
  <si>
    <t>賈永婕首動員全家送便當 兒子口罩裡表情被抓包</t>
  </si>
  <si>
    <t>伊朗首傳兩人確診新冠肺炎 當日即宣告不治</t>
  </si>
  <si>
    <t>越南禁所有國際航班入境　徵召醫科學生與退休醫護共同抗疫</t>
  </si>
  <si>
    <t>航空雙雄獲台灣企業永續獎</t>
  </si>
  <si>
    <t>防疫推外帶特價優惠 廣告字體卻讓人發毛</t>
  </si>
  <si>
    <t>影》「明天會更好」睽違35年大合唱！22位人氣Youtuber傳遞溫暖</t>
  </si>
  <si>
    <t>NFL》偷帶女人進飯店 海鷹隊球員遭開除</t>
  </si>
  <si>
    <t>新北疫情再「＋0」 侯友宜：國外疫情嚴峻必須要阻絕於境外</t>
  </si>
  <si>
    <t>46歲唐玲消失2年竟爆罹胃癌 醫院量能超載不敢回診</t>
  </si>
  <si>
    <t>確診校友曾到校 屏大消毒全面暫停社團</t>
  </si>
  <si>
    <t>桃機旅服中心員工確診　無出國紀錄疑似在機場遭到傳染</t>
  </si>
  <si>
    <t>打第3劑間隔時間縮短為8至12周？莊人祥鬆口：會討論</t>
  </si>
  <si>
    <t>《半導體》Q2可期、H2動能佳 鈺太前景不淡</t>
  </si>
  <si>
    <t>新冠肺炎疫情衝擊 社福捐款急凍</t>
  </si>
  <si>
    <t>馬偕醫院「禁萬華、板橋者」遭批歧視 侯友宜：責成衛生局了解狀況</t>
  </si>
  <si>
    <t>立委批「疫苗支票」跳票 2成醫護還沒拿到去年津貼</t>
  </si>
  <si>
    <t>5G摺疊新機升級版發表</t>
  </si>
  <si>
    <t>湖北將解禁 PCB族群開趴</t>
  </si>
  <si>
    <t>京元電獲PA急單 Q2營收看旺</t>
  </si>
  <si>
    <t>三級警戒再延長 創世基金會哀嚎植物人成「重災戶」</t>
  </si>
  <si>
    <t>1分鐘看世界》金正恩還活著 英相今日復工</t>
  </si>
  <si>
    <t>家裡比外面還危險！專家曝：這行為染疫風險最高</t>
  </si>
  <si>
    <t>賈永婕停送愛心便當卻又捐了這個 眾人感動哭：全身都奉獻</t>
  </si>
  <si>
    <t>夫妻旅美30年染疫返台 苦苓揭「檢討關鍵」：別譙回台治療的人</t>
  </si>
  <si>
    <t>美1月通膨低於Fed目標 所得創11個月最大增幅</t>
  </si>
  <si>
    <t>裝修工夫妻基因序列出爐 羅一鈞：和幼兒園群聚相同</t>
  </si>
  <si>
    <t>救業績 頂級餐廳賣便當 名廚菁華濃縮盒飯中</t>
  </si>
  <si>
    <t xml:space="preserve">陸昨新增44例新冠肺炎 境外輸入31例居高不下 </t>
  </si>
  <si>
    <t>NBA》復賽具體賽程出爐 先打3場熱身賽</t>
  </si>
  <si>
    <t>宏碁攜國防醫學院 導入AI助疫苗研發</t>
  </si>
  <si>
    <t>保險奧斯卡保險卓越獎起跑 首納綠色金融</t>
  </si>
  <si>
    <t>萬華失聯移工成高風險 移民署宜蘭服務站供免費篩檢</t>
  </si>
  <si>
    <t>罷韓投票別疫氣用事</t>
  </si>
  <si>
    <t>新加坡移工淪未爆彈 肺炎確診暴增22倍</t>
  </si>
  <si>
    <t>本土疫情爆不停 歐洲卻快解封？網嘆：台灣像笨蛋考生</t>
  </si>
  <si>
    <t>肺炎鏈球菌疫苗 僅可減新冠重症率</t>
  </si>
  <si>
    <t>口罩挑顏色沒用！業者揭密：重點在鼻樑壓條</t>
  </si>
  <si>
    <t>新北24小時清消 悍馬車登場</t>
  </si>
  <si>
    <t>防疫新生活先摘口罩</t>
  </si>
  <si>
    <t>若爆社區感染 警恐成高風險群</t>
  </si>
  <si>
    <t>「可利亞」台灣火鍋吃到飽始祖 和平店5月底熄燈</t>
  </si>
  <si>
    <t>新冠肺炎肆虐 新北地院首創「臨時為民服務中心」</t>
  </si>
  <si>
    <t>確診死者遭衛生局甩鍋傳染3家人 基層警怒：疫情看不到盡頭</t>
  </si>
  <si>
    <t>日本餐廳防疫新作法：迴轉壽司不迴轉</t>
  </si>
  <si>
    <t>驚！港學者：新冠肺炎潮濕天氣恐傳播更快</t>
  </si>
  <si>
    <t>《國際金融》利率不變 紐西蘭央行加倍QE</t>
  </si>
  <si>
    <t>NBA》爵士染病雙雄鬧翻 戈貝爾米契爾握手言和</t>
  </si>
  <si>
    <t>大陸台商防疫之二》 Delta疫情擾亂陸經濟　台商調策略因應變局</t>
  </si>
  <si>
    <t>巴西新冠肺炎疫情 近幾周來開始穩定</t>
  </si>
  <si>
    <t>轟艦長笨蛋 美海軍部長被逼辭職終致歉</t>
  </si>
  <si>
    <t>蘇揆：台美聯合聲明將合作防疫</t>
  </si>
  <si>
    <t>松翰 H1營收拚勝去年同期</t>
  </si>
  <si>
    <t>隔離衣恐撐不過1個月 安泰醫院啟用獨立採檢室</t>
  </si>
  <si>
    <t>蔡英文想打高端疫苗 陳時中：麻煩總統快去預約</t>
  </si>
  <si>
    <t>台灣本土清零絕對可能 醫貼一張圖：可看香港經驗</t>
  </si>
  <si>
    <t>疫情拖累 4月娛樂稅年減24.3％</t>
  </si>
  <si>
    <t>《觀光股》豆府H1擬新展3店 拓展腳步趨保守</t>
  </si>
  <si>
    <t>BNT未稀釋 25人打了150人份疫苗 恩主公醫院曝原因</t>
  </si>
  <si>
    <t>哈佛研究：新冠病毒恐早在去年8月就已在武漢傳播</t>
  </si>
  <si>
    <t>口罩打水漂歐盟沒開放台灣 他嘆：快變TW need help了</t>
  </si>
  <si>
    <t>台商爆在陸被強打自產新冠疫苗 黃安怒嗆：誰能逼我打</t>
  </si>
  <si>
    <t>全中運確定延期 屏縣長潘孟安將出面說明</t>
  </si>
  <si>
    <t>新北疫苗施打預約超過4.8萬人 接種率達95％</t>
  </si>
  <si>
    <t>醫師局長葉彥伯 戳破神話遭殃</t>
  </si>
  <si>
    <t>冷鍊國家隊只能存44萬劑疫苗？他嘆難怪指揮中心打槍南投</t>
  </si>
  <si>
    <t>北部醫院爆院內感染 522人採檢結果出爐</t>
  </si>
  <si>
    <t>《科技》疫情影響遞延出貨，H2台商PCB兩岸產值拚旺季更旺</t>
  </si>
  <si>
    <t>何時才能歡樂聚餐？醫曝1數據：免疫力夠的人先吃</t>
  </si>
  <si>
    <t>老藥新用，老骨頭變出新把戲</t>
  </si>
  <si>
    <t>《通信網路》宏達電又裁員 公司認了</t>
  </si>
  <si>
    <t>新增1例案48 遊英返國確診</t>
  </si>
  <si>
    <t>連6天＋0！台南後壁阿嬤包2000顆粽子送指揮中心</t>
  </si>
  <si>
    <t>部立台北醫院護理師疑確診 急匡列8人隔離採檢</t>
  </si>
  <si>
    <t>彰化縣添1死 六旬翁北上萬華群聚確診 61天後宣告不治</t>
  </si>
  <si>
    <t>號稱超前部署 消毒對策何必猶豫</t>
  </si>
  <si>
    <t>新冠肺炎難捉摸 永久嗅覺喪失 失能險有賠</t>
  </si>
  <si>
    <t>磐石艦疫情何時結束？ 陳時中：看這天</t>
  </si>
  <si>
    <t>倒店潮席捲英國 逾一成商店閒置</t>
  </si>
  <si>
    <t>台灣蝙蝠 沒有人畜傳染疑慮</t>
  </si>
  <si>
    <t>遠東新發行首檔生產事業社會責任債</t>
  </si>
  <si>
    <t>男堅持出國赴日...理由曝光後網一面倒：祝福你</t>
  </si>
  <si>
    <t>新冠肺炎》義大利再添5死、1694例確診！捷克首度通報3起確診病例</t>
  </si>
  <si>
    <t>與陸省市確診數相比 韓列第7名</t>
  </si>
  <si>
    <t>《產業》加速導遊領隊紓困 觀光局放寬認定條件</t>
  </si>
  <si>
    <t>陸媒：蓬佩奧四處散布「政治病毒」罪責難逃</t>
  </si>
  <si>
    <t>潤娥公開「私服防疫穿搭」網驚：臉在哪</t>
  </si>
  <si>
    <t>天佑台灣？春節專案第一天 返台68％都選「7＋7」</t>
  </si>
  <si>
    <t>十四五鳴槍 人才爭奪戰開打</t>
  </si>
  <si>
    <t>疫情衝擊觀光 侯友宜：有空就到戶外走一走</t>
  </si>
  <si>
    <t>《產業》2020台灣燈會閉幕，明年新竹市接棒</t>
  </si>
  <si>
    <t>費爸復出就贏球 但忘了新規則</t>
  </si>
  <si>
    <t>連假後疫情升溫？陳時中：不敢說絕對但判斷不會</t>
  </si>
  <si>
    <t>新冠肺炎不乏猝死者 重症醫：「快樂缺氧」是死神慣用手法</t>
  </si>
  <si>
    <t>新北鬆綁 戶外免戴口罩</t>
  </si>
  <si>
    <t>飲食療養黃金比例 舒緩疫苗打完發燒倦怠等不適感</t>
  </si>
  <si>
    <t>來台37年罕見 麥當勞雙北門市 今10：30起禁內用</t>
  </si>
  <si>
    <t>2.6萬人恐錯失莫德納第2劑 22日限時6小時可提前預約</t>
  </si>
  <si>
    <t>防疫車直闖一中校園 盧秀燕向軍方表達抗議、譴責</t>
  </si>
  <si>
    <t>新增170例 紐約州首設封鎖區 防全境擴散</t>
  </si>
  <si>
    <t>萬華男搭公車不戴口罩 還加碼辱警「白癡」判拘50日</t>
  </si>
  <si>
    <t>高端疫苗通過EUA 羅友志一句話酸爆</t>
  </si>
  <si>
    <t>新聞透視》有爆料才承認 磐石艦一天一種說法！軍方擠牙膏 到底是誰在說謊</t>
  </si>
  <si>
    <t>首波疫苗混打今登場！副作用較強怎辦 6大QA一次看</t>
  </si>
  <si>
    <t>「入境檢疫電子系統」將上路 四步驟做健康聲明</t>
  </si>
  <si>
    <t>柯文哲深夜曝真心話 疫情洪峰可能還沒到 我們會撐過去的</t>
  </si>
  <si>
    <t>《美股》貿易戰衝擊＋運動賽事喊卡，Nike、UA股價重挫</t>
  </si>
  <si>
    <t>MLB》洋基禍不單行 主力打者勒瑪修染新冠</t>
  </si>
  <si>
    <t>拜登禁用「中國病毒」 藍委：蔡政府打拜登臉</t>
  </si>
  <si>
    <t>零確診能正常生活？急診醫：回不去了</t>
  </si>
  <si>
    <t>危機就是轉機 定期定額新興股市正逢時</t>
  </si>
  <si>
    <t>新冠肺炎延燒 西班牙通報首起死亡病例</t>
  </si>
  <si>
    <t>義大利肺炎增至17死 教宗方濟各「身體不適」</t>
  </si>
  <si>
    <t>朝陽夜唱團傳播鏈擴及第3校 KTV實聯13人「黑白寫」遭重罰</t>
  </si>
  <si>
    <t>台灣出現新冠肺炎死亡案例 台股早盤開低</t>
  </si>
  <si>
    <t>疫情升溫 國教盟：嚴重地區各級學校應暫停上課或採遠距教學</t>
  </si>
  <si>
    <t>經濟部紓困3.0來了 補貼員工薪資4成 可領3個月</t>
  </si>
  <si>
    <t>基隆女國中生被安排48天打BNT、子宮頸疫苗、流感疫苗 連挨4針</t>
  </si>
  <si>
    <t>太毒 拜登下令深度清理白宮 除去川普痕跡</t>
  </si>
  <si>
    <t>疫情害慘！陸大批貓狗恐餓死、遭屠殺</t>
  </si>
  <si>
    <t>紐西蘭央行擴大購債規模至1,000億紐元</t>
  </si>
  <si>
    <t>華南海鮮市場零號病人 早於12月11日現症狀</t>
  </si>
  <si>
    <t>為開放邊境做準備 陳時中籲：內化防護觀念</t>
  </si>
  <si>
    <t>桃園200名防疫消毒隊員完成疫苗接種</t>
  </si>
  <si>
    <t>美大學通知打3認可疫苗才能返校 台留學生驚：不包括AZ</t>
  </si>
  <si>
    <t>台南景點警示最多黃偉哲不爽 指揮中心：應該感到高興</t>
  </si>
  <si>
    <t>新冠病毒恐與流感「混合感染」 陸專家稱不利疫情防治</t>
  </si>
  <si>
    <t>普篩聲浪再起 鄭照新嘆：當初譏諷韓國瑜的綠議員到那去了？</t>
  </si>
  <si>
    <t>萬里雲進軍星國 新據點啟用</t>
  </si>
  <si>
    <t>好萊塢準備解封拍片</t>
  </si>
  <si>
    <t>第二批武漢包機 蔡英文籲中國大陸配合讓台人早日返台</t>
  </si>
  <si>
    <t>新增1境外移入 台女11月底壓線返台 今確診</t>
  </si>
  <si>
    <t>陸國家衛健委主任：新冠肺炎重症救治形成大陸經驗可與世界分享</t>
  </si>
  <si>
    <t>防疫急趕路 貨車滿載乾洗手液起火</t>
  </si>
  <si>
    <t>接種3大國際疫苗後 心肌、心包膜炎累計27人</t>
  </si>
  <si>
    <t>電視台播「萬華病毒」燃網路認知戰 鄉民心寒：標籤地名根本甩鍋霸凌</t>
  </si>
  <si>
    <t>口罩2.0流程不變！周三開放第二波預購</t>
  </si>
  <si>
    <t>陸配子女來台鬧內訌？陳時中證實：和陸委會看法不同</t>
  </si>
  <si>
    <t>美第2季GDP萎縮33％史上最慘 經濟走入衰退</t>
  </si>
  <si>
    <t>網友整理病例地圖 北市確診最多</t>
  </si>
  <si>
    <t>防疫上緊發條！中市府執行家中與學校體溫量測雙軌並行</t>
  </si>
  <si>
    <t>韓國再現omicron社區感染！單日新增15例</t>
  </si>
  <si>
    <t>無視疫情民宅聚賭 豐原警破門逮10人</t>
  </si>
  <si>
    <t>疫情大爆發 高雄284活動受影響</t>
  </si>
  <si>
    <t>1分鐘看世界》全球恐爆50年最慘糧食危機 美新冠確診破200萬</t>
  </si>
  <si>
    <t>星宇沒航班飛張國煒在做啥？照片曝光網友跪了</t>
  </si>
  <si>
    <t>韓國新天地教會會長下跪 網暴動狂洗留言</t>
  </si>
  <si>
    <t xml:space="preserve">伊朗疫情死亡案例增加 旅遊警示升到第二級 </t>
  </si>
  <si>
    <t>蔡英文呼籲國人端午不返鄉 施正鋒酸：何不食肉糜？</t>
  </si>
  <si>
    <t>今起配送6.3萬莫德納疫苗 開放1至3類接種</t>
  </si>
  <si>
    <t>國發基金擬認特別股 救援新創</t>
  </si>
  <si>
    <t>黃偉哲：台南市警察局取締酒駕勤務照常執行</t>
  </si>
  <si>
    <t>公園遊樂設施何時開放？陳時中回應了</t>
  </si>
  <si>
    <t>《經濟》經部所屬國營事業租金紓困 9000戶受惠</t>
  </si>
  <si>
    <t>賴香伶籲政府 建單一窗口讓防疫車隊配合防疫旅館</t>
  </si>
  <si>
    <t>8月底將有一批疫苗運抵台 黃暐瀚爆：數字非常大</t>
  </si>
  <si>
    <t>東京都連續兩天破單日確診最高紀錄 神奈川縣也拉警報</t>
  </si>
  <si>
    <t>《通信網路》前景依舊看好，日系外資挺全新目標價140元</t>
  </si>
  <si>
    <t xml:space="preserve">鑽石公主號乘客今約500人可下船 </t>
  </si>
  <si>
    <t>1萬元孩童家庭防疫補貼6／15發放 ATM就可領</t>
  </si>
  <si>
    <t>新冠肺炎疫情未納國高中畢業生取消出國退費問題</t>
  </si>
  <si>
    <t>國民黨籲放寬勞工紓困現金門檻 勞動部回應了</t>
  </si>
  <si>
    <t>泰國現屍傳人首例 張上淳：接觸後碰口鼻恐傳播</t>
  </si>
  <si>
    <t>最狂學校！開學備妥1.5萬口罩...年前加買6千個 網：完勝政院</t>
  </si>
  <si>
    <t>境外移入增7例 本土病例＋0</t>
  </si>
  <si>
    <t>鑽石公主號台魔術師曝 數十位無症狀患者</t>
  </si>
  <si>
    <t>怪男持電鋸搶劫要飯 離開留下10片口罩</t>
  </si>
  <si>
    <t>北京消費季將重啟 擬調整消費券擴大覆蓋面</t>
  </si>
  <si>
    <t>新冠肺炎衝擊藝文產業 文化部爭取納抵用券適用範圍</t>
  </si>
  <si>
    <t>安了！川普新冠肺炎檢測呈陰性</t>
  </si>
  <si>
    <t>發防疫財 網路社團買口罩花1000元來一盒廢紙</t>
  </si>
  <si>
    <t>桃園增19確診楊梅佔5例 足跡遍及全聯、好市多、IKEA</t>
  </si>
  <si>
    <t>治新冠輕中症患者 藥華藥提供新藥解方</t>
  </si>
  <si>
    <t>實聯制5大亂象扯爆！超商店員崩潰：氣到快吐血</t>
  </si>
  <si>
    <t>上海新增本土確診病例 暫時查不出感染源</t>
  </si>
  <si>
    <t>大陸專家：脫口罩 恐要到明年下半年</t>
  </si>
  <si>
    <t>白俄羅斯為防疫封鎖邊界 反對派怒嗆：追殺異己</t>
  </si>
  <si>
    <t>疫情衝擊 國發會4策救經濟</t>
  </si>
  <si>
    <t>莫德納向美國FDA申請 全面批准使用其疫苗</t>
  </si>
  <si>
    <t>北韓疫情爆發？當局公布新冠肺炎緊急防疫準測 標準更嚴格</t>
  </si>
  <si>
    <t>內衣女神拿「棒狀物」罩臉　網笑：最新型口罩　</t>
  </si>
  <si>
    <t>營運暫無影響 大立光穩住腳步 玉晶光跌停形成兩樣情</t>
  </si>
  <si>
    <t>駐俄代表處再傳新冠肺炎確診 領務服務採預約制</t>
  </si>
  <si>
    <t>獨》日捐台AZ疫苗未列WHO緊急使用名單 莊人祥：非必要條件</t>
  </si>
  <si>
    <t>憂垃圾染疫 環保署：防疫廢棄物已分流 家戶資源垃圾正常分類回收</t>
  </si>
  <si>
    <t>柯文哲宣布免費打疫苗 侯友宜：2天前就知中央有編預算</t>
  </si>
  <si>
    <t xml:space="preserve">遭控「小明的故事」源頭 林奕華一句話打臉高嘉瑜 </t>
  </si>
  <si>
    <t>青島5天篩檢1089萬人 陳揮文嚇壞：展現強大實力</t>
  </si>
  <si>
    <t>抗疫歌曲《Fight as One》遭譙 蔡依林說話了</t>
  </si>
  <si>
    <t>何時有望鬆綁邊境？指揮中心回應了</t>
  </si>
  <si>
    <t>《半導體》Q2不淡、Q3可期 瑞昱衝鋒「4」字頭</t>
  </si>
  <si>
    <t>不意外台灣三級警戒延長 急診醫曝1隱憂</t>
  </si>
  <si>
    <t>新鮮人快筆記 疫情下Zoom分享5招面試指南讓你過關斬將</t>
  </si>
  <si>
    <t>英情侶怨檢疫所「有如監獄」 女作家嗆：台灣沒欠你們</t>
  </si>
  <si>
    <t>又增1境外移入 印尼移工無症狀確診</t>
  </si>
  <si>
    <t>提前自主解封 7月起太平山莊假日一房難求</t>
  </si>
  <si>
    <t>苗栗縣增1電子廠員工確診 足跡曝光 包含新竹城隍廟、麥當勞</t>
  </si>
  <si>
    <t>國泰人壽七彩盤 保障缺口一把抓</t>
  </si>
  <si>
    <t>《觀光股》雲品決派利2.5元 蓄勢強身待復甦</t>
  </si>
  <si>
    <t>張上淳兒子出國根本沒錯？致命關鍵曝光：一堆人搞錯</t>
  </si>
  <si>
    <t>柯直言 遲早社區感染 重點在別失控</t>
  </si>
  <si>
    <t>北屯老夫婦染疫相繼離世 奶奶遺願要與尪同安厝：不要再被隔離了</t>
  </si>
  <si>
    <t>疫情5月風暴 游盈隆：指揮中心無人口頭請辭 實在匪夷所思</t>
  </si>
  <si>
    <t>權證星光大道－永豐金證券 體質轉佳 欣興抗震</t>
  </si>
  <si>
    <t>晶悅飯店吹熄燈號 原址將都更</t>
  </si>
  <si>
    <t>任務完成 武漢方艙醫院全部休艙</t>
  </si>
  <si>
    <t>疫情衝擊掃墓人潮減少 民政局長曹桓榮視察管制現況</t>
  </si>
  <si>
    <t>《盤中解析》上有壓下有撐 10900攻防</t>
  </si>
  <si>
    <t xml:space="preserve">日本高校體育大會 57年首度停辦 </t>
  </si>
  <si>
    <t>全球大屠殺！川普火力全開 再批陸無能、瘋子</t>
  </si>
  <si>
    <t>6旬男確診新冠 恐怖後遺症「竟不認得老婆」</t>
  </si>
  <si>
    <t>連2天＋0！國內52天無本土案例</t>
  </si>
  <si>
    <t>有錢人跑去美國打疫苗回台確診 柯文哲：7月至今已8例</t>
  </si>
  <si>
    <t>《新港IN病毒OUT》抗疫唱起來</t>
  </si>
  <si>
    <t>中共軍報指藉疫情抹黑攻擊大陸：趁火打劫者必引火自焚</t>
  </si>
  <si>
    <t>降低連假後社區傳播風險！避免出入擁擠場所</t>
  </si>
  <si>
    <t>確保金門防疫成功 中央攜手地方大作戰</t>
  </si>
  <si>
    <t>超前部署 侯友宜：把退休醫護找回來</t>
  </si>
  <si>
    <t>台灣何時解封？台大公衛院長：做到這件事就能恢復常態</t>
  </si>
  <si>
    <t>南投縣3月9日起10家醫院禁止探病、陪病限1人</t>
  </si>
  <si>
    <t>第七輪增23至28歲打AZ 9／3起開放預約</t>
  </si>
  <si>
    <t>首波高齡長者接種疫苗 黃偉哲：長輩接到通知再到指定地點接種</t>
  </si>
  <si>
    <t>總統下午電台連線跟鄉親報告防疫</t>
  </si>
  <si>
    <t>新聞早班車》病毒檢測 川普陰性 彭斯跟著測</t>
  </si>
  <si>
    <t>6旬男打完疫苗2小時胸痛送醫 原因出爐「不是心肌炎」</t>
  </si>
  <si>
    <t>境外移入爆炸！女留學生英國確診急返台 印尼移工再增20人染疫</t>
  </si>
  <si>
    <t>台中市議員提案自購疫苗獲議會三讀通過 衛生局：現階段窒礙難行</t>
  </si>
  <si>
    <t>台灣何時能重回疫情爆發前的生活？陳時中給答案</t>
  </si>
  <si>
    <t>等不到解封那天 西門星聚點開業10年驚傳歇業退租</t>
  </si>
  <si>
    <t>權證星光大道－永豐金證券 宜特 Q3旺季營運俏</t>
  </si>
  <si>
    <t>香港首確診女星康復風格大變 換性感高衩泳衣露逆天美腿</t>
  </si>
  <si>
    <t>蘇貞昌續任 鄭文燦：蘇內閣有行動力、執行力</t>
  </si>
  <si>
    <t>多國限制施打AZ年齡 王鴻薇批中央卻讓年輕族群消化疫苗</t>
  </si>
  <si>
    <t>「吃人一口還人一斗」 宜蘭市長呼籲對義大利伸援手</t>
  </si>
  <si>
    <t>新竹縣＋3確診 均為居隔採檢長照機構住民</t>
  </si>
  <si>
    <t>陸媒點名威脅：美實體與個人對疫情濫訴 必予嚴懲</t>
  </si>
  <si>
    <t>楊志良開除說 柯文哲：罵完應給鼓勵</t>
  </si>
  <si>
    <t>無色覺醒》賴岳謙：一場病毒抗疫戰爭？美俄網路輿論開打！</t>
  </si>
  <si>
    <t>日不動產聞疫色變</t>
  </si>
  <si>
    <t>COMPUTEX 延至9月底舉行</t>
  </si>
  <si>
    <t>巴菲特：新冠肺炎不應該影響投資者決策</t>
  </si>
  <si>
    <t>桃園龜山清潔隊成員家人也染疫 金沙酒店確診再＋1</t>
  </si>
  <si>
    <t>傳和碩確診員工曾到華碩餐廳 2公司全面消毒、遠距上班</t>
  </si>
  <si>
    <t>小米去年營收 破2,000億人幣</t>
  </si>
  <si>
    <t>「講的就是你」！招名威調侃陸生 網友痛譙：歧視就是歧視</t>
  </si>
  <si>
    <t>為何不回美國打疫苗？美籍男星曝留台最大優點</t>
  </si>
  <si>
    <t>舊瓶裝漂白水暗藏危機！醫：礦泉水瓶最容易出事</t>
  </si>
  <si>
    <t>防疫 新北貢寮海洋音樂祭今年停辦</t>
  </si>
  <si>
    <t>瑞德西韋資料猶瞎子摸象！ 陳時中：不懂WHO為何公開</t>
  </si>
  <si>
    <t>坦承疫情「狀況不太好」 陳時中憂心：社區還有感染者沒找出來</t>
  </si>
  <si>
    <t>助推台企復工復產 浙江省召開創業創新推進會</t>
  </si>
  <si>
    <t>宥勝一句話惹怒萬華人 臉書92字深深致歉：已修文</t>
  </si>
  <si>
    <t>大陸歡迎 盼伊推動WTO必要改革</t>
  </si>
  <si>
    <t>南韓成功壓疫情 確診關鍵數字曝...網喊太狂</t>
  </si>
  <si>
    <t>澎湖今增1確診 曾與首例個案聚餐染疫</t>
  </si>
  <si>
    <t>研究：德國感染新冠者 恐超過帳面數字10倍</t>
  </si>
  <si>
    <t>疫情升溫 三款兒童保單超前部署</t>
  </si>
  <si>
    <t>防疫變商機！到旅館異地辦公 你選哪一家？</t>
  </si>
  <si>
    <t>桃園公布確診者足跡 業者怨：政府都沒來消毒</t>
  </si>
  <si>
    <t>新冠肺炎確診人數增至41人 疑陪病接觸所致</t>
  </si>
  <si>
    <t>疫情攪局 新光金延發特別股</t>
  </si>
  <si>
    <t>京鼎精密9日啟動快篩 將在1天內完成610人</t>
  </si>
  <si>
    <t>別怕第2波疫情來襲 墨比爾斯：已進入新牛市</t>
  </si>
  <si>
    <t>雲林芭樂攤絕地求生 滿500逆天長腿比基尼辣模親送到府</t>
  </si>
  <si>
    <t>違反隔離規定會情婦 英傳染病學家辭職</t>
  </si>
  <si>
    <t>《國際產業》蘋果：新冠肺炎攪局，Q1營收難達標</t>
  </si>
  <si>
    <t>居家檢疫趴趴走 花女回家續監控</t>
  </si>
  <si>
    <t>每5人就有1人突破性感染 指揮中心曝7至9月境外移入實況</t>
  </si>
  <si>
    <t>開箱居家檢疫關懷包 竟有超夯聯名口味跟防疫神物</t>
  </si>
  <si>
    <t>洪榮宏巡演喊卡 用專輯陪粉絲度過疫情</t>
  </si>
  <si>
    <t>第4死！鑽石公主號429復航</t>
  </si>
  <si>
    <t>新冠肺炎震盪 全球富豪共損失1390億美元</t>
  </si>
  <si>
    <t>南庄鄉長、卓蘭景山里里長21日補選 選委會全面防疫</t>
  </si>
  <si>
    <t>巴西總統 確診新冠肺炎</t>
  </si>
  <si>
    <t>宏捷科2月營收 創四年新高</t>
  </si>
  <si>
    <t>戶外運動免戴罩憂成破口 柯文哲：邊境管制好國內可更鬆綁</t>
  </si>
  <si>
    <t>政院：不是每種振興抵用券都要異地使用</t>
  </si>
  <si>
    <t>海軍染新冠肺炎 45天爆發時程一張圖看懂</t>
  </si>
  <si>
    <t>「串門子」群聚延燒 高市餐飲業今起禁內用</t>
  </si>
  <si>
    <t>FED主席：美經濟恐陷衰退 但我們還有很多法寶</t>
  </si>
  <si>
    <t>網傳蔡總統確診？民進黨：假消息、不排除中國網軍所為</t>
  </si>
  <si>
    <t>現在從日韓回來到底要不要檢疫？ 一張圖秒懂</t>
  </si>
  <si>
    <t>越南16起新冠肺炎確診病例 全數治癒出院</t>
  </si>
  <si>
    <t>全台剩不到百萬人可打莫德納 醫籲別再等了 先打這個</t>
  </si>
  <si>
    <t>元樟生技新冠肺炎新藥 研發傳佳音</t>
  </si>
  <si>
    <t>大陸權威解讀 北京突爆疫情溯源為何重要</t>
  </si>
  <si>
    <t>首例！女機師莫德納突破性感染 2子女就讀學校緊急停課一天</t>
  </si>
  <si>
    <t>台灣進入社區感染？專家這樣看</t>
  </si>
  <si>
    <t>東京確診有3成都是年輕人 張上淳：和疫苗覆蓋率低有關</t>
  </si>
  <si>
    <t>小黃每月補助2000元 直接存油卡</t>
  </si>
  <si>
    <t>防疫小撇步　幼兒園讓小朋友吃點心更安全</t>
  </si>
  <si>
    <t>蓬佩奧：陸網路行為體企圖偷美新冠病毒數據</t>
  </si>
  <si>
    <t>疫情續升溫 美確診人數破1,100萬大關</t>
  </si>
  <si>
    <t>陳美鳳全裸出鏡！光溜溜洩防疫妙招</t>
  </si>
  <si>
    <t>蔡政府要面子卻不顧百姓 洛杉基氣炸：國人的口罩呢？</t>
  </si>
  <si>
    <t xml:space="preserve">病例逐逼十萬 譚德賽開了宣布大規模流行條件 </t>
  </si>
  <si>
    <t>中市12輪第1階段莫德納2劑施打 免預約又喊卡</t>
  </si>
  <si>
    <t>重大突破！澳發現新冠剋星 48小時內殺死病毒RNA</t>
  </si>
  <si>
    <t>新北確診2人都是居隔轉陽 侯友宜：今天可算0確診</t>
  </si>
  <si>
    <t>染Omicron大多40歲以下 重症醫曝3大指標症狀</t>
  </si>
  <si>
    <t>台中4人打完疫苗過世 累計達34人</t>
  </si>
  <si>
    <t>一採出爐！海軍敦睦艦隊15澎湖官兵皆陰性</t>
  </si>
  <si>
    <t>NBA》現身說法？保羅籌拍新冠衝擊紀錄片</t>
  </si>
  <si>
    <t>外籍移工入境即失聯 屏縣府依法開罰百萬</t>
  </si>
  <si>
    <t>《電腦設備》安勤拚Q3營運回溫 醫療產品動能看旺</t>
  </si>
  <si>
    <t>全民僅3％接種 印度因疫苗而暴露的各種不平等</t>
  </si>
  <si>
    <t>年輕人搭車回南部老家 醫護驚：拜託2種人停止移動</t>
  </si>
  <si>
    <t>境外移入案例增加 盧秀燕籲入境全面普篩</t>
  </si>
  <si>
    <t>混打該選BNT或莫德納？醫給答案：追求保護力就選「它」</t>
  </si>
  <si>
    <t>《國際經濟》內外需染疫 德國Q1經濟陷衰退</t>
  </si>
  <si>
    <t>NBA》恩比德：討厭復賽 仍會全力以赴</t>
  </si>
  <si>
    <t>珠澳通關防疫升級 須持12小時核檢陰性證明</t>
  </si>
  <si>
    <t>《觀光股》晶華響應自救，董監不領酬勞、主管減薪3成</t>
  </si>
  <si>
    <t>半導體產業2021年瞄準5G、AI、車電商機 漢唐兩岸通吃 訂單水漲船高</t>
  </si>
  <si>
    <t>握手會不取消！日女團祭出「機械假手」 網傻眼：是在握心酸？</t>
  </si>
  <si>
    <t>第二階段徵用1043專責病房 新北坦言：醫療量能確實緊繃</t>
  </si>
  <si>
    <t>球類陪練員染疫 狀況穩定</t>
  </si>
  <si>
    <t>為何紐約確診暴增？網曝：完全大染缸</t>
  </si>
  <si>
    <t>美國反封城抗議發起人自己確診後竟又上街！　遭網民炮轟</t>
  </si>
  <si>
    <t>雲林新增1境外移入確診個案 縣府全面加強校園防疫準備</t>
  </si>
  <si>
    <t>買不到口罩！正妹怒飆2句問候…</t>
  </si>
  <si>
    <t>學生打疫苗不適如超過3天 勞動部：防疫照顧假必要時可延長</t>
  </si>
  <si>
    <t>雙層觀光巴士 祭優惠搶客</t>
  </si>
  <si>
    <t>何謂校正回歸？蕭彤雯給比喻卻被罵生氣刪文</t>
  </si>
  <si>
    <t>醫療人員便當漲10元還吃不飽 菜色慘輸台商隔離所</t>
  </si>
  <si>
    <t>NBA》詹皇：渴望本季回歸 更盼有觀眾</t>
  </si>
  <si>
    <t>西門町全聯女店員確診 連上3天10小時晚班 曾接觸消費者</t>
  </si>
  <si>
    <t>東吳大學遠距教學至期末 畢業典禮改線上舉行</t>
  </si>
  <si>
    <t>藥局買口罩薄到透光 他實際剪開一看竟長這樣</t>
  </si>
  <si>
    <t>打疫苗頻傳猝死 侯友宜：長者施打率從6成掉到47％</t>
  </si>
  <si>
    <t>《通信網路》遠傳「一指點」 點餐、結帳防疫高一點</t>
  </si>
  <si>
    <t>台南麻豆區89歲老翁 疑接種AZ疫苗後身亡</t>
  </si>
  <si>
    <t>北市再改防疫旅館SOP 有疑似症狀「送醫做PCR採檢」</t>
  </si>
  <si>
    <t>平安音樂會 台南在地嘻哈歌手大支將登台</t>
  </si>
  <si>
    <t>各國防疫慢吞吞 學學中國經驗</t>
  </si>
  <si>
    <t>NBA》戈貝爾捐50萬美元 挽回球迷支持</t>
  </si>
  <si>
    <t>日本新冠疫情為何突然降溫？研究曝Delta竟自爆</t>
  </si>
  <si>
    <t>NBA》瑞弗斯訝異：好多人不戴口罩</t>
  </si>
  <si>
    <t>瑪丹娜認了感染新冠肺炎 7周前就有症狀「同台表演者全生病」</t>
  </si>
  <si>
    <t>楊志良自爆聯亞抗體只有40 陳時中虧：不懂要問醫師</t>
  </si>
  <si>
    <t>居家快篩搶頭香 萊鎂醫、達亞雙雙漲停 萊鎂醫漲到熔斷</t>
  </si>
  <si>
    <t>國光疫苗臨床試驗第1波受試者已施打 最快年底量產</t>
  </si>
  <si>
    <t>亞馬遜業務前景亮眼 股價再創新高</t>
  </si>
  <si>
    <t>想買防疫商品 客超狂問法笑翻全網</t>
  </si>
  <si>
    <t>對抗新冠肺炎 眼科醫師籲勤洗手</t>
  </si>
  <si>
    <t>15日就宣布八大行業停業 竹市男21日到員林「按摩」確診</t>
  </si>
  <si>
    <t>NBA》有夠倒楣！英雄哥才告復出又被隔離</t>
  </si>
  <si>
    <t>實至名歸！中天王牌氣象主播戴立綱獲「2019最佳氣象主播獎」</t>
  </si>
  <si>
    <t>免疫長期未激發恐成免疫負債 醫師籲接種流感疫苗</t>
  </si>
  <si>
    <t>華銀主辦裕融聯貸案 簽約</t>
  </si>
  <si>
    <t>骨牌效應 新北市潑水節等大型活動全喊卡</t>
  </si>
  <si>
    <t>施打疫苗仍染疫 台南牙醫「全副武裝」植牙1小時確診超錯愕</t>
  </si>
  <si>
    <t>防疫千元補償金 23日開放申請</t>
  </si>
  <si>
    <t>雙北確診炸鍋！陳時中不蓋方艙醫院 王任賢痛罵：搞不清楚狀況</t>
  </si>
  <si>
    <t>防堵北農 桃園5大市場快篩1139人全陰性</t>
  </si>
  <si>
    <t>衛福部採購高端疫苗 背後是綠營人士炒股？綠委回應了</t>
  </si>
  <si>
    <t>桃園美容美髮停業 新北不跟進會嚴加稽查管制</t>
  </si>
  <si>
    <t>0-3歲幼童確診慎防家戶感染 專家疾呼：成人有症狀就篩檢</t>
  </si>
  <si>
    <t>國人關注疫苗何時取得施打 蘇貞昌：會陸續抵達</t>
  </si>
  <si>
    <t>新港股狂飆近八成 恒生科技指數基金搶商機</t>
  </si>
  <si>
    <t>BNT著手研究現有疫苗防護力 有必要將調整 陳時中回應了</t>
  </si>
  <si>
    <t>今日無新增病例 累計419人解隔離</t>
  </si>
  <si>
    <t>海地零確診 打算也跟著封鎖全國</t>
  </si>
  <si>
    <t>《熱門族群》2020宅經濟發酵 智冠、橘子營收皆成長</t>
  </si>
  <si>
    <t>超讚！國內連5天零確診 防疫五月天齊秀5零杯蓋</t>
  </si>
  <si>
    <t>台商返台植牙暴斃！死前猛咳嗽爆染疫疑慮</t>
  </si>
  <si>
    <t>Delta來了第二劑沒來 李艷秋「5點現實」提醒民進黨：台灣人民非常寬厚</t>
  </si>
  <si>
    <t>港小開求來台避難 她1句話霸氣回嗆</t>
  </si>
  <si>
    <t>「行動茶車」百款套套任客挑 外送茶隨機連結高雄警嘆：要錢不要命</t>
  </si>
  <si>
    <t>新冠肺炎肆虐萬芳呼籲別太恐懼！將開唱運動增抵抗力</t>
  </si>
  <si>
    <t>抗疫新觀點 富邦人壽 法定傳染病加倍給付</t>
  </si>
  <si>
    <t>美媒：測試新冠等病毒 解放軍插手培養人肺鼠</t>
  </si>
  <si>
    <t>鄭秀文「做到老學到老」停工當防疫義工</t>
  </si>
  <si>
    <t>NBA》爵士穆迪埃罹患新冠 可能是誤傳</t>
  </si>
  <si>
    <t>NBA》籃網巨星杜蘭特確診新冠肺炎 至今7人染疫</t>
  </si>
  <si>
    <t>混打一定要拿AZ當第1劑 莫德納不行嗎？10大疑慮名醫解析</t>
  </si>
  <si>
    <t>《國際經濟》法國財長：今年GDP估萎縮11％ 前景更艱難</t>
  </si>
  <si>
    <t>美媒爆料：2021棒球經典賽取消</t>
  </si>
  <si>
    <t>睽違3個月 桃機首見轉機客</t>
  </si>
  <si>
    <t>《產業》台北花園酒店 啟動12年最大改裝計畫</t>
  </si>
  <si>
    <t>MLB》夫妻都是投手 洋基王牌寇爾喜獲麟兒</t>
  </si>
  <si>
    <t>9條口罩生產線本周上線 3月中後生產線全開</t>
  </si>
  <si>
    <t>背光模組廠 2月業績不妙</t>
  </si>
  <si>
    <t>「服務處幫你爭取到」 台南傳接種個資外洩 再爆疫苗被染上政治色彩</t>
  </si>
  <si>
    <t>他憂Delta遲早侵台「應及早部署」 網搖頭嘆：只能心理準備</t>
  </si>
  <si>
    <t>嘉市宣布進入準三級防疫 夜市攤販至28日禁止設攤</t>
  </si>
  <si>
    <t>基隆成功市場再添6攤商確診 仁愛市場受波及今晚休市</t>
  </si>
  <si>
    <t>新增2例境外移入 指揮中心14：00說明</t>
  </si>
  <si>
    <t>變種病毒威力強 英國可能延後解封</t>
  </si>
  <si>
    <t>趁目前調整買入龍頭科技股</t>
  </si>
  <si>
    <t>3大機構砸1.25億美元 啟動「新冠肺炎治療加速器」計畫</t>
  </si>
  <si>
    <t>台北市辦公租金漲好兇 漲幅叫我亞太第一</t>
  </si>
  <si>
    <t>抗疫期間 宅經濟產業發威</t>
  </si>
  <si>
    <t>16縣巿禁中秋戶外烤肉 各地停辦活動一次看</t>
  </si>
  <si>
    <t>5日疫苗補給到 陳其邁保證下週一定打得到</t>
  </si>
  <si>
    <t>中秋連假後學生接種BNT 侯友宜：體育課改為靜態</t>
  </si>
  <si>
    <t>台灣權王－營運績優 聯茂華通權證衝鋒</t>
  </si>
  <si>
    <t>北農10例確診竟「零」匡列接觸 議員爆沒1例是同心圓篩出</t>
  </si>
  <si>
    <t>新冠肺炎疫情影響 三星S20在台上市記者會改線上直播</t>
  </si>
  <si>
    <t>1分鐘讀財經》公股穩行情 連2日護盤買超抗通膨、抗跌雙題材股</t>
  </si>
  <si>
    <t>新冠肺炎衝擊 創世基金會發票量銳減</t>
  </si>
  <si>
    <t>60多歲退休婦染新冠肺炎 無出國史</t>
  </si>
  <si>
    <t>台中八大行業實名制首夜 太平警方強勢臨檢</t>
  </si>
  <si>
    <t>關懷據點防疫「再升級」 中市暫停健康促進活動</t>
  </si>
  <si>
    <t>孕婦第二劑疫苗被登錄「混打高端」 北市衛生局揭原因</t>
  </si>
  <si>
    <t>不甩川普推薦了！美CDC偷刪奎寧使用指南</t>
  </si>
  <si>
    <t>板橋大遠百下午全面快篩 預計篩檢1500人</t>
  </si>
  <si>
    <t>首例醫生感染 鄭文燦為何急露臉？名醫點出關鍵</t>
  </si>
  <si>
    <t>李連杰57歲生日在家過 許願希望在疫情中大家團結</t>
  </si>
  <si>
    <t>聯茂、牧德募資 有驚無險</t>
  </si>
  <si>
    <t>全英居家隔離工地卻照開工？工會政客罵翻</t>
  </si>
  <si>
    <t>進出武漢百萬人潮恐爆2度疫情 嚴控市民外出</t>
  </si>
  <si>
    <t>藍委主張修訂紓困條例 每人發6000元現金振興經濟</t>
  </si>
  <si>
    <t>《科技》新冠疫情進入大流行，全球系統風險將衝擊記憶體產業</t>
  </si>
  <si>
    <t>600億紓困救急 降稅才是強心劑</t>
  </si>
  <si>
    <t>立委收海量陳情訊息：國軍爆睡覺用保鮮膜當隔板 百人共餐、千人合唱</t>
  </si>
  <si>
    <t>川普確診4天出院 醫師痛罵：「疫」Q零蛋</t>
  </si>
  <si>
    <t>如何抓出社區無症狀感染者？檢驗方法曝光</t>
  </si>
  <si>
    <t>東京單日確診降至個位數 前台大醫：能否與台旅遊泡泡？</t>
  </si>
  <si>
    <t>逐洞賽｜摩爾投顧分析師鐘崑禎</t>
  </si>
  <si>
    <t>為企業輸血 武漢推200億人幣定向紓困資金</t>
  </si>
  <si>
    <t>新冠肺炎影響 全球近8億高中以下學子無法上學</t>
  </si>
  <si>
    <t>BNT即將開打 洪孟楷3點提醒</t>
  </si>
  <si>
    <t>2度延簽...外配得回母國換證？越婿憂「強迫出境成防疫破口」</t>
  </si>
  <si>
    <t>比照SARS時期阿扁親自調動軍醫體系 時力：蔡總統請站上第一線</t>
  </si>
  <si>
    <t>高林跨足生醫市場 新冠肺炎呼吸輔助器新設計將在台製造與銷售</t>
  </si>
  <si>
    <t>美股跌不休 分析師：新冠肺炎是個藉口</t>
  </si>
  <si>
    <t>133名確診已住進集中檢疫所 指揮中心：暫不考慮建方艙</t>
  </si>
  <si>
    <t>桃園醫院血液淨化療法 救回病危新冠肺炎患者</t>
  </si>
  <si>
    <t>林青霞自曝已打大陸科興疫苗 9字形容後續效果</t>
  </si>
  <si>
    <t>金門防疫再升級 機場電眼攔截病毒</t>
  </si>
  <si>
    <t>高雄金芭黎舞廳突遭臨檢 疫情升溫八大場所被緊盯</t>
  </si>
  <si>
    <t>北市疫苗接種一團亂 西園醫院一日三變 長輩傻眼</t>
  </si>
  <si>
    <t>「等等會送疫苗過去」藥師等10小時氣炸 衝衛生局一看：超心酸</t>
  </si>
  <si>
    <t>湯姆漢克夫妻染新冠肺炎 兒報平安「都很好」</t>
  </si>
  <si>
    <t>【信民播客】龍觀點｜肺炎病毒源自美國？日本、台灣有人這麼說，中國學者打臉：應該在武漢</t>
  </si>
  <si>
    <t>汽車旅館不通報人與人連結 最重勒令關門</t>
  </si>
  <si>
    <t>北市3線1星督察與外勤警搶打疫苗 市警局說話了</t>
  </si>
  <si>
    <t>案269上周桃機接待官員兒子！2人都染疫</t>
  </si>
  <si>
    <t>工研院攜手新竹台大分院建置「生理訊號即時監測整合平台」</t>
  </si>
  <si>
    <t>《國際產業》疫情衝擊擴大，推特、應材撤回業績預測</t>
  </si>
  <si>
    <t xml:space="preserve">第二波疫情襲來？北京0確診破功 連3日新增確診病例 </t>
  </si>
  <si>
    <t>長榮超狂班表曝光 空服員哭：哪裡缺打工小妹</t>
  </si>
  <si>
    <t>確診印尼看護直播 新北衛生局：違法之虞已要求下架</t>
  </si>
  <si>
    <t>亞太恐爆 大規模社區傳染</t>
  </si>
  <si>
    <t>高市今日3確診 小港家庭群聚感染疑母親節聚餐惹禍</t>
  </si>
  <si>
    <t>金沙酒店再＋2 非「人與人的連結」也中獎</t>
  </si>
  <si>
    <t>護航台積電 6大外資信心喊話</t>
  </si>
  <si>
    <t>末日博士警告今年陸經濟不妙 GDP面臨恐怖數字</t>
  </si>
  <si>
    <t>北市地下街爆群聚感染 醫：要更注意這地方</t>
  </si>
  <si>
    <t>MWC停辦 OPPO Find X2發表會延至三月具體時間待確</t>
  </si>
  <si>
    <t>台塑六輕廠傳約聘人員確診 數百位員工預防性快篩</t>
  </si>
  <si>
    <t>沈榮津：新冠肺炎快篩試劑預計半年後上市</t>
  </si>
  <si>
    <t>日本超級電腦模擬飛沫傳染 室外隔1.5公尺也非安全無虞</t>
  </si>
  <si>
    <t>震撼彈！酷航宣布停飛　</t>
  </si>
  <si>
    <t>新北今接種率58％ 非在籍者18日施打疫苗</t>
  </si>
  <si>
    <t>股債波動大 首選多重資產</t>
  </si>
  <si>
    <t>不怪兒帶病毒回家 重症婦插管前叮囑：若媽媽沒醒別自責</t>
  </si>
  <si>
    <t>《半導體》晶心科RISC-V收割期近了 看準陸商機、明年投資不手軟</t>
  </si>
  <si>
    <t>《觀光股》五福去年EPS 0.89元，啟動自救抗疫</t>
  </si>
  <si>
    <t>擔心無症狀感染又排不到快篩？醫曝關鍵解法</t>
  </si>
  <si>
    <t>洗完手再噴酒精？醫：恐讓防疫破功</t>
  </si>
  <si>
    <t>高雄港3貨輪爆船員確診 295名接觸者PCR結果出爐</t>
  </si>
  <si>
    <t>第十輪BNT開打遭放生 藍議員揭25歲年輕人慘況</t>
  </si>
  <si>
    <t>機組員未接種檢疫變7＋7 機師喊吃不消：疫苗不夠怎麼打？</t>
  </si>
  <si>
    <t xml:space="preserve">歐洲疫情肆虐 瑞士將全國進入緊急狀態 </t>
  </si>
  <si>
    <t>東奧南非足球隊3人染疫 又增橄欖球隊教練確診</t>
  </si>
  <si>
    <t>北市聯醫松德院區傳員工、看護確診 院方：該案住萬華區</t>
  </si>
  <si>
    <t>新田真劍佑約會趴趴走口罩沒戴好 2天後確診新冠肺炎</t>
  </si>
  <si>
    <t>補習班容留人數未鬆綁 業者大喊難生存</t>
  </si>
  <si>
    <t>新聞早班車》WHO顧問稱 全球2／3人口會被傳染</t>
  </si>
  <si>
    <t>花博設「莫德納隨到隨打」接種送百元禮券 北市府：一定打得到</t>
  </si>
  <si>
    <t>川普稱新冠肺炎「中國病毒」 學霸女星看不下去爆粗口</t>
  </si>
  <si>
    <t>萬象舞廳再申請全台首張舞廳職業工會牌照 為八大員工發聲</t>
  </si>
  <si>
    <t>市場爆恐怖多殺多！2隻黑天鵝驚洩結局</t>
  </si>
  <si>
    <t>竹縣增4例本土確診 1名60多歲男住機構感染源不明</t>
  </si>
  <si>
    <t>取代譚德塞！美前官員：川普應推台專家任WHO秘書長</t>
  </si>
  <si>
    <t>南韓淪陷確診破千 孔劉、秀智、宋康昊眾大咖捐億元抗疫</t>
  </si>
  <si>
    <t>遭隔離近1個月解禁！ 魔術師迫不及待想做這事</t>
  </si>
  <si>
    <t>防疫決不能雙重標準</t>
  </si>
  <si>
    <t>新冠肺炎激發 AR／VR應用商機</t>
  </si>
  <si>
    <t>川普讓川粉瘋狂的代價曝光 林濁水傻眼：真慘</t>
  </si>
  <si>
    <t>小人國、Xpark停業至5／28 天幕球場晚上關燈禁用</t>
  </si>
  <si>
    <t>打完疫苗再上 美國女籃隊教練歸隊</t>
  </si>
  <si>
    <t>歐盟歷史一刻！7500億歐元振興方案達成協議</t>
  </si>
  <si>
    <t>打1999 竹市府組防疫計程車隊</t>
  </si>
  <si>
    <t>驚！都怪新冠 他們平均少活13年</t>
  </si>
  <si>
    <t>李㼈戒菸甩臭味 贏得兒女抱抱</t>
  </si>
  <si>
    <t>敦睦艦隊不能如期解隔離 陳時中為這道歉了</t>
  </si>
  <si>
    <t>《產業》防疫醞釀新商機 美食外送服務需求增</t>
  </si>
  <si>
    <t>枋山芒果遭退訂 農委會：全球無因蔬果包裝染疫</t>
  </si>
  <si>
    <t>苗栗縣10日 新增一名確診死亡案例</t>
  </si>
  <si>
    <t>抗疫模範生 越南成外資轉移新寵</t>
  </si>
  <si>
    <t>秋冬抗疫 安南醫院提供中藥提升免疫力方法</t>
  </si>
  <si>
    <t>NBA》過去6戰跟戈貝爾接觸 伊巴卡最久</t>
  </si>
  <si>
    <t>逼近千人確診！860萬紐約客48小時內恐遭禁足</t>
  </si>
  <si>
    <t>油價連摔 台塑化Q1虧大</t>
  </si>
  <si>
    <t>竟敢「逆時中」 村長：佛系防疫 台灣真的安全嗎？</t>
  </si>
  <si>
    <t>新北社區篩檢2度出現「零陽性」 侯友宜：已有效控制疫情</t>
  </si>
  <si>
    <t>民有市場無口罩 議員憂成防疫破口</t>
  </si>
  <si>
    <t>染Delta與感冒相似 專家教辨別法：有「兩痛一水」要注意</t>
  </si>
  <si>
    <t>不戴口罩大鬧北捷 健保署員工道歉了</t>
  </si>
  <si>
    <t>單周暴增3萬印度變種病例 英官員悲觀曝疫苗擋下病毒時間點</t>
  </si>
  <si>
    <t>你點餐我買單 黃子佼暖請30藝人「疫起遠距離吃飯」</t>
  </si>
  <si>
    <t>日朝日電視台男主播染疫網罵主播失格</t>
  </si>
  <si>
    <t>台北車站街友爆群聚 8人確診已收治</t>
  </si>
  <si>
    <t>67億疫苗採購經費花去哪成機密？藍委：不容許黑箱作業</t>
  </si>
  <si>
    <t>與確診者接觸6分鐘 苦主呆：原來社交距離App會叫</t>
  </si>
  <si>
    <t>新台幣太強 壽險業前8月匯兌成本近2千億</t>
  </si>
  <si>
    <t>美國傳奇主持人賴瑞金辭世 享壽87歲</t>
  </si>
  <si>
    <t>武漢97、75歲高齡母女 抗疫成功出院</t>
  </si>
  <si>
    <t>疫情升溫 新北明再增永和、新店熱區防疫中心</t>
  </si>
  <si>
    <t>微解封料將出現旅遊潮 南市超前加強稽查非法日租套房</t>
  </si>
  <si>
    <t>沒看到確診者也能感染 南韓大學生因椅子感染Delta病毒</t>
  </si>
  <si>
    <t>有女陪侍八大11／16解禁 顧客須先符合這個「低消」</t>
  </si>
  <si>
    <t>獨》驚！新冠肺炎疫情強襲 台北觀光飯店晚上不賣Buffet啦！</t>
  </si>
  <si>
    <t>第2批COVAX疫苗來台？全球疫苗聯盟：6月底前AZ疫苗到貨</t>
  </si>
  <si>
    <t>新北勇媽疫中產女 解隔離與女娃團圓迎新生</t>
  </si>
  <si>
    <t>集集小鎮紓困開第一槍 攤商清潔費減半</t>
  </si>
  <si>
    <t>葛林斯潘：美抗疫失敗將礙經濟復甦 霸權之爭恐處劣勢</t>
  </si>
  <si>
    <t>潔哥嗆阿圓！網紅韓返台衝篩檢遭轟「勿浪費資源」</t>
  </si>
  <si>
    <t>陳時中籲民代別跑攤 密閉空間戴口罩</t>
  </si>
  <si>
    <t>自主封城再拖三個月 柯文哲：餓死比病死多</t>
  </si>
  <si>
    <t>穗密集現跨省市病例 全是無症狀</t>
  </si>
  <si>
    <t>揚名西班牙！台灣醫護姐妹花確診 推出病房這一幕令人感動</t>
  </si>
  <si>
    <t>竹縣焚化爐公聽會 場地不借用臨時喊卡</t>
  </si>
  <si>
    <t>因應疫情 遠傳、台灣大於萬華、蘆洲部分門市暫停營業</t>
  </si>
  <si>
    <t>富裕國擺脫疫情強復甦 外媒卻爆新興國家陷川普後遺症</t>
  </si>
  <si>
    <t>台灣有需要囤糧嗎？網狂喊先囤個X天</t>
  </si>
  <si>
    <t xml:space="preserve">新竹市防疫消毒大隊成立！2周內消毒完全市公園、車站共137處 </t>
  </si>
  <si>
    <t>香港首見「零團來港」的勞動節假期</t>
  </si>
  <si>
    <t>多年前影片遭網友改編 隋棠：被我前夫氣死</t>
  </si>
  <si>
    <t>誰破壞和諧？醫護、記者忙翻天 羅友志驚天一語：處心積慮的是…</t>
  </si>
  <si>
    <t>元山11月營收雙增 明年樂觀</t>
  </si>
  <si>
    <t>《百貨股》特力H2審慎樂觀 2022年東南亞採購比例達20％~30％</t>
  </si>
  <si>
    <t>善款用在刀口上！ 台北榮總第二戶外防疫篩檢站啟用</t>
  </si>
  <si>
    <t>高雄台鋁MLD影城疫情停業 傳改秀泰影城進駐經營</t>
  </si>
  <si>
    <t>酒店舞廳解禁？ 黃偉哲：希望中央制定標準 由地方執行</t>
  </si>
  <si>
    <t>《百貨股》Q2童裝出貨旺季，淘帝-KY備貨蓄勢待發</t>
  </si>
  <si>
    <t>口罩日產1000萬片何時達成？ 經濟部拚「這天」全面上線</t>
  </si>
  <si>
    <t>春節返台4萬人 陳時中坦言「低估了」重啟移工來台恐受阻</t>
  </si>
  <si>
    <t>屏東潮州鎮確診者多 將出動化學兵全鎮消毒</t>
  </si>
  <si>
    <t>餓到2025 北韓糧荒將延續 平壤官員奇葩要求惹怒民眾</t>
  </si>
  <si>
    <t>幼兒園負責人解隔後確診 新北：匡列範圍增否已反應中央</t>
  </si>
  <si>
    <t>北市本周新增16例確診 家戶感染仍為主要原因</t>
  </si>
  <si>
    <t>《盤中解析》美期貨回彈、股王給力，台股跌點收斂</t>
  </si>
  <si>
    <t>10萬劑莫德納今到貨 怎麼分配？陳時中回應了</t>
  </si>
  <si>
    <t>禾馨稱施打名單都與北市府對過 黃珊珊照罰</t>
  </si>
  <si>
    <t>矽格執行外籍員工643名抗原快篩 全數呈現陰性</t>
  </si>
  <si>
    <t>百姓宅家中 州官趴趴走 這些人違規惹議</t>
  </si>
  <si>
    <t>僅國三、高三停課 藍委：難以理解</t>
  </si>
  <si>
    <t>航運噩夢再起 鹽田港卡船 貿易影響超越長賜輪事件</t>
  </si>
  <si>
    <t>大相撲最終日 7年首見相星決戰</t>
  </si>
  <si>
    <t>做心酸的！客運工會：1車30座只賣6張票 付駕駛薪水都不夠</t>
  </si>
  <si>
    <t>《通信網路》訊舟小金雞 康全電訊上櫃蜜月行情旺</t>
  </si>
  <si>
    <t>首例全校停課！北市高中生同班同學中鏢</t>
  </si>
  <si>
    <t>內用免隔板首日 北港排隊名店開心移除隔板：可以坐更多人</t>
  </si>
  <si>
    <t>清零只差一步！今本土確診1例 另添5死</t>
  </si>
  <si>
    <t>韓國瑜挨酸「封城秀急」！自嘲：我是他弟啦</t>
  </si>
  <si>
    <t>高市長照據點暫停老人共餐 改外帶便當回家吃</t>
  </si>
  <si>
    <t>誇張！日疫情吃緊 安倍爽吃河豚網氣炸</t>
  </si>
  <si>
    <t>陸印邊境衝突升級 美日印澳四國外長將會商因應之道</t>
  </si>
  <si>
    <t>台灣新增2新冠肺炎確診病例 夫妻赴孟加拉工作染病</t>
  </si>
  <si>
    <t>視訊上課也要冒生命危險 疫情下全球偏鄉教育的悲歌</t>
  </si>
  <si>
    <t>千人以上企業造冊是為先了解 陳時中：非施打依據</t>
  </si>
  <si>
    <t>《半導體》NB拉貨動能強、Q4營運續旺 鈺太抗跌</t>
  </si>
  <si>
    <t>《產業分析》亞太區飯店業估U型復甦 2023年前難見榮景</t>
  </si>
  <si>
    <t>《業績-生醫》診所業務成長，馬光2月營收年增5％</t>
  </si>
  <si>
    <t>NBA》逐一揭曉？湖人庫克檢測呈陰性</t>
  </si>
  <si>
    <t>避免疫情擴大 台電啟動異地辦公</t>
  </si>
  <si>
    <t>疫苗研發落後 專家籲與國際合作</t>
  </si>
  <si>
    <t>骨肉分離22天 前立委幫殯葬業爭疫苗</t>
  </si>
  <si>
    <t>美新冠死亡數破20萬 川普：很棒了 原本可能死300萬人</t>
  </si>
  <si>
    <t>振興國旅市場 「環島之星」加強防疫並加碼推房型免費升等</t>
  </si>
  <si>
    <t>雲林新增1境外 打2劑疫苗返台 居隔PCR陽性確診</t>
  </si>
  <si>
    <t>避險性操作？ 壽險業8、9月賣股逾千億元</t>
  </si>
  <si>
    <t>MLB》紐約大都會2人染新冠 地鐵大戰G1喊停</t>
  </si>
  <si>
    <t>桃園確診增7例 疫調足跡經洗車場、郵局</t>
  </si>
  <si>
    <t>睽違14天高雄今0確診 陳其邁：感謝市民配合 醫護努力</t>
  </si>
  <si>
    <t>中華民國紅十字會捐物資 助新北對抗新冠肺炎</t>
  </si>
  <si>
    <t>緊急加開2萬多劑莫德納引民怨 陳時中說明原因</t>
  </si>
  <si>
    <t>強新工業 續擴大海外產能</t>
  </si>
  <si>
    <t>日相安倍晉三正式宣布 東京等7都府縣進入緊急狀態</t>
  </si>
  <si>
    <t>日再爆莫德納疫苗摻黑色雜質 沖繩緊急停打</t>
  </si>
  <si>
    <t>北科附工PCR二採223人陰性 桃園暫緩對全校進行第2次快篩</t>
  </si>
  <si>
    <t>帛琉旅遊泡泡來了？陳時中下午2點最新說明</t>
  </si>
  <si>
    <t>又新增2境外移入病例 指揮中心14：00說明</t>
  </si>
  <si>
    <t>《業績-電腦設備》事欣科Q1營收近11季低點 Q2拚逆風前行</t>
  </si>
  <si>
    <t>國民黨力推500億專款防疫 幫執政黨遭陳揮文批：看了會吐血</t>
  </si>
  <si>
    <t>竹女滯武漢學生搭包機回來了！趕上2階段大學面試</t>
  </si>
  <si>
    <t>《國際社會》百年首見 澳洲人口最多的兩省關閉邊界</t>
  </si>
  <si>
    <t>趙少康批混打高端是狗急跳牆 陳時中回應了</t>
  </si>
  <si>
    <t>英首相自曝確診新冠病毒 歐洲股市擴大跌幅</t>
  </si>
  <si>
    <t>黃博怡：新冠肺炎威脅全球經濟斷鏈 臺灣經濟可望再造奇蹟2.0</t>
  </si>
  <si>
    <t>肺炎疫情打擊農業 雲林農田耕鋤、噴藥放棄採收</t>
  </si>
  <si>
    <t>中市社福機構加強防疫 兵棋推演群聚感染</t>
  </si>
  <si>
    <t>接公主號台人下船 謝長廷濕了眼眶：都過去了…</t>
  </si>
  <si>
    <t>辣模秀「口罩比基尼」 網轟：浪費</t>
  </si>
  <si>
    <t>調查南科防疫人員遭質疑討好企業主管 南市府要追究造謠責任</t>
  </si>
  <si>
    <t>因應三級警戒 航港局便民措施即日啟動</t>
  </si>
  <si>
    <t>怪哉！ 一天4次新冠檢測竟然陰陽不定</t>
  </si>
  <si>
    <t>史上最嚴重 未來數十年受影響！世衛6度宣告新冠肺炎為國際公衛緊急事件</t>
  </si>
  <si>
    <t>富邦金董座夫妻確診 公司曝蔡明興最新健康狀況</t>
  </si>
  <si>
    <t>草屯療養院教導四撇步 幫助家長與學生擺脫開學防疫恐慌症</t>
  </si>
  <si>
    <t>染疫破600例 2台女自日本、美國入境 嗅覺異常確診</t>
  </si>
  <si>
    <t>公主號兩名台灣確診旅客出院 1人歸心似箭 1人去探望老父</t>
  </si>
  <si>
    <t>「疾管家」真有其人！ 陳其邁曝本尊酷似這男星</t>
  </si>
  <si>
    <t>網驚「什麼開銷一個月要20萬」小甜甜公布金錢流向</t>
  </si>
  <si>
    <t>湖北黃石官員電話辭職 被責令辭職</t>
  </si>
  <si>
    <t>趁疫情誘酒店妹下海 淫媒集團爽賺60萬</t>
  </si>
  <si>
    <t>川普落選的啟示</t>
  </si>
  <si>
    <t>六輕1員工確診 同宿舍142人從高雄返回雲林快篩</t>
  </si>
  <si>
    <t>該宣布進入社區傳播了？陳時中曝關鍵時機</t>
  </si>
  <si>
    <t>援鄂專家：健康人士體內存有病毒</t>
  </si>
  <si>
    <t>下波疫情不只新冠肺炎</t>
  </si>
  <si>
    <t>東奧》輝瑞將提供疫苗給東奧代表團 開幕前完成2次接種</t>
  </si>
  <si>
    <t>中高風險區進返北京 需核酸檢測＋14天觀察＋7天監測</t>
  </si>
  <si>
    <t>大巴駛入弘光科大 宣導內輪差</t>
  </si>
  <si>
    <t>《科技》MIC看好半導體4大動能 產能缺到2022年</t>
  </si>
  <si>
    <t>堵Delta防破口 國籍航空機組員將接種第3劑疫苗</t>
  </si>
  <si>
    <t>新冠肺炎延燒　家扶海外服務還教怎麼洗手</t>
  </si>
  <si>
    <t>孟加拉確診夫妻再爆爭議 同行台商驚恐：沒說曾確診</t>
  </si>
  <si>
    <t>桃園增14本土確診 足跡包含NOVA、市場、全聯、愛買</t>
  </si>
  <si>
    <t>鐵腕執法！新加坡規定與人保持1公尺 違者罰21萬關半年</t>
  </si>
  <si>
    <t>香港28日新增84宗新冠肺炎確診個案</t>
  </si>
  <si>
    <t>苗栗確診數持續拉高 6日新增75例</t>
  </si>
  <si>
    <t>六都微解封僅台南順時中 民眾洗版黃偉哲臉書：拜託禁內用</t>
  </si>
  <si>
    <t>北市刑大小隊長確診 緊急送往隔離</t>
  </si>
  <si>
    <t>確診死亡逾5百例無病理解剖？張上淳曝2大原因</t>
  </si>
  <si>
    <t>居家檢疫者明起返家有限制 違反者開罰</t>
  </si>
  <si>
    <t>血友病少年及母親返台</t>
  </si>
  <si>
    <t>中和光明點燈節 為世界祈福</t>
  </si>
  <si>
    <t>AZ混打高端試驗結果出爐！中和抗體效價是AZ組2倍</t>
  </si>
  <si>
    <t>證交所股東常會延至8／20舉行</t>
  </si>
  <si>
    <t>《國際社會》新冠病毒檢測量 川普：美國很快能達每日500萬個</t>
  </si>
  <si>
    <t>莫德納混打高端可行？他提3點怒批：做完三期試驗再說</t>
  </si>
  <si>
    <t>我需要快篩嗎？醫揭染疫關鍵症狀：4種人才需快篩</t>
  </si>
  <si>
    <t>解禁後何時敢出國？網揭唯一關鍵</t>
  </si>
  <si>
    <t>新竹市新增1確診 日前1家4口探視剛出院阿嬤家庭群聚</t>
  </si>
  <si>
    <t>今本土確診數明顯增加 總統：疫情確實難纏</t>
  </si>
  <si>
    <t>致命秘密！傳陸7年前就發現類新冠肺炎病毒株但未公開</t>
  </si>
  <si>
    <t>華視女主播一家三口全確診 抱兒燒聲揭醫院殘酷現況</t>
  </si>
  <si>
    <t>俄羅斯爆紅「透明比基尼」護士 換身分跨行氣象主播</t>
  </si>
  <si>
    <t>美新冠肺炎振興案獲妥協 可望進入國會表決</t>
  </si>
  <si>
    <t xml:space="preserve">彰化葡萄盤商傳播鏈新增6例 最新足跡曝光新匡列300人 </t>
  </si>
  <si>
    <t>隔壁男房客返國第二天發燒卻沒篩檢？黃珊珊：前一天剛採檢</t>
  </si>
  <si>
    <t>超微市占飆升 概念股沾光</t>
  </si>
  <si>
    <t>只有關懷沒有距離 北榮推專責病房行動視訊會診</t>
  </si>
  <si>
    <t>疫情升溫各地亂象 藍委：酒精飆漲、消防人員載病患打不到疫苗</t>
  </si>
  <si>
    <t>712解封穩了？北捷車廂照曝光 這一幕讓眾人嚇傻</t>
  </si>
  <si>
    <t>好景不常 美前周初次申請失業補助再破百萬</t>
  </si>
  <si>
    <t>大增23例！全台新冠肺炎衝上100例</t>
  </si>
  <si>
    <t>陸生無法報到 歐美大學荷包扁扁</t>
  </si>
  <si>
    <t>何時能出國旅遊？陳時中給答案了</t>
  </si>
  <si>
    <t>自菲律賓返台婦人今確診 網怒：都發燒還敢搭飛機！</t>
  </si>
  <si>
    <t xml:space="preserve">今天零確診 本土連28天無病例 台灣社區安全了	</t>
  </si>
  <si>
    <t>中職周五恢復進場 最多千人觀賽</t>
  </si>
  <si>
    <t>國際蘭展延期損失4000萬 黃偉哲要遍地開花</t>
  </si>
  <si>
    <t>劉寶傑：我實在受不了！突轉向怒轟「你柯文哲變笑話」</t>
  </si>
  <si>
    <t>分析師：三星電子若停工 恐威脅經濟</t>
  </si>
  <si>
    <t>MLB》皇家捕手感染新冠 練球結束才發現</t>
  </si>
  <si>
    <t>鋒裕匯理：新興市場債 具三大利多</t>
  </si>
  <si>
    <t xml:space="preserve">鑽石公主號乘客返家注意事項疏漏 日厚勞省致歉 </t>
  </si>
  <si>
    <t>獨》蘇益仁建議防疫提到國安層級 要為大陸解禁那天做準備</t>
  </si>
  <si>
    <t>指揮中心證實：台駐法人員確診新冠肺炎</t>
  </si>
  <si>
    <t>本土疫情邁向尾聲 醫曝解封後生活：不明感染源成為常態</t>
  </si>
  <si>
    <t>台大雲林分院成功治癒重症新冠肺炎患者 順利拔管出院</t>
  </si>
  <si>
    <t>《產業》王文淵：當前經濟衝擊更勝2008海嘯 盼政府適度開放</t>
  </si>
  <si>
    <t>田士廣回家鄉大馬迎粉絲 提前返台躲過封城</t>
  </si>
  <si>
    <t>防疫升級！台中教育局停辦第2學期優遊台中學</t>
  </si>
  <si>
    <t>台東縣23間院所接受高端疫苗預約接種</t>
  </si>
  <si>
    <t>美列台出現社區傳播 柯：名稱不重要</t>
  </si>
  <si>
    <t>入境台灣遭疑有特權 黃秋生親發聲：搞了幾個月</t>
  </si>
  <si>
    <t>國泰台大團隊：美未現系統性倒閉風險</t>
  </si>
  <si>
    <t>祈禱疫災早遠離 張麗善與一級主管茹素3天</t>
  </si>
  <si>
    <t>莊競程服務處 3000瓶乾洗手贈弱勢</t>
  </si>
  <si>
    <t>【防疫槓中央】蘇揆稱聞花香可測肺炎 葉元之用蔡總統的話打臉：無知</t>
  </si>
  <si>
    <t>《通信網路》「Face8台灣臉霸」助威 研勤樂漲</t>
  </si>
  <si>
    <t>政院澄清：蘇揆尚未聽取紓困特別條例簡報</t>
  </si>
  <si>
    <t>Covaxin成印度首款獲批准臨床實驗的新冠肺炎疫苗</t>
  </si>
  <si>
    <t>疫情噴發 機師酸：歡迎自主管理 嗆台中還沒三級嗎</t>
  </si>
  <si>
    <t>日防疫公務員嚴重過勞 最高加班時數超標近5倍</t>
  </si>
  <si>
    <t>備戰新冠肺炎 台南市明起宣導室內場所戴口罩</t>
  </si>
  <si>
    <t>荷蘭101歲新冠肺炎患者康復　院方喻為「希望的火花」</t>
  </si>
  <si>
    <t>胸腔醫驚曝：戴N95口罩恐增加心肺負擔</t>
  </si>
  <si>
    <t>基隆新增3例確診 林右昌：病毒不分北市、基隆</t>
  </si>
  <si>
    <t>三倍券漏洞多政府碰到反彈就轉彎　立委酸：難怪要提一個月公布</t>
  </si>
  <si>
    <t xml:space="preserve">禾馨證實了！林秉樞以「護理師男友身分」打莫德納疫苗 </t>
  </si>
  <si>
    <t>陸海關10措施 助企業復工</t>
  </si>
  <si>
    <t>國籍機師爆突破性感染 陳時中：機組員檢疫擬加嚴</t>
  </si>
  <si>
    <t>日埼玉縣2名肺炎輕症患者在家等床位驟死</t>
  </si>
  <si>
    <t>腳趾出現「鮮紅色」病變 醫：恐為新冠肺炎特殊症狀</t>
  </si>
  <si>
    <t>跳舞群組爆疫情謝玲玲確診新冠肺炎</t>
  </si>
  <si>
    <t>《觀光股》美食3月營收回升 Q1仍創5年半低點</t>
  </si>
  <si>
    <t>新安東京產防疫保單「健康御守＋」 新冠住院日額給付最高</t>
  </si>
  <si>
    <t>義大利人解封狂歡 總理官員火冒三丈</t>
  </si>
  <si>
    <t>「悲痛的里程碑」川普發文悼念10萬新冠病死同胞</t>
  </si>
  <si>
    <t>Omicron恐已入侵美 佛奇曝關鍵：做好準備吧</t>
  </si>
  <si>
    <t>日本修法 將跟進美國用瑞德西韋</t>
  </si>
  <si>
    <t>CBA》北京再爆疫情 林書豪提前赴賽區</t>
  </si>
  <si>
    <t>夜市名店改門口擺攤 生意慘跌9成 老闆嘆：怎麼養一家15人</t>
  </si>
  <si>
    <t>疫情中心一級開設 跨部會作戰重減災</t>
  </si>
  <si>
    <t>陸逾1億兒童已接種新冠疫苗 港討論將科興接種年齡降至3歲</t>
  </si>
  <si>
    <t>奔波200公里到偏僻山區收防疫垃圾 一張字條讓他哭了</t>
  </si>
  <si>
    <t>本土15天累積23死 張上淳：未來幾天還會變多</t>
  </si>
  <si>
    <t>開學防疫 林智堅查核校園6大防疫工作</t>
  </si>
  <si>
    <t>日本對陸伸援手竟遭嘲笑 羅智強很感慨</t>
  </si>
  <si>
    <t>咳嗽腹瀉仍跑回台灣！旅美夫婦都接觸過確診個案</t>
  </si>
  <si>
    <t>澳促新冠調查 陸揮80％關稅重拳</t>
  </si>
  <si>
    <t>治癒肺炎回家 美教師收帳單嚇哭</t>
  </si>
  <si>
    <t>單日新增6例 陳時中：若歐洲守下來台灣就鬆一口氣</t>
  </si>
  <si>
    <t>澳門旅遊警示升級橙色 台灣虎航公布取消及退票辦法</t>
  </si>
  <si>
    <t>印度神童又發聲 他呼籲「做5件事」助度過疫情</t>
  </si>
  <si>
    <t>新北莫德納開打2天 衛生局長揭不良反應人數</t>
  </si>
  <si>
    <t>全時勞工1萬元生活補貼明起申請 9大Q＆A一次看</t>
  </si>
  <si>
    <t>東馬不退1.6億報名費 日網紅：台太友善</t>
  </si>
  <si>
    <t>有疫苗也不能鬆懈 ICU醫曝1關鍵：需等待一段時間</t>
  </si>
  <si>
    <t>今年第一季 42人新興毒品致死</t>
  </si>
  <si>
    <t>全台首位！他打2劑高端＋1劑BNT 怒轟政府：被當笨蛋</t>
  </si>
  <si>
    <t>他秀內用照「誰說會染疫」恐罰300萬 網叩1922諷：引戰技術好差</t>
  </si>
  <si>
    <t>香港疫苗接種百日 昨單日逾5萬人施打創新高</t>
  </si>
  <si>
    <t>英指控 俄派駭客偷疫苗機密</t>
  </si>
  <si>
    <t>全台306例確診地圖 六都皆增確診、新北最多</t>
  </si>
  <si>
    <t>重創旅遊業 美CDC疾呼：感恩節別外出旅遊</t>
  </si>
  <si>
    <t>婦人拉下口罩對嬰兒狂咳 疑「種族歧視」下場慘了</t>
  </si>
  <si>
    <t>新冠肺炎疫情假消息不斷　警署長：嚴辦不姑息</t>
  </si>
  <si>
    <t>接種AZ疫苗必知禁忌、副作用 懶人包一次看</t>
  </si>
  <si>
    <t>桃園女打完莫德納腋下腫脹 就醫竟確診乳癌：2病徵要注意</t>
  </si>
  <si>
    <t>密切往來5天啥意思？PTT鄉民揭「台女與外籍機師」的秘密</t>
  </si>
  <si>
    <t>日媒盛讚「天才IT大臣」唐鳳曝幕後英雄：最感佩他們</t>
  </si>
  <si>
    <t>北市知名老飯店傳廚師確診 業者低調回應</t>
  </si>
  <si>
    <t>今該預約高端嗎？網曝關鍵盲點：寧可不打</t>
  </si>
  <si>
    <t>《台北股市》台股短期觀察指標：美股、疫情發展</t>
  </si>
  <si>
    <t>英國接種首劑新冠疫苗人數破1,760萬</t>
  </si>
  <si>
    <t>圖輯》睽違兩個多月再現歡笑聲 北市兒童新樂園有條件開放</t>
  </si>
  <si>
    <t>居家檢疫者住布棚 中市府安排檢疫所隔離</t>
  </si>
  <si>
    <t>不甩管制令 14男5女大白天公寓開趴狂歡</t>
  </si>
  <si>
    <t>2020美大選》火爆川普罩門全都露 微笑拜登弱弱撿便宜</t>
  </si>
  <si>
    <t>傳產大股東掏腰包 買回自家股</t>
  </si>
  <si>
    <t>心悅生醫完成4億元現增案</t>
  </si>
  <si>
    <t>馬克宏上周確診新冠肺炎 病情正持續好轉</t>
  </si>
  <si>
    <t>用康復者的血清治肺炎？ 張上淳這樣說</t>
  </si>
  <si>
    <t>政院擬發振興抵用券 網友：只有817能超越765</t>
  </si>
  <si>
    <t>陳宗彥證實：下午4時24萬劑疫苗抵台 效期至今年12月15日</t>
  </si>
  <si>
    <t>台灣化學產業協會菁英獎 出爐</t>
  </si>
  <si>
    <t>瑞基 開發兩款新冠肺炎試劑</t>
  </si>
  <si>
    <t>傳統市場跟進身分證尾數分流？ 侯友宜：能落實就是好方法</t>
  </si>
  <si>
    <t>紓困4.0 補貼2萬不夠 英系綠委加碼喊：每人每月發1萬元連發3個月</t>
  </si>
  <si>
    <t>酒店女與客人0距離接觸 多家店同時輪番跑讓人驚</t>
  </si>
  <si>
    <t>境外生何時能入台？潘文忠：最快本周跨部會討論決定</t>
  </si>
  <si>
    <t>巴西總統驚傳高燒38度 肺部最新狀況曝光 要民眾遠離他</t>
  </si>
  <si>
    <t>《業績-鋼鐵》春雨Q1營收年減15.73％ H1審慎以對</t>
  </si>
  <si>
    <t>Google優化新冠肺炎搜尋結果 加強連結在地資訊</t>
  </si>
  <si>
    <t>美國兩口服「特效藥」成疫情終結者？陸央媒：防大於治</t>
  </si>
  <si>
    <t>新冠肺炎入侵美女之國! 烏克蘭出現首例</t>
  </si>
  <si>
    <t>鍾南山推2食物 抗新冠肺炎提升免疫力</t>
  </si>
  <si>
    <t>產業趨勢不因疫情而扭轉 短期觀察復工進度</t>
  </si>
  <si>
    <t>王軍志：大陸研發疫苗的進度屬世界先進</t>
  </si>
  <si>
    <t>台企零售業 應加速數位化</t>
  </si>
  <si>
    <t>陸專家解析 關於疫苗Q＆A</t>
  </si>
  <si>
    <t>《期貨》多空消息紛雜 台指期、電子期開漲</t>
  </si>
  <si>
    <t>五倍券要來了！發放時間、怎麼領？5大重點一次看</t>
  </si>
  <si>
    <t>居家隔離者趴趴走 徐國勇：視同通緝犯與重刑犯搜尋</t>
  </si>
  <si>
    <t>武漢防疫指揮部要求醫護人員工作10天必休2天</t>
  </si>
  <si>
    <t>北高雄家扶中心包粽 令弱勢民眾備感溫馨</t>
  </si>
  <si>
    <t>《經濟》紓困振興預算追加1500億元 4部會增逾百億</t>
  </si>
  <si>
    <t xml:space="preserve">使用33天 台灣最後一例呼吸器脫離 </t>
  </si>
  <si>
    <t>章子怡產後不到半年復工 一天行程嚴苛「不吃飯只吃XX」</t>
  </si>
  <si>
    <t>女研究人員遭鼠咬染Delta？專家揭2疑點：很離奇</t>
  </si>
  <si>
    <t>男搶3台血氧機夾「小綿羊」測出88崩潰 ICU醫3招辨真偽</t>
  </si>
  <si>
    <t>防疫津貼參與人員都有份？分配比例明天出爐</t>
  </si>
  <si>
    <t>東京奧運》場館冷清雜草叢生 人氣盪到谷底</t>
  </si>
  <si>
    <t>台科大1名學生確診 校園今日展開大消毒</t>
  </si>
  <si>
    <t>方艙醫院便當有「甲魚」 網驚：恐怖！</t>
  </si>
  <si>
    <t>因應新冠疫情 國壽取消10張住院險30天等待期</t>
  </si>
  <si>
    <t>專家「3階段」分析死亡案例 曝最嚴重狀況要做這件事</t>
  </si>
  <si>
    <t>嘉義新增3本土案例 最新足跡曝光男大生母親也染疫</t>
  </si>
  <si>
    <t>疫情害美國4千萬人申請補助 每4人中1人丟頭路</t>
  </si>
  <si>
    <t>各校備戰開學 台南實際操兵演練</t>
  </si>
  <si>
    <t>NBA》米契爾：確診前晚只睡25分鐘</t>
  </si>
  <si>
    <t>剩下七萬劑莫德納沒打完 陳時中：會天天問地方</t>
  </si>
  <si>
    <t>鍾南山憂有國家控制不了疫情 「給全世界帶來災難」</t>
  </si>
  <si>
    <t>新冠肺炎停辦表演藝術類競賽 家長請命爭取恢復舉辦</t>
  </si>
  <si>
    <t>遭謀殺800點…美媒爆川普驚嚇內幕</t>
  </si>
  <si>
    <t>《台北股市》拉回整理 留意疫情捲土重來題材</t>
  </si>
  <si>
    <t>公主號返台1人發燒 隔離採檢</t>
  </si>
  <si>
    <t>PO網賣防疫口罩收錢不交貨 被逮稱腹瀉疑染病</t>
  </si>
  <si>
    <t>26類人元旦起須打滿兩劑疫苗「太倉促」 莊人祥曝原因</t>
  </si>
  <si>
    <t>壽山動物園戶外又消毒 防疫期間出遊最佳首選</t>
  </si>
  <si>
    <t>保千億產業鏈 陸緊急撤回龜鱉禁食令</t>
  </si>
  <si>
    <t>不急著擴大疫苗接種 美東岸竟成防疫模範生</t>
  </si>
  <si>
    <t>陸7省市基建救市 規模25兆人幣</t>
  </si>
  <si>
    <t>北市牙醫師染疫 侯友宜強調要這麼做才能有效控制疫情</t>
  </si>
  <si>
    <t>陳時中對醫療產業不熟？ 郭正亮曝隱憂：很多人恐沒告訴他訊息</t>
  </si>
  <si>
    <t>美多州復工疫情現反彈 紐約州長：不能要錢不要命</t>
  </si>
  <si>
    <t>居家防疫 全美三分之一禁足</t>
  </si>
  <si>
    <t>南京市三輪全市大規模新冠病毒核酸檢測 共發現確診204例</t>
  </si>
  <si>
    <t>防疫便利貼7》居家這樣消毒才有效</t>
  </si>
  <si>
    <t>【政新鮮】陳時中怨疫苗遭攔截 鄭麗文譙他「扯三道四」</t>
  </si>
  <si>
    <t>好消息！第2名新冠肺炎痊癒者將出院 親筆信謝醫護</t>
  </si>
  <si>
    <t>網瘋傳新天地藝人信徒名單 《鬼怪》男神也被扯入</t>
  </si>
  <si>
    <t>小米11新品上市 米粉節推買1送1</t>
  </si>
  <si>
    <t>閱讀防疫 市圖電子書借閱增4成</t>
  </si>
  <si>
    <t>血友病母子隔離期滿 手寫信致謝</t>
  </si>
  <si>
    <t>《國際金融》疫苖再傳好消息 美股期指勁揚</t>
  </si>
  <si>
    <t>北漂男回屏東奔喪被罵「想害死誰」眾人怒了：有多病態？</t>
  </si>
  <si>
    <t>居家檢疫男林東京遭起底 竟是「大地主之子」身家破億</t>
  </si>
  <si>
    <t>攔截！義大利扣押希臘近2000呼吸器</t>
  </si>
  <si>
    <t>BNT下一波輪到誰打？陳時中這樣說</t>
  </si>
  <si>
    <t>Delta群聚有關？北農、環南群聚病毒基因定序出爐</t>
  </si>
  <si>
    <t>50多歲女打AZ後嘴唇麻痺 全台第3起嚴重過敏個案</t>
  </si>
  <si>
    <t>北市再爆本土個案 8旬老婦就醫確診 Ct值曝光</t>
  </si>
  <si>
    <t>屏東新冠肺炎確診數破蛋 縣府籲接觸史單純勿驚慌</t>
  </si>
  <si>
    <t>BTS防彈少年團驚喜開放「線上演唱會」 全球粉絲嗨爆</t>
  </si>
  <si>
    <t>疫情蔓延 陸客大減 日旅遊業3月內損失1400億</t>
  </si>
  <si>
    <t>《生醫股》齊防疫 葡萄王捐贈機能飲料</t>
  </si>
  <si>
    <t>大馬宣布封城無限延長 李心潔這處境崩潰大哭：看不見未來</t>
  </si>
  <si>
    <t xml:space="preserve">苗栗縣今校正回歸增2名確診 1有萬華活動史 </t>
  </si>
  <si>
    <t>打完疫苗可以做哪些事？ 醫師條列告訴你</t>
  </si>
  <si>
    <t>金管會：打疫苗出事將有保單承保</t>
  </si>
  <si>
    <t>AZ疫苗分配「高雄比雙北多」惹議 陳時中再說明</t>
  </si>
  <si>
    <t>董事長樂團、官靈芝、王斯禹、戴祖雄聲援國際抗疫！籲民眾待家中 </t>
  </si>
  <si>
    <t>習近平：防範國內疫情反彈與國際疫情輸入風險</t>
  </si>
  <si>
    <t>《國際金融》抗疫救經濟 巴西央行降息3碼</t>
  </si>
  <si>
    <t>北市產發局傳1名員工確診 衛生局急匡列</t>
  </si>
  <si>
    <t>《台北股市》集保籲採電子投票 助攻股東會防疫</t>
  </si>
  <si>
    <t>紐約醫療告急 調貨櫃車停屍</t>
  </si>
  <si>
    <t>春節返台檢疫7＋7有譜 陳時中鬆口：最快本周宣布</t>
  </si>
  <si>
    <t>自費施打AZ疫苗做半套 游淑慧質疑：莊孝維嗎</t>
  </si>
  <si>
    <t>港都盃田徑賽照辦 高市府：若中央有建議 地方會配合</t>
  </si>
  <si>
    <t>境外移入暴增 名醫怒嗆：出國一時爽 全國火葬場</t>
  </si>
  <si>
    <t>財長盤前喊話 國安基金隨時備戰</t>
  </si>
  <si>
    <t>南京傳播鏈擴至126人 確定為Delta病毒 宣布最新管制措施</t>
  </si>
  <si>
    <t>疫情升溫上週末陽明山仍湧車潮 吳鳳怒批自私</t>
  </si>
  <si>
    <t>美零售業黑暗時刻 逾60萬人停薪休假</t>
  </si>
  <si>
    <t>網盛傳武漢病毒所隱匿零號病人 所內人員否認</t>
  </si>
  <si>
    <t>美股昨開盤 道瓊一度大跌近千點</t>
  </si>
  <si>
    <t>減少健康不平等 學者：先讓疫情高的國家打第1劑</t>
  </si>
  <si>
    <t>日本是否提升旅遊疫情建議？ 陳時中：在提升邊緣中</t>
  </si>
  <si>
    <t>隔8個月又1大陸輸入病例 40歲台男江蘇工作染疫</t>
  </si>
  <si>
    <t>陸31省份新增確診27例 本土20例在廣東</t>
  </si>
  <si>
    <t>防疫旅館地點不公開 柯文哲再提「順時中」</t>
  </si>
  <si>
    <t>長輩艷陽下排隊打疫苗畫面曝 網：考驗老人家生存意志</t>
  </si>
  <si>
    <t>竹市紓困再助攻OT廠商租金減半</t>
  </si>
  <si>
    <t>自我保護 嘉市鼓勵學子戴口罩</t>
  </si>
  <si>
    <t>新北市醫院、護理之家20日起禁止探病 陪病限1人</t>
  </si>
  <si>
    <t>1小時3人急診！醫曝連假後篩檢潮驚人</t>
  </si>
  <si>
    <t>確診學生數本土境外各加1 總人數增至746人</t>
  </si>
  <si>
    <t>疫情時代改為線上教學 桃園50位中輟生回歸學習</t>
  </si>
  <si>
    <t>男星疫情0收入老婆將臨盆 棄夢想改當上班族</t>
  </si>
  <si>
    <t>新北疫情持續穩定 侯友宜：考慮假日停開線上疫情說明會</t>
  </si>
  <si>
    <t>居家檢疫14天者 嘉義市22家醫院所視訊看診</t>
  </si>
  <si>
    <t>兩日客染新冠肺炎 達美航空追蹤</t>
  </si>
  <si>
    <t>防敦睦艦隊感染重演 海軍艦艇及外島配置肺炎檢測儀</t>
  </si>
  <si>
    <t>學生驚傳染新冠 美校開學第1天就隔離</t>
  </si>
  <si>
    <t>工商社論》台灣與新經濟的距離</t>
  </si>
  <si>
    <t>台北市防疫不足？蔡正元籲柯文哲加油！</t>
  </si>
  <si>
    <t>小黃司機DIY「防疫神簾」網笑讚超有才</t>
  </si>
  <si>
    <t>《專訪》是方攀「雲」計畫 手握FAMG四大巨頭籌碼肥單(4-1)</t>
  </si>
  <si>
    <t>北市公布2確診足跡 吃涮涮鍋、搭捷運趴趴走</t>
  </si>
  <si>
    <t>船員確診！台中急疫調 已入住社區半個月</t>
  </si>
  <si>
    <t>荷蘭疫情再度升溫 政府考慮重啟防疫限制</t>
  </si>
  <si>
    <t>印度神童預言 12月注意6件事 明年恐面臨好幾個災難</t>
  </si>
  <si>
    <t>隆達UVC LED滅菌佳 迎合新冠肺炎新需求</t>
  </si>
  <si>
    <t>研究指寧波祭佛活動致67人確診 並進一步引發社區疫情爆發</t>
  </si>
  <si>
    <t xml:space="preserve">今日截止！17萬人已預約混打 這廠牌最多人選 </t>
  </si>
  <si>
    <t>金在中被虧「確診中」 警曝這原因「可能不會受罰」</t>
  </si>
  <si>
    <t>不用戳鼻孔！只需「呼氣30秒」陸科學家研發快篩技術</t>
  </si>
  <si>
    <t>三級警戒降級5指標 專家：只有這方法可以達成</t>
  </si>
  <si>
    <t>澳洲婚禮成防疫破口，35人確診感染</t>
  </si>
  <si>
    <t>北部女發病29天才確診！醫師怕：早就感染了</t>
  </si>
  <si>
    <t>武漢爆發疫情前2個月 巴西已出現新冠肺炎病毒</t>
  </si>
  <si>
    <t>醫籲：使用吸入劑氣喘用藥 可望緩解COVID-19症狀</t>
  </si>
  <si>
    <t>慈濟大學1學生確診肺結核 好家在非新冠</t>
  </si>
  <si>
    <t>雙北第3級警戒！李愛綺健身房緊急宣布暫停營業盼紓困</t>
  </si>
  <si>
    <t>染Delta埃及爸同機旅客未匡列 醫：這樣疫調不會死嗎</t>
  </si>
  <si>
    <t>基隆701位第一線醫護 明日中午前全數施打疫苗</t>
  </si>
  <si>
    <t>南韓新冠肺炎爆不停 台網友卻狂讚</t>
  </si>
  <si>
    <t>《通信網路》威潤抗菌新品為防疫助陣 新品下季推出</t>
  </si>
  <si>
    <t>民間防疫站／社區傳播風險飆高！釣出輕症者 醫籲開放新冠自費篩檢</t>
  </si>
  <si>
    <t>Fed大動作寬鬆 反使美股熔斷亞股全趴</t>
  </si>
  <si>
    <t>中研院P3實驗室調查報告出爐 陳宜民提出五大質疑</t>
  </si>
  <si>
    <t>北市學生接種BNT後 可請3天疫苗假</t>
  </si>
  <si>
    <t>被新冠肺炎嚇到 庶民信心創94個月最大跌幅</t>
  </si>
  <si>
    <t>黑珍珠Naomi Campbell防疫「包到剩眼睛」　再加護目鏡隔絕病毒</t>
  </si>
  <si>
    <t>路上還是有人不戴口罩 鄉民女神潔哥怒提一政策網讚爆</t>
  </si>
  <si>
    <t>新北今再暴增310例 「這一區」確診數飆高</t>
  </si>
  <si>
    <t>重演1918西班牙大流感？逾5000萬人亡 比一戰慘烈</t>
  </si>
  <si>
    <t>報價有望漲 DRAM需求升溫 國巨南亞科 擁題材</t>
  </si>
  <si>
    <t>新增7人打疫苗後死亡 累計1055例</t>
  </si>
  <si>
    <t>港傳人畜傳播 確診者寵物犬呈弱陽性</t>
  </si>
  <si>
    <t>景碩、華邦電 外資高分貝喊進</t>
  </si>
  <si>
    <t>最毒麻將桌感染源抓到了 仁惠醫院員工隱匿重罰30萬</t>
  </si>
  <si>
    <t>國外指數期貨贏家專欄－美股氣盛 道瓊期人氣足</t>
  </si>
  <si>
    <t>陳時中500台救命神器挨轟慢半拍 HFNC廠員工揭內幕</t>
  </si>
  <si>
    <t>中醫師校園教防疫 養身茶、香包內服外用提升免疫力</t>
  </si>
  <si>
    <t>疫情席捲侯友宜民調第一 陳時中吊車尾　政治人物最新排名曝光</t>
  </si>
  <si>
    <t>台灣輸出再增一例到上海 莊人祥回應了</t>
  </si>
  <si>
    <t>王雪紅回鍋 再兼宏達電執行長</t>
  </si>
  <si>
    <t>MLB》憤怒鳥回歸2連勝 紅人隊中鏢停賽</t>
  </si>
  <si>
    <t>中市清潔隊 人潮熱點消毒防疫</t>
  </si>
  <si>
    <t>新竹縣新增1確診 曾陪家人到花蓮待三天</t>
  </si>
  <si>
    <t>Omicron來勢洶洶 高端：評估第3劑追加及疫苗混打</t>
  </si>
  <si>
    <t>澎湖縣全縣學校防疫總體檢 補助400人以上學校購置紅外線體溫儀</t>
  </si>
  <si>
    <t>台灣沒有大意的本錢 醫曝「現在面臨3危機」</t>
  </si>
  <si>
    <t>新冠疫情衝擊 陸機票1折吐血價 上海─重慶200元</t>
  </si>
  <si>
    <t>張鈞甯捐物資幫醫護人員加油打氣 呼籲端午節勿返鄉移動</t>
  </si>
  <si>
    <t>《半導體》Q2營收登峰 聯詠再刷天價</t>
  </si>
  <si>
    <t>江啟臣批朝野互信因罷韓越顯薄弱 籲高雄市民再給韓機會</t>
  </si>
  <si>
    <t>北市校園疫情拉警報！今日增774人請防疫假 總數飆至5113人</t>
  </si>
  <si>
    <t>全美首例莫德納引發罕見血栓 65歲男接種10天後住院身亡</t>
  </si>
  <si>
    <t>美新冠死者破4千 聯國：二戰來最大危機</t>
  </si>
  <si>
    <t>宅神朱學恒掩面！只為這件事</t>
  </si>
  <si>
    <t>防疫商機發酵 普生新冠檢測領先出貨</t>
  </si>
  <si>
    <t>陸捐贈出口3.5億劑疫苗 密切監測變異進行升級</t>
  </si>
  <si>
    <t>桃園大型護理之家1住民確診 全院採檢結果出爐</t>
  </si>
  <si>
    <t>北京海淀區1名赴京人員核酸陽性 上海新增2例新冠本土確診病例</t>
  </si>
  <si>
    <t>李英宏情人節揪女友放閃 新冠肺炎肆虐少賺近百萬</t>
  </si>
  <si>
    <t>雍智Q1營運登五高 Q2續旺</t>
  </si>
  <si>
    <t>歐美返國嗅味覺喪失 張上淳：不排除病毒已變異</t>
  </si>
  <si>
    <t>台南藍營要求市府 全面調查公部門清明連假旅遊史</t>
  </si>
  <si>
    <t>疫情獲控制 今年或仍是個好年</t>
  </si>
  <si>
    <t>50歲以上今開打疫苗 5大常見問題一次看懂</t>
  </si>
  <si>
    <t>新竹市安心即時上工2.0上路 工作更好找了</t>
  </si>
  <si>
    <t>陸Q1經濟拉警報 降準降息已不遠</t>
  </si>
  <si>
    <t>楊培安嗆蔡政府全靠陳時中 郭昱晴酸：扯台灣後腿</t>
  </si>
  <si>
    <t>疫情回不了國健保被取消 內政部：4年內回來馬上恢復</t>
  </si>
  <si>
    <t>基隆成功巿場攤商到萬華歌廳後確診 身體不適仍做生意</t>
  </si>
  <si>
    <t>雲林首例感染源不明病患 衛生局緊急進駐台西鄉快篩</t>
  </si>
  <si>
    <t>長者打AZ死亡通報率高 立委轟還要讓長輩打AZ嗎？</t>
  </si>
  <si>
    <t>國銀３月大衰退 拖累首季變最弱</t>
  </si>
  <si>
    <t>5天16例！今又增5境外移入確診 指揮中心14：00說明</t>
  </si>
  <si>
    <t xml:space="preserve">台北市診所半夜偷打疫苗 藥師曝2件事：蔡政府不怕火燒自己？ </t>
  </si>
  <si>
    <t>400例確診校正回歸 藍營質疑蓋牌酸陳時中：數字管理大師</t>
  </si>
  <si>
    <t>無症狀確診者全送防疫旅館 柯P：怕傳染及死在家沒人知</t>
  </si>
  <si>
    <t>娛樂8點半》志村健封日本喜劇王 留14億遺產私生子成謎</t>
  </si>
  <si>
    <t>周玉蔻獨家曝疫苗到貨時間 網諷：還要陳時中幹嘛？</t>
  </si>
  <si>
    <t>狂賞閉門羹！學者：陸向澳釋3大訊息</t>
  </si>
  <si>
    <t>疫情升溫網友私訊提醒「要囤貨」 蘿莉塔無奈嘆：人果然自私</t>
  </si>
  <si>
    <t>博智金像電後市樂觀</t>
  </si>
  <si>
    <t>疫苗涵蓋率達69.49％ 陳時中預告明天可達標</t>
  </si>
  <si>
    <t>馮迪索讚最愛導演李安 透露「很想來台灣走走」</t>
  </si>
  <si>
    <t>網球》喬柯維奇批ATP疫苗制度：不該用額外福利收買人</t>
  </si>
  <si>
    <t>想擺脫新冠疫情 美媒指按疫苗接種速度得等7年</t>
  </si>
  <si>
    <t>Lady Gaga公開挺譚德塞 遭挖媽曾任世衛親善大使</t>
  </si>
  <si>
    <t>北市府「逆時中」抓非法看護 陳時中：要了解一下</t>
  </si>
  <si>
    <t>夫打完莫德納隔天中風癱瘓 妻崩潰：他過去很健康</t>
  </si>
  <si>
    <t>桌球好手江宏傑任防疫大使 陳時中：比我們更吸睛</t>
  </si>
  <si>
    <t>台灣丹麥合製血清檢測碟片 力拚5月取得認證上市</t>
  </si>
  <si>
    <t>嘉藥保營系 克服疫情助學生實習</t>
  </si>
  <si>
    <t>AZ疫苗增15疑似嚴重不良事件創新高 3人疑似血栓</t>
  </si>
  <si>
    <t>雙和醫院3護理師遭砍 學姊心疼「韌帶、神經都被砍斷」</t>
  </si>
  <si>
    <t>陳時中訪桃園 坦言疫情各縣市都會有</t>
  </si>
  <si>
    <t>宜蘭酒廠加入防疫 日產4.2萬瓶酒精</t>
  </si>
  <si>
    <t>陳柏惟爆大甲媽退讓這一步 網哀嚎：不是這個阿！</t>
  </si>
  <si>
    <t>中市補習班防疫工作不鬆懈 開學前1家配1盒備用口罩</t>
  </si>
  <si>
    <t>直播》先別管新冠了 陸考古工作者直擊秦陵兵馬俑</t>
  </si>
  <si>
    <t>瘋囤保險套 陸銷量一天暴增437％</t>
  </si>
  <si>
    <t>台灣防疫超鬆懈！他曝崩潰實況 網譏：全靠良心</t>
  </si>
  <si>
    <t>嗆爆確診高中生爽玩希臘 網驚：風向變了</t>
  </si>
  <si>
    <t>修法嚇阻居家隔離趴趴走</t>
  </si>
  <si>
    <t>Makiyo住家管理員確診新冠肺炎 驚曝社區未消毒、沒通知住戶</t>
  </si>
  <si>
    <t>竹縣長照機構確診再＋1 老翁發燒6度採檢轉陽</t>
  </si>
  <si>
    <t>美中發言人爭辯病毒起源 台灣發言人這樣說</t>
  </si>
  <si>
    <t>《其他股》營運後市不看淡，中租回神走揚</t>
  </si>
  <si>
    <t>超謹慎任務！武漢包機現場照片曝光 深夜到白天才完成</t>
  </si>
  <si>
    <t>疫情燒全台 藍營曝「３負面聲量」拖垮民進黨：蔡政府民意崩盤</t>
  </si>
  <si>
    <t>「疫」再攪局！漫威《黑寡婦》、美國告示牌音樂獎無限期延期</t>
  </si>
  <si>
    <t>星聚點資遣費爭議 勞動局呼籲資方妥善處理</t>
  </si>
  <si>
    <t>英國首相強森1招孫子兵法 0成本對付新冠與刁民</t>
  </si>
  <si>
    <t>湯紹成》當美中台同在「疫」起</t>
  </si>
  <si>
    <t>超佛防疫保單 新光將重啟銷售</t>
  </si>
  <si>
    <t>50多歲菲籍男性來台工作 檢疫期滿自費採檢竟確診</t>
  </si>
  <si>
    <t>伊朗恐有社區感染 已累計8死</t>
  </si>
  <si>
    <t>樂觀防疫？ 醫揭日人超狂認知</t>
  </si>
  <si>
    <t>諾富特主管三度就診 三重診所緊急歇業 莊人祥：不會公布名稱</t>
  </si>
  <si>
    <t>總統蔡英文打高端 無法赴美？指揮中心回應了</t>
  </si>
  <si>
    <t>林岱樺不戴口罩原因曝光？曾高喊一句驚呆眾人</t>
  </si>
  <si>
    <t>瀾湄合作 李克強提強化對接</t>
  </si>
  <si>
    <t>英超》兩人病毒呈陽性 目前8人確診</t>
  </si>
  <si>
    <t>乾杯集團EPS 4.97元 配現金股利2元</t>
  </si>
  <si>
    <t>新竹縣新增3例 又見京元電子員工染疫 足跡曝光</t>
  </si>
  <si>
    <t>員工染疫 三星暫關手機工廠</t>
  </si>
  <si>
    <t>日本新增病例再創新高 菅義偉拒發布緊急狀態</t>
  </si>
  <si>
    <t>議員紛紛隔離 美國會研擬替代表決方案</t>
  </si>
  <si>
    <t>新竹縣7護理之家禁止探病</t>
  </si>
  <si>
    <t>社論／紓困方案不能淪為打秋風</t>
  </si>
  <si>
    <t>陸委會打臉網友：血友病少年是中華民國籍</t>
  </si>
  <si>
    <t>高雄觀光業者吐苦水 綠委籲滾動檢討</t>
  </si>
  <si>
    <t>台美借疫制中 陸急援外反制</t>
  </si>
  <si>
    <t>AIT油漆工確診 打過2劑BNT仍染疫 兒在手搖店工作先發病</t>
  </si>
  <si>
    <t>嘉縣確診＋4 堂兄弟泡茶群聚1傳3</t>
  </si>
  <si>
    <t>香港波神自拍辣照炸出渾圓北半球 網：噴鼻血了</t>
  </si>
  <si>
    <t>日本防疫還有救嗎？網答案一面倒</t>
  </si>
  <si>
    <t>倫敦關40地鐵站 首相府稱不會封城</t>
  </si>
  <si>
    <t>70天就控制住新冠疫情 蘇貞昌大讚：台灣是外媒口中的「第2次奇蹟」</t>
  </si>
  <si>
    <t>東洋涉內線交易案 王鴻薇想起陳時中一句話酸：被檢調打臉</t>
  </si>
  <si>
    <t>紐時爆料川普宣布退出WHO 美外交官與世衛秘書長事前皆不知情</t>
  </si>
  <si>
    <t>宜蘭縣不禁師生出國 採柔性勸導</t>
  </si>
  <si>
    <t>疫情竟成為詐團新手法 女險遭「猛男」騙15萬</t>
  </si>
  <si>
    <t>《電腦設備》技嘉5月營收再創新高 外資持股逾3成</t>
  </si>
  <si>
    <t>無視疫情嚴峻 台南連鎖健身房7人群聚遭警告發</t>
  </si>
  <si>
    <t>操盤心法－經濟衰退疑慮擴大，短期難逃震盪命運</t>
  </si>
  <si>
    <t>《國際社會》印度全國封鎖令 延至5月3日</t>
  </si>
  <si>
    <t>日贈AZ疫苗6／15開打 75歲以上等5類人優先接種</t>
  </si>
  <si>
    <t>裸照曝光！牛郎帝王「一句話」網爆動：能活著真好</t>
  </si>
  <si>
    <t>500多位無症狀、輕症、快篩陽性者 已入住加強版集中檢疫所</t>
  </si>
  <si>
    <t>隱瞞！伊朗新冠肺炎萬人塚 連太空都看得見</t>
  </si>
  <si>
    <t>全球最安全國家竟是它！旁邊都是新冠重災區</t>
  </si>
  <si>
    <t>環孢素老藥新用 搭瑞德西韋治療新冠</t>
  </si>
  <si>
    <t>傻眼！疫情爆發前特價也沒人買 好市多這產品今被秒殺</t>
  </si>
  <si>
    <t>香港新增44確診病例 29宗為境外輸入</t>
  </si>
  <si>
    <t>防疫消毒 高市各早療中心為孩子健康防護把關</t>
  </si>
  <si>
    <t>輝瑞／BNT疫苗到手 我獲COVAX分配50萬劑</t>
  </si>
  <si>
    <t>施打流感疫苗 降低誤認機率</t>
  </si>
  <si>
    <t>孟加拉確診夫妻返台遭爆沒穿防護衣 指揮中心證實</t>
  </si>
  <si>
    <t>國台辦「願意盡速安排提供大陸疫苗」 陸委會回應</t>
  </si>
  <si>
    <t>《紡纖股》獎勵補貼、擴建新產能，新纖戰季線反壓</t>
  </si>
  <si>
    <t>混打、高端美國都不承認？醫：4種打法才算數</t>
  </si>
  <si>
    <t>搶預約疫苗健保快易通App卻卡1小時 3招順利搞定</t>
  </si>
  <si>
    <t xml:space="preserve">指揮中心成「謊言中心」？她勸小英：把陳時中這絆腳石搬開 </t>
  </si>
  <si>
    <t>全國疫情降2級警戒盧秀燕：1前提2態度</t>
  </si>
  <si>
    <t>口罩魔人真的多 關車門吃便當被敲窗糾正 駕駛傻眼：怎麼吃？</t>
  </si>
  <si>
    <t>新冠重創 多數經濟體恐陷半年深凍期</t>
  </si>
  <si>
    <t>新增152例確診新冠肺炎 韓國累計8565例</t>
  </si>
  <si>
    <t>為防疫 新安東京產也將健康險升級</t>
  </si>
  <si>
    <t>她打疫苗扯衣露雪白香肩 台日網友「痴漢防疫」興奮報名義工</t>
  </si>
  <si>
    <t>全台首例 社區感染瀕臨界點！兩名學生確診 北部一高中全校停課</t>
  </si>
  <si>
    <t>黃越綏「館長口頭禪」對付瓦磘里里長！醫護無奈留言</t>
  </si>
  <si>
    <t>《業績-電子零件》崇越電去年每股賺5.1元，密切注意疫情變化</t>
  </si>
  <si>
    <t>《熱門族群》陸全面復工，蘋果台系供應鏈好嗨</t>
  </si>
  <si>
    <t>《科技》印度疫情失控 全球今年智慧機成長率亮警訊</t>
  </si>
  <si>
    <t>IMF上修今年全球經濟成長率</t>
  </si>
  <si>
    <t>《金融》「疫」外助攻 股東會電子投票再創巔峰</t>
  </si>
  <si>
    <t>曹西平出道40年沒遇過 心酸工作全停擺：病毒還沒走會先餓死</t>
  </si>
  <si>
    <t>慘兮兮！疫情衝擊 全球旅遊業回落至30年前水準</t>
  </si>
  <si>
    <t>口罩地圖有這缺點！藥師被謾罵淚訴：不發號碼牌了</t>
  </si>
  <si>
    <t>板橋某社區今日將解隔離 侯友宜：大樓清消已完成</t>
  </si>
  <si>
    <t>新光產 假日增額保險 出門好FUN心</t>
  </si>
  <si>
    <t>新冠病毒又來！ 北京半封城 逾千航班取消</t>
  </si>
  <si>
    <t>新冠疫情衝擊 新北家暴第一季成長3成</t>
  </si>
  <si>
    <t>徐國勇提取消全國性酒測 網友投票一面倒</t>
  </si>
  <si>
    <t>《日股》憂疫情升高 日經指數收跌0.78％</t>
  </si>
  <si>
    <t xml:space="preserve">大陸陳薇團隊研發新冠疫苗 進入臨床試驗 </t>
  </si>
  <si>
    <t xml:space="preserve">「抗體檢測」成防疫新戰場 專家：但也存在無效抗體 </t>
  </si>
  <si>
    <t>確診外籍看護友人 二採陰性解除隔離</t>
  </si>
  <si>
    <t>屏東為防疫人員加保防疫險 並擴大疫苗施打對象</t>
  </si>
  <si>
    <t>新冠肺炎衝擊消費、出口 主計總處下修今年GDP為2.37％</t>
  </si>
  <si>
    <t>馬文君向醫護人員致敬 號召科技公司送物資</t>
  </si>
  <si>
    <t>新冠肺炎假訊息流竄 屏警接獲6起報案</t>
  </si>
  <si>
    <t>日贈124萬劑AZ疫苗加速配送 莊人祥：最快明天開打</t>
  </si>
  <si>
    <t>疫情嚴峻民眾往郊外跑 原鄉族人呼籲：別再上山</t>
  </si>
  <si>
    <t>BBC女主播打AZ腦出血亡 重症醫：出現7症狀要注意</t>
  </si>
  <si>
    <t>女星確診新冠肺炎首露面 治癒康復雙頰凹陷顯憔悴</t>
  </si>
  <si>
    <t>春節集中檢疫所17日開放預約 莊人祥：無法選擇位置</t>
  </si>
  <si>
    <t>磐石艦一夜增21確診 累計24人染新冠肺炎</t>
  </si>
  <si>
    <t>Delta株有多強？10秒擦肩就染疫！專家：疫苗外更要高規格防堵</t>
  </si>
  <si>
    <t>憂孩子打BNT釀心肌炎 醫提1建議家長全讚爆</t>
  </si>
  <si>
    <t>光良隔12年二度攻蛋 強碰疫情靠食補強身　　</t>
  </si>
  <si>
    <t>有樣學樣！川普稱消毒水殺病毒 真有越多人嘗試</t>
  </si>
  <si>
    <t>女星戴口罩「激凸緊身衣」逛街 豪乳上圍傲人</t>
  </si>
  <si>
    <t>大規模打疫苗沒做到這件事 醫：恐爆發下一場戰役</t>
  </si>
  <si>
    <t>疫情指揮中心：即日起地方政府提供採檢民眾關懷電話</t>
  </si>
  <si>
    <t>室內要戴口罩！新冠會空氣傳播 全球數百專家聯手打臉WHO</t>
  </si>
  <si>
    <t>新冠死亡率和「這因素」有關 沈富雄直言：十分驚人！</t>
  </si>
  <si>
    <t>結婚44周年 國際導演吳宇森用愛抗疫</t>
  </si>
  <si>
    <t>中醫大新竹分院落實社交距離 保護醫護人員</t>
  </si>
  <si>
    <t>義大利疫情失控 緊急命令擴大封城 米蘭和威尼斯都在列</t>
  </si>
  <si>
    <t>全球新冠死亡破百萬 美國醫學會驚爆：可能少算一大截</t>
  </si>
  <si>
    <t>抗疫國家隊 長聖生技強攻細胞治療</t>
  </si>
  <si>
    <t>新興亞債跟漲抗跌 後疫首選</t>
  </si>
  <si>
    <t>北海道38歲知事太帥！先見之明因曾是福祉保健局主任</t>
  </si>
  <si>
    <t>新北警察疫苗到位 第一線警全速開打</t>
  </si>
  <si>
    <t>安倍下令：9日起陸韓入境旅客強制隔離14天</t>
  </si>
  <si>
    <t>基層醫護開放混打疫苗 陳時中鬆口：快了</t>
  </si>
  <si>
    <t>教育部建議中秋前採遠距教學 台大、清大、台師大延後實體上課</t>
  </si>
  <si>
    <t>屏縣新增4例確診 屏縣長疾呼：別再群聚了</t>
  </si>
  <si>
    <t>肺炎疫情憂慮不散且油價崩跌 亞股一片慘綠</t>
  </si>
  <si>
    <t>達邦蛋白漳州廠 迎新單</t>
  </si>
  <si>
    <t>英國新冠肺炎病例破百 醫護認為NHS沒準備好</t>
  </si>
  <si>
    <t>北市75歲以上15日開打第2劑 柯文哲批中央疫苗規畫亂七八糟</t>
  </si>
  <si>
    <t>陸加入「新冠肺炎疫苗實施計劃」 優先供應發展中國家</t>
  </si>
  <si>
    <t>廣州再添9本土病例 均來自封閉管理區域及隔離觀察人員</t>
  </si>
  <si>
    <t>驚悚！ 肺炎確診一口氣增5例</t>
  </si>
  <si>
    <t>《半導體》精測5月營收續登同期高 Q3營運審慎樂觀</t>
  </si>
  <si>
    <t>國高中生要不要打BNT？醫一句話網秒懂了</t>
  </si>
  <si>
    <t>金門不甩中央？楊鎮浯縣長批中央已讀不回</t>
  </si>
  <si>
    <t>2萬件隔離衣遇火燒車被燒毀 國家隊聚陽霸氣回應：貨足再送新的</t>
  </si>
  <si>
    <t>再傳7例新冠確診 北京餐飲防控升、陸股備戰</t>
  </si>
  <si>
    <t>非在籍長者憂打不到第2劑AZ 北市：會開放電話登記向中央爭取</t>
  </si>
  <si>
    <t>《水泥股》兩廣去庫存仍有壓 台泥今年獲利保守</t>
  </si>
  <si>
    <t>全球哪是最後淨土？網答案超意外</t>
  </si>
  <si>
    <t>川普抗疫採取緊急行動！美對歐封關30天 祭紓困措施</t>
  </si>
  <si>
    <t>微軟受疫 業績上雲端</t>
  </si>
  <si>
    <t>打AZ高燒39.7度 男大生曝副作用：差點看到阿嬤</t>
  </si>
  <si>
    <t>打工族紓困1萬元今開放請領 申請資格、條件一次看</t>
  </si>
  <si>
    <t>新北確診數壓不下來 侯友宜再次呼籲「低度再低度」活動</t>
  </si>
  <si>
    <t>11月入境美國得完整接種疫苗 帶孩子出國怎辦？</t>
  </si>
  <si>
    <t>港府將引入新冠口服藥 專家：對Delta變種病毒有效</t>
  </si>
  <si>
    <t>羅比威廉斯驚傳確診新冠肺炎 隔離天價費用曝光</t>
  </si>
  <si>
    <t>防範新冠肺炎 龜山警異地辦公</t>
  </si>
  <si>
    <t>北市新增1本土 中秋赴花蓮探親</t>
  </si>
  <si>
    <t>新冠肺炎疫苗 拚夏末問世</t>
  </si>
  <si>
    <t>陸26日新增22例確診新冠肺炎 本土占12例</t>
  </si>
  <si>
    <t>疫情嚴重 韓國航班遭以色列拒絕入境原路返回</t>
  </si>
  <si>
    <t>印尼新增染疫死亡人數創單日新高</t>
  </si>
  <si>
    <t>輝瑞執行長博爾拉 向對手喊話 合力研發新冠肺炎疫苗</t>
  </si>
  <si>
    <t>川普兒子：大選結束 病毒會很神奇地消失</t>
  </si>
  <si>
    <t>中市議會19日召開臨時會 防疫工作及振興經濟成重點</t>
  </si>
  <si>
    <t>光寶科執行長陳廣中 華新科、閎暉結親 志在車用</t>
  </si>
  <si>
    <t>《通信網路》亞太電瞄準618檔期 推限時「88勁量吃到飽單門號」</t>
  </si>
  <si>
    <t>《業績-電機》新梯完工認列 崇友3月營收年增15％</t>
  </si>
  <si>
    <t>陸放寬新能源車准入門檻</t>
  </si>
  <si>
    <t>抱怨排隊買口罩苦日子 新店人慘遭圍剿砲轟</t>
  </si>
  <si>
    <t>高市強制居格入住防疫旅館 議員批雙重懲罰</t>
  </si>
  <si>
    <t>3男亂PO假訊息 檢緩起訴要求親自上網澄清</t>
  </si>
  <si>
    <t>回擊WHO 美女立委：譚德塞不要再WHO爛！</t>
  </si>
  <si>
    <t>輔大今起禁外人進入 師生需憑證入校</t>
  </si>
  <si>
    <t>子瑜返台首PO居家隔離生活 素顏美翻...網卻擔心這點</t>
  </si>
  <si>
    <t>《科技》疫情資安不打折 思科免費提供4款產品</t>
  </si>
  <si>
    <t>北市校園BNT疫苗接種 8天1828人施打後不適、1人胸痛住院</t>
  </si>
  <si>
    <t>民主黨全代會視訊登場 主辦城空盪盪發不了財</t>
  </si>
  <si>
    <t>上限50萬 首張移工防疫保單問世</t>
  </si>
  <si>
    <t xml:space="preserve">醫曝打疫苗後最詭異副作用 網刷爆留言認證：真的超餓 </t>
  </si>
  <si>
    <t>柯文哲預估疫情明年春節前結束「北市疫苗護照」將上線</t>
  </si>
  <si>
    <t>爽約劑施打更實在 榮總醫：讓中年人可提早打疫苗</t>
  </si>
  <si>
    <t>大陸新冠肺炎疫情 最新數字曝光</t>
  </si>
  <si>
    <t>獨／阿妹受疫情影響工作停擺！陳鎮川「找事做」代言名車</t>
  </si>
  <si>
    <t>台鐵5月1日起 全面量體溫</t>
  </si>
  <si>
    <t>除了護眼 還能對抗新冠肺炎？研究發現蝦紅素的3個益處</t>
  </si>
  <si>
    <t>新增1境外移入 印尼生來台唸書確診 曾接觸染疫者</t>
  </si>
  <si>
    <t>群聚民眾勸不聽 嘉義公園多座涼亭變鐵籠</t>
  </si>
  <si>
    <t>供應鏈染疫 微軟財測拉警報</t>
  </si>
  <si>
    <t>《國際產業》全球精品市場 本季恐崩跌6成</t>
  </si>
  <si>
    <t>美女廚神受困武漢「拒絕搭專機返港」 背後貼心原因曝光！</t>
  </si>
  <si>
    <t>全球經濟看他臉色？這大國手握關鍵命脈</t>
  </si>
  <si>
    <t>《科技》逆風中成長 創夢市集遴選9加速育成團隊</t>
  </si>
  <si>
    <t>陳時中拜年捎來好消息 「嘉玲」歡度情人節</t>
  </si>
  <si>
    <t>郭董缺原廠授權書是刁難？律師反認是「鬆綁」關鍵在4字</t>
  </si>
  <si>
    <t>台女拒付3萬隔離費 成首位遭南韓驅逐出境外國人</t>
  </si>
  <si>
    <t>北農爆疫情柯文哲成箭靶 何志偉送暖：不該苛責 把事情做好最重要</t>
  </si>
  <si>
    <t>血液淨化治新冠肺炎？張上淳：需要更多科學證據</t>
  </si>
  <si>
    <t>美股多空廝殺非底部！謝金河曝止穩關鍵</t>
  </si>
  <si>
    <t>新冠肺炎蔓延 白宮坦承檢驗工具不夠用</t>
  </si>
  <si>
    <t>疫情恐慌豪擲3億買壽險 保戶：還想加碼</t>
  </si>
  <si>
    <t>參與IDU國際防疫會議 江啟臣：WHO不該排除我國</t>
  </si>
  <si>
    <t>馬偕5／4起入口處免插卡 7點就開放進入醫院</t>
  </si>
  <si>
    <t>日本東京新增3例新冠肺炎 總計32例</t>
  </si>
  <si>
    <t>共454人確診！鑽石公主號再99人染新冠肺炎</t>
  </si>
  <si>
    <t>微星科技 跨足商務筆電</t>
  </si>
  <si>
    <t>僅台灣記取SARS教訓？網曝關鍵</t>
  </si>
  <si>
    <t>清零不是天方夜譚！他揭數據曝：唯獨1縣市非常可惜</t>
  </si>
  <si>
    <t>金門再獲配8600劑AZ疫苗 預計9／15開打</t>
  </si>
  <si>
    <t>女打莫德納狂掉髮慘變禿頭 莊人祥回應了</t>
  </si>
  <si>
    <t>父母確診缺席 小祖維瑞夫掛心</t>
  </si>
  <si>
    <t>美議員提議設李文亮廣場 付雪潔說話了</t>
  </si>
  <si>
    <t>PO文被羅一鈞拿去通報WHO 貼文本人現身回18字</t>
  </si>
  <si>
    <t>八點檔女星傳訊求降房租 見房東冷回一訊息嘆：想念南部的人情味</t>
  </si>
  <si>
    <t>案34爆院內群聚感染！無症狀可人傳人？醫師憂心吐一句</t>
  </si>
  <si>
    <t>新化林場踏青 遠離疫情煩憂</t>
  </si>
  <si>
    <t>影》主人染新冠 15狗＋1貓慘被撲殺引眾怒 集體逃難衝擊畫面曝光</t>
  </si>
  <si>
    <t>疫苗接種提早達標 盧秀燕：26日第1劑施打率將達70％以上</t>
  </si>
  <si>
    <t>4類慢性病患 若染疫最致命</t>
  </si>
  <si>
    <t>確診海軍高雄再增1人 第6波足跡曝光 曾去蓮池潭</t>
  </si>
  <si>
    <t>高鐵員工搶打莫德納 高市衛生局調查報告出爐</t>
  </si>
  <si>
    <t>破萬台灣人急返國 學者推估增500確診</t>
  </si>
  <si>
    <t>拚提升疫苗覆蓋率 南投縣民打第2劑疫苗送肉鬆</t>
  </si>
  <si>
    <t>聯亞疫苗200萬劑現貨可用 陳時中明宣布審查結果</t>
  </si>
  <si>
    <t>修補中歐雙邊信任危機</t>
  </si>
  <si>
    <t>蔡英文力保國產疫苗 柯文哲：若是我會採韓國代工策略</t>
  </si>
  <si>
    <t>俄國聲樂女王巡演染疫 涅翠柯：不後悔演出</t>
  </si>
  <si>
    <t>為何「拒絕」30多位候補台人上機？陳時中這樣說</t>
  </si>
  <si>
    <t>佛光山：嬌生已與我政府對接上 多了一絲希望</t>
  </si>
  <si>
    <t>太自信成台灣防疫破口</t>
  </si>
  <si>
    <t>口罩趕緊戴起來！醫喊：日女染疫 端午這波來不及擋了</t>
  </si>
  <si>
    <t>《股利-其他電子》鴻海決配息4.2元 3措施續轉型升級</t>
  </si>
  <si>
    <t>大盤賺走虱目魚價差 綠委促漁業署調查</t>
  </si>
  <si>
    <t>「3＋11」補充報告蘇貞昌道歉 國民黨團不接受佔領議場</t>
  </si>
  <si>
    <t>台微體去年每股虧損12.42元</t>
  </si>
  <si>
    <t>基隆為開學防疫拉警報 林右昌：各班將配置防疫物資</t>
  </si>
  <si>
    <t>庶民買股意願 連三月攀升</t>
  </si>
  <si>
    <t>股利率亮眼 台股列亞洲前段</t>
  </si>
  <si>
    <t>傳裁員3成？新冠肺炎衝擊百貨業　微風開出裁員第一槍</t>
  </si>
  <si>
    <t>北部私大驚傳男學生出國旅遊！校方危機處理妥當</t>
  </si>
  <si>
    <t>暗批自己人？陸駐美大使：「病毒來自美軍」說太瘋狂</t>
  </si>
  <si>
    <t>今增4境外移入 印度返台專機累計5人確診</t>
  </si>
  <si>
    <t>直播》跟進自購疫苗？柯：若再等不到 北市會「自謀生路」</t>
  </si>
  <si>
    <t>過去一周數據低於4月初 美疫苗 接種速度放緩 官員緊張</t>
  </si>
  <si>
    <t>《Pokémon GO》3月凱西社群日延期 補償辦法出爐</t>
  </si>
  <si>
    <t>天冷禽流感猖獗 雲林撲殺3萬多隻雞</t>
  </si>
  <si>
    <t>桃醫血漿淨化術 救回6重症患者</t>
  </si>
  <si>
    <t>川普新冠病情比已知更嚴重 出現重大急症 一度考慮裝呼吸器</t>
  </si>
  <si>
    <t>卡神開庭前一晚先在臉書討拍 這句話讓網友暴怒</t>
  </si>
  <si>
    <t>【三級警戒】家樂福板橋店被民眾塞爆！ 賣場直接半降鐵門不給進</t>
  </si>
  <si>
    <t>復賽在即 NBA靠智慧戒指防疫</t>
  </si>
  <si>
    <t>【百日演說】拜登向陸表明：美將在印太維持強大軍事存在</t>
  </si>
  <si>
    <t>明起八大行業鬆綁 限「無陪侍」服務</t>
  </si>
  <si>
    <t>NBA》席爾佛發表公開信：停賽是為大家</t>
  </si>
  <si>
    <t>國防部連爆3大離譜疏失 傳府院高層極不滿！</t>
  </si>
  <si>
    <t>DNR與死亡率 醫界認應回歸醫學倫理</t>
  </si>
  <si>
    <t>來日再言謝！赴湖北WHO專家：世界欠武漢人民一次了</t>
  </si>
  <si>
    <t>每人可免費去醫院領10張口罩？政院駁：假消息</t>
  </si>
  <si>
    <t>《基金》後疫情時代景氣未明 布局「硬5G」搶首波商機</t>
  </si>
  <si>
    <t>范雲沉默83天後臉書發文：全力協助釐清3＋11爭議</t>
  </si>
  <si>
    <t>《熱門族群》5G小基站商機報到 點將受益股</t>
  </si>
  <si>
    <t>蔡英文揭莫德納催貨過程 前藍委譏：吹牛也要打草稿</t>
  </si>
  <si>
    <t>消息人士：陸暫訂4月底5月初召開全國人大政協會議</t>
  </si>
  <si>
    <t>紓困小微企業 華南銀行 推24小時線上申貸</t>
  </si>
  <si>
    <t>曝兒是護理師怕害家人不敢回家 洪都拉斯回這句話逼哭陳仙梅</t>
  </si>
  <si>
    <t>養貂員工感染新冠肺炎！　荷蘭疑爆發首宗動物傳人案例</t>
  </si>
  <si>
    <t>小英要丟包港人了嗎</t>
  </si>
  <si>
    <t>蓬佩奧證實：美首位外交官染新冠肺炎不治</t>
  </si>
  <si>
    <t>看疫情 在地化生產變顯學</t>
  </si>
  <si>
    <t>基隆今增1例 成功、仁愛市場有望23、24日復市</t>
  </si>
  <si>
    <t>酒店管制鬆綁？盧秀燕：會再考慮檢討</t>
  </si>
  <si>
    <t>不只校園師生！ 侯友宜向民眾喊話：非必要不要出國</t>
  </si>
  <si>
    <t>義大利歌詩逹郵輪取消3月台灣出發航次</t>
  </si>
  <si>
    <t>老牌中餐廳紛紛熄燈 前情報員解析原因</t>
  </si>
  <si>
    <t>G20領袖視訊會議 決議投入5兆美元救經濟</t>
  </si>
  <si>
    <t>國台辦批游錫堃以疫謀獨 傳播政治病毒</t>
  </si>
  <si>
    <t>台灣10家最酷科技新創 聯齊科技獲3億注資</t>
  </si>
  <si>
    <t>世界衛生組織宣布 新冠狀病毒命名為「COVID-19」</t>
  </si>
  <si>
    <t>防Delta病毒擴散 雪梨與周邊地區延長封鎖一周</t>
  </si>
  <si>
    <t>振興券1千換3千爛在哪？網：有人根本沒1000！</t>
  </si>
  <si>
    <t>NBA》湖人退還460萬美元政府貸款</t>
  </si>
  <si>
    <t>金融業疫情持續燒 合庫城東分行實習生染疫</t>
  </si>
  <si>
    <t>若有社區傳播疑慮 將對有疑慮者做血液抗體檢查</t>
  </si>
  <si>
    <t>做好長期抗疫準備</t>
  </si>
  <si>
    <t>買到傳說「米奇口罩」萬人羨慕 人妻曝地點</t>
  </si>
  <si>
    <t>疫情警戒不升級 莊人祥揭關鍵原因</t>
  </si>
  <si>
    <t>生活因疫情改變 人類恐需免疫通行證</t>
  </si>
  <si>
    <t>美WHO專家可赴陸但沒去湖北 原因曝光了</t>
  </si>
  <si>
    <t>陸官方釋180多部作品版權　廣播電視台免費播</t>
  </si>
  <si>
    <t>《業績-半導體》群聯6月營收持平去年 日最大柏青哥訂單今年開始出貨</t>
  </si>
  <si>
    <t>網傳多地確診 武漢當局急駁斥</t>
  </si>
  <si>
    <t>侯友宜：酒駕不輸新冠肺炎 新北不停止取締</t>
  </si>
  <si>
    <t>遶境搬進展場 奉天宮創疫祈福</t>
  </si>
  <si>
    <t>新增5境外移入 印尼、菲律賓移工期滿採檢確診</t>
  </si>
  <si>
    <t>六都防疫新北評價第一 侯：只是把應盡責任做好</t>
  </si>
  <si>
    <t>婦確診解隔離2天後過世 死亡證明驚見「新冠肺炎」引恐慌</t>
  </si>
  <si>
    <t>MLB》大聯盟不考慮停賽 建議施打流感疫苗</t>
  </si>
  <si>
    <t>常見的高血壓藥物美托洛爾 可能有助於治療重症新冠肺炎</t>
  </si>
  <si>
    <t>疫情升高川普照打小白球 任內第283次</t>
  </si>
  <si>
    <t>林右昌跟進北北桃 基隆7月14日前禁師生出國</t>
  </si>
  <si>
    <t>高雄疫調團隊 守住港都0本土</t>
  </si>
  <si>
    <t>睽違6個月 印度議會復會</t>
  </si>
  <si>
    <t>陸Q1新劇備案減 仙俠題材近乎零</t>
  </si>
  <si>
    <t>治癒全台新冠肺炎首例是他 抗煞醫：不能讓台灣漏氣</t>
  </si>
  <si>
    <t>張雅琴播報遶境新聞大咳嗽「對不起我是嗆到」</t>
  </si>
  <si>
    <t>打疫苗要注意哪些事 7重點一次看</t>
  </si>
  <si>
    <t>美國首次釋出2000萬劑疫苗 蕭美琴：進洽爭取中</t>
  </si>
  <si>
    <t>研究機構群聚感染擴大 再增1人共5人確診</t>
  </si>
  <si>
    <t>肺炎疫情亂傳 調查局再查4則假訊息</t>
  </si>
  <si>
    <t>顧慮新冠肺炎疫情 Facebook取消F8開發者大會</t>
  </si>
  <si>
    <t>日職》開幕4／24不變 藤浪勇於檢查獲稱讚</t>
  </si>
  <si>
    <t>防止冬季新冠＋流感同時夾攻 中研院研發A流感廣效疫苗 以1打多</t>
  </si>
  <si>
    <t xml:space="preserve"> 新冠肺炎再添16例！ 2本土個案感染源不明</t>
  </si>
  <si>
    <t>三級警戒延長至6／14 蘇揆：高中以下學校畢業典禮停辦或採線上轉播</t>
  </si>
  <si>
    <t>台灣好湯活動開跑 五倍券消費滿200元抽iPhone 13</t>
  </si>
  <si>
    <t>台灣的政治防疫 該下架了</t>
  </si>
  <si>
    <t>口罩不夠？唐鳳出手了「順時鐘8分鐘」</t>
  </si>
  <si>
    <t xml:space="preserve">傑尼斯再傳病例 「關8」大倉忠義確診新冠肺炎高燒兩天 </t>
  </si>
  <si>
    <t>《國際社會》美國新冠死亡病例 即將破20萬大關</t>
  </si>
  <si>
    <t>外籍生擔心 開學出現群聚感染</t>
  </si>
  <si>
    <t>好市多衛生紙被掃光 大媽買不到出賤招搶...手法讓網氣炸</t>
  </si>
  <si>
    <t>兆豐銀緬甸仰光分行 7日正式開業</t>
  </si>
  <si>
    <t>美停發全球常態性簽證！美股重挫913點 單周跌17％ 創金融危機來最慘</t>
  </si>
  <si>
    <t>敦睦艦隊染疫真相？ 王定宇預告明日調查</t>
  </si>
  <si>
    <t>朱學恒批紓困慢條斯理 民眾快掛點</t>
  </si>
  <si>
    <t>「姑姑剛從美國回來...沒自主隔離...」男大義滅親網推爆</t>
  </si>
  <si>
    <t>沒幫男友爸留口罩！藥局妹淚曝：被嗆不能當媳婦</t>
  </si>
  <si>
    <t>南部國立大學女碩士喜宴接觸第47案 同班40師生停課</t>
  </si>
  <si>
    <t>歐美防堵慢半拍 疫發不可收拾！專家稱1～2個月內恐難改善</t>
  </si>
  <si>
    <t>防疫呼吸好空氣綠色隧道加持</t>
  </si>
  <si>
    <t>史上僅2傳染病完全消失 醫：SARS害人對新冠有錯誤幻想</t>
  </si>
  <si>
    <t>俄羅斯衛生部：已大量生產全球首支新冠肺炎疫苗　年底月產可達500萬劑</t>
  </si>
  <si>
    <t>桃園確診者曾到內灣、湖口、新豐 新竹縣府大消毒</t>
  </si>
  <si>
    <t>昨才宣布結案 陳時中今轉彎：案39不算結案</t>
  </si>
  <si>
    <t>國產疫苗年底1千萬劑破功？陳時中：防疫百分百照計畫走做不到</t>
  </si>
  <si>
    <t>新北幼兒園Delta群聚沒有重症 張上淳揭治療關鍵</t>
  </si>
  <si>
    <t>旺報社評》國際新秩序的希望在大陸</t>
  </si>
  <si>
    <t>確診印度船員來台兩個月 恐成破口！緊急釐清中</t>
  </si>
  <si>
    <t>走路不穩懷疑中風 嘉義水上6旬婦人確診新冠肺炎 感染源不明</t>
  </si>
  <si>
    <t>別再排斥AZ 花蓮縣衛生局長驚吐：莫德納如魔鬼圈套</t>
  </si>
  <si>
    <t>抓到了！江啟臣：衛福部早通過BNT緊急授權</t>
  </si>
  <si>
    <t>稅捐緩繳2.0 中市3.5萬人受惠</t>
  </si>
  <si>
    <t>鍾南山：美國病死率高 很多病人可能沒被發現</t>
  </si>
  <si>
    <t>《水泥股》轉投資預警虧損沒在怕 亞泥小漲</t>
  </si>
  <si>
    <t>美國未將台灣移除社區傳播名單 親綠媒體疑似搞烏龍</t>
  </si>
  <si>
    <t>台以經濟聯席會議 聚焦高科技產業</t>
  </si>
  <si>
    <t>15人土耳其團9中鏢 匡列148位接觸者追蹤</t>
  </si>
  <si>
    <t>NBA》詹皇柯瑞齊嘆：2020年好爛</t>
  </si>
  <si>
    <t>疫情襲擊－海外投資人趁機湧入美房市</t>
  </si>
  <si>
    <t>打完疫苗「血尿肛門痛」？醫曝急診狀況 感到無奈</t>
  </si>
  <si>
    <t>冒寒風排隊搶口罩 韓民眾：聽說台灣用健保卡</t>
  </si>
  <si>
    <t>吃火鍋確診新冠？四川男子散布謠言被公安拘留4天</t>
  </si>
  <si>
    <t>陸駐大阪總領事館招日人赴新疆旅遊 日網友憂是「單程旅行」</t>
  </si>
  <si>
    <t>化學兵臉上驕傲印記 4萬網友感謝：注意自身安全</t>
  </si>
  <si>
    <t>敦睦艦隊原延期？為何又出發！</t>
  </si>
  <si>
    <t>呂秀蓮抛2國際組織助台買5千萬劑疫苗 陳時中回應</t>
  </si>
  <si>
    <t>台北酒店妹哀嚎「1天少1萬」 吃老本或轉當「外送」求生存</t>
  </si>
  <si>
    <t>擴大資本支出 台積大聯盟受惠</t>
  </si>
  <si>
    <t>獨／5566「壞習慣」又跑出來！疫情影響嚴控外景主持</t>
  </si>
  <si>
    <t>克羅埃西亞鋼琴家來台急喊卡 北中南3場演出延期</t>
  </si>
  <si>
    <t>陳時中連咳5聲說不出話 這一幕指揮中心5人怕爆</t>
  </si>
  <si>
    <t>中和單日暴增33人 議員支持增設「快篩站」避免民眾恐慌</t>
  </si>
  <si>
    <t>買疫苗新進度曝光 陳時中：將與Novavax談判洽購</t>
  </si>
  <si>
    <t>陸委會將裁罰東方衛視記者 侯友宜：疫情不管政治</t>
  </si>
  <si>
    <t>朝陽科大1學生染疫 全校教職員明起兩天遠距上班</t>
  </si>
  <si>
    <t>紀俊臣》病毒還是最怕全球治理</t>
  </si>
  <si>
    <t>台鐵區間車站滿人 他曝一圖驚喊：回到疫情爆發前景象</t>
  </si>
  <si>
    <t>全台今降二級 吃喝玩樂5大QA一次看</t>
  </si>
  <si>
    <t>台灣真穩？持續零本土 醫師打臉：虛幻的幻想</t>
  </si>
  <si>
    <t>肺炎當前 營養師教你怎麼吃出免疫力</t>
  </si>
  <si>
    <t>瑞基上半年EPS大賺2.41元</t>
  </si>
  <si>
    <t>桃園啟動乘車實名制 宮廟禁入</t>
  </si>
  <si>
    <t>居家檢疫者安心在家 高雄百家親善旅館招手家人住</t>
  </si>
  <si>
    <t>席琳狄翁澄清感冒非新冠肺炎 5月坎城影展不排除取消</t>
  </si>
  <si>
    <t>感染初期病毒量多 專家籲採唾液</t>
  </si>
  <si>
    <t>黃偉哲視察舞廳 未鬆口解禁</t>
  </si>
  <si>
    <t>桃園某醫學中心護理師確診 桃園衛生局長：院外感染</t>
  </si>
  <si>
    <t>鴻海用唾液驗出員工染疫 暫不列確診原因曝光</t>
  </si>
  <si>
    <t>群聚隱憂 洛杉磯監獄驚現新冠肺炎首例</t>
  </si>
  <si>
    <t>大突破！陸第一、二例遺體解剖 取得2病理已送檢</t>
  </si>
  <si>
    <t>《通信網路》台灣大行動力挺前線醫療 購機現折2千</t>
  </si>
  <si>
    <t>NBA》最佳復賽版本？7月開打8月決賽</t>
  </si>
  <si>
    <t>新冠肺炎全球燒 澎湖縣長賴峰偉宣布：即起縣府團隊人員禁出國</t>
  </si>
  <si>
    <t>燦坤處分燦星旅 亞果集團接手</t>
  </si>
  <si>
    <t>中醫大新竹附醫研發「新冠PCR智取箱」榮獲「國家新創獎臨床新創獎」</t>
  </si>
  <si>
    <t>《通信網路》威潤拚防疫商機 台日市場齊攻</t>
  </si>
  <si>
    <t>天天吃奎寧＋鋅片！川普驚爆抗疫新爭議</t>
  </si>
  <si>
    <t>獨》華航工會劉惠宗：只要不裁員 什麼都可以談</t>
  </si>
  <si>
    <t>新北幼兒園群聚＋1 負責人就醫確診 指揮中心回應了</t>
  </si>
  <si>
    <t>MLB》道奇簡森全家染新冠 痊癒趕回訓練營</t>
  </si>
  <si>
    <t>李秉穎爆「3＋11未經專家討論」 陳時中回應了</t>
  </si>
  <si>
    <t>中和警分局5人染疫 市府急調度100劑疫苗優先給外勤同仁施打</t>
  </si>
  <si>
    <t>戶外仍全程戴口罩「沒資格叫降級」 網22字酸爆政府</t>
  </si>
  <si>
    <t>1分鐘看世界》黑色星期四 全球重量級股市收黑逾10％</t>
  </si>
  <si>
    <t>鉛錠價格平穩 泰銘甩開疫情營收增</t>
  </si>
  <si>
    <t>屏東餐飲業打團體戰 盼盡快走出疫情陰霾</t>
  </si>
  <si>
    <t>新化年貨大街照辦 將設電子圍籬逮檢疫違規者</t>
  </si>
  <si>
    <t>菲律賓模式取消 入境無症狀回歸14天居家檢疫</t>
  </si>
  <si>
    <t>新北增16例與北農和環南市場相關 侯友宜：鼓勵雙北市民一起來採檢</t>
  </si>
  <si>
    <t>學者批評政府遭函辦 羅智強：疫情期間是清算異己絕佳時機</t>
  </si>
  <si>
    <t>4月21日起開放AZ疫苗自費接種 31家接種院所一次看</t>
  </si>
  <si>
    <t>日再添3例確診感染 曾赴夏威夷度假的日人也中鏢</t>
  </si>
  <si>
    <t>軍機繞台 郝龍斌：陸釋出善意重視防疫合作</t>
  </si>
  <si>
    <t>湖北疫情轉折 新病例不到2千</t>
  </si>
  <si>
    <t>穿越回味中華商場 公視喊卡</t>
  </si>
  <si>
    <t>日新冠惡化爆77人在家身亡 外媒曝當務之急</t>
  </si>
  <si>
    <t>李翊君19歲女兒在美「高燒不退」掛急診 醫告誡有生命危險</t>
  </si>
  <si>
    <t>整天戴口罩反效果 楊志良：只有這3種人需要戴</t>
  </si>
  <si>
    <t>守住醫院防線 張麗善慰勞醫護</t>
  </si>
  <si>
    <t>新增2例境外移入 赴菲律賓工作返台確診</t>
  </si>
  <si>
    <t>容祖兒力抗疫情飛倫敦開唱「不想讓歌迷失望」</t>
  </si>
  <si>
    <t>打過玻尿酸的族群注意！注射新冠疫苗恐引發特殊症狀</t>
  </si>
  <si>
    <t>疫苗研發跨步 廠商提人體試驗</t>
  </si>
  <si>
    <t>女居檢5天輕生 採檢排除新冠</t>
  </si>
  <si>
    <t>《基金》美股逢低撿便宜，看好軟體、網安、FinTech等趨勢成長股</t>
  </si>
  <si>
    <t>因應新冠肺炎　苗栗8床負壓隔離病床還有醫療區域網</t>
  </si>
  <si>
    <t>市場分流首日爆亂象 高市府認了允檢討</t>
  </si>
  <si>
    <t>【信民播客】龍觀點EP19｜不習慣戴口罩，球賽照辦，新冠肺炎歐美即將大流行！</t>
  </si>
  <si>
    <t>民眾如何自保？王任賢：口罩戴好戴滿 摸口鼻前先洗手</t>
  </si>
  <si>
    <t>西方國家組對陸政策聯盟 陸掀起「新八國聯軍」論戰</t>
  </si>
  <si>
    <t>宜蘭縣今零確診 將配合延長三級警戒</t>
  </si>
  <si>
    <t>日本新增新冠肺炎確診7803例 連4天創新高</t>
  </si>
  <si>
    <t>青少年該打第二劑BNT？前台大醫：心肌炎機率恐增10倍</t>
  </si>
  <si>
    <t>上市櫃赴陸＆海外投資雙創新低</t>
  </si>
  <si>
    <t>高市3月推愛情月 總統套房喋血價1990元</t>
  </si>
  <si>
    <t>桃園、基隆怒嗆台北微疫調 盧秀燕：中部縣市聯手打擊病毒</t>
  </si>
  <si>
    <t>徐正文籲政府：開放所有新婚陸配、「小明」與陸生回台</t>
  </si>
  <si>
    <t>全台接種疫苗後猝死案例頻傳　高大成列遺體表徵：關鍵看這</t>
  </si>
  <si>
    <t>NBA》畢斯利染新冠 籃網緊急簽下老將湯瑪斯</t>
  </si>
  <si>
    <t>全台Rt值降至1以下！北部疫情趨緩 苗栗Rt值仍高</t>
  </si>
  <si>
    <t>女主播曬居家工作照 火辣穿搭美暈</t>
  </si>
  <si>
    <t>美國防疫須重視大陸經驗</t>
  </si>
  <si>
    <t>確診看護接觸者不明 指揮中心：將公布2／16-2／24院外足跡</t>
  </si>
  <si>
    <t>補習班停課 教育部：應按比例退費</t>
  </si>
  <si>
    <t>新冠全球破300萬確診 美國佔近三分之一</t>
  </si>
  <si>
    <t>振興抵用券多元延伸 政院擬擴及演唱會等藝文消費</t>
  </si>
  <si>
    <t>部桃群聚12例確診 孫大千5點質疑：誰把台灣的救命疫苗搞掉</t>
  </si>
  <si>
    <t>開學自主量體溫成防疫破口？黃珊珊：到教室還要抽驗</t>
  </si>
  <si>
    <t>內湖好市多又現確診足跡 下午1點後只出不進</t>
  </si>
  <si>
    <t>蚊蟲傳新冠肺炎？檢方認網友誤解常識不起訴</t>
  </si>
  <si>
    <t>鳳山大樓5人確診 住不同樓層疑搭乘電梯染疫</t>
  </si>
  <si>
    <t>新冠肺炎6成德商受衝擊 客戶減少逾6成</t>
  </si>
  <si>
    <t>黃敏惠籲市府同仁：非緊急或絕對必要應暫緩出國</t>
  </si>
  <si>
    <t>北市公布確診者足跡 8／28行程曝光</t>
  </si>
  <si>
    <t>學生確診人數達118位 淡江4師生染疫</t>
  </si>
  <si>
    <t>美企報佳音 美投資級債 磁吸資金</t>
  </si>
  <si>
    <t>機師案新竹縣居隔25人 二採全陰性</t>
  </si>
  <si>
    <t>輔大醫院調降新冠肺炎檢驗價格 急件8小時內可取件</t>
  </si>
  <si>
    <t>又增1例境外移入 赴尼泊爾返台確診</t>
  </si>
  <si>
    <t>美加澳搶購衛生紙食品 狂訂Costco末日套餐</t>
  </si>
  <si>
    <t xml:space="preserve"> 工商社論》抓住COVID-19帶來的企業轉型契機</t>
  </si>
  <si>
    <t>馬祖今入境全完成快篩 縣長劉增應感謝旅客配合</t>
  </si>
  <si>
    <t>梅克爾示警：德國新冠疫情瀕臨失控 未來幾個月情勢嚴峻</t>
  </si>
  <si>
    <t>新婚伴侶拍甜蜜婚戒照 愛犬亂入伸萌掌融化30萬人</t>
  </si>
  <si>
    <t>美專家：數年前或已出現新冠病毒「人傳人」現象</t>
  </si>
  <si>
    <t>安特羅新冠肺炎抗原快篩試劑獲歐盟（CE-IVD）認證</t>
  </si>
  <si>
    <t>才剛微解封就出事？台北京站深夜緊急公告 20日自主停業一日進行清消</t>
  </si>
  <si>
    <t>京元電趕復工手段粗暴？移工爆料日媒：遭「不人道」對待</t>
  </si>
  <si>
    <t>江蕙推手陳維祥才確診 爆失聯多日呼吸困難已插管</t>
  </si>
  <si>
    <t>沒登記意願卻收到簡訊 宅神：是不是太高端了？</t>
  </si>
  <si>
    <t>美疫情加速惡化 CNN：戳破川普一大幻想</t>
  </si>
  <si>
    <t>對抗新冠肺炎 比爾蓋茲基金會再捐2.5億美元</t>
  </si>
  <si>
    <t>本土連8天破百！醫忙翻5天沒回家 女兒淚喊：家裡只剩我</t>
  </si>
  <si>
    <t>企業結合慈善團體 捐新北警乾洗手</t>
  </si>
  <si>
    <t>大陸新冠疫苗接種覆蓋逾6億人 居全球首位</t>
  </si>
  <si>
    <t>國際能源署：全球石油需求降至10年最低</t>
  </si>
  <si>
    <t>《盤後解析》權值股跳電 10400得而復失</t>
  </si>
  <si>
    <t>桃園染疫機師多次訪新竹 竹縣居隔25人採檢結果出爐</t>
  </si>
  <si>
    <t>南非拚2月獲得首批新冠肺炎疫苗</t>
  </si>
  <si>
    <t>第12輪BNT再加開 一對象可上平台預約接種</t>
  </si>
  <si>
    <t>新冠肺炎煞不住！南韓大邱美軍眷屬中鏢</t>
  </si>
  <si>
    <t>NBA》爵士戈貝爾染病 聯盟宣布全面暫停比賽</t>
  </si>
  <si>
    <t>兩大產線助攻 2月營收傳捷報 是方鈊象 後市看俏</t>
  </si>
  <si>
    <t>持續三級警戒或不開學的恐怖下場？醫揭6大隱形炸彈</t>
  </si>
  <si>
    <t>新冠肺炎延燒月餘 醫呼籲：更要小心「這病」</t>
  </si>
  <si>
    <t>新冠肺炎感染人數 研究曝驚人數字</t>
  </si>
  <si>
    <t>帛琉傳有確診個案 侯友宜：帛琉入境管理應該更嚴格</t>
  </si>
  <si>
    <t>飛機坐哪個位子最不易染病？專家曝驚人數據</t>
  </si>
  <si>
    <t>計程車陷困境 賴清德：正研究對策協助</t>
  </si>
  <si>
    <t>陳時中：若疫苗研發順利 明年第三季將有6成民眾施打</t>
  </si>
  <si>
    <t>16萬人打完2劑疫苗又收預約簡訊 指揮中心回應了</t>
  </si>
  <si>
    <t>與確診者接觸過 清華大學26名師生居家隔離</t>
  </si>
  <si>
    <t>高度危機意識 青海12天無新病例</t>
  </si>
  <si>
    <t>《翻爆晚間精選》突破百例大關！國內今再添23例確診</t>
  </si>
  <si>
    <t>助打工族 彰縣府爭取500職缺</t>
  </si>
  <si>
    <t>輕症居家口服 默克新冠藥快簽了</t>
  </si>
  <si>
    <t>新冠肺炎另類影響　英國人改變消費習慣</t>
  </si>
  <si>
    <t>老司機爽完PO文分享 警順藤摸瓜破色情按摩店</t>
  </si>
  <si>
    <t>新冠肺炎影響 IMF恐下修全球經濟成長</t>
  </si>
  <si>
    <t>遭指資收做白工 宜加強宣導</t>
  </si>
  <si>
    <t>板橋1警染疫 同組9人採檢均陰性</t>
  </si>
  <si>
    <t>基隆施打率約6成 第二波開放80歲以上長者</t>
  </si>
  <si>
    <t>林書豪失業？CBA考慮無外援復賽</t>
  </si>
  <si>
    <t>防疫不能只靠媽祖婆</t>
  </si>
  <si>
    <t>境外移入＋8例 無新增死亡</t>
  </si>
  <si>
    <t>會考防疫 竹市府加碼4大防疫措施</t>
  </si>
  <si>
    <t>北捷最新禁令！全面暫停使用飲水台 小巨蛋入場採實名制</t>
  </si>
  <si>
    <t>新冠肺炎疫苗CoronaVac可望本周在巴西進行實驗</t>
  </si>
  <si>
    <t>刻意推動 美元利變保單9月買氣回升</t>
  </si>
  <si>
    <t>侯友宜避談恩主公醫院與高雄之爭 連問3題都閃答</t>
  </si>
  <si>
    <t>沖繩休業中 拜託長假別來</t>
  </si>
  <si>
    <t>新聞早班車》50例未爆彈 旅遊史非決戰點</t>
  </si>
  <si>
    <t>新聞透視》第二批武漢包機兩岸航班共同執飛！面子裡子兼顧 兩岸融冰現契機</t>
  </si>
  <si>
    <t>降低疫情風險 中市長青學苑、親子館停課閉館</t>
  </si>
  <si>
    <t>日厚勞省建議民眾疑似感染的就醫時期</t>
  </si>
  <si>
    <t>《國際經濟》債務持續增加 新興市場復甦恐進一步落後已開發國家</t>
  </si>
  <si>
    <t>中鏢威士特丹號曾停高雄 指揮中心：恐發防疫簡訊</t>
  </si>
  <si>
    <t>Omicron症狀比Delta輕？南非最新重症率曝光</t>
  </si>
  <si>
    <t>武漢標誌性步行街 楚河漢街恢復營業</t>
  </si>
  <si>
    <t>NBA》杜蘭特隔離7天 將缺陣籃網4場比賽</t>
  </si>
  <si>
    <t>清明連假台鐵加開166班 下周三開放訂票</t>
  </si>
  <si>
    <t>3境外＋連3天0本土 建議春酒縮小規模</t>
  </si>
  <si>
    <t>防群聚感染 新北宗教界簽6大聲明</t>
  </si>
  <si>
    <t>盤點這大咖3次預警沒人聽 媒體人嘆：結果Delta又進來了</t>
  </si>
  <si>
    <t>韓國境內新冠肺炎死亡第2例 54歲女性不治</t>
  </si>
  <si>
    <t>AZ與莫德納趕不上 全球最夯新冠肺炎疫苗是它</t>
  </si>
  <si>
    <t>疫情持續升溫 新北居家隔離人數將破2千</t>
  </si>
  <si>
    <t>大學100人以上課程 教部公告立即調整授課方式</t>
  </si>
  <si>
    <t>恆智重機高速懸吊電動拖板車 熱銷</t>
  </si>
  <si>
    <t>澳網》明年2月8日開打 官方願負擔包機、食宿費</t>
  </si>
  <si>
    <t>基層警聲音聽到了 台南千名外勤警員27日連3天施打疫苗</t>
  </si>
  <si>
    <t xml:space="preserve">陸疫情爆發後 首次出現零確診 </t>
  </si>
  <si>
    <t>桃機商家哭了 出入境旅客不到7千人</t>
  </si>
  <si>
    <t>美國生技、科技 後市展望佳</t>
  </si>
  <si>
    <t>哈爾濱4天累計34例本土確診 專家預測疫情最晚10月底結束</t>
  </si>
  <si>
    <t>曝光北京隔離實況「失去三餐意識」 男星崩潰：老子受夠了</t>
  </si>
  <si>
    <t>苗栗今＋3確診 均為匡列移工無公共活動史</t>
  </si>
  <si>
    <t>《生醫股》抗疫 懷特新藥研發計畫啟動</t>
  </si>
  <si>
    <t>吳崢被隔離 便當出現一食物 網嚇壞：決定好好在家防疫</t>
  </si>
  <si>
    <t>瑞德西韋已用3病患！ 張上淳：奎寧初步顯示有效列臨床指引</t>
  </si>
  <si>
    <t>磐石艦確診再增1例 累計28人染疫</t>
  </si>
  <si>
    <t>新冠肺炎紓困 第三家壽險跟進房貸降息</t>
  </si>
  <si>
    <t>綾瀨遙染疫康復後首露面 「私下真實模樣」全被拍</t>
  </si>
  <si>
    <t>疫情客源腰斬 大鵬灣減免店家6個月租金</t>
  </si>
  <si>
    <t>香港再現不明來源病例 專家：防疫措施不宜放寬</t>
  </si>
  <si>
    <t>香港、新加坡境外移入釀本土流行 台灣挺住了</t>
  </si>
  <si>
    <t>《經濟》Q1發明專利申請 台積電衝新高</t>
  </si>
  <si>
    <t>Fed降息無效？ 美股收盤下跌近3％</t>
  </si>
  <si>
    <t>全球損失9兆啊！陸捐世衛20億 美國務卿酸溜溜回4字</t>
  </si>
  <si>
    <t>新增6境外移入案例創新高 醫急吐10字</t>
  </si>
  <si>
    <t>禁「出國」為由特休？勞動部：特休應由勞工排定</t>
  </si>
  <si>
    <t>本土確診再創新低 6月28日降級？陳時中曝一條件</t>
  </si>
  <si>
    <t>陽明校長：超前部署 赴歐美學習治療經驗</t>
  </si>
  <si>
    <t>觀光業人才培訓要點搞烏龍 公布後急轉彎</t>
  </si>
  <si>
    <t>租金負擔恐壓垮業者 綠委：要求公部門主動減租20％ 盼民間響應</t>
  </si>
  <si>
    <t>文化大學爆發多人確診 驚見學生翻垃圾吃 嚇壞住宿生</t>
  </si>
  <si>
    <t>蔡英文今打高端第2劑 會驗抗體濃度？陳時中建議驗它</t>
  </si>
  <si>
    <t>半百女星大雪天拍中空艷照 叫19歲兒掌鏡被罵變態</t>
  </si>
  <si>
    <t>侯友宜視察永和、新店防疫中心 呼籲保持低度活動</t>
  </si>
  <si>
    <t>生態災難！陸猛噴消毒水致野生動物大量死亡</t>
  </si>
  <si>
    <t>巴西增近2000例新冠肺炎染疫死亡 創單日新高</t>
  </si>
  <si>
    <t>不是長輩！台灣新冠肺炎發生率曝 這年齡最易得病</t>
  </si>
  <si>
    <t>新冠肺炎故宮人潮大減50萬人 損失近九千萬元</t>
  </si>
  <si>
    <t>消防防疫演練 侯籲勿鬆懈</t>
  </si>
  <si>
    <t>謝忻凌晨慢跑見民眾沒戴口罩 下秒劇情反轉她心動：是台版馬東石</t>
  </si>
  <si>
    <t>石牌某醫院傳疑似病例 莊人祥：採檢陰性已排除</t>
  </si>
  <si>
    <t>動物園、新樂園迎雙十 明起免預約</t>
  </si>
  <si>
    <t>台東拚檢疫量能 盼與馬偕合作</t>
  </si>
  <si>
    <t>牛津大學研究：COVID-19引發血栓的機率 遠高於AZ疫苗</t>
  </si>
  <si>
    <t>不只給台灣2萬劑AZ 立陶宛還打算讓觀光客打疫苗</t>
  </si>
  <si>
    <t>台灣跨境電商博覽會 人潮踴躍</t>
  </si>
  <si>
    <t>《通信網路》一路旺到年底 瑞昱躍上400元大關</t>
  </si>
  <si>
    <t>外送平台疫情受惠 交通事故也頻傳</t>
  </si>
  <si>
    <t>暨大附中統測倒數破十祈福 陳綢阿嬤見證</t>
  </si>
  <si>
    <t>民有市場無口罩 市議員鄭功進：恐成防疫破口</t>
  </si>
  <si>
    <t>披薩店員工撒謊 迫170萬澳洲人接受新冠封城 氣死州長</t>
  </si>
  <si>
    <t>台大10員工確診 急開視訊記者會說明</t>
  </si>
  <si>
    <t>台北市高中職以下全部停課2週採線上教學 影響33.4萬位學生</t>
  </si>
  <si>
    <t>南市「防疫安心上工計畫」起跑 永康區公所尚有缺額</t>
  </si>
  <si>
    <t>74歲川普死亡風險較年輕人高90倍 美大選再添變數</t>
  </si>
  <si>
    <t>西班牙抗腫瘤藥 有望阻斷新冠病毒細胞繁殖</t>
  </si>
  <si>
    <t>上市櫃掛牌 金管會祭特赦令</t>
  </si>
  <si>
    <t>台南某大樓確診者就是案943 自主管理外出開會恐已觸法</t>
  </si>
  <si>
    <t>中共六中全會將舉行 北京防疫升級</t>
  </si>
  <si>
    <t>校園疫情連環爆 教育部：學校可進行預防性停課</t>
  </si>
  <si>
    <t>口罩實名制2.0 網購運費要7元...網友真實反應曝光</t>
  </si>
  <si>
    <t>壽險大增員 今年募3萬新血</t>
  </si>
  <si>
    <t>國民健康的公共財 林右昌：疫苗之前人人平等</t>
  </si>
  <si>
    <t>湖北新冠肺炎新增病例創2月來新低 連2天下降</t>
  </si>
  <si>
    <t>豐原夜間垃圾收運站夜湧150人 出動全台最大霧砲車消毒</t>
  </si>
  <si>
    <t>台東確診個案匡列7人 採檢出爐均為陰性</t>
  </si>
  <si>
    <t>社交距離怎遵守？黃偉哲：愛惜生命就不要拿健康開玩笑</t>
  </si>
  <si>
    <t>恆春暖醫研發防疫「台灣BOX」 下周量產</t>
  </si>
  <si>
    <t>日本入境政策放寬 8日起最短只須隔離3天</t>
  </si>
  <si>
    <t>桃園睽違3周確診案例回到個位數 足跡包括杏一藥局、烘焙坊</t>
  </si>
  <si>
    <t>科學家實驗發現可阻斷新冠病毒感染的抗體</t>
  </si>
  <si>
    <t>慢性病患接種疫苗 敏盛院長呼籲「勿停藥」</t>
  </si>
  <si>
    <t>《產業》出遊防疫大作戰，易遊網推安心訂房3保證</t>
  </si>
  <si>
    <t>新北消防局幫同仁紓壓 闔家學習非洲鼓</t>
  </si>
  <si>
    <t>港病患寵物檢測弱陽 無感染證據</t>
  </si>
  <si>
    <t>《股利-半導體》應廣決配息2.73元 Q2營收拚新高</t>
  </si>
  <si>
    <t>檔不住新冠肺炎 觀光協會爆：12家飯店將熄燈</t>
  </si>
  <si>
    <t>女星隔離在家！願獻身「大戰一夜」求新冠肺炎解藥　</t>
  </si>
  <si>
    <t>環境更慘紓困卻變少 旅行業超不爽</t>
  </si>
  <si>
    <t>李蒨蓉鬆口婉拒3次打疫苗機會 認了聽到「特權」很敏感</t>
  </si>
  <si>
    <t>花蓮新增1確診 家族群聚已15人染疫</t>
  </si>
  <si>
    <t>捐物資、雞排挺醫護 盼疫情有好轉機</t>
  </si>
  <si>
    <t>墾丁遭憂成防疫破口 擺攤男星怒：台北是不是該封城？</t>
  </si>
  <si>
    <t>陳時中籲國人 儘量不要出國</t>
  </si>
  <si>
    <t>意外！英劍橋研究：新冠病毒有3類 在武漢已突變</t>
  </si>
  <si>
    <t>《通信網路》Q1疫情衝擊，眾達-KY：客戶需求不變、遞延到Q2</t>
  </si>
  <si>
    <t>彰化市成為宣佈氣候緊急的全國第一例 要求政府推動綠色新政</t>
  </si>
  <si>
    <t>防疫為重 中原大學宣布14至26日採線上彈性教學</t>
  </si>
  <si>
    <t>周杰倫「包場千坪球館」為了她 敲狗仔車窗吐4字傻眼！</t>
  </si>
  <si>
    <t>「有人叫我去美國好市多買疫苗」 陳時中冷回：不是大拍賣掃貨</t>
  </si>
  <si>
    <t>解禁前夕提早落跑 台南查獲2例居家檢疫趴趴走</t>
  </si>
  <si>
    <t>超商店員染疫 嘉縣啓動社區千人篩檢</t>
  </si>
  <si>
    <t>若校園出現確診？侯友宜：該停課一定停</t>
  </si>
  <si>
    <t>未來可能祭禁足令？陳時中鬆口回應</t>
  </si>
  <si>
    <t>屏東果農妻染delta亡 羅一鈞分析病因</t>
  </si>
  <si>
    <t>屏東Delta群聚案增1人無症狀二採陽確診 累計17人染疫2重症</t>
  </si>
  <si>
    <t>境外網軍進逼 新冠肺炎假訊息連假大爆發</t>
  </si>
  <si>
    <t>政壇「2大天王」為防疫嗆爆蔡政府 港媒警告：綠營要出手了</t>
  </si>
  <si>
    <t>高雄計程車嘆歹命業績減半 籲政府補助油料</t>
  </si>
  <si>
    <t>連8天「嘉玲」紀錄中斷 宜蘭今＋2 皆多次篩檢陰性後轉陽</t>
  </si>
  <si>
    <t>華爾街知名經濟學家海曼：美國恐見「肺炎衰退」</t>
  </si>
  <si>
    <t>中裕報捷漲停 生醫族群紅通通</t>
  </si>
  <si>
    <t>面對新冠肺炎(COVID-19)疫情持續在全球蔓延，除了政府、公共衛生主管機關全面防堵疫情散播外，如何宣導傳遞正確的防疫資訊，並且避免錯誤資訊、惡意資訊以及假消息傳播，也是當務之急。對此社群平台 Facebook、Twitt</t>
  </si>
  <si>
    <t>中央流行疫情指揮中心今（12日）宣布，新增8例境外移入確診，我國目前累計733例確診，分別為641例境外移入，55例本土病例，36例敦睦艦隊及1例不明；另1例(案530)移除為空號。確診個案中7人死亡。指揮中心醫療應變組</t>
  </si>
  <si>
    <t>大聯大(3702)今日舉行法說會，第一季營運守穩，每股賺0.99元，展望第二季，看好後疫情時代，居家辦公、遠距教學、5G相關基地台等商機仍樂觀，智慧倉儲的布建也依舊會是未來幾年的重點經營，也會是資本支出的核心。大</t>
  </si>
  <si>
    <t>大陸全國抗擊新冠疫情表彰大會8日上午舉行，中共中央政治局常委、全國人大委員長栗戰書宣讀中共總書記、國家主席習近平簽署的主席令。授予鍾南山共和國勳章，授予張伯禮、張定宇、陳薇人民英雄國家榮譽稱號。由習近</t>
  </si>
  <si>
    <t>國內今新增2例新冠肺炎境外移入個案，由中央流行疫情指揮中心指揮官陳時中在下午2時10分親自召開記者會說明。預計今天也會公布案804的英國變種病毒株比對結果，以及近日防疫旅館出現爆滿潮，指揮中心也將在今天說明</t>
  </si>
  <si>
    <t>雖然對美中緊張關係的擔憂持續籠罩市場，但美國將推出新一輪新冠肺炎紓困措施，使投資人的風險偏好受到提振，由三星電子領軍，周一南韓KOSPI指數收漲0.79%，為2,217.86點，結束連續3天的跌勢。白宮幕僚長米道斯（Mar</t>
  </si>
  <si>
    <t>鄭怡近來受新冠肺炎影響，大多和老公待在家、減少出門使用口罩的機會，偶爾去朋友家送包冷凍蔬菜，她都覺得是人生小確幸；鄭怡的雙胞胎兒子都在多倫多，她難免擔心孩子健康情形：「當地朋友非常緊張，他們說那邊的政</t>
  </si>
  <si>
    <t>日前朝陽科大20人夜唱團共造成11人確診染疫，台中市衛生局立即應變在朝陽科大成立快篩站，要求當時在校師生進行篩檢。市議會國民黨團痛批，竟被某黨議員曲解為要求全校師生都需篩檢，莫非見不得民眾都健康嗎？民進黨</t>
  </si>
  <si>
    <t>新冠肺炎疫情肆虐，目前全球累計75,202例確診、2,010人死亡，各國防疫繃緊神經，不過就有網友好奇「為何不全面斷航？」貼文一出隨即掀起熱議，更有內行人點出2點關鍵主因。原PO日前在PTT「八卦板」PO文指出「全面斷</t>
  </si>
  <si>
    <t>新冠肺炎在農曆年前蔓延開來，全球各地確診和死亡人數居高不下，疫情高峰期一再後延，讓經濟景氣蒙上一層陰影，投資、消費、進出口或經濟成長數據的表現，各項數據下修壓力極大。反映最直接的當屬股票市場，快速走跌</t>
  </si>
  <si>
    <t>韓國6日才放寬社交距離政策，不過幾天又傳出疫情，今（10）日新增34例新冠肺炎確診病例，是一個月來最高，當中多數和有梨泰院「毒王」之稱的夜店男子有關，至今夜店群聚感染病例增加至54例，最遠的還遍及濟州島，韓</t>
  </si>
  <si>
    <t>環南市場今爆出41人PCR篩檢陽性，引起各界關注，行政院長蘇貞昌也立刻下令要陳時中到場掌握狀況。對此，毒理學專家招名威表示，微解封根本是不智之舉，目前還有一堆潛在的確診者，加上北農的篩檢結果仍不確定，若不</t>
  </si>
  <si>
    <t>新冠疫情壓不住，美國加州洛杉磯郡醫療體系瀕臨崩盤，當地政府已經下令，救護車不要護送生存機會渺茫的患者就醫。美國有線電視新聞網（CNN）報導，洛杉磯郡（Los Angeles County）面臨新冠人間災難，洛杉磯郡衛生局</t>
  </si>
  <si>
    <t>近期因應雙北疫情警戒標準達到第3級，室內用餐人數落實管制，並維持社交距離，外送次數也可能大幅增加，勞動部職安署將加強督促外送業者全面落實防疫措施，並建議消費者優先採用「無接觸取送餐」服務，以線上刷卡代</t>
  </si>
  <si>
    <t>火箭隊老闆費爾蒂塔(Tilman Fertitta)於美國時間周一造訪白宮，與多家餐飲業者及總統川普(Donald Trump)商討復工。費爾蒂塔會議中忽然重提去年的香港風波，表示他早有預感今年是大陸很差的一年。川普大笑。費爾蒂塔</t>
  </si>
  <si>
    <t>親近梅根的消息人士說，她將效法已故婆婆黛安娜王妃，接受電視專訪，全盤托出脫英，還有淡出王室的內幕。不過，和黛妃不同的是，她將獲得100萬英鎊（近4,000萬台幣）的報酬。據《每日星報》（Daily Star）和《快報》</t>
  </si>
  <si>
    <t>連江縣政府接獲中央流行疫情指揮中心通知，一名確診者5月11日搭機來馬，13日台馬輪夜航返台，已匡列密切接觸者8人進行居家隔離及採檢，結果今（17日）出爐8人均為陰性。民進黨連江縣黨部主委李問表示，已超過30家民</t>
  </si>
  <si>
    <t>近日世界衛生組織「大流行防範和應對獨立小組」發布報告，對全球新冠疫情應對工作進行評估。作為該獨立小組的專家成員之一，鍾南山表示，全世界都要留意這個病毒走向，很嚴重的變異會影響疫苗效力，關鍵下一步要通過</t>
  </si>
  <si>
    <t>新北市府上周送出9301件紓困金申請案到衛福部審查，一度遭到拒收，事後卻被指甩鍋中央，連柯文哲都說新北市長侯友宜是「逆時中」，新北市長侯友宜昨日發出一封給第一線人員公開信，強調送件非意氣之爭，除是奉中央指</t>
  </si>
  <si>
    <t>新冠肺炎疾情來勢凶凶，台灣16日出現首宗死亡案例，讓人怵目驚心。這場中國確診突破7萬人的疫情，全球主要股市卻多出現先跌後漲走勢，17日陸股更大漲逾2％回補「新冠缺口」，投資人納悶，這波疫情「是在哈囉」嗎？有</t>
  </si>
  <si>
    <t>第12輪疫苗開打，台中市有55萬人預約，市長盧秀燕27日視察南區快打站，盧表示，65歲長輩、55歲以上原住民，宣告2劑注射者全打完，26日為止完成第1劑施打市民達7成，27日30％市民完成2劑量接種，比中央預定的30日提早</t>
  </si>
  <si>
    <t>新冠肺炎疫情燒不停，各級學校開學在即，金門臻霖實業股份有限公司經理陳木勇今（20）日帶領同仁捐贈30桶全方位抗菌液給縣府教育處，統籌分發國中、小學校使用，讓師生上課更安心、安全。陳木勇是在金城鎮鎮長李誠智</t>
  </si>
  <si>
    <t>知名作家苦苓昨(24日)在臉書公開點名資深媒體人黃暐瀚，「什麼叫『愛台灣就不要叫武漢肺炎，否則要付出代價』？你的畜牲是哪一塊土地養大的？你現在是什麼狗在仗什麼人的勢嗎？我偏偏就要叫武漢肺炎，你咬我啊！』接</t>
  </si>
  <si>
    <t>高雄18日並無新增本土確診個案，但中央流行疫情指揮中心公布高雄一名境外移入女性確診個案，5月中旬從印度入境，她到隔離期滿的PCR採檢均呈陰性，由於將返回印度於17日自行到院進行採檢陽性確診，高市府衛生局從CT值</t>
  </si>
  <si>
    <t>新冠肺炎疫情日益嚴峻，內政部長徐國勇邀請民間攜手共同防疫，南投縣魚池鄉長劉啟帆及農會理事長劉啟行兄弟，率領當地茶農攜手北上捐贈自產13萬茶包，為第一線防疫人員打氣，其中還有90歲茶農及6歲 小童在每包茶葉上</t>
  </si>
  <si>
    <t>新研究顯示，高達86%患者感染了新冠肺炎，卻沒有症狀，隨著這些「隱形」患者四處趴趴走，也助長了疫情大流行。據《信使新聞報》（The Mercury News）引述《科學》（Science）期刊報導，在大陸實施旅遊禁令前，約有86</t>
  </si>
  <si>
    <t>韓國疾病管理本部周一宣布，新型冠狀病毒感染確診病例新增161人，累計病例達到763例。死亡病例新增1人，累計達7例。當局報告，在慶尚北道清道郡入院治療的62歲確診男性病患於周日不治。</t>
  </si>
  <si>
    <t>我國新冠肺炎第32例確診為行蹤不明移工，依就業服務法規定，外國人在台工作採「許可制」，必須向勞動部申請許可，若聘僱到假冒身分的非法外國人，雇主未善盡查證責任，最高要面臨最高75萬元的罰鍰，若檢舉聘僱非法移</t>
  </si>
  <si>
    <t>新冠肺炎疫苗預約平台已啟用多日，中央流行疫情指揮中心今日稍早更擴大開放18歲以上登記。對此，財經網美胡采蘋表示，一早去菜市場時，每個攤商都在問「你要打AZ還是莫德納？」她也透露自己僅登記施打AZ。指揮中心日</t>
  </si>
  <si>
    <t>最讓中央疫情中心指揮官陳時中擔心的本土案例，找感染源似乎露出曙光！南部20多歲女性沒出國史，且生活單純卻感染源不明，但指揮中心發現，2月底她有家人自美回台，指揮中心專家張上淳表示，除回溯採檢外，將採用白</t>
  </si>
  <si>
    <t>隨著全球大多數國家疫情舒緩，義隆(2458)下半年新機效應可期，客戶拉貨力道可望一路看到年底，義隆繼昨天漲停作收後，今股價再度走高，大漲逾4%，最高達115元，創下2000年11月以來新高價。今年上半年NB市場因為新冠</t>
  </si>
  <si>
    <t>受新冠肺炎影響，今年1月營收有9.04億的台灣虎航（6757），2月營收5.84億元，相較1月營收9.03億元，大減35.33％，較去年同期減少37.20％，累計1-2月營收14.88億元，年減13.10％。公司原規劃3月底開航的日本新潟航線</t>
  </si>
  <si>
    <t>根據日本《共同社》報導指出，東京奧運開幕在即，各國代表團也陸續抵達日本，為防控新冠肺炎疫情，東京奧會籌委會採取隔絕運動員和外部接觸的「泡泡模式」，但在普通人也會使用到的機場和飯店卻很難完全隔離開來，如</t>
  </si>
  <si>
    <t>台灣本土新冠肺炎疫情爆發，確診數持續增加，雙北地區更提升至三級警戒，不少名人也呼籲大家戴好口罩、勤洗手，沒事就待在家裡，豪門媳婦郁方也祈願疫情快散去，並表示從今(18日)開始，要齋戒108天。郁方透露去年在</t>
  </si>
  <si>
    <t>新冠肺炎疫情失控，4月能否趨緩或是獲得控制充滿了變數，也讓下個月歐洲的復活節活動埋上陰影。梵蒂岡今天宣布，下個月從4月9日的「神聖星期四」（又名洗足日）至12日的「復活節星期日」活動照常舉行，但所有聚會均</t>
  </si>
  <si>
    <t>新冠疫情全球蔓延，美國應對疫情張惶失措，出乎各國意料之外，而此時疫情已受控制的中國大陸則乘機進行國際援助和對外宣傳，塑造領導全球抗疫的負責任大國形象。英媒對此評論認為，這不只是宣傳攻勢而已，它的背後是</t>
  </si>
  <si>
    <t>新冠肺炎疫情持續升溫，美國也遭到波及，台灣時間2日最新進度指出，美國已有89起確診病例，美股上周也受到恐慌性賣壓拋售，創下金融危機以來最慘紀錄，對此，有經濟學家表示，消費者支出為美國經濟成長重要支住之一</t>
  </si>
  <si>
    <t>世界衛生組織（WHO）至今尚未將新冠肺炎定義為「大流行病」，但美國疾病管制暨預防中心（CDC）高層官員25日警告，新冠病毒疫情可能演變成為「全球大流行病」，且病毒在美國境內擴散也是「遲早都會發生」的事情。CDC</t>
  </si>
  <si>
    <t>鑑於國內新冠肺炎確診病例遞增，為提升台中市旅宿、觀光遊樂業、旅行業、溫泉業、文創等，觀光產業從業人員防疫知識及危機處理應變能力；觀旅局於3、4日兩天，特聘前衛生署長楊志良及光田醫院感染控制科主治醫陳俊志</t>
  </si>
  <si>
    <t>據美國「全國廣播公司商業頻道」報導，國際失智症協會(Alzheimer’s Disease International ADI)1日警告，從長期來看，新冠肺炎的持續流行恐導致失智症患者的人數激增。部分研究更顯示，感染新冠肺炎不僅增加罹患失智</t>
  </si>
  <si>
    <t>隨著疫苗施打後的陸續解封，美國經濟數據樂觀，市場靜待2日發布的非農就業報告，美股四大指數漲多跌少，僅費城半導體指數收黑，S&amp;P50指數連續第6天創高，日韓股同步走高，電子股量能依舊低迷，盤面由塑膠、鋼鐵、油</t>
  </si>
  <si>
    <t>新北市順益汽車泰山營業昨有2名員工確診，新北市長侯友宜下令該公司休息2天，新北市長侯友宜今在疫情應變會議表示，業者配合停止營業並清消篩檢，13日已成立三方LINE群組及時通報系統，並進行全面篩檢，順益34名員工</t>
  </si>
  <si>
    <t>太平洋島國萬那杜（Vanuatu）日前在岸邊發現一具男性浮屍，最終驗出屍體帶有新冠病毒，當局緊急封鎖中部主要島嶼埃法特島（Efate），禁止民眾出島，此外全島防疫也大升級，部份學校為此停課，各地區也緊急增設洗手裝</t>
  </si>
  <si>
    <t>新冠肺炎疫情延燒，為協助企業應對，中央流行疫情指揮中心今推出企業持續營運指引，呼籲業宣導咳嗽禮節、協助上班出現症狀的員工就醫等；若疫情擴大至社區傳播，則應執行員工健康監測計畫、調整工作方式（如：異地辦</t>
  </si>
  <si>
    <t>勇士隊威金斯(Andrew Wiggins)鬧出拒打新冠疫苗的風波之後，巫師隊也出現另一位硬骨頭畢爾(Bradley Beal)。畢爾在本周的球隊媒體日公開表示，他拒絕接種新冠疫苗，還把疫苗嘲笑了一番。畢爾說：「你們不可以強迫任何</t>
  </si>
  <si>
    <t>中央流行疫情指揮中心今表示，昨日國內新增1,576例新型冠狀病毒肺炎相關通報，截至目前累計45,446件，其中385例確診、6人死亡、99人解除隔離，其餘持續住院隔離中。367名湖北返台民眾，持續在集中檢疫所進行密切健康</t>
  </si>
  <si>
    <t>新冠肺炎疫情緊張，高雄正修科大幼兒保育系防疫動手做，19日由老師帶領學生DIY製作隨身皂，走到哪洗到哪，防疫更有效率；屏東美和科大成立「防疫工作坊」，專家指導學生手作簡易防護衣、可替換口罩套、檢疫防護頭套</t>
  </si>
  <si>
    <t>台塑(1301)今(10)日舉辦股東會，由董事長林健男主持，看好隨著疫情趨緩，加上現金股利入帳，第3季將迎谷底反彈，另外，台塑也將持續深化AI應用，透過AI數位平台導入，有效管理原物料，也使得台塑可以全力相挺口罩國</t>
  </si>
  <si>
    <t>隨著新冠肺炎疫情擴散，美國企業開始要求員工在家上班，導致筆記型電腦等商品遭到搶購一空。電腦製造商因中國大陸爆發疫情波及供應鏈運作、主要零組件仍然短缺，最終導致筆電供不應求。美國連鎖家電賣場百思買（Best</t>
  </si>
  <si>
    <t>日本新冠肺炎疫情持續升溫，確診人數破千，外交部將日本列為「黃色警示」，建議國人特別注意旅遊安全並檢討應否前往。至於是否進一步提升旅遊警示，外交部將完全尊重、配合中央流行疫情指揮中心。外交部發言人歐江安</t>
  </si>
  <si>
    <t>疫情蔓延，死在家中案例頻傳，先後發生北投一家三口陳屍屋內，被里長通知破門才發現，男子陳屍萬華清茶館多時，被房東聞到屍臭才發現，台北市長柯文哲5日嚴正說，叫大家躲在家裡，不是說躲在山洞裡，彼此一個電話問</t>
  </si>
  <si>
    <t>為防堵新冠肺炎疫情，韓國4月1日起針對所有入境旅客進行14天的強制隔離，1名30多歲的台灣女子聲稱沒錢繳遭到驅逐。外交部發言人歐江安表示，韓國相關單位事發時即依相關規定遣返，當事人未曾聯繫我駐韓國代表處，外</t>
  </si>
  <si>
    <t>美國眾議院議長裴洛西（Nancy Pelosi）不只是國會女王，一系列口罩穿搭驚艷眾人，變身時尚女王，相較於美國總統川普顧慮像魯蛇而始終拒戴口罩，裴洛西用行動證明，口罩加身不僅能展現強悍，而且仍舊是目光焦點。新冠</t>
  </si>
  <si>
    <t>新冠肺炎大流行期間，居家抗疫刺激電玩需求。根據任天堂7日公布，上個會計年度第四季（1月至3月）營業利益狂飆200％，Switch遊戲機和《動物森友會》遊戲軟體熱銷，帶動業績躥揚。任天堂表示，3月20日在全球開賣的《</t>
  </si>
  <si>
    <t>資策會產業情報研究所(MIC)針對2021年ICT產業提出最新預估，認為2021年全球ICT產業展望審慎樂觀，也分別點出半導體、IT產業以及通訊產業的關鍵，惟疫情、美中關係仍扮演不確定因素。資策會MIC認為，2021年多數資通訊</t>
  </si>
  <si>
    <t>全球正努力防堵新冠肺炎（COVID-19）擴散，台灣防疫成績舉世肯定，前線醫護人員功不可沒，新壽慈善基金會、新光吳氏基金會、同心圓醫學基金會與老爺飯店有感醫護人員冒生命危險依然挺身堅守戰線守護台灣，發起「暖『</t>
  </si>
  <si>
    <t>北市6月24日爆出信義區1間牙醫診所醫師（案13573）打完疫苗後確診，2名牙科助理也陸續確診，6月30日又有大安區耳鼻喉科醫師確診，並傳染給1名病患（案14797）。但北市議員許淑華1日爆料，北市府對牙醫診所16名員工和</t>
  </si>
  <si>
    <t>白嘉莉1日舉辦─《白嘉莉另一個春天》白嘉莉40年藝術創作個展，她對繪畫情有獨鍾，這次展出近50幅作品，一開場她感性地說：「在新冠肺炎期間能夠來參加，我由衷地感謝。」當天恰逢她的生日，現場有百位粉絲齊唱生日快</t>
  </si>
  <si>
    <t>太誇張，都什麼時候了，竟還廣揪爺奶上門打麻將，甚至還全方面多視角全程直播，用意啟人疑竇。彰化花壇一名直播主遭民眾檢舉在家邀人上門打麻將，有群聚疑慮，警方上門勸導蒐證，將陳報衛生局開罰。彰化縣今年累計確</t>
  </si>
  <si>
    <t>18日下午中央疫情指揮中心最新公布新增確診者，其中1名住在新竹縣的確診者，在疫調中表示曾於5月15日前往竹南鎮五穀宮以及頭份市自強路黃昏市場，頭份市公所及竹南鎮公所接獲通報後，18日上午配合全縣大消毒作業，緊</t>
  </si>
  <si>
    <t>伊拉克衛生部今天表示，伊拉克出現第6起武漢肺炎病例，確診患者為首都巴格達（Baghdad）一名年輕男子，他日前曾前往伊朗。</t>
  </si>
  <si>
    <t>國內29日新增新冠肺炎本土個案320例、校正回歸166例，總計486例。確診個案中新增21死，再創單日新高。台北市長柯文哲指出，21死是預料中的事，因重症患者從住進加護病房到死亡，會有時間差，導致死亡波峰落後，死亡</t>
  </si>
  <si>
    <t>全國三級警戒，規定民眾外出須戴口罩，但也因此讓許多戶外工作的勞工吃飯被檢舉。一名網友表示，為了養家餬口，大熱天戴口罩上工，因為做工不能改為居家線上辦公，現實生活中他們只能在塵土飛揚的環境，脫口罩扒飯，</t>
  </si>
  <si>
    <t>創業加速器AppWorks Accelerator（之初加速器）15日舉辦AppWorks Demo Day 2020，AppWorks啟動加速器至今十年，整體生態系成長速度超越過去，目前總募資金額、總估值、整體年營業額都繳出三位數、成長一倍以上的成績</t>
  </si>
  <si>
    <t>經濟部公布第2季製造業產值，受到疫情衝擊，呈現連續6季的負成長，惟電腦電子產品、光學製品業因疫情推升遠端服務，出現連續9季正成長。第2季製造業產值2兆9442億元，為105年第2季以來最低，較去年同期減少11.39%，</t>
  </si>
  <si>
    <t>伊林娛樂藝人張雁名受邀擔任日本北九州觀光推廣員，2月中親赴北九州拍攝旅遊影片，由於正值新冠肺炎疫情肆虐，張雁名這次工作快閃北九州3日，事前防疫準備做足，飛機上乘客也僅個位數，他則全程戴口罩，日本工作團隊</t>
  </si>
  <si>
    <t>新冠肺炎疫情衝擊擴大，行政院會13（今）日將拍板規模逾400億的短期紓困和振興方案，針對服務業、觀光運輸業和農業三大產業紓困。其中，政院擬擴大餐飲、零售、會展、商圈、夜市及傳統市場五大內需服務業適用範圍，</t>
  </si>
  <si>
    <t>新冠肺炎疫情持續升溫，新北市瑞芳警分局為了避免因員警染疫隔離，而造成治安工作停擺，特別設置替代辦公室，將分局內部人員分散異地隔離辦公，降低染疫風險。瑞芳警分局表示，替代辦公室設備齊全，若是疫情升溫，或</t>
  </si>
  <si>
    <t>香港政府21日宣布放寬檢疫期，入境香港人士只要符合3條件，包括已完成接種新冠疫苗並超過14日、機場病毒檢測無確診、驗出帶有抗體，抵港後的檢疫期可縮短至7日。據東網報導，香港放寬檢疫期的安排將分兩階段實行，第</t>
  </si>
  <si>
    <t>大甲鎮瀾宮宣布大甲媽祖11日即將遶境起駕，台中市長盧秀燕9日表示，因為是防疫 解封以後，全國第一場大型宗教繞境活動，為維護參與遶境民眾的安全，以及了解鎮瀾宮防疫整備的情形，已請副市長陳子敬籌組專案小組，明</t>
  </si>
  <si>
    <t>新冠肺炎疫情延燒，國內今天又新增2人死亡，累計已有5名確診者病逝，陽明醫學博士胸腔重症醫師蘇一峰透露，一般人可能無法理解，加護病房病人使用的維生管路有多痛苦，他們幾乎每天都在痛苦哀號！中央流行疫情指揮中</t>
  </si>
  <si>
    <t>行政長官林鄭月娥今午(19日)4時在政府總部舉行記者會，公布收緊社交距離措施，包括政府各政策局及公共部門，由明日(20日)起只會提供緊急及必須服務，公務員會在家工作，措施暫維持一周至7月26日，以及強制市民在室內</t>
  </si>
  <si>
    <t>新冠肺炎疫情蔓延，為減少第一線醫護人員傳染風險，衛福部立台北醫院今(16)起推出「視訊診療」，居家隔離、檢疫及自主健康管理者如有就醫需求，不用出門就能視訊就診，另外急診室發燒篩檢站也改採「視訊問診」方式，</t>
  </si>
  <si>
    <t>桃園市至21日居家檢疫人數累計3353人，桃園市長鄭文燦提出居家多元服務專案，研擬料理包外送、心理諮商、教導健康操，短期電視頻道擴增等服務，強調居家檢疫不只是管制，還包括關懷與服務，並強調「他們不是病人也不</t>
  </si>
  <si>
    <t>擁有「最美空姐」之稱的林佩瑤去年離開航空業，嫁給名廚武俊傑，最近夫妻倆因新冠肺炎取消日本行，改去台中觀光，用餐前拍下兩張辣照，超胸猛的身材讓人眼睛不知往哪擺！由於新冠肺炎疫情持續增溫，林佩瑤和老公計畫</t>
  </si>
  <si>
    <t>教育部日前訂定「校園因應『嚴重特殊傳染性肺炎』疫情停課標準」，提及若一班1人確診、一校2人確診就停課14天，但有家長憂心可以請假嗎？不請假孩童誰要照顧？依中央流行疫情指揮中心發函指出，如學校因COVID-19疫情</t>
  </si>
  <si>
    <t>勞動部勞工紓困貸款今(6/15)日開始接受申請，不少銀行據點大排長龍，甚至網頁也當機，顯示民眾資金需求殷切。不過，勞工紓困貸款每人最高額度僅為10萬元、利率1.845%，若想要增加貸款額度，就必須自行申請一筆信貸，</t>
  </si>
  <si>
    <t>全新(2455)董事會決議每股配息2.5元，並自今天起實施庫藏股，由於大陸加速推動5G基礎建設，並持續進行去美化，全新3月光通訊訂單狀況不錯，全新對3月業績不看淡，日系外資認為，雖然新冠肺炎(COVID-19)可能影響全新</t>
  </si>
  <si>
    <t>Yahoo奇摩今天公布2020年度台灣十大新聞人物，前高雄市長韓國瑜市長回歸庶民話題性十足，三度蟬聯冠軍寶座；施政滿意度高漲的新北市長侯友宜搶下第3名；總統蔡英文排名第6；強力背書萊豬的農委會主席陳吉仲以及民調</t>
  </si>
  <si>
    <t>國內疫情持續升溫，連2日本土確診案例連環爆，加上「校正回歸」病例合計570筆，叫民眾心慌慌，但高雄市一名婦人日前到麵包店買麵包時，依舊不戴好口罩，也不願配合實聯制政策，讓無奈的店家只好請婦人離開，豈料婦人</t>
  </si>
  <si>
    <t>台灣新冠肺炎疫情持續加溫，中央流行疫情指揮中心指揮官陳時中29日宣布新增15例確診，累積達298例。捧紅不少大明星的名經紀人夏春湧認為，台灣確診的病例越來越多，政府應該告訴國人，有什麼方法可以控制，不要再新</t>
  </si>
  <si>
    <t>在經過大批量的防疫宣傳後，大家都知道經常觸摸自己的臉對預防染不是好事，但是大多數人甚至不知道自己有這個壞習慣，為了防止病毒侵襲，美國幾位醫學專家傳授幾個小技巧，讓你可以大幅降低因觸碰臉部而感染病毒的風</t>
  </si>
  <si>
    <t>超商雙雄—統一超(2912)7-ELEVEN及全家(5903)搶攻宅經濟商機，其中7-ELEVEN提供逾10款有機蔬果箱、御料小館全新配菜　居家自「煮」一站購足，全家便利商店則與「玉美生技」合作，推出每日限量500箱蔬菜箱，只要在「全</t>
  </si>
  <si>
    <t>牛津AZ疫苗21日起開放自費接種，今天上午開始受理預約，北部許多醫學中心湧現預約潮，台大醫院4月底前500多個名額在短短2小時搶光，台北馬偕醫院21至24日就有近687人預約。COVID-19（2019冠狀病毒疾病）疫苗公費接種</t>
  </si>
  <si>
    <t>恆春地區網路傳出有學生確診新冠肺炎訊息，屏東縣長潘孟安第一時間要求警局及衛生局徹查謠言來源，經漏夜調查，是來自桃園永豐高中畢業旅行團師生領隊共440人，學生自13日下午2時起陸續出現水瀉症狀，少數並有發燒情</t>
  </si>
  <si>
    <t>安排好的旅程卻遇到新冠肺炎疫情該怎麼辦？自疫情發生後，台中市府至2月中旬受理相關消費申訴共70件，其中，旅遊類36件最多，為保障民眾權益，法制局製作旅遊退費懶人包，針對團客、自由行散客，說明機票、住宿退費</t>
  </si>
  <si>
    <t>享譽全台的高樹蜜棗國際馬拉松不受疫情影響，如期於16日展開，賽事超過1萬名跑者報名，主辦單位高樹鄉公所不敢大意，出動2台紅外線體溫感測儀，更宣布婉拒來自中港澳及其他外籍人士參加，企圖將防疫工作做到滴水不漏</t>
  </si>
  <si>
    <t>國內疫苗第二劑接種人口未達五成，過去醫界大多呼籲「有疫苗就打」、「打得到就是好疫苗」，不過衛福部草屯療養院醫師沈政男則說「這樣的傻話，沒有多久，就會像高端疫苗一樣，讓你開始懷疑自己」，他透露最可怕的疫</t>
  </si>
  <si>
    <t>新冠肺炎本土疫情延燒，中央流行疫情指揮中心今公布新增549名本土案例，其中372例正式本土案例，177例為校正回歸個案。確診個案中，今新增12例死亡。指揮官陳時中表示，目前疫情沒有往下降，仍維持平穩。陳時中表示</t>
  </si>
  <si>
    <t>疫情大爆發，政府理應救人如救火，大陸主動釋出善意，願提供疫苗幫助台灣渡過難關，民進黨政府卻冷回應「假好心」，連大陸廠商代理的國外疫苗都不肯開放，堅持發展國產疫苗。總統蔡英文說疫苗是一種「戰略資源」，必</t>
  </si>
  <si>
    <t>受春節假期影響，香港海運港口局18日公布1月香港港口貨櫃吞吐量較上年同期大跌逾兩成，已連跌24個月，且在疫情持續影響下，或突破過去連跌25個月的歷史最長紀錄。香港海運港口局數據顯示，1月香港港口貨櫃吞吐量為13</t>
  </si>
  <si>
    <t>新加坡地方媒體報導，星國新增9起2019年冠狀病毒疾病（COVID-19，武漢肺炎）確診病例，感染總人數來到67例，這次是自疫情爆發以來的最大每日增額。（</t>
  </si>
  <si>
    <t>因新冠肺炎全球大流行導致生產受阻，以及智慧手機與電視機需求大減，LG顯示器（LG Display）公布連續第5季的營業虧損。LG顯示器周四公布，第一季營收年減20%，為4.72兆韓元。營業虧損為3620億韓元（2.947億美元），</t>
  </si>
  <si>
    <t>台灣醫療健保制度舉世聞名，尤其是現在新冠肺炎疫情爆發之際，不少民眾都狂讚好險台灣有健保，近日急診兒科醫師吳昌騰分享一起來自中國大陸的故事，一名孕婦確診肺炎後因為沒錢支付醫療費用，決定「拔葉克膜」放棄治</t>
  </si>
  <si>
    <t>日本小兒科學會等團體調查發現，截至去年8月，確診2019冠狀病毒疾病（COVID-19）的孕婦所生的新生兒中，有一人一出生即確診，疑似母子垂直感染，為日本國內首度發現的個案。日本放送協會（NHK）報導，日本大學醫學部</t>
  </si>
  <si>
    <t>近來受到新冠肺炎疫情延燒影響，人們的生活型態明顯轉變，人與人之間維持一定的社交距離，外食用餐機會能免則免、自己在家煮食蔚為一股風氣，不少餐廳名店也因為不敵疫情衝擊紛紛應聲倒下，就像由藝人藍心湄、陶晶瑩</t>
  </si>
  <si>
    <t>中央公布孕婦納入公費COVID-19疫苗接種第6類實施對象後，嘉義市隨即宣布今22日起，孕婦可向嘉義基督教醫院、天主教聖馬爾定醫院、台中榮總嘉義分院、衛生福利部嘉義醫院及東西區衛生所預約接種疫苗，莫德納、AZ可擇</t>
  </si>
  <si>
    <t>大陸外交學院副院長、教授王帆16日在陸媒《環球時報》撰文〈世界總體穩定對中美都有利〉指出，在新冠肺炎疫情肆虐全球的嚴峻時刻，美國一些政客不思與他國聯手抗疫，反而當成削弱別國機會，是缺少歷史觀和戰略觀的膚</t>
  </si>
  <si>
    <t>史上頭一遭！新冠肺炎疫情嚴峻，確診人數逼近50萬大關，二十國集團（G20）領袖，26日破天荒召開視訊特別峰會，包括美國總統川普、俄羅斯總統普丁、大陸國家主席習近平等，各自說明疫情因應，以及流行病對該國經濟造</t>
  </si>
  <si>
    <t>台南今天新增2例本土新冠肺炎確診個案，全市累計35例。案11100的50多歲男性自營工廠，與案5645在5月20日短暫接觸，當時未戴口罩，5月31日出現發燒等症狀，4日醫院採檢確診，匡列9接觸者。案11102的60多歲女性，5月10</t>
  </si>
  <si>
    <t>據大陸國家衛健委網站消息，7月3日0至24時，31個省(自治區、直轄市)和新疆生產建設兵團報告新增確診病例14例，均為境外輸入病例(雲南4例，廣東3例，福建2例，天津1例，遼寧1例，上海1例，廣西1例，四川1例)；新增疑</t>
  </si>
  <si>
    <t>韓國中央防疫對策本部通報，至今天凌晨零時，確診感染2019年冠狀病毒疾病（COVID-19，武漢肺炎）病例達8236例，較15日增加74例；連同今早新增案例，死亡病例增至76例。新增74例中，包括大邱35例、慶尚北道7例、首爾6</t>
  </si>
  <si>
    <t>YONEX泰國羽球公開賽開打至今關於新冠肺炎方面的防疫雖然努力做到家，不過目前一些狀況也還是有點混亂，昨天傳出病毒檢測結果是陽性、必須立刻到醫院隔離的印度前世界球后賽娜（Saina Nehwal），後來BWF官方改口檢測</t>
  </si>
  <si>
    <t>後疫情時代來臨，高市府搶救觀光大作戰超前部署，不等中央安心旅遊補助到位，先擬定射觀光3箭，瞄準公務員、團客、散客三大族群，搶攻國民旅遊市場。除攜手飯店、旅行社加碼優惠補助，盼帶動公務員預購、預刷國民旅</t>
  </si>
  <si>
    <t>今年受新冠肺炎疫情影響，社福團體募款持續低迷，不僅活動延期或取消，影響曝光機會，民眾減少出門也降低小額捐款進帳，屏東創世基金會趁國內疫情趨緩之際，選在11月8日舉辦公益園遊會，但倒數1個月時間，允諾出席攤</t>
  </si>
  <si>
    <t>新冠肺炎疫情不可收拾，湖北省委書記蔣超良遭免，由上海市長應勇接替；與此同時，湖北的確診人數也一夕暴增到1.4萬，為何會有這麼劇烈的改變？十年前從大陸移居香港的資深媒體人曾慧燕指出，確診病例一日暴增，是因</t>
  </si>
  <si>
    <t>NB代工大廠仁寶位於大陸昆山地房工廠，受制中國新冠肺炎影響，公司初步暫訂復工日期延後至2月17日。由於昆山地區有不少台商，仁寶延後開工之舉，也間接說明台商在昆山區塊的復工日期還待進一步觀察。據了解，由於大</t>
  </si>
  <si>
    <t>新冠肺炎疫情導致下半年產業變數不少，光寶科(2301)下半年仍可望優於上半年！光寶科總執行長陳廣中表示，第3季雖然為傳統旺季，但因第2波疫情尚未明朗化，較為保守看待第3季，不過下半年因工作天數多於上半年，預估</t>
  </si>
  <si>
    <t>該來的還是來了！《The Athletic》權威記者查拉尼亞15日搶先爆料，曾在8日跟爵士中鋒戈貝爾在場上遭遇的活塞中鋒伍德，接受新冠肺炎檢驗呈現陽性，確定成為第3位新冠肺炎檢測呈現陽性的NBA球員，前兩位分別是戈貝爾</t>
  </si>
  <si>
    <t>今年一開年，中美達成第一階段協議，順利簽署實質文本，且雙方均表認同。儘管美國總統川普表示，原先已課徵的關稅不會取消或降低，此議題將留至第二階段協議簽署後，才有協調的空間，但市場仍樂觀看待貿易戰暫時落幕</t>
  </si>
  <si>
    <t>有意角逐2022台北市長選舉的藍委蔣萬安，在日前國民黨35位政治人物聲量排名掉入第30名，引發外界的關注。對此，國民黨台北市黨部主委黃呂錦茹表示，這應是疫情當下的特殊狀況，明年接近選舉，藍綠白在北市會回歸基本</t>
  </si>
  <si>
    <t>◎長庚發現抗體 抑制新冠病毒力達98％抗疫新利器！長庚黃冠穎醫師團隊從確診病患中找到單株抗體，經實驗發現能有效阻斷病毒，且武漢株、美國株、歐洲株和埃及株都有效果，抑制病毒能力達90至98％，且來源是人體，副作</t>
  </si>
  <si>
    <t>近日國內新冠肺炎境外移入確診每天都1、20例，全台僅剩花東、嘉義及外島沒有案例。長庚醫院毒物實驗室在已故「俠醫」林杰樑的臉書，分享了10種一般民眾預防感染、增強抵抗力的最好方法，連台灣人最愛的「試吃」也列</t>
  </si>
  <si>
    <t>台灣累積確診數已破萬人，疫情尚看不到終點，凸顯國內方艙收容不足問題。對此外貿協會董事長黃志芳今天正面回應，國家疫情嚴峻如要徵用貿協展場，「義不容辭、全力配合」。據了解，貿協內部對此有做過評估，如國家真</t>
  </si>
  <si>
    <t>新北市長侯友宜今上午表示不能完全排除幼兒園群聚感染跟機師染疫有關，但兩者時間序對不上，質疑市府甩鍋，新北市副發言人蔡畹鎣回應，針對群聚案新北市積極匡列疫調中，一切等基因定序結果出來，不排除任何感染源的</t>
  </si>
  <si>
    <t>孫文學校校長張亞中今天上午前往衛福部疾管署，親自遞交疫苗進口申請書。張亞中表示，完全配合衛福部的要求，願意提供擬捐贈疫苗的單位與原生產藥廠、代理公司的聯絡窗口，由衛福部直接接洽相關疫苗進口所需的各項驗</t>
  </si>
  <si>
    <t>鑑於美國新冠病毒確診數再度激增，為免加速疫情擴散，疾病管制預防中心（CDC）19日勸告美國民眾，下周感恩節假期勿外出旅行。CDC官員沃克（Henry Walke）周四在電話中告訴記者，這是強烈建議而非硬性規定，係基於新</t>
  </si>
  <si>
    <t>爵士球星戈貝爾在今天與雷霆之戰開打前被確診染上新冠肺炎，此時不但是爵士全隊上下忐忑不安，就連爵士過去兩周交手的6場對手也開始皮皮挫。爵士本季目前戰績41勝23敗，暫居西區第4，僅次於湖人、快艇和金塊，很有機</t>
  </si>
  <si>
    <t>因應新冠肺炎疫情升溫，泰國總理帕拉育（Prayuth Chan-ocha）今（24）日宣布，泰國自26日起進入緊急狀態一個月，屆時總理將有權實施宵禁、禁止國內旅遊、限制人民行動等。路透社報導，泰國總理帕拉育今日下午在記者</t>
  </si>
  <si>
    <t>新冠肺炎疫情衝擊餐飲業營運，即時外送平台foodpanda對此承諾透過「補貼外送服務費振興餐飲業」、「增加上線獎金協助短期就業」及「推廣安全配送建立安心保障」3大方針，盼在抗疫期間成為合作店家、外送員及消費者的</t>
  </si>
  <si>
    <t>韓國疾控中心指出，確診新冠肺炎患者二採陰又復陽者，對於身邊的接觸者並沒有傳染力，而台灣一直以來都是採取三採陰性才能解隔離出院，有確診者表示，因隔離時間太長身心壓力大，還有人出院後出現創傷壓力症候群，對</t>
  </si>
  <si>
    <t>大陸新疆首府烏魯木齊出現新增新冠肺炎本土確診病例5例，並造成另外8名無症狀感染，消息傳出後引發當地民眾恐慌。目前當地多項聯外交通停駛、航班近9成取消，民眾在超市瘋狂搶購食物與生活日用品，各種謠言滿城亂飛</t>
  </si>
  <si>
    <t>南韓女神金泰希結婚生子後，睽違5年回歸演出電視劇《哈囉掰掰，我是鬼媽媽》，該劇邊拍攝邊播出，不過就在1日傳出劇組工作人員疑似感染新冠肺炎，因此當天的拍攝行程已取消。根據韓媒《OSEN》報導，該工作人員正在居</t>
  </si>
  <si>
    <t>根據中國大陸和美國衛生研究當局贊助的一份大規模研究，2019年新型冠狀病毒引發的肺炎平均潛伏期是4.75天，致死率估計為3.06%，而年長男性（超過50歲）罹患機率較高。據《中央社》報導，這份研究發表在醫學類論文預</t>
  </si>
  <si>
    <t>大陸新冠肺炎疫苗有新進展！在14日大陸國務院聯防聯控機制新聞發布會上，大陸科技部社會發展科技司司長吳遠彬介紹，目前已經有三個疫苗獲批進入臨床試驗。其中，大陸軍事科學院軍事醫學研究所生物工程研究所陳薇院士</t>
  </si>
  <si>
    <t>新冠肺炎延燒全球，正當世界各國都苦於應對時，美國卻傳出有大學生開「新冠肺炎趴」，刻意邀請確診者當嘉賓，藉由接觸確診者比賽誰先染疫，第一名還可獲得獎金，荒唐行徑讓人傻眼，當地議員與消防局長也在會議中證實</t>
  </si>
  <si>
    <t>一場新冠肺炎疫情讓大陸進入封城，城市的商業活動被按下暫停鍵，但同時也為線上新經濟蓬勃發展帶來新機遇，包括線上教育、線上醫療等，不論是股價表現或是業務發展，都在這波疫情中異軍突起。這場疫情打破人們原有的</t>
  </si>
  <si>
    <t>敦睦艦隊24人確診新冠肺炎，台中市衛生局昨（19日）晚間公布3名台中確診官兵足跡，其中1人曾造訪台中牛排館「歐奇牛排」，該店老闆和老闆娘隨即在台中各社團宣布，即日起關休息至5月3日，員工們也會自主管理14天，網</t>
  </si>
  <si>
    <t>指揮中心宣布，今新增一例確診，該名個案是旅英返台的30歲女性，在機場攔採檢結果是陰性，檢疫期間出現鼻塞、味覺異常等症狀，二採後復陽確診。中央流行疫情指揮中心專家諮詢小組召集人張上淳表示，目前尚無法確認女</t>
  </si>
  <si>
    <t>清明連假台灣民眾擠爆熱門觀光景點，專家及醫護人員深怕因這幾天的群聚讓疫情大爆發。指揮中心隨後也公告，有到11處熱門旅遊景點的民眾需自主管理14天。就有網友發問「為什麼不直接宣佈禁止去觀光景點？」貼文一曝光</t>
  </si>
  <si>
    <t>繼台美以口罩換防護衣原料後，台澳也達成相互採購口罩和酒精原料的共識，外交部今晚表示，有關台澳防疫合作案，我國與澳洲相互採購防疫物資原料，確保兩國民眾防疫需求。外交部居中協助聯繫協調，本案樂見台澳互惠受</t>
  </si>
  <si>
    <t>BNT疫苗28日開放18歲以上民眾意願登記，民眾瘋搶，對此，藍委洪孟楷認為，這代表大家對於國際合格認證的疫苗較有信心，因此他主張BNT疫苗應該全部年齡層都能夠選擇，並要求政府加碼採購1500萬劑BNT疫苗，以足夠人民</t>
  </si>
  <si>
    <t>測試廠欣銓(3264)受惠5G相關應用及車用晶片測試需求同步暢旺，2020年12月及第四季合併營收同步「雙升」，與全年營收同步改寫新高、締造「三高」佳績。展望今年，在測試需求續旺、新廠投產挹注帶動下，法人看好首季淡</t>
  </si>
  <si>
    <t>衛福部長陳時中今（12）日宣佈，若陸配子女「目前沒有」我國國籍、仍滯留在大陸、港澳地區者，確定「不」准許入境。陳時中強調，可理解相關人士會有壓力，但陸配子女出生時的國籍是可以選擇的，「既然當初已選擇了國</t>
  </si>
  <si>
    <t>香港爆發疑似透過社區大樓排氣管傳播，感染新冠肺炎的個案。在10日確診的6宗個案當中，有一名62歲女子居住在青衣長康邨的康美樓，而上月30日同一棟大樓裡有另一名75歲男子也被列為確診個案，且兩人同座樓的單位編號</t>
  </si>
  <si>
    <t>根據「紐西蘭先驅報」報導，紐西蘭地方衛生官員說，一艘載有3800人的「紅寶石公主號」（Ruby Princess）已有4人確診，包含3名澳籍乘客與1名船員，他們皆曾與船上其他紐籍乘客接觸過，並警告船上乘客若出現任何新冠肺</t>
  </si>
  <si>
    <t>在4億年前就出現，有「灘地上的活化石」之稱的鱟，是金門特有的海洋生物，但在人為干擾和棲地破壞下，族群數量已逐年減少。縣水試所致力生態復育，今（30）日上午由副縣長黃怡凱帶隊在建功嶼潮間帶放流自行育成，1至</t>
  </si>
  <si>
    <t>台新金控2月自結稅後盈餘11.7億元，每股稅後盈餘（EPS）0.23元，主要子公司獲利表現上，台新銀行稅後盈餘10.1億元，較去年同期成長7％，不受肺炎疫情衝擊。台新金表示，台新銀行當月核心業務獲利動能持續穩健，累計</t>
  </si>
  <si>
    <t>新冠肺炎疫情愈來愈險竣，因歐洲、美國走樣的疫情，使得國內的確診病例暴增，衝破百例。蔡英文總統和中央流行疫情指揮中心指揮官陳時中都表示「未來兩週是關鍵期」。指揮中心社區防疫組副組長莊人祥說明原因，主要是</t>
  </si>
  <si>
    <t>就在台灣5G開台前夕，台灣「電信二哥」之爭卻悄然引爆，根據NCC(國家通訊委員會)統計，截至2月底，遠傳(4904)用戶數為707.8萬，險勝台灣大(3045)的707.3萬，在4G時代首度躍升電信二哥。對此，台灣大表示，目前台灣大</t>
  </si>
  <si>
    <t>據中國國家衛健委今（2日）發佈，截至2021年10月1日，31個省（自治區、直轄市）和新疆生產建設兵團累計報告接種新冠病毒疫苗22億1220.6萬劑次。</t>
  </si>
  <si>
    <t>汛期即將來臨，台中市長盧秀燕17日前往即將於4月底完工的大里草湖防災公園，了解工程進度，希望汛期間，它能發揮功效，減少淹水。草湖防災公園採多功能設計，除可滯洪排水，更設計籃球場、溜滑梯等遊憩設備，打造多</t>
  </si>
  <si>
    <t>就算美國新冠疫情日趨嚴重，NBA總裁席爾佛卻還要放「空話」嗎？席爾佛22日受訪時表示，聯盟正在探索所有能在保障安全前提之下重新開打的方法，「沒什麼是不可能的，但我們現在工作重點是支持、參與和教育民眾如何面</t>
  </si>
  <si>
    <t>新竹縣寶山鄉1名8旬婦人日前因車禍而送醫採檢，因4次PCR採檢陰陽反覆，新竹縣衛生局不敢大意，將檢體送往昆陽實驗室判定，今天（8月31日）中午確定為陰性。而寶山鄉30日晚間連夜開設快篩站，共196人快篩均為陰性。新</t>
  </si>
  <si>
    <t>在新冠肺炎疫情下，全球消費市場買氣急凍，華為總裁任正非首度公開證實，華為已下調第一季的營收目標，市場也傳出，華為本月也將陸續對供應鏈進行砍單，幅度上看3成，此舉恐影響聯詠(3034)OLED驅動器IC出貨量，進而</t>
  </si>
  <si>
    <t>國高中生將從23日開始施打BNT疫苗，指揮中心指揮官陳時中今表示，打完疫苗後2周內不要從事劇烈運動，學校體育課應配合學生打疫苗的時間點做適當安排；此外，打完疫苗28天內，如果有心肌炎或心包膜炎的五大症狀，應盡</t>
  </si>
  <si>
    <t>電子大型權值股熄火，外資鎖定小尖兵衝鋒，摩根士丹利證券看好微控制器（MCU）大陸在地化商機，初評新唐（4919）喊買，瑞信證券科技產業分析師看好元太（8069）電子貨架標籤（ESL）業務，調高股價預期到100元，野村</t>
  </si>
  <si>
    <t>「半島電視台」（Al Jazeera）1日報導，印度4月再度爆發大規模新冠肺炎（COVID-19）疫情，該國東北部的產茶重地阿薩姆邦（Assam）也不能倖免，目前已有超過7000名採茶工人染疫，加上當地年初降雨量不足，恐讓這種全</t>
  </si>
  <si>
    <t>全國新冠肺炎疫情升溫、三級警戒，連江縣疫情指揮中心今（21日）公布新增桃園案2344密切接觸需居家隔離個案1人，全縣統計目前居家隔離26例、居家檢疫11人，全縣各院所門急診採檢量為59件，皆為陰性。連江縣疫情指揮</t>
  </si>
  <si>
    <t>小編精選《中國時報》5件不可不知大事，帶讀者掌握今天（29日）新聞重點。【1】羅志祥今出關 下一步怎走考驗智慧周揚青宣告與羅志祥（小豬）分手，並踢爆小豬與愷樂（蝴蝶）有不正當男女關係，讓小豬形象一落千丈。</t>
  </si>
  <si>
    <t>考慮新冠肺炎疫情，高雄市內門區農會連續多年推出「初二回娘家」辦桌活動，今年取消。內門區農會總幹事洪輝煌說，配合防疫需求，不得已停辦此活動，考慮會採訂購方式，讓有需要的民眾向總舖師購買。「初二回娘家」辦</t>
  </si>
  <si>
    <t>中央流行疫情指揮中心今（10日）針對新北幼兒園群聚公布最新基因定序結果，確定埃及爸（案16160）一家三口都染上Delta變異株，同時也指出與埃及爸同日返台的表哥和哥哥（案16169、案16170）抗體檢驗結果為陰性，研判</t>
  </si>
  <si>
    <t>澳門特區政府官網14日引用澳門高等教育局消息指出，日前該局與澳門10所高等院校高層及代表召開會議，就復課日期及安排進行磋商，根據澎湃新聞網報導，初步建議院校在滿足特定條件，並根據自身實際情況，可考慮於4月1</t>
  </si>
  <si>
    <t>滯留在武漢當地的台商當初因為武漢倉促封城而無法返台，第一班包機返台後，終於再次啟動，中央流行疫情指揮中心監測應變官莊人祥表示，將比照第一班包機模式，台商下機後，先在台灣飛機維修公司機棚進行防疫檢查後若</t>
  </si>
  <si>
    <t>擴大紓困上路以來，民眾相當不滿，小黃司機可領6萬元，更是引起軒然大波，雖然政府趕快澄清是相關補助加起來6萬，但還是對政府威信造成傷害。對此，綠媒老董吳子嘉直言，連錢給人家這樣的事都沒做好，代表政府有可能</t>
  </si>
  <si>
    <t>新冠肺炎疫情肆虐，蘋果執行長庫克仍樂觀看待後續發展。庫克表示，確診數字逐日下降反映大陸已管控住疫情，他對此相當樂觀，蘋果供應鏈復工也讓產能接近恢復正常水平。福斯財經網27日報導，庫克受訪時表示，基於大陸</t>
  </si>
  <si>
    <t>對於海軍磐石軍艦有24名確診新冠肺炎，民進黨立委林昶佐表示必須展現防衛的能量與決心，相關訓練有些不能停止。神朱學恆則說，搞不清楚敦睦和展現防衛決心的差別，大家不要怪他，因為他沒當兵。對於海軍敦睦艦隊出訪</t>
  </si>
  <si>
    <t>新冠肺炎治療又有重大突破，新研究顯示，一種稱為「氫化可體松」（hydrocortisone）的類固醇藥物能有效降低重症患者20%的死亡率，而且這種藥物相當便宜，最低只要5英鎊，不到200塊台幣。綜合英國《太陽報》（The Sun</t>
  </si>
  <si>
    <t>衛福部食藥署昨核准新冠肺炎新藥「瑞德西韋」（remdesivir）的輸入，所屬吉立亞醫藥針對近400名新冠肺炎重症者進行臨床試驗，其中有11名為台灣中、重症病患，食藥署官員表示，這11人的治療效果佳，有肺浸潤、呼吸困</t>
  </si>
  <si>
    <t>國際間已有59國開始注射新冠肺炎疫苗，台灣卻買不到疫苗，防疫指揮官陳時中在1月底先為國人打「預防針」，他坦承「打疫苗一定比他國晚」，這番大實話，真是令人無言以對。對此困境，民進黨立委王定宇開始帶風向稱，</t>
  </si>
  <si>
    <t>澳洲音樂家日前來台演出，返國後確診新冠肺炎，值勤該班台北-布里斯本的組員將被要求居家隔離。事後再傳出確診音樂家是從英國倫敦搭機至曼谷，再轉機到台灣，長榮表示，與該班機接觸過的20多名機師、空服與地勤人員</t>
  </si>
  <si>
    <t>美國總統川普13日在白宮舉行的記者會上回答提問時說，他可能很快接受新冠病毒檢測，相關安排正在計畫中。新華社報導，上週末，川普在位於佛羅里達州的海湖莊園接待了來訪的巴西總統博索納羅一行。隨行的巴西總統府社</t>
  </si>
  <si>
    <t>近期美股反彈，科技股扮演主要推手，尖牙股（FAANG）再度出頭天。其中，臉書與亞馬遜股價雙創新高。臉書20日股價收盤狂飆逾6％，報229.97美元，亞馬遜股價勁升近2％，收在2,497.94美元，雙雙改寫新高紀錄。21日美股</t>
  </si>
  <si>
    <t>中央流行疫情指揮中心22日宣布，台灣醫療能量有餘裕，除健檢、醫美外，要開放外籍人士來台就醫，此話一出便引來許多反彈。對此，前國民黨立委孫大千直言，若一旦形成防疫破口，是否會造成醫院的群聚感染，最終導致台</t>
  </si>
  <si>
    <t>新冠肺炎衝擊，IMF（國際貨幣基金）大砍台灣GDP，中央銀行罕見對此提出說明，強調IMF未在台灣設置專職單位，難以即時掌握台灣現況，這份外部報告有明顯低估傾向，也過份悲觀，將會持續與IMF溝通，希望有助於其預測準</t>
  </si>
  <si>
    <t>新冠肺炎肆虐全球，疫情繼續擴散。惟大陸疫情增長有所放緩，除了重災區湖北省外，各地新增確診病例連續多天維持個別數，多個省市區已陸續復工。截至3月2日，大陸確診病例超過8萬宗，造成2912人病亡，疑似病例僅餘715</t>
  </si>
  <si>
    <t>紐籍機師確診新冠肺炎，不僅在飛行期間未佩戴口罩，造成兩名同事染疫，還將病毒傳染給30多歲的廣達集團女員工，但依現行法規，無論本國籍或外籍人士，入境台灣確診後，其治療費用均由政府預算支出，引發網友不滿，感</t>
  </si>
  <si>
    <t>國內昨天(13日)新增一例大陸新冠肺炎輸入個案，是隔8個月來再度出大陸返台確診，對此急診醫生陳志金警告，這一例不會是只有一例，「它背後代表的數字，絕對不能輕忽！」必須超前部署，做好準備。陳志金在臉書提到，1</t>
  </si>
  <si>
    <t>明開始週末假期，蔡英文總統今在臉書拜託大家，明天是星期六，非必要，別出門。「相互體諒、配合，減少出門造成的接觸機會，這就是團結打贏防疫這一仗最好的方式」！總統說，好好待在家裡，就可以減少感染風險。假使</t>
  </si>
  <si>
    <t>CES 2020展會舉辦之際，新冠肺炎（COVID-19）疫情仍處於初期階段。但時至今日，疫情散播情形已截然不同，全球確診人數衝破1600萬。為了保護參展廠商與參觀民眾與媒體們的健康，主辦單位CTA (Consumer Technology Ass</t>
  </si>
  <si>
    <t>新冠肺炎疫情升溫，全國三級警戒，新北市議員張維倩今（20日）接獲民眾陳情，民眾由PCR篩檢後得知確診卻僅能等候安排，她將向市府建議，市府應儘速建立整套的防疫SOP，讓市民知道確診後該如何配合市府等待、隔離、以</t>
  </si>
  <si>
    <t>指揮中心前天(13日)公布一名台商自大陸江蘇返台確診新冠肺炎，是時隔8個月又見大陸移入個案，光電大廠友達也證實染疫台商為昆山廠台籍幹部，然而昨(14日)晚大陸疾控中心指收到我方電郵，指該名台商（案530)的核酸檢</t>
  </si>
  <si>
    <t>本土疫情持續趨緩，中央流行疫情指揮中心今天公布，10月19日至11月1日維持二級警戒，不過因為疫情穩定，因此宣布口罩鬆綁規定，19日起民眾從事戶外運動、室內外拍照時可以不用配戴口罩，至於何時可以降到一級？指揮</t>
  </si>
  <si>
    <t>台南市1名有中風、洗腎病史的58歲男子，6月14日接種AZ疫苗後，隔天即出現身體不適，6月28日送醫治療，7月24日宣告過世，家屬向衛生局通報後，台南市衛生局也已經向中央通報為疫苗不良反應個案。台南市衛生局指出，今</t>
  </si>
  <si>
    <t>台灣疫情升溫，近日升至為第二級警戒後，昨（14日）更一口氣爆增29位本土病例，讓全台灣民眾人心惶惶，不過作家歐陽靖表示：「現在全世界能因為日增十幾位本土案例，就恐慌成這樣的…大概也只有台灣、澳洲這些防疫有</t>
  </si>
  <si>
    <t>新冠肺炎疫情延燒，民眾聞「肺炎」色變，未料竟意外成為嚇阻民眾亂丟垃圾利器，台東市中華路1間服飾店在騎樓設置洗手台，長期遭民眾丟進垃圾，店家不堪其擾，結合「當紅時事」貼出「亂丟垃圾得肺炎」告示，果然一舉</t>
  </si>
  <si>
    <t>日本厚生勞動省日前通報我方，當地自台灣返日的學生檢出新冠肺炎陽性。中央流行疫情指揮中心發言人莊人祥表示，今早得知這名學生的CT值大於35，屬於弱陽性，衛生單位目前已要求100多名接觸者進行採檢，截至目前44人</t>
  </si>
  <si>
    <t>瑞基(4171)新冠肺炎病毒檢測試劑開發完成，兩款試劑分別適用一般實驗室與瑞基POCKIT檢測平台。瑞基說，在新冠肺炎病毒檢測試劑開發上取得重大進程，已成功開發出適用於實驗室使用的qPCR(Real-Time PCR)試劑，以及適</t>
  </si>
  <si>
    <t>桃園市政府19日公布確診者足跡，新增1人足跡在金沙酒店為5月10日至14日下午4時至凌晨2時。另根據苗栗縣政府資料，案2011曾在11日傍晚前往該酒店，當時衛生局已經匡列相關酒客、小姐、工作人員，如今又傳出1人確診，</t>
  </si>
  <si>
    <t>上週末，北京市出現今年清明祭掃首個高峰週末。據市清明節群眾祭掃服務工作臨時指揮部統計，3月21日至29日9天時間，全市各殯葬服務機構已累計接待31.1萬祭掃群眾。週六周日兩天，全市223處祭掃點共接待群眾11.3萬餘</t>
  </si>
  <si>
    <t>身為首位確診新冠肺炎NBA球員的爵士中鋒戈貝爾，如今總算把悶在心裡的話都說出來！《鹽湖城論壇報》記者瓦爾登13日爆料，戈貝爾坦承在確診之後，就不斷收到死亡威脅，畢竟他被外界認定是造成NBA無限期停賽的罪魁禍首</t>
  </si>
  <si>
    <t>中央流行疫情指揮中心昨日（12）宣布新增16例本土個案，包括台北、新北、宜蘭、基隆都有確診者，讓全台恐慌。國民黨立委曾銘宗、賴士葆雙雙呼籲，總統蔡英文別再陷意識形態，趕快向上海復星醫藥採購有效且安全的德國</t>
  </si>
  <si>
    <t>一項刊登在國際權威期刊《自然》（Nature）的美國研究發現，輕症新冠患者感染病毒11個月後，體內還有抗體，還發現了能夠製造抗體的骨髓細胞，團隊認為染疫後或許能夠終身免疫。綜合路透社、《印度人報》（The Hindu</t>
  </si>
  <si>
    <t>大陸數月前自祿口機場清潔人員檢出印度變異株（Delta）後，本土疫情便在境內多處擴散，引發國際擔憂。國內今新增一名桃勤清潔人員染疫，經初步定序檢出Delta，Ct值僅14，專家擔憂事情「大條」。由於國內過去的本土群</t>
  </si>
  <si>
    <t>靈鷲山無生道場今（31）日在貢寮聖山寺舉辦「2022年水陸空第1場先修大法會」，為新冠疫情染疫往生者、東北角濱海公路車禍意外、高雄城中城火災及雙溪區虎豹潭事故罹難者超薦祈福，並捐贈新北市府愛心贊普物資及消防</t>
  </si>
  <si>
    <t>對一般人來說，單是要做幾個伏地挺身，可能就得費上九牛二虎之力，累得喘噓噓。可是對這位健身高人而言，實在是簡單到爆。據《每日郵報》（Daily Mail）25日報導，在法國巴黎郊區埃爾布萊（Herblay）的健身房裡，這</t>
  </si>
  <si>
    <t>新冠肺炎肆虐全球，歐美半導體大廠紛紛減產、拉長交期，使台灣半導體廠成為客戶下單的首選，另外中國復工後，拉貨需求大增，最後加上去美化效應持續發酵，更讓台灣半導體供應鏈等著大啖全球訂單。新冠肺炎目前仍持續</t>
  </si>
  <si>
    <t>台大公衛學院4日舉行第13周抗COVID-19說明會，副院長陳秀熙表示，到5月3日全球新冠肺炎344萬確診、死亡24萬、死亡率7.1％，仍未達到預期的下降；好消息是康復率32％，比上周增加4％。另外台大公衛學院也預測，全球通</t>
  </si>
  <si>
    <t>彰化16日晚間傳出新增2名學生確診，彰化縣政府17日上午由縣長王惠美率相關局處長透過臉書粉專直播說明防疫作為，公布疫調足跡表，針對家長要求停課，也強調未達中央規範，但家長憂心而以防疫因素，同意為孩子請假，</t>
  </si>
  <si>
    <t>美國一名66歲老婦路安（LouAnn Dagen）在療養院染上新冠肺炎，在死前不停向亞馬遜AI語音助理Alexa訴說自己的痛苦、不停求救「我好痛苦…」「我好難受，我必須找到一種減輕痛苦的方法」、「我該怎麼做才能止痛？」多達</t>
  </si>
  <si>
    <t>新冠肺炎持續延燒，台灣今（27）日宣布新增15例確診病例，累計確診達267人，隨著確診人數攀升，不少人也關注政府是否會有進一步措施。最新民調顯示，若疫情繼續擴散，大多數的民眾都支持封城、發布緊急命令。根據《E</t>
  </si>
  <si>
    <t>中央流行疫情指揮中心今天公布中央流行疫情指揮中心今日公布國內新增267例COVID-19確定病例，分別為262例本土個案及5例境外移入個案；另有校正回歸本土個案65例，總計332例。而確診個案中新增13例死亡，其中有兩人是</t>
  </si>
  <si>
    <t>新冠肺炎疫情持續、大陸洪患、澳洲大火等事件重創全球產業經濟，「綠天鵝」頻出現，迫使企業開始提前思考氣候及環境變遷所產生的風險。國立臺北大學商學院院長、國立臺北大學商學院金融與合作經營學系教授池祥麟指出</t>
  </si>
  <si>
    <t>大陸高考考生進入考場是否要戴口罩？大陸教育部規定，低風險地區的考生進考場前要戴，進考場就座後，可以自行決定要不要戴；不過備用隔離考場和中高風險地區的考生，要全程戴口罩。不過山東省「建議考生進考場就座繼</t>
  </si>
  <si>
    <t>訪台澳籍音樂家確診罹患新冠肺炎，造成上百位接觸者須居家隔離。邀請該音樂家來台的國家交響樂團音樂總監呂紹嘉在今(10)日發出公開信，為此一事件造成的社會恐慌，向社會大眾道歉。訪台前即有咳嗽症狀的澳籍音樂家，</t>
  </si>
  <si>
    <t>凱基投顧、匯豐證券聯袂出手，於鴻海財報公布後啟動降評，點出未來需求不確定性升高利空，鴻海營業利益率同步面臨壓力，2020年獲利恐有衰退之虞，雙雙降評至「中立」。大型研究機構對鴻海的疑慮氛圍愈來愈濃，繼本土</t>
  </si>
  <si>
    <t>中央流行疫情指揮中心今(12)日公布國內新增24例COVID-19確定病例，分別為23例本土及1例境外移入；另確診個案中新增1例死亡。指揮中心表示，今日新增之23例本土病例(其中9例為居家隔離期間或期滿檢驗陽性者)，為13例</t>
  </si>
  <si>
    <t>隨著東京奧運即將展開，大量外國記者已隨選手們抵達日本，不過有一名法國記者在推特上發文，表達對主新聞中心（Media Press Centre MPC）中餐點的不滿，認為又貴又難吃。其他記者表示，正爭取取消出外採購餐食時僅限</t>
  </si>
  <si>
    <t>去年12月爆發的新冠肺炎病毒（2019-nCoV），為冠狀病毒史上感染力最強，人體遭感染後，即使沒有症狀，也可能傳染給他人。中央研究院院士、冠狀病毒之父賴明詔接受《中國時報》專訪時指出，這場病毒與人類的戰爭中，</t>
  </si>
  <si>
    <t>香港國泰航空53歲男貨機機師由德國返香港後確診新冠肺炎，香港大學感染及傳染病中心總監何栢良今日（15日）表示，近日歐洲疫情反彈，但香港風險評估機制落後，部分地區仍然屬於中風險地區，有機組人員受感染是可預計</t>
  </si>
  <si>
    <t>「爺爺離開了」。近日一名一線醫護人員表示，91歲的爺爺平常都會去龍山寺拜拜，沒想到因此染疫，最後仍敵不過新冠病毒離世，爺爺生前最大的遺憾就是害全家人跟著一起隔離，無法再見家人最後一面，令醫護悲痛地說「那</t>
  </si>
  <si>
    <t>新冠病毒Covid-19仍在流行，病理學家也在調查感染風險。一項新的研究表明，常用來治療胃灼熱及胃酸逆流的胃酸抑制劑，可能會無意中增加感染COVID-19的機會。醫療訊息 (Medical Xpress)報導，超過5.3萬名美國人都有胃</t>
  </si>
  <si>
    <t>今(5日)高雄老字號餐廳「渝香園」宣布將於3月底歇業，此消息一出，讓許多粉絲透過電話、臉書表達深感不捨，該餐廳負責人Jenny表示：「要決定歇業是一件非常難過的事情。」新冠肺炎疫情為遏止前，似乎壓垮餐飲界的最</t>
  </si>
  <si>
    <t>今年以來全球金融市場屢受政經不確定性的影響，包括中美貿易紛爭、中東地緣政治緊張、新冠肺炎疫情等，使得市場表現震盪。法人表示，新冠肺炎疫情讓近期的全球股市出現了較大的震盪，但這並非經濟基本面出現惡化，建</t>
  </si>
  <si>
    <t>高端疫苗於本週23日開打，不少民眾反映，接種完後食慾大增。對此，家庭醫學專科醫師王姿允表示，其實不只高端疫苗，許多在施打AZ、莫德納疫苗後也出現「巨大飢餓感」，她認為2原因是關鍵。王姿允28日在臉書分享，針</t>
  </si>
  <si>
    <t>正值美陸因新冠病毒關係陷入緊繃之際，參眾兩院的外交事務委員會主席致信給超過50個國家，呼籲這些國家支持台灣參與世界衛生組織，指出需要讓更可能的廣泛參與，以讓全世界會員國共同對抗大流行。路透社報導指出，在</t>
  </si>
  <si>
    <t>台灣新冠肺炎疫情嚴峻，讓老百姓人心惶惶，56歲資深相聲演員宋少卿上個月才因為批評政府言論，惹來網軍出征，然而他今(6日)更因為網友一句留言「疫苗沒來，也罵；疫苗來了，也罵」，爆氣寫下400字長文回覆，被PTT網</t>
  </si>
  <si>
    <t>隨著我國疫苗覆蓋率突破六成，台灣目前累計912人接種疫苗後死亡，而申請受害救濟的案件數也不斷增加，根據衛福部統計，截至10月15日為止已收案1347件申請，目前已有5件死亡個案完成審定，初步判定與疫苗無關，將不予</t>
  </si>
  <si>
    <t>指揮中心昨日公布新增312例本土，另外400例是校正回歸，將案例回補到昨天以前的天數。對此，台北巿立聯合醫院陽明院區胸腔內科醫師蘇一峰表示，漏登400例事小，若過去幾天沒人通知這些確診者進行隔離或匡列接觸者，</t>
  </si>
  <si>
    <t>近期因為受到新冠肺炎（COVID-19）疫情影響，年度盛事「媽祖遶境」爭議不斷。到底要不要繼續辦？各界說法紛紜，對於疫情來說，大型活動能延期就應盡量延後，但對於虔誠的媽祖信眾來說，則面臨了心靈與現實上的抉擇。</t>
  </si>
  <si>
    <t>大陸爆發「新型冠狀病毒」，全世界幾乎沒有一個國家能夠倖免。兩岸雖然在地理上有著台灣海峽分隔著，但兩岸多年以來的交流，台商已有超過數十萬人在大陸地區建廠、工作甚至落地生根，兩岸之間往來的旅客更是多到無法</t>
  </si>
  <si>
    <t>中央流行疫情指揮中心今9日公布的案12038，3日才從台北坐高鐵南下，回水上鄉老家居住，8日因頭暈由救護車送往醫院治療，但未等到篩檢結果出爐就自行離開，衛生局昨晚11點多接獲院方通報得知他確診，緊急把人找出來送</t>
  </si>
  <si>
    <t>連鎖餐飲集團六角（2732）股東常會通過配發每股現金股利8.5元，今（2）日進行除息交易，每股參考價151元。六角今日股價開高穩揚，最高上漲2.32％至154.5元，填息率達約41.18％，隨後漲勢有所收斂，早盤維持近1％漲幅</t>
  </si>
  <si>
    <t>嘉義市有12名民眾18日陸續主動打電話通報市政府，3月5日從西班牙、土耳其、愛爾蘭、荷蘭旅遊入境返台，市府民政處表示，將依據中央疫情指揮中心指示追蹤管理這12人做居家檢疫，里幹事到家戶關懷。中央流行疫情指揮中</t>
  </si>
  <si>
    <t>中央銀行總裁楊金龍12日將赴立法院財政委員會業務報告，他在10日出爐的書面報告指出，全球經濟面臨三大風險，包括肺炎疫情蔓延、主要經濟體貿易談判結果未定、地緣政治衝突及極端氣候威脅。至於央行如何應變，楊金龍</t>
  </si>
  <si>
    <t>美國新冠肺炎疫情升溫，1日新增確診病例突破5萬人、創下單日新高，促使部分州政府與企業暫停經濟重啟計畫。為防範肺炎疫情擴大，蘋果公司2日宣布再度關閉30家分店，累計達到77家。美國肺炎疫情慘烈，周三單日新增病</t>
  </si>
  <si>
    <t>韓國新冠疫情嚴峻，首爾自12日起實施最高第4級防疫措施，當中健身房有2項限制引人側目，包括有氧等團體課程禁止播放每分鐘超過120拍的音樂，跑步機也須限速在時速6公里以下，引發韓國民眾砲轟「荒謬」，專家也覺得非</t>
  </si>
  <si>
    <t>新冠肺炎發展至今，已造成數百萬人染疫，數十萬人死亡，速度之快，影響範圍之大，都是前所未見的。目前看起來北半球的狀況慢慢有緩和的跡象，各國也開始陸續展開解封的動作。不過南半球的疫情卻讓人憂心，尤其是南美</t>
  </si>
  <si>
    <t>指揮中心因昨晚臨時公布，桃園醫院5000多名住院者、陪病家屬等都需要居家隔離，昨晚應答率不到三成，造成一晚民眾打爆1922專線，指揮官陳時中今天道歉表示，這兩天變化實在太多，已經緊急增加人力到97人，今天也公布</t>
  </si>
  <si>
    <t>經濟部次長林全能下午在行政院紓困振興記者會中表示，工研院已完成潛伏期快篩偵測儀，利用核酸分子試劑快篩，可在1時內完成測試，最快7月就可量產。林全能說，為更早掌握感染者，快篩是很重要的布局方向，目前希望用</t>
  </si>
  <si>
    <t>新冠肺炎蔓延，儘管有研究病毒的源頭有可能是蝙蝠，讓許多人「聞蝠色變」，但是在東南亞某國家部分地區仍然是熱銷！根據《鳳凰網》報導，咖哩蝙蝠是當地熱銷菜餚，饕客拿起咖哩蝙蝠肉配飯，吃得津津有味。顧客說，不</t>
  </si>
  <si>
    <t>國際貨幣基金組織（IMF）24日發佈《世界經濟展望》（World Economic Outlook）顯示，IMF將2020年和2021年中國大陸國內生產總值(GDP)的增長預測分別下調至1%和8.2%，較上次預測值再分別下調0.2和1個百分點。受疫情影</t>
  </si>
  <si>
    <t>為守住桃園移工的「馬其諾防線」，市長鄭文燦祭出「固安計畫」，9日啟動企業到場快篩，他視察提到，台達電為了安全營運，本勞加移工共6000人全快篩，有的同一廠區、有的混線生產，要一起完成，強調桃園移工陽性率仍</t>
  </si>
  <si>
    <t>中央流行疫情指揮中心昨公布新增3名新冠肺炎境外移入個案，其中2人為30多歲男性（案519、521），1人為20多歲女性（案520），均為本國籍，分別自美國及法國返台。感染專家黃立民表示，近期台灣新冠肺炎確診者又現從歐</t>
  </si>
  <si>
    <t>基隆市新增2例本土確診個案，1例家庭群聚、1例疫調中，累計270例，為嚴防疫情擴散，防疫單位進行擴大、預防性採檢，市長林右昌表示，只要自覺有疑慮可以預約申請外，在篩檢站量能充足下，民眾也可以直接前往，醫護人</t>
  </si>
  <si>
    <t>近日來因敦睦艦隊返航，盤石軍艦的官兵新冠肺炎確診數增加，引起各地方政府的重視，紛紛以不同的方式規畫超前部署的防治措施，卻因與中央流行疫情指揮中心意見不盡一致，而有中央與地方不同調的「府際爭議」情狀發生</t>
  </si>
  <si>
    <t>陸股表現出乎投資人預期，法人表示，投資人相信大陸官方必出手，另外資金充沛、陸股價格合理等都是資金力挺陸股原因。為降低疫情對經濟及股市的衝擊，台新中証消費服務領先指數基金經理人葉宇真表示，大陸人行持續大</t>
  </si>
  <si>
    <t>27日起入境者一律入住檢疫旅館或集中檢疫所，桃園機場公司今天說，即時起實施入境旅客一律搭乘防疫車隊前往檢疫地點，籲入境旅客親友不要再前往機場接機，減低病毒傳播風險。因應最早在印度發現的Delta變異株疫情，</t>
  </si>
  <si>
    <t>月初才以身作則施打新冠肺炎疫苗，看來神采奕奕的前大聯盟生涯全壘打王漢克阿倫（Hank Aaron），今天由其女兒證實已不幸辭世，享壽86歲。名人堂兩天前才痛失生涯324勝的強投蘇頓（Don Sutton），如今連阿倫也撒手人</t>
  </si>
  <si>
    <t>新冠肺炎確診個案急速上升，中央流行疫情指揮中心指揮官陳時中坦言，失聯確診者在台北市有146名、新北市164名失聯，雖然不是代表完全失聯，但這樣的數字仍然是太高。北市府表示，日前50名失蹤者已尋獲19人，台北市政</t>
  </si>
  <si>
    <t>今年東京奧運帶動的體育熱潮，原本要由9月7日到12日舉辦的台北羽球公開賽延續，可惜因為新冠肺炎國際疫情尚未趨緩，加上變種病毒致疫情反彈，中華羽協昨宣布繼去年之後再度取消。台北羽球公開賽是國內羽球饗宴，不少</t>
  </si>
  <si>
    <t>國內新冠肺炎疫情蔓延，新北市警察局各分局配合區公所執行取締未戴口罩，依據新北市警察局統計至下午3時止，全市共取締37件、勸導206件，民眾多為外出購物、騎車等未佩戴口罩，各分局依法通告衛生局後續裁罰，將處以</t>
  </si>
  <si>
    <t>台股衝上高點，投資人紛紛出現疑問，到底還有沒有便宜好股票？答案是肯定的。首先回顧去年的變化，從台股大盤跳水式的下跌、美股三月出現4次熔斷導致金融市場秩序大亂，接著美國FED緊急宣布降息至0利率、推出7,000億</t>
  </si>
  <si>
    <t>香港衛生署防護中心傳染病處主任張竹君今日在記者會上表示，香港新增32例新冠病毒確診病例，當中為19男11女，有24例曾有境外旅遊史，包含12名學生。另外，有5人為在卡拉OK包廂內唱歌所發生的交叉感染。事實上，香港</t>
  </si>
  <si>
    <t>政府啟動口罩援外，繼上周宣布捐贈千萬片口罩予歐美，外交部昨加碼，捐贈逾100萬片予新南向國家。國民黨昨指出，若口罩產量滿足國內需求，行有餘力，當然樂見援外，但政府應先將口罩配給透明化。革實院副院長游淑慧</t>
  </si>
  <si>
    <t>新冠肺炎疫情升溫，為免病從口入，桃園市長鄭文燦11日中午至平鎮義興國小視察學校廚房防疫工作及學生打菜用餐情形，並與學童一同學習正確洗手與用餐防疫禮儀，有趣的是，在市長關心學童打菜防疫裝扮時，遭打菜學童制</t>
  </si>
  <si>
    <t>核酸檢測前端萃取儀器及試劑大廠圓點奈米(6797)4月份合併營收1.2億元，年增128％，前4月營收8.9億元，較去年同期成長719％。全球新冠肺炎疫情數度攀上高峰，多國防疫措施從前期的大量檢測，陸續改為強制隔離，然而各</t>
  </si>
  <si>
    <t>台股今開低震盪走低，主要原因係盤中傳來桃園地區某大型防疫醫院，疑似爆發院內新冠肺炎感染，使市場賣壓相對沈重，一度大跌136點，所幸台積電、日月光投控與部分防疫概股力撐短多，才使跌幅稍收歛。不過，受制盤後</t>
  </si>
  <si>
    <t>新冠肺炎疫情在台灣已經緩和許多，但國外疫情依舊緊張。對此，婦產科名醫施景中感嘆，過去會羨慕國外的醫生，但「曾幾何時，現在我知道在台灣當醫生是個福報」。施景中在個人臉書上表示，全世界的感染病例已達500萬</t>
  </si>
  <si>
    <t>因著新北市的疫情升溫，幼兒園群聚案例更確定為Delta病毒，為了防疫優先，Global Mall也宣布將依循縣市政府規範，於明（9日）起至15日期間暫停開放餐飲內用，同時自疫情升溫以來，不僅落實餐飲安心防疫措施，積極推</t>
  </si>
  <si>
    <t>台灣於5月中旬新冠肺炎疫情爆發，外界將其歸咎於，民進黨立委范雲協助推動放寬機組員檢疫措施為「3+11」所造成。范自5月12日起臉書均未發文，神隱83天後3日晚間首度發文，強調自己任內工作報告重點項目是「守護主權</t>
  </si>
  <si>
    <t>大聯盟春訓2.0繼續對球員實施新冠肺炎篩檢，今天又有海盜、國民、白襪、紅雀隊宣布各有2名球員確診，使得23日球季開賽蒙上一層陰影。海盜隊總教練謝爾頓（Derek Shelton）表示，菜鳥投手塞德林德（Blake Cederlind）</t>
  </si>
  <si>
    <t>美國參議院司法委員會主席格雷厄姆12日提交法案，建議一旦大陸若未能如實交代新冠肺炎疫情爆發的起因時，授權總統制裁大陸。大陸外交部發言人趙立堅13日稱，美國對中美貿易合作設障，只會損害美國投資者自身利益，中</t>
  </si>
  <si>
    <t>衛福部長陳時中今天證實，下一批自購的41萬劑莫德納疫苗確實會在周三（30日）進來，只不過航班班次與媒體報導有誤差，另外我國也曾與美國Novavax、德國CureVac兩家公司談過疫苗採購。針對周三將來台的莫德納疫苗，陳</t>
  </si>
  <si>
    <t>國際新冠疫苗陸續研發成功，國際藥廠開發的新冠疫苗已陸續進行三期臨床試驗，包括：美國輝瑞（Pfizer）和德國BioNTech合作開發的疫苗；美國莫德納（Moderna）的新冠疫苗mRNA-1273；阿斯利康（AZ）與牛津大學的疫苗。</t>
  </si>
  <si>
    <t>中央9日宣布酒店、舞廳暫停營業，台中市府加碼宣布八大特種行業實施「實名制」，連續四天突擊檢查店家，12日晚上由副市長陳子敬帶隊前往稽查，強調「有男女陪侍之視聽歌唱業等營業場所都應該停業」，金錢豹、海派兩</t>
  </si>
  <si>
    <t>台灣疫情嚴峻，第一線員警協助防疫工作，因工作需要經常面對不特定民眾，危險性相對提高，警友楊文志，特別請廠商設計「紫外線消毒滅菌門」捐贈給文正派出所使用，讓洽公民眾及員警進出派出所前，先經過「滅菌門」一</t>
  </si>
  <si>
    <t>經常與英國女王接觸的侍僕新冠肺炎確診，如今已返家自我隔離，而高齡93歲的女王在疫情威脅下，目前在溫莎城堡（Windsor Castle）隔離，兩年來首度和高齡98的夫婿菲立普親王（Prince Philip）同住同一個屋簷下。據《</t>
  </si>
  <si>
    <t>日本自上周四以來每天的新冠肺炎確診人數逾兩千人，讓人擔心明年7月東京奧運能否如期舉行之際，東京都知事小池百合子周二重申有能力維持安全環境去舉行奧運，強調許多日本民眾有道德責任心，願意配合政府的防疫措施</t>
  </si>
  <si>
    <t>瑞磁（ABC-KY，6598）受惠出貨給寵物檢測大廠Idexx（愛德士）和多元腸胃道檢測試劑的銷售暢旺，帶動上半年營收達1.5億元，年成長140％，目前正持續加強在腸胃道檢測的布局，預期秋冬季時，也可望通過美國FDA 510k的2</t>
  </si>
  <si>
    <t>因新冠肺炎疫情擴散，淪為國際人球的郵輪「威士特丹號」今（13）日終於停靠柬埔寨，針對各國都拒收這艘郵輪，柬埔寨卻反國際趨勢而行，柬埔寨總理洪森（Hun Sen），表示，他此舉是想打破世界對新冠肺炎的「恐慌症」</t>
  </si>
  <si>
    <t>因應新冠肺炎疫情持續蔓延，中央9日下午宣布酒店、舞廳暫停營業，台中市政府超前部署、率先加嚴；市長盧秀燕今日宣布，台中除酒店、舞廳外，其餘8大特種行業，即日起實施「實名制」，違者將裁罰3000元至1萬5000元，</t>
  </si>
  <si>
    <t>新生代潛力演員李宗霖正在新冠肺炎疫區之一的浙江省拍戲，家人朋友都很擔心，想說服他回台，他13日報平安說：「大家放心，我很好。」李宗霖去年底拍攝導演張之亮的電影《阿麥從軍》，殺青後立刻轉往橫店投入新劇，農</t>
  </si>
  <si>
    <t>「小姐您好，我是小方，對政大這邊熟悉嗎？」高挑帥氣的外表，遇到客人親切招呼、細心介紹，總是把客戶當朋友的永慶房屋文山區經紀人方奕凱，出社會才1年，24歲的他上半年業績已突破450萬元，曾獲得百萬戰將、超級戰</t>
  </si>
  <si>
    <t>截至9月12日24時，大陸福建莆田此次疫情累計報告本土確診病例35例，無症狀感染者33例。疫情延燒，當地官方正加緊推進12歲以上人員疫苗接種。據微信公眾號「健康幸福仙遊」披露，經專家研判，鋪頭小學1名學生家長林某</t>
  </si>
  <si>
    <t>自指揮中心發布醫事人員出國禁令，引發醫事人員不滿。一名住院醫師透露，過去2年除了10天特休，每天4點就到醫院上班。更批一片口罩在醫院戴一天，隔天還要繼續戴著髒口罩才能進醫院，讓他心寒「防疫爛到不可思議」。</t>
  </si>
  <si>
    <t>新冠肺炎人心惶惶，江蘇無錫江陰市一名李姓婦人怕鈔票沾染病毒，便把3125元（約新台幣1.3萬）的鈔票全放入微波爐加熱，想要透過高溫消毒，沒想到一分鐘過去，飄出濃濃燒焦味。李婦趕緊把鈔票取出，但已來不及，鈔票</t>
  </si>
  <si>
    <t>「鑽石公主號」確診新冠肺炎已逾200人，該船在1日曾泊靠的沖繩，今爆出計程車司機確診首例，由於停泊沖繩前一天才在基隆上岸並搭車，引起熱議；市府指出，54名與郵輪遊客接觸司機，目前居家隔離中皆無異狀，預計15日</t>
  </si>
  <si>
    <t>新竹市衛生局為有效利用並加速民眾完成新冠肺炎疫苗接種，10日起開放全市5家醫院及15家診所提供免平台預約接種BNT、AZ疫苗，未來接種第1、2劑BNT或AZ疫苗，衛生局也將視庫存、到貨與接種情形，適度調整合約院所家數</t>
  </si>
  <si>
    <t>東京都的新冠肺炎單日新增確診病例創下逾1個月來新高，使投資人信心受挫，周三日股午後由升轉跌，終場日經225指數收跌0.07%，為22,534.32點。東證一部指數收跌0.42%，為1580.50點。船運股與紡織股分別下挫2.61%與1.6</t>
  </si>
  <si>
    <t>蘆竹30歲羅姓婦人23日凌晨和丈夫發生激烈口角憤而離家出走，因邊哭沒戴好口罩，被巡邏的龜山大坑派出所員警發現，警方勸導見她泛淚關心，獲悉緣由曉以大義並護送返家，婦人婆婆和2小孩在家門口焦急盼望，5歲女兒更當</t>
  </si>
  <si>
    <t>三軍總醫院松山院區護理師參加進香團染疫，中央流行疫情指揮中心日前也證實為案號1352，但非院內感染，不過有院內人員爆料，匡列採檢醫護的人員中，一名醫師傳出確診，但院方卻未在第一時間通知，讓同仁暴露在風險中</t>
  </si>
  <si>
    <t>隨著各家新冠肺炎疫苗陸續進入大規模人體試驗階段，預定價格也紛紛出爐，但各家計價方式落差顯著，從每劑數美元到一個療程70美元都有。嬌生、阿斯特捷利康（AstraZeneca）、Moderna及輝瑞（Pfizer）等藥廠近日陸續發</t>
  </si>
  <si>
    <t>新冠肺炎疫情全球延燒，國際奧會（IOC）17日發布公告，還是重申「現階段仍致力東奧如期舉行」。至於健康疑慮怎麼辦？中華奧會顧問孫立群今天表示，IOC主席巴赫（Thomas Bach）已強調「不會因為經濟利益而不顧選手的</t>
  </si>
  <si>
    <t>據路透社報導，白宮官員透露，美國參議員已與川普政府就減緩因新冠病毒疫情造成的經濟衝擊的紓困案達成共識，這項紓困計畫規模高達2兆美元（約新台幣61兆元）。美國有線電視新聞網（CNN）報導指出，若此案一旦出爐，</t>
  </si>
  <si>
    <t>這波新冠肺炎疫情讓很多人荷包嚴重縮水，不過，對有錢富豪似乎沒有受到太大的衝擊，不僅人數增加，資產規模也水漲船高。根據統計顯示，今年上半年16家私人銀行資產管理規模（AUM）合計達13.96兆元（人民幣，下同），</t>
  </si>
  <si>
    <t>受新冠肺炎疫情影響，經過史上最長暑假後，剛開學，北部校園就傳出疫情；南投縣教育處防疫優先，已通知國中、小學在9月底前暫停跨縣市交流，畢業旅行可以提前規畫，但要有備案以因應疫情變化。南投縣教育處副處長王</t>
  </si>
  <si>
    <t>新冠疫情延燒，但不少民眾忍受不住清明連假的誘惑，單日超過5萬人跑去墾丁爽玩，恐成防疫破口，也讓政府緊急發布國家級警報，呼籲勿前往墾丁。對此林口長庚兒科急診醫師吳昌騰就指出，若爆發第3波疫情潮，最該注意的</t>
  </si>
  <si>
    <t>國民黨革實院院長羅智強今晚主持「未來沙龍」，邀請國民黨立委洪孟楷與淡水商圈理事長盧育佑，談論政府紓困成效。當盧育佑被問到，有多少淡水商圈的店家成功貸款時，他僅能無奈的回答「沒有概念」。針對淡水商圈的業</t>
  </si>
  <si>
    <t>無畏新冠肺炎疫情變化，陸股持續向上。截至20日收盤，滬深300指數收漲2.3％，收4,144.66點，創業板指數則上漲2.21％至2,186.74點，資金仍持續流入。疫情蔓延，造成全球70餘國對中國旅客下達禁止造訪令，儘管如此，不</t>
  </si>
  <si>
    <t>SEMI（國際半導體產業協會）公布北美半導體設備出貨報告，2020年12月份設備製造商出貨金額成長達26.808億美元，創下歷年同期新高紀錄。由於半導體市場需求暢旺，晶圓代工廠及IDM廠產能滿載到下半年，記憶體廠新一代</t>
  </si>
  <si>
    <t>近期大陸疫情再起，各地實施嚴格防疫措施，大陸台企、台商也都相當配合防控要求，採取高標準放疫舉措。「減少跨省活動，記得勤洗手帶口罩，出入看健康碼和行程卡，中高風險區的配合核酸檢測不出門。」台企聯總會長李</t>
  </si>
  <si>
    <t>資誠（PwC）聯合會計師事務所今（12）日發布《全球數位信任洞察》報告。受新冠肺炎影響，96％受訪企業將改變網路安全策略，50％受訪企業研擬將網路安全和隱私納入業務決策。資誠智能風險管理諮詢公司執行董事張晉瑞</t>
  </si>
  <si>
    <t>高端疫苗選定巴拉圭進行新冠肺炎疫苗第3期臨床試驗，上周三 (13)日正式展開；試驗執行已1個星期時間，已有超過300位民眾登記，近日受試者持續完成第1劑疫苗施打；高端疫苗表示，從今日起受試者施打會加速展開，預計</t>
  </si>
  <si>
    <t>金融業員工紛傳染疫，位於敦化北路的中國人壽總部大樓，20日亦證實其14樓有內勤員工染疫，中壽表示該員工工作性質單純，並沒有接觸客戶，且在職場均配戴口罩、體溫正常，目前已安排同層員工進行檢測、並立即居家不要</t>
  </si>
  <si>
    <t>冷氣團一波波來襲！加上人流增加，台中市長盧秀燕23日在市政會議中宣布，疫苗充足市府推出疫苗無限暢打服務，民眾只要符合施打的資格，即可聯絡熟悉的醫院診所；另外「你揪團我來打」，只要揪團30人，即可派出行動防</t>
  </si>
  <si>
    <t>大陸地區新冠肺炎疫情延後復工，日常生活及消費活動因防疫措施而受限，羅麗芬-KY(6666)首季營收1.13億元，較去年同期減少63.5％，平均毛利率71％，因推出新品牌增加營銷費用，營業費用較去年同期增加9.5％，首季小幅</t>
  </si>
  <si>
    <t>國巨董座陳泰銘14日表示，農曆年前訂單無虞，稼動率將緩步爬升，國巨合併基美、普思之後，車用相關比重衝上35％，隨著各國政府理解如何在新冠肺炎以及經濟活動之間取得平衡，2月開始急凍的車市，已經邁向復甦；陳泰</t>
  </si>
  <si>
    <t>蔡英文總統、賴清德副總統今天先後前往「台大醫學院體育館」接種第二劑高端疫苗，蔡英文上午7點12分抵達現場，醫師詢問上次接種第一劑情況，蔡英文摸摸手臂表示「只有這裡有些酸痛」，隨後前往接種區完成第二劑接種</t>
  </si>
  <si>
    <t>新冠肺炎疫情延燒，新北市瑞芳區的蝙蝠洞公園也大受影響，日前傳出新冠肺炎疫情會爆發是因為大陸有研究員遭蝙蝠的血液噴濺而來，因此不少遊客走訪東北角旅遊的時候，特別迴避蝙蝠洞一帶。台灣蝙蝠學會則指出，病毒會</t>
  </si>
  <si>
    <t>香港食物及衛生局依聯合科學委員會的建議，批准3至17歲人士接種中國科興疫苗，並且優先安排疫苗予12至17歲青少年接種。港府發言人表示，是參考了顧問專家委員會的意見，並考慮新型冠狀病毒對公眾健康構成的威脅後，</t>
  </si>
  <si>
    <t>今增7例確診個案，其中2例為本土、5例為境外移入；另確診個案中有1人死亡。中央流行疫情指揮中心指揮官陳時中表示，2個本土案例台北市與新北市各1例，台北的個案為松山區某國中的學生、新北市的個案則是民眾去看病被</t>
  </si>
  <si>
    <t>世界衛生組織 (WHO) 幹事長譚德塞昨天公開指控台灣發動對他個人的種族歧視言論攻擊；前民進黨立委沈富雄今表示，這一役，台灣的表現，世人有目共睹，不要像小孩子，唯恐人不知，到處嚷嚷「台灣來了」！沈富雄今在臉</t>
  </si>
  <si>
    <t>口罩實名制2.0將上路，但日前食藥署貼出公告，由於有104間藥局口罩數量剩過多，因此10-12日都不會收到新口罩，而大部分暫停配送的藥局都位在雲林、台南以及高雄等地，新北唯一一間則位在瑞芳。藥師全聯會日前轉貼公</t>
  </si>
  <si>
    <t>新冠肺炎疫情在全球肆虐，各國目前都尚未研發出疫苗，部分國家甚至期待能透過「群體免疫」的方式來對抗病毒，然而，疫情爆發至今已超過半年，《刺胳針》最新研究的數據卻讓看過的醫師直言，「群體免疫之路依然遙遠」</t>
  </si>
  <si>
    <t>新冠肺炎在台疫情趨緩，也催出「報復性旅遊」，端午連假全台各大景點全都塞爆，指標性的墾丁大街更是恢復了多年前的繁榮，人潮水泄不通，一名網友就貼出墾丁大街上人擠人照片，許多人看了也冷汗直流，直呼完蛋了，因</t>
  </si>
  <si>
    <t>國民黨立委林奕華今天在立法院質詢行政院長蘇貞昌，過去SARS的特別預算執行率僅46％，林奕華問蘇貞昌有沒有信心這次要通過的紓困特別預算執行率可以到90％，蘇貞昌則誇下海口，要以執行率百分之百為目標。林奕華指出</t>
  </si>
  <si>
    <t>大陸新冠肺炎疫情發生以來，14日晚間出現迄今治癒的最高齡患者──一名98的確診患者，在河南省南陽市中心醫院成功治癒。現已轉到普通病房，進行康復治療。現年98歲朱姓男患者，最初以「發熱1天」為主訴，進入南陽市第</t>
  </si>
  <si>
    <t>衛福部疾管署30日表示已和高端疫苗簽約採購新冠疫苗，不過事實上高端的二期試驗根本還未完成，12到18歲青少年的部分還沒做。且就在簽約的前一天，新竹馬偕才嚴正聲明網傳的「高端在新竹馬偕徵青少年接受二期試驗」是</t>
  </si>
  <si>
    <t>我的供應商無法交貨了怎麼辦？我的公司有400個員工在湖北不知道何時才能回崗位上班？我過春節的貨都賣不出去，業績怎麼辦？新冠肺炎疫情延燒讓台商非常頭痛。資誠創新諮詢公司董事長劉鏡清指出，受到新冠肺炎疫情影</t>
  </si>
  <si>
    <t>全國三級警戒至7月12日，屆時能不能解封，備受關注，雖然近期每日新增確診數趨緩，不過中山醫學大學附設醫院兒童急診科主任謝宗學表示，有3件事攸關重大，若能先達到這3條件，且維持一段時間，才能暫時脫離封城的日</t>
  </si>
  <si>
    <t>國內今天新增3例新冠肺炎境外移入個案，加上近期傳出英國出現變種新冠病毒，倫敦20日緊急封城，世界各國也中斷英國航班，引發台灣民眾恐慌，衛福部長、疫情中心指揮官陳時中表示，台英往來管制加嚴，下午一點半記者</t>
  </si>
  <si>
    <t>立法院臨時會開議在即，考量新冠肺炎第2波國際疫嚴峻，為因應外銷產業衝擊。蘇揆今天指示行政院祕書長李孟諺召集經濟部等相關部會，會同行政院副院長沈榮津進行盤點，不排除再加碼紓困及薪資補貼預算。沈榮津上午在</t>
  </si>
  <si>
    <t>全國3級警戒，特殊場所需歇業。桃園市龜山區一間麻將館卻涉私下營業，員警獲報發現大門深鎖，但電表快速流動決定入內盤查。雖內部僅有業者，但麻將桌上有飲料，隨即在後方防火下找到7名客人，立即函送裁處。桃園市龜</t>
  </si>
  <si>
    <t>許多人打完疫苗都會出現副作用，但多是接種部位痛、肌肉痠痛和發燒等症狀，但昨天一名網友發文透露，他打完AZ疫苗隔天除了發燒之外，還出現超特殊的症狀「菊花痛」，不舒服到他睡不著，引起網友討論，不少人看了忍不</t>
  </si>
  <si>
    <t>新冠肺炎持續衝擊零售產業，KPMG安侯建業消費與零售產業主持會計師黃柏淑20日表示，如果上半年度疫情爆發和消費者的信心下降沒有緩和，許多實體零售企業可能無法生存。她建議，零售業應考慮併購數位企業，創造投資機</t>
  </si>
  <si>
    <t>公費疫苗預約平台重新開放意願登記，新增高端疫苗選項，截至今(28)日17時，有意願接種高端疫苗的總計有55萬2445人，其中只登記高端的有9.2萬人，和昨天的3.7萬人相比，一夕暴增，對於突然有這麼多人願意打高端，引起</t>
  </si>
  <si>
    <t>因新冠狀病毒危機終於出現放緩跡象，美國東北部7個州與西岸3個州各自敲定區域協議，將聯手推動協同、逐步的重啟經濟計畫，但也強調必須採取預防措施以免疫情再度爆發。周一美國通報至少1500個新冠肺炎新增死亡病例，</t>
  </si>
  <si>
    <t>韓國19日通報新冠肺炎確診病例新增297人，不僅創下3月初以來單日新高紀錄，更是連續第六日新增病例維持在三位數，而這也讓總確診人數來到16,058人，死亡306人。新增病例主要集中於首都首爾及鄰近地區，促使韓國當局</t>
  </si>
  <si>
    <t>一架美國F-22隱形戰機周五早晨約9:15時，在佛州進行例行訓練中墜毀，飛行員安全彈射逃生，並被送往當地艾格林空軍基地（Eglin Air Force Base）的醫院接受觀察與評估，目前情況穩定。綜合外電報導，這起墜機事件發生</t>
  </si>
  <si>
    <t>歐洲多國因接種AZ疫苗後出現血栓故暫時施打，亞洲的泰國昨日（12）也宣布停打，衛福部部長陳時中卻呼籲「持續施打」，引發不少質疑。藥師林士峰表示，血栓發生率約萬分之0.06，AZ疫苗的保護力卻只有70~90%之間，台灣</t>
  </si>
  <si>
    <t>《中時電子報》精選5件不可不知的國際大事，帶讀者掌握今（22）日的國際新聞重點。【1】歐盟達成25兆經濟刺激協議 各國領袖大爆走在新冠肺炎疫情衝擊下，歐盟領袖21日在氣氛火爆的峰會中，終於達成7500億歐元（約25</t>
  </si>
  <si>
    <t>不少曾經確診的個案，既無法打疫苗，也拿不到陰性證明，返回工作崗位遭到刁難，中央流行疫情指揮中心醫療應變組副組長羅一鈞表示，已經要求地方政府提供「解隔單」，若雇主刁難，可以依照傳染病防治法開罰一到十五萬</t>
  </si>
  <si>
    <t>北藝中心爆出有40人群聚感染，新北市長侯友宜表示，這暗中有16人住在新北，都在掌握中，他也說，薪北9項工程中也共計有11人確診，都經過停工、隔離、清消、確認，9項工程都已經復工。侯友宜說，前一段時間建築工程都</t>
  </si>
  <si>
    <t>新北市疫情嚴峻，總統府參議郭昆文9日在臉書發文，寫下「第一第一得第一侯友宜讚」被罵翻，郭隨即刪文，嗣發表聲明表示，本人臉書的私人貼文，並無影射之意，惟因引起不當的聯想，造成混亂，深感抱歉！不過此事件被P</t>
  </si>
  <si>
    <t>新冠變種病毒Omicron來襲，針對大陸將如何應對，中國工程院院士鐘南山研判，Omicron變種病毒的危害性還需要一段時間的判斷，需隨時注意，但是現在還不會採取比較大的行動。中國罕見病聯盟呼吸病學分會第一屆全國會議</t>
  </si>
  <si>
    <t>展開新的一天，中時新聞網帶您看看，世界發生了哪5件大事。【1】美國前國安顧問波頓出書，大曝總統川普為了連任，曾要中國大陸國家主席習近平幫忙，還說在這位白宮主人眼裡，台灣很渺小。【2】在中美關係緊張之際，</t>
  </si>
  <si>
    <t>37歲的張先生是專帶歐洲團的領隊，2/16帶團前往義大利旅遊，沒想到旅遊到一半，義大利確診人數瞬間從3人激增至&amp;nbsp;400人(目前已破2500例)，中央指揮中心2/27於是將義大利旅遊疫情升至第三級警告，導致張先生一團共</t>
  </si>
  <si>
    <t>本土疫情大增，雙北週六升三級警戒，引發民眾恐慌性採購，新北果菜公司周末所有蔬菜大漲近40％，「菜母」高麗菜價格更是漲飆破3倍，新北果菜公司總經理江惠貞表示，產地蔬菜供貨充足，如今碰上雙北18日起高中職以下</t>
  </si>
  <si>
    <t>中央流行疫情指揮中心日前預告將開放AZ混打BNT，不過在昨日公布的第13輪疫苗規劃內卻未見混打選項。讓外界質疑混打政策急轉彎，指揮官陳時中今出席「醫療奉獻獎」頒獎典禮前表示，混打還是要開放，是在這個月的計畫</t>
  </si>
  <si>
    <t>鴻海（2317）今（15）日召開線上法說，公布2020年首季財報。受新冠肺炎疫情衝擊，毛利率4.5％、營益率0.49％、淨利率0.22％，歸屬母公司稅後淨利20.83億元，季減95.64％、年減89.49％，每股盈餘（EPS）0.15元，均為2</t>
  </si>
  <si>
    <t>桃園市桃園區北科附工1名學生確診，學校3日緊急停課，不少家長指責「已經知道有人確診，為何今天還讓其他學生到校上課？」校長陳勝利喊冤，2日晚間8點得知學生自行快篩陽性，先向上通報，11點半PCR陽性確診，但礙於</t>
  </si>
  <si>
    <t>勤業眾信（Deloitte）聯合會計師事務所今（21）日發布《2020不動產業趨勢展望》報告，內容指出，新冠肺炎改變既有的生活與工作型態，不動產業傳統的行銷和銷售方式，亦受到消費模式變化、遠距辦公等因素影響。根據台</t>
  </si>
  <si>
    <t>日本外務大臣茂木敏充今（6）日宣布，將在8日追加提供台灣113萬劑AZ疫苗。路透社報導，日本外務大臣茂木敏充今日在例行記者會上表示，日本將會再捐贈台灣113萬劑AZ疫苗，這批疫苗將於8日配送。日本先前已經無償捐贈</t>
  </si>
  <si>
    <t>中央流行疫情指揮中心7日公布1境外移入確診個案16147，北市衛生局今公布足跡說明指出，案16147 在6日確診，感染源為境外移入，8月28日解除隔離前採檢為陰性，因需出國至醫院採檢陽性確診(CT值超過30)。北市衛生局表</t>
  </si>
  <si>
    <t>本土疫情不見升溫，為了降低感染風險，不少辛苦的醫護人員改先看診、後收費的「視訊看診」方式，不過卻有民眾罔顧醫護人員的信任，看完診一秒下線，並封鎖醫師帳號，鑽小門的舉動令人傻眼！日前，小兒科醫師陳木榮就</t>
  </si>
  <si>
    <t>日系迴轉壽司業者亞洲藏壽司（2754）上半年營運轉虧，每股虧損0.4元，財務長田村和也表示，主要受展店初期費用較高及新冠肺炎疫情影響。目前開業滿1年的既有店營收已回升至去年同期的80～90％，未來仍將延續積極展店</t>
  </si>
  <si>
    <t>清明連假危機平安度過了嗎？今天4月12日是原本指揮中心認為，清明連假後要觀察是否造成連假後發病潮的關鍵時間，然而今天只有3名確診個案，疫情指揮官陳時中表示，目前第一段沒有出現徵兆，算是過關，但還是要持續觀</t>
  </si>
  <si>
    <t>新冠肺炎的疫情在全球持續延燒，雖然正值防疫期間，上周末的清明連假卻在各地湧現人潮，防疫中心憂出現「防疫破口」，特別針對11個景點發出國家級警報，許多企業也都跟進，要求有到景點的員工「居家辦公」，對此就有</t>
  </si>
  <si>
    <t>紓困金給領？不給領？新冠肺炎疫情自2020年初至今，民生、企業、生產等問題全球都受到影響，台灣當然也不例外，行政院6日推出萬元紓困補助申請，提供給受到疫情影響的民眾和企業，能暫時度過眼前的難關，然而美意卻</t>
  </si>
  <si>
    <t>大甲媽遶境新港因新冠肺炎疫情延期，內政部長徐國勇15日代表蔡英文總統和行政院長蘇貞昌向嘉縣新港鄉奉天宮廟方表達感謝。徐國勇表示，防疫視同作戰，感謝奉天宮長期配合中央政策，防疫工作是台灣最團結最驕傲的事，</t>
  </si>
  <si>
    <t>新冠肺炎肆虐，防疫警民齊心協力，中市南屯區惠中里里長曾善體恤員警執勤辛勞，日前特地自掏腰包，買了一大瓶可稀釋的消毒水送到大墩派出所，讓該所能夠常保環境衛生安全，保護員警也保護洽公民眾。新冠肺炎疫情越演</t>
  </si>
  <si>
    <t>受惠於調漲運費，以及在去年底節日購物旺季期間，新冠肺炎疫情帶動電商交貨量激增，美國聯邦快遞公司（FedEx Corp）上季獲利飆高，表現優於市場預期預期。自一年前這場大流行病迫使聯邦政府關閉企業並發布居家令以來</t>
  </si>
  <si>
    <t>為防堵新冠肺炎新變種病毒Omicron，嘉義縣推出各鄉鎮衛生所隨到隨打服務，即日起接種莫德納還能獲得健康米一包，7、8日兩天，朴子市、大林鎮全聯門市也會設接種站，方便購物民眾接種，藉此提高2劑疫苗接種率，進而追</t>
  </si>
  <si>
    <t>美國國務卿蓬佩奧日前稱「有大量證據」證實新冠病毒來自武漢病毒實驗室，不過蓬佩奧的指控，卻遭到國際情報集團「五眼聯盟」否認。該聯盟成員之一的澳洲就指出，蓬佩奧指出的「證據」，是基於幾篇公開的新聞報導的內</t>
  </si>
  <si>
    <t>美國福斯電視新聞台主播要求大陸應該對新冠肺炎疫情向全球擴散正式道歉，大陸外交部發言人趙立堅回應稱，美媒個別主持人的言論「荒謬可笑，充分暴露出他對中國的傲慢、偏見和無知。」在此次疫情防控中，「中國力量、</t>
  </si>
  <si>
    <t>新冠疫情延燒一年多，中央流行疫情指揮中心團隊已成為全民熟面孔，其中擔任醫療應變組副組長的羅一鈞，被衛福部草屯療養院醫師沈政男大讚是「數理資優又悲天憫人的文藝青年」，他還翻出羅一鈞跳級上台大的超狂經歷，</t>
  </si>
  <si>
    <t>目前正在與白血病對抗的日本游泳名將池江璃花子，今天在個人網站上呼籲，日本民眾不要瘋狂囤貨，按照日常生活即可。新冠肺炎在日本持續蔓延，尤其是東京都的疫情更加嚴峻，日本首相安倍晉三有可能在今天有重大宣布。</t>
  </si>
  <si>
    <t>連日因為新冠肺炎疫情大爆發，各大賣場造成搶購，總統府秘書長陳菊今表示，家買好吃的同時，也別忘了不要搶購囤積、浪費食物、過度消費，以免荷包哭哭。陳菊今天在臉書指出，台灣物產豐饒，米食、漁產、蔬果，自產自</t>
  </si>
  <si>
    <t>中研院P3實驗室女研究助理染疫，指揮官陳時中指出個案脫隔離衣的SOP有誤，中研院長廖俊智今更坦承，「其他研究人員疑似也沒有完整遵守SOP」。台北市副市長黃珊珊今前往中研院視察時表示，「應該是SOP出問題，環境才</t>
  </si>
  <si>
    <t>行政院發言人Kolas Yotaka今日下午接受電訪表示，行政院呼籲雇主不要雇用非法移工，並已指示勞動部、衛福部、內政部加強對合法、非法移工的管理處置，另外也會對全國移工加強宣導防疫措施。台灣第32例新冠肺炎確診案</t>
  </si>
  <si>
    <t>由慈濟、台積電、永齡基金會購買捐贈的BNT疫苗，首批「客製化標籤」將於本周四到貨。今晨一度傳出該批疫苗已由華航運送抵台，後證實誤傳。最新消息指出，這批疫苗數量共140萬劑，其中55萬劑將於本周四抵台。民間企業</t>
  </si>
  <si>
    <t>日女無症狀返日被確診，引起社會大眾熱議，台灣是否如防疫國家隊所說，社區很乾淨安全。對此，台大公共衛生院詹長權認為，此病例帶給台灣的啟示，被動採檢就一定會有破口，出現漏網之魚。日本女學生疑在台染疫一事，</t>
  </si>
  <si>
    <t>經濟部日前（5日）表示，為了減輕產業衝擊，由工業局轄管的62處工業區，配合「嚴重特殊性傳染性肺炎防治及紓困振興特別條例」實施期間，推動延長土地租金紓困措施，各事業有承租工業區內土地以及國有房舍者，如營業</t>
  </si>
  <si>
    <t>生華科(6492)旗下被視為治療新冠肺炎潛力新藥Silmitasertib，緊急人體臨床試驗(eIND)的合作夥伴美國Banner Health 新冠醫療團隊，已在10月31日正式向美國FDA送件申請Silmitasertib用於新冠肺炎二期人體臨床試驗，規</t>
  </si>
  <si>
    <t>台灣陷入疫苗荒，民眾搶打殘劑，外界對永齡基金會和台積電等機構引進BNT疫苗殷殷期待，各式傳聞、報導不斷。對此，國民黨立委李德維觀察一些媒體報導，他認為，進口BNT疫苗應該有譜了，之所以如此肯定，是因為府院黨</t>
  </si>
  <si>
    <t>美國郵輪「威士特丹號」爆出首例新冠肺炎個案，由於2月4日曾停靠高雄港，中央及地方防疫單位聯手追查，可能的接觸者共215位，包含港務公司、計程車及公車司機等，將持續健康監控，直到後天正式解除，目前都未出現異</t>
  </si>
  <si>
    <t>台中市朝陽科技大學因學生夜唱狂歡成為新冠肺炎疫情「重災區」，22日上午環保局出動到學校清潔消毒，目前夜唱團20名學生已全部採檢完畢，其中17名為台中人，當中有6人確診、11名陰性；外縣市有3人、其中1名設籍南投</t>
  </si>
  <si>
    <t>隨著口罩解禁，可自由買賣；而疫情指揮中心也宣布，6月7日起大幅解禁防疫措施，進行人流與活動的放寬。屆時由於已歷經四波的潛伏期，國內本土都沒有新增病例。加上之前「有驚無險」的舞廳閉店、酒店大停業、外籍提琴</t>
  </si>
  <si>
    <t>外媒報導指出，2018年與我國斷交的薩爾瓦多，總統布格磊宣布，將無償把大陸捐助的50萬劑科興新冠肺炎疫苗，其中至少3.4萬劑，提供給鄰近的我國友邦宏都拉斯，恐影響台灣與宏都拉斯的邦交關係。外交部發言人歐江安表</t>
  </si>
  <si>
    <t>新冠肺炎持續延燒，口罩更是1片難求，但在ptt爆掛版傳出台北市八德路上的某小兒科診所疑似私賣口罩，且每片以10元價格販售，引發網友討論，北市衛生局食品藥物管理科長陳怡婷指出，衛生局將會派人員前往了解，會評估</t>
  </si>
  <si>
    <t>在大陸2020年首季經濟成長數據公布之後，主要負責大陸宏觀經濟政策方向的大陸國家發改委提出了新規劃，要再進一步推動車市及家電等消費力度，以及提出所謂的新基建概念，藉由投資重振經濟。伴隨著中國人民銀行財金部</t>
  </si>
  <si>
    <t>新冠肺炎疫情衝擊全球，仍擋不住台灣民眾連假出遊決心，各大景點都湧入觀光人潮，像是墾丁光3天遊客就高達7萬人，讓人擔憂清明連假後疫情恐攀高峰，對此歌手魏如萱則在臉書喊話：「當一下邊緣人不會死掉」。魏如萱擔</t>
  </si>
  <si>
    <t>因應新冠肺炎疫情，台中市政府衛生局全國首創於官方臉書《健康就是讚》推出《我的保健室：曾醫師聊聊日》直播活動！上週三首播後獲得熱烈迴響，8日再邀請「型男歐巴」交通局長葉昭甫分享不同運輸工具防疫措施，還順</t>
  </si>
  <si>
    <t>新冠肺炎疫情所造成的恐慌持續在本周擴大，道瓊指數周三(18日)終場大跌1338.46點或6.30%、報收19898.92點，為2017年2月以來首次道瓊指數跌破2萬點大關。投資者悲觀情緒籠罩，道瓊指數期貨周四(19日)開盤下挫超過300</t>
  </si>
  <si>
    <t>各國狂打疫苗盼能擋住Delta，但突破性感染案例頻傳，一名網友發文說，感覺打完2劑疫苗也無法保護所有人，特別是高風險族群，但若台灣疫苗打到90％以上，政府敢直接放生大家，不管防疫了嗎？貼文引起網友討論，首先台</t>
  </si>
  <si>
    <t>南投縣23日新增例確診個案，1例為陽性個案，皆為在台中市工作的南投埔里鎮民，案14356為30歲男性，於桃園發病，就地就醫，23日確診為新冠肺炎，22日開車回埔里後，已送集中檢疫所收治治療中，另其同住朋友為31歲男性</t>
  </si>
  <si>
    <t>桃園9日啟動防疫旅館新制，在6家大型防疫旅館設置採檢站，減少入境隔離期滿民眾到醫院採檢的移動風險，市長鄭文燦說，桃園26家防疫旅館，有6成是外縣市或外籍旅客，入住率超過7成，還有增加的需求，他也以南京祿口機</t>
  </si>
  <si>
    <t>北京市委宣傳部、市政府新聞辦2月19日聯合多部門召開新聞發布會，宣布北京市文化改革和發展領導小組辦公室出台《關於應對新冠肺炎疫情影響促進文化企業健康發展的若干措施》。其中包括緩解當前企業經營壓力的措施11</t>
  </si>
  <si>
    <t>近日《科學》雜誌發表一項在大陸所做的研究，被新冠肺炎感染的獼猴在28天內會產生抗體，不會再受到2次感染。不過研究人員表示，目前尚不清楚抗體能在體內維持多久，可能需要等到數年後，才能得知在疫情大流行期間，</t>
  </si>
  <si>
    <t>新冠肺炎兩岸四地嚴防死守之下，大陸的疫情已經趨緩，現在面臨的是倒灌回來的境外輸入病例，台灣、香港也一樣，連守得最好的澳門，也都因境外輸入破了一個多月來0新增的防禦罩。在病毒無所不入的侵襲之下，防疫堵漏</t>
  </si>
  <si>
    <t>有專家建議，疫情警戒從三級降至二級前，可先施行「2.5級過度版」措施，先完成老人疫苗接種，並觀察一至兩周的人流，如未造成小型群聚感染，再降到二級警戒，台北市長柯文哲表示，就我專業概念，台北市從現在起，每</t>
  </si>
  <si>
    <t>歐美新冠肺炎疫情再起，一方面市場擔憂經濟復甦遭拖累，然另一方面卻因而加快AI在各產業的進展速度，成為後疫情時代下，科技產業最火紅的創新技術，法人表示，5G與AI將是推動未來十年的新成長引擎，預估到2035年5G結</t>
  </si>
  <si>
    <t>墾丁大街在清明連假湧入大量人潮，中央流行疫情指揮中心發出國家級警報，連假後墾丁人氣慘跌，觀光產業被打趴在地，住房率跌至2成。縣府及警方連2個周末在墾丁大街實施封街及人流管制，不過大街幾已成空城，業者質疑</t>
  </si>
  <si>
    <t>台灣醫事行動聯盟發起人吳欣岱今日透過台灣基進黨發出聲明表示，高雄市長韓國瑜提出的「普篩」根本沒有必要，而且若出現偽陰性，反而會造成防疫破口，韓國瑜應停止普篩，停止製造對立，配合中央普篩。吳欣岱指出，高</t>
  </si>
  <si>
    <t>中央流行疫情指揮中心召集人張上淳兒子日前出國惹議後，張上淳已連續5天都沒有公開露面，包括媒體及網友都很關心張上淳去向，張上淳今天終於「復出」，在記者會中神情平靜，化身張教授分析病例，面對外界關心，他親</t>
  </si>
  <si>
    <t>素有工研院奧斯卡美稱，象徵科技研發最高榮耀的工研菁英獎23日正式揭曉，共有六項金獎技術展現工研院在擘畫「2030技術策略與藍圖」下重要研發成果，涵蓋「智慧生活」、「健康樂活」、「永續環境」及「智慧化共通技術</t>
  </si>
  <si>
    <t>台灣地區新冠肺炎確診者持續增加，但政府不公布新冠肺炎確診者足跡，令許多民眾無所適從，不曉得自己是否曾與患者同時間出現在同場合，是否需要自主健康管理。台大也因為中研院已經有群聚感染，所以請衛福部提供確診</t>
  </si>
  <si>
    <t>全國新冠肺炎疫情嚴峻，三級警戒再延長至6月28日，移民署北區事務大隊新北市服務站為讓移工落實防疫措施，利用多國語言公布「移工工作、生活及外出管理注意事項」，以利雇主、私立就業服務機構及移工有所依循，同時</t>
  </si>
  <si>
    <t>新冠疫情持續蔓延。美國洛杉磯地方法院26日裁定，移民家庭拘留所必須釋放100多名移民兒童，以避免他們感染新冠肺炎。外媒報導，美國的3個移民家庭拘留所中，有2個已經出現確診病例。目前在美國移民及海關執法局（ICE</t>
  </si>
  <si>
    <t>桃園市政府4日表示，新增11例本土確診案例，以龜山新增4例最多，11例中9人接觸過確診者，2人尚在調查，足跡包含好市多、市場、全聯、家樂福等。年齡介於10多歲至50多歲之間。6月4日足跡包含5月23日至5月30日前往大園</t>
  </si>
  <si>
    <t>眼見最近自己跟米契爾不和謠言越傳越誇張，爵士中鋒戈貝爾終於首次跳出來回應，他在電玩「太空戰士7復刻版」直播間放話，「媒體有時候說的並非事實，不僅是在籃球方面，也在生活方面，他們有時候獲取的新聞跟事實並</t>
  </si>
  <si>
    <t>海軍敦睦艦隊爆發新冠肺炎群聚感染，至昨天(4/19)為止共爆出24例確診，都是在磐石軍艦上的官兵，目前共有基隆、北市、桃園、台中、雲林、嘉義、台南、高雄、屏東共9縣市公布這些海軍確診者足跡，最北到過淡水，最南</t>
  </si>
  <si>
    <t>1.政府抗疫作為 54%英國人不買單皮尤中心調查14 個已開發國家，其中英國和美國民眾對自己政府應對新冠疫情的認同度排名墊底。有52% 美國民眾和54% 英國受訪者認為政府的防疫措施不到位。只有不到18%的美國受訪者表示</t>
  </si>
  <si>
    <t>引發全美示威抗議的非裔男子佛洛伊德（George Floyd）官方完整驗屍報告周三出爐，顯示他罹患新冠肺炎，並死於心肺驟停。綜合外電報導，明尼蘇達州漢尼本郡（Hennepin County）的驗屍報導顯示，44歲的佛洛伊德早在4月</t>
  </si>
  <si>
    <t>國內疫情嚴峻，外交部今天表示，為維護國內防疫安全及確保國人健康，除了緊急或人道考量等經專案許可者之外，我國將自5月19日零時起至6月18日止，暫緩未持有我國有效居留證的非本國籍人士入境。國內新冠肺炎確診人數</t>
  </si>
  <si>
    <t>台灣疫情延燒，目前部分縣市將一般旅館改成「加強型防疫旅館」，不過大陸專家認為，用一般旅館來收治可能的病患有「很明顯的缺陷」；相較之下，大陸方艙醫院能有效解決醫療資源擠兌問題，「蓋之前是人等床，蓋了之後</t>
  </si>
  <si>
    <t>33歲港星李美慧是選美佳麗出身，2006年在港姐比賽中落選，然她出道當了演員，同年演出《宮心計2深宮計》中太平公主身旁的宮女「秦槐」一角，意外爆紅廣為人知，成了「御用宮女」，前年更在感情上有重大進展，帶球閃</t>
  </si>
  <si>
    <t>大陸昨新增本土個案均在福建省，其中廈門市32例、莆田市24例、泉州市3例。香港大學感染及傳染病中心總監何栢良今（14日）表示，福建疫情應是由一名從新加坡入境廈門的患者在檢疫期間受感染，之後再衍生傳播鏈。何栢</t>
  </si>
  <si>
    <t>金管會公布保險業匯兌損益最新統計，受新冠肺炎疫情致使資本市場波動加劇，壽險業淨值2020年3月驟降至1.46兆元，月減達5337億元，4月隨著資本市場回穩而回升至1.77兆元，月增3152億元，仍較2月底新高減少2185億元、</t>
  </si>
  <si>
    <t>台灣今起管制外國人入境，入境國人若有症狀也將進行採檢，並居家檢疫14天。交通部預估今有8千餘人入境，機場檢疫將面臨極大壓力。小兒急診醫師吳昌騰表示，面對第二戰場「境外移入」，真的要認真應戰！他指出有5個因</t>
  </si>
  <si>
    <t>亞洲羽球總會今天確認，原定今年在中國大陸武漢舉行的亞洲羽球錦標賽，因為新冠肺炎疫情移師菲律賓馬尼拉，比賽日期4月21日到26。而上個月同樣在馬尼拉舉行的亞洲羽球團體錦標賽，因為菲律賓政府規定來自中國大陸、</t>
  </si>
  <si>
    <t>新北板橋幼兒園群聚案擴大，有確診幼兒的家長曾開車載小孩到嘉義縣的姨婆家中用餐，幸好這名姨婆採檢陰性，嘉義市為嚴防疫情，8日擬出幼兒園防疫新指引，有疑似接觸風險者，幼兒園自行決定班級或全園停課至少1日。嘉</t>
  </si>
  <si>
    <t>政務委員唐鳳應國外智庫邀稿，今天轉貼在臉書，主題是「協力對抗不實訊息，民主彩球再度飛舞」。唐鳳說，重構數位時代的民主生態系，必須將政府與人民相對抗的制衡關係，改變為政府、企業、人民相互協力的三角關係，</t>
  </si>
  <si>
    <t>因應新冠肺炎疫情對民眾生計的衝擊，政府擴大紓困方案適用對象，但因為適用對象為沒有勞、軍、公、較、農保等各種保險的民眾，實際收入難以查核，引發地方審理時的困難，因此新北市一口氣將9千多件案件送交中央，請</t>
  </si>
  <si>
    <t>大陸河南省政府新聞辦21日下午召開河南省新冠肺炎疫情防控新聞發佈會，回應工業企業復工復產等問題。據新浪財經引述河南省工業和信息化廳副廳長郝敬紅表示，統計截至3月20日，河南省規模以上工業企業的2萬664家數中</t>
  </si>
  <si>
    <t>日本放送協會(NHK)1日引述政府官員說法，證實1名11月底入境日本的外國男性旅客，確診新冠肺炎變種病毒株Omicron。這是日本第2例感染Omicron病毒株的案例，也是日本連2日出現新變種病毒感染案例。為進一步防堵Omicron</t>
  </si>
  <si>
    <t>新冠肺炎疫情禍及全球，而台灣多虧超前部署，確保防疫物資與醫療量能，才擋住一波波危機，然疫情初期，大S夫妻四處買口罩捐武漢，小S力挺姊姊寫下「恨！比病毒更可怕！」，引發議論，不但影響工作，社群部分也停止更</t>
  </si>
  <si>
    <t>美國參議員藍德．保羅的辦公室今天宣布，藍德．保羅(Rand Paul)確診感染新冠肺炎，成為首位感染新冠肺炎的參議員，同時也是第3位確診的美國國會議員。根據路透社報導，藍德．保羅在接受病毒測試呈現陽性反應之後，表</t>
  </si>
  <si>
    <t>由於庫存水位偏低，訂單能見度延長，加上缺工問題的不確定因素，2021年農曆年被動元件廠將加班應戰，替年後的需求拉高庫存水位，景氣能見度優於前一季，且已經延伸至農曆年以後，包含MLCC廠、鋁電廠、晶片電阻供應鏈</t>
  </si>
  <si>
    <t>新北幼兒園群聚感染擴大，新北市副市長劉和然今主持防疫說明會表示，新北一直以來都是就科學態度來看，隨著疫情發展調整檢討，這次幼兒園的發展也會納入未來開放或緊縮過程中，很重要的參考依據。劉強調，針對疫情新</t>
  </si>
  <si>
    <t>對於台灣可能加入世界衛生組織議題，資深媒體人董智森表示，到時候如果跳票呢？但沒關係，綠營不會受傷，不論進不進得去，綠營都贏！美國FOX新聞引述消息人士透露，指華府內部正傳閱一份草案，推動台灣重回世界衛生</t>
  </si>
  <si>
    <t>疫情警戒在5月中下旬後拉高到三級，但4月醞釀的保單、5月陸續成交，壽險業5月新契約保費還能保住800億元以上，比去年同期成長逾25％，但人際管制目前持續到6月底，壽險業者擔心6月及7月業績可能大受影響，預估全年新</t>
  </si>
  <si>
    <t>大陸安徽省13日爆發本土疫情後，蔓延到遼寧省，遼寧新增確診數已經超越安徽，但迄今仍無法確認「零號病人」與感染源頭。14日下午，安徽省委書記李錦斌趕赴安徽省六安市裕安區、合肥市肥西縣，深入基層一線指導督導防</t>
  </si>
  <si>
    <t>美國聯準會（Fed）主席鮑爾（Jerome Powell）19日出席參議院視訊聽證會，他在事先準備好的書面證詞重申，Fed將動用一切工具拯救備受新冠疫情打擊的經濟，同時呼籲國會應「盡其所能」協助紓困數以百萬計的美國民眾。</t>
  </si>
  <si>
    <t>台北市11日公布4日至10日最新各行政區確診統計數據，12行政區當中，以萬華新增30例最多，其次是信義區11例。市府進一步說明，信義區確診數飆高，因為發生分租套房類似家戶群聚感染的事件。北市府今未對外開記者會說</t>
  </si>
  <si>
    <t>國內新冠肺炎疫情目前仍是相當嚴峻，今天（3日）本土新增364例，教育部體育署所在的體育聯合辦公大樓，也有保全同仁確診，屬於輕症無症狀，目前已居家隔離。體育署秘書室主任王浩祿表示，該保全同仁去過市場，所以有</t>
  </si>
  <si>
    <t>中央研究院女研究助理確診，但被匡列者檢測時幾乎都呈陰性，疫情並未擴大。指揮中心指揮官陳時中今表示，這是好現象，感染源確定在實驗室，但社區仍然需要監測。他也透露，這位研究人員操作時並未遵守標準作業程序（</t>
  </si>
  <si>
    <t>中共中央外事工作委員會辦公室主任楊潔篪與美國國務卿蓬佩奧16日通電話。楊潔篪痛批美國一些政客不斷詆毀中國和中方防控努力，中方必將反制。沒想到兩人電話掛上後，美國總統川普火上澆油在推特發文，酸新冠肺炎是「</t>
  </si>
  <si>
    <t>台大醫院兒童感染科主任黃立民指出，全球確診案例中，無肺炎症狀感染者比例高達8成以上，「健康的人不用戴口罩」已不適用現在的疫情發展。對此，網友反諷表示，「台大還敢逆時鐘啊！」「柚子醫師才不是這麼說的呢！</t>
  </si>
  <si>
    <t>近年街頭藝人表演興起，全台各地人潮聚集商圈、捷運廣場或地下街、知名遊樂景點都是申請表演的熱門地點，甚至表演場地一位難求，但今年初爆發新冠肺炎疫情後，許多室內表演場地暫停開放，就連戶外地點也因遊客雪崩式</t>
  </si>
  <si>
    <t>國內疫情嚴峻，繼昨（22）日新增321個本土病例，以及400 例本土「校正回歸」的個案後，今日中央流行疫情指揮中心除新增287起單日本土病例外，也再度使用了「校正回歸」，新增170起病例，讓該詞一瞬間爆紅，成為全台</t>
  </si>
  <si>
    <t>生華科（6492）治療新冠新藥臨床再報喜！美國合作夥伴Banner Health醫療機構26日宣布，向美國FDA申請Silmitasertib用於新冠肺炎二期人體臨床試驗（IIT），已經正式接獲通知核准執行，該臨床規劃收案40位新冠肺炎重症</t>
  </si>
  <si>
    <t>18日下午，青海省又1例新冠肺炎確診患者從青海省第四人民醫院治癒出院。截至目前，青海省確診的18個病例已治癒出院15例，尚有3例正在住院治療，目前患者病情穩定。該患者1月31日確診入院，經過18天治療，各項指標符</t>
  </si>
  <si>
    <t>名模林志玲去年6月與日本人氣男團「放浪兄弟」成員AKIRA閃電結婚，升格當人妻的她，把生活重心轉往家庭，志玲姐姐也減少公開亮相、網上發文，而林志玲今（31日）則難得更新PO文，並喊話：「非常時期，要好好照顧自己</t>
  </si>
  <si>
    <t>桃園市長鄭文燦視察公園防疫措施，針對籃球框拆除引起民眾討論？鄭文燦說，過去經驗是若綁住籃框，一樣會被拆開打球。因此決定拆除，也趁機保養，其他網球、羽球、排球網也都拆除，避免群聚。鄭文燦表示，為了加強社</t>
  </si>
  <si>
    <t>國內昨新增1名機師小孩確診，若扣除在澳確診機師，目前華航、諾富特飯店事件共累計19人確診。對於本起事件個案的嚴重程度，中央流行疫情指揮中心發言人莊人祥透露，目前有3名重症案例，包括嚴重肺炎的機師（案1079、</t>
  </si>
  <si>
    <t>總統蔡英文6日上午到桃園機場巡視國境各項防疫、檢疫作為，同時慰勉衛福部、內政部、財政部、交通部、農委會等第一線執勤人員辛勞，前後停留約1個小時。蔡英文總統6日上午10時抵達桃園機場第2航廈，由內政部長徐國勇</t>
  </si>
  <si>
    <t>劉畊宏和老婆王婉霏去年疫情在全球爆發後，就向教育部申請讓10歲大兒子劉宇恩、8歲二女兒劉宇芙（小泡芙）、6歲小女兒劉宇珊3個小孩自學，今年過完農曆年，新的這1學期就跟另外一個家庭，共5位小孩在家上課。不過上</t>
  </si>
  <si>
    <t>美國有線電視新聞網（CNN）13日報導，一名中國大陸官員透露，作為調查新冠病毒起源的一環，武漢將檢測數萬個早期血液樣本，專家指出，這些樣本將提供新冠病毒起源的關鍵線索。今年2月世界衛生組織（WHO）的調查小組</t>
  </si>
  <si>
    <t>美國已有超過41萬人死於新冠肺炎，總統拜登上任後立刻快馬加鞭展開抗疫行動，21日揭櫫長達198頁的抗疫國家戰略，訂定疫苗接種、擴大檢測、復學復工、國際合作等七大目標。當天簽署10道行政命令，包括實施更嚴格的戴</t>
  </si>
  <si>
    <t>新冠肺炎疫情全球持續延燒，台大公共衛生學院教授陳秀熙今（3）日線上說明，對於各國對疫苗需求若渴，目前預估疫苗生產量至2021年底，約為10億劑，尚無法達到特定族群免疫，若以每人施打2劑疫苗計算，達群體免疫需要</t>
  </si>
  <si>
    <t>在美國總統川普宣布對歐洲實施嚴格的旅行管制，自13日午夜起30日，暫停14日內曾在歐盟申根區內旅遊的外籍旅客赴美。隨後，美國務院也罕見對「全球」發出旅遊警示，建議美國民眾再三考慮再出國旅遊。據美國有線電視新</t>
  </si>
  <si>
    <t>義大利新冠肺炎疫情持續升溫，過去24小時增加18人喪命，確診數也飆破2,000人大關。旅遊重鎮羅馬也首度淪陷，一名警官一家4口全部中鏢。綜合路透社、當地媒體The Local報導，義大利疫情急速升溫，衛生官員昨（2）日晚</t>
  </si>
  <si>
    <t>新冠肺炎在美國累計64例確診病例，美國總統川普痛批民主黨不僅將新冠肺炎「政治化」，還利用新冠病毒「騙局」來傷害他和他的政府。在各國提高防疫尋求解方之際，川普仍熱中於選戰以及口水戰。川普28日在南卡羅來納州</t>
  </si>
  <si>
    <t>新冠肺炎升溫，目前國內累積確診人數已超過200例，配合北市政府疫情小組應變會議決議，提升密閉、近距離接觸性質的場館防疫應變措施，台北小巨蛋冰上樂園及北投會館才剛宣布採實名制，北捷今宣布，自明(25)日起暫停</t>
  </si>
  <si>
    <t>新冠肺炎變異株Omicron病毒引起國際高度警戒，部分國家原本鬆綁邊境管制，現在再度實施旅行禁令。民眾黨立委邱臣遠呼籲，Omicron變種病毒傳染力與變異程度史上最強，疫情指揮中心要做好邊境控管，緊盯他國的邊境政策</t>
  </si>
  <si>
    <t>台北市副市長黃珊珊在昨(12)日爆，中央認為北市匡列太寬，甚至刪除北市上傳的居家隔離紀錄，外界質疑究竟匡列標準是中央訂定還是授權地方訂定？匡列太寬是否真的會被刪除？中央流行疫情指揮中心發言人莊人祥表示，匡</t>
  </si>
  <si>
    <t>美國媒體近日公布6月各國「新冠韌性排名」，台灣排名雪崩式暴跌到44名，淪為倒數第10名。對此，前民進黨立委林濁水認為原因「很震撼」，恐與「數位疫苗護照」上路，歐盟 27國 7月1日直接刷手機通關有關。難怪台灣在5</t>
  </si>
  <si>
    <t>新冠肺炎在台灣延燒，近日陸續傳出確診者在家猝死的消息，各界專家紛紛指出可能跟新冠肺炎特有的「快樂缺氧(happy hypoxia)」有關。國泰醫院心血管中心一般心臟科主治醫師蘇彥伯提醒，低血氧雖在疫情爆發後受到重視</t>
  </si>
  <si>
    <t>新冠肺炎在2021年5月中旬在台灣快速傳播，防疫指揮中心宣布提升全台地區防疫爲第3級戒備，影響國民生活。中醫師陳潮宗表示，看到很多民眾對於中藥新藥清冠一號的使用出現了有些問題及誤解，特別呼籲並提供正確使用中</t>
  </si>
  <si>
    <t>新冠肺炎肆虐全球，疫情在日本仍不斷擴散，日本傑尼斯天團嵐多場演唱會受阻，原定下月15至16日在容納至少8萬人的東京新國立競技場舉行的演唱會，14日已決定延期，5位成員也分別回應，櫻井翔表示為了防止疫情擴散，取</t>
  </si>
  <si>
    <t>台灣5月中爆本土疫情，4月15日將機組員檢疫措施改成「3+11」被視為防疫破口，但指揮中心指揮官陳時中昨卻說「華航諾富特案是群聚，不算社區破口」。對此，胸腔科醫師蘇一峰忍不住吐槽，機師同住家人在4月就驗出大量I</t>
  </si>
  <si>
    <t>新冠肺炎疫情重創好萊塢，除了娛樂活動及影視產業停擺，觀眾上戲院觀影的意願低，導致北美周末電影票房創20年來新低紀錄，僅收逾5530萬美元（16.6億台幣），即使「唐老大」馮迪索（Vin Diesel）不畏疫情、端出科幻鉅</t>
  </si>
  <si>
    <t>日本無償提供台灣124萬劑AZ疫苗，叫國人感動不已，大呼台日友好，不過有眼尖網友發現，食藥署檢驗疫苗的畫面裡，AZ包裝盒上印有「meiji」的（明治）商標，有好奇寶寶因此循線調查，意外得知，原來該公司不只生產巧克</t>
  </si>
  <si>
    <t>昨日疫情指揮中心上午急開記者會，要求清明連假到過11個熱點風景區、人潮擁擠地方出遊的人，都要居家上班、請假不去上學，實施自主健康管理14天。但一名幼教老師表示，她調查連假出遊狀況時，家長與孩子的答案竟大相</t>
  </si>
  <si>
    <t>有媒體報導，累計至6月3日雙北統計確診火化數，台北市155例、新北市106例，與中央統計明顯不符，讓不少人質疑死亡人數也要校正回歸？對此新北市長侯友宜今受訪表示，確診者死亡原因必須由中央判定，地方會透過法傳系</t>
  </si>
  <si>
    <t>英國變種病毒不只傳染力相當強，家庭傳播力尤其驚人，一項挪威研究顯示，在同一個家戶之內，原來的新冠病毒每1.36次密切接觸，會發生0.36次的次發感染；英國變種病毒每1.45次密切接觸，會發生0.61次的次發感染，換算</t>
  </si>
  <si>
    <t>新冠肺炎期間，屏東美術館仍集結縣內23名原住民藝術家，舉辦歷年來最大型展覽「未來潮－大山地門當代藝術展」17日開展。不過受疫情影響，逾百件平面、立體作品從5個展間延伸到戶外廣場，並推出線上導覽及講座，希望</t>
  </si>
  <si>
    <t>立法院財政、內政、經濟、教育及文化、交通、社會福利及衛生環境委員會聯席會議5日審查「中央政府嚴重特殊傳染性肺炎防治及紓困振興特別預算案」。綠委陳素月質詢時提議，新冠肺炎疫情持續蔓延，財政部會不會考慮設</t>
  </si>
  <si>
    <t>疫情持續嚴峻，勞動部今年再度提出「自營作業者或無一定雇主之勞工生活補貼」，相較去年僅限投保級距基本工資以下勞工才能申請，今年擴大至所有級距勞工皆能申請，206萬職業勞工再扣除被排富後，有185萬名職業工會勞</t>
  </si>
  <si>
    <t>面對一波波持續不斷的新冠肺炎疫情，美國「烈焰紅唇」（The Flaming Lips）樂團仍在樂迷簇擁下，舉行了嗨翻天的現場演唱會。據CNN新聞網18日報導，在別出心裁的演唱會裡，不僅是這群來自奧克拉荷馬市（Oklahoma City</t>
  </si>
  <si>
    <t>針對未來各種類似新冠肺炎病毒隨時有爆發可能，海巡署今天動工建造的第2艘4000噸級專業醫療巡防艦，除首創負壓隔離病房及醫療手術室外，另於普通病床增設負壓隔離罩，降低交叉感染風險，保護執勤隊員與隨艦醫療人員</t>
  </si>
  <si>
    <t>台灣新冠肺炎疫情日益嚴峻，染病人數破百，引發民眾恐慌到大賣場搶購囤貨；加上每天新聞不間斷報導疫情新聞，有人因擔憂而身心失調。心悅診所院長林宏彥呼籲只要做好個人防護，適度轉移注意力即可，若真的太過恐慌可</t>
  </si>
  <si>
    <t>金管會公布國銀最新獲利狀況，由於新冠肺炎疫情影響全球資本市場信心及波動，國銀2020年5月稅前獲利272.3億元，月減32億元或10.5％、年減59.1億元或17.8％。累計1～5月稅前獲利1386.2億元，年減222億元或13.8％，衰</t>
  </si>
  <si>
    <t>新冠肺炎疫情擴散衝擊生產與買氣，3月、4月面板廠陸續看到客戶縮減訂單，其中又以車載面板、手機面板、電視面板受到的影響最大。市場預估，這三大應用面板，今年出貨都將有5～10％的衰退幅度。先前友達董事長彭双浪</t>
  </si>
  <si>
    <t>立法院今天三讀通過紓困振興特別條例修正案，民進黨感謝朝野政黨的合作讓紓困條例順利通過。發言人周江杰表示，接下來的紓困特別預算案也將送進立法院，此時紓困對台灣來說是極為重要，當前此刻，全民期待的是朝野不</t>
  </si>
  <si>
    <t>針對資深媒體人周玉蔻影射中廣董事長趙少康特權施打疫苗，國民黨台北市議員游淑慧津表示，救人命的疫苗，卻顯然成為政治攻防的武器，與其放任到處含沙射影或是遭選擇性揭露，她已要求台北市府，勇敢公布完整名單。周</t>
  </si>
  <si>
    <t>新冠肺炎疫情全球肆虐，中央疫情指揮中心今（21日）公布國內新增18起境外移入病例，目前累積153名。台灣醫護人員站上第一線防疫之餘，也挺身而出，告誡國人「非必要暫時不要出國」，台東一名護理師更分享自己褪下隔</t>
  </si>
  <si>
    <t>面對新冠肺炎(COVID-19)疫情蔓延全球，防疫是場長期抗戰，民眾減少外出至人群聚集場域紛紛轉向尋求各類數位內容平台，開始建立足不出戶的「不接觸」生活型態，如數位雜誌、音樂及影音平台。Kono電子雜誌平台指出，今</t>
  </si>
  <si>
    <t>國籍航空鐘姓副機師在疫情期間，為抒解壓力而外出訪友、購物，違反居家檢疫規定，遭處罰鍰80萬元，經法務部行政執行台北分署溫情勸說下，已於11月26日繳清罰鍰。鐘男今年1月及2月居家檢疫期間及加強版自主健康管理期</t>
  </si>
  <si>
    <t>不畏新冠肺炎（COVID-19）疫情，經濟部加工出口區管理處挺就業，徵才服務不間斷，高雄、楠梓、以及中港園區，從12日開始舉辦現場徵才活動，包括日月光半導體、華泰電子、楠梓電子、華新科技、銳康科技、台灣海博特、</t>
  </si>
  <si>
    <t>衛福部桃園醫院爆發群聚感染，已有15例確診，昨（24）日晚間中央疫情指揮中心緊急匡列5000人居家隔離。國內疫情拉緊報，國民黨前立委孫大千連日來針對疫苗採購案提出多項質疑，今他指衛福部長陳時中就算想要推卸責任</t>
  </si>
  <si>
    <t>新冠肺炎出現變形種病毒，專家提醒季節越冷容易發生病毒感染，民眾務必做好勤洗手、戴好口罩等5重點自主防疫，新竹縣政府也加強社區防疫宣導，並在住宿型老人福利機構啟動示範演練及觀摩。新竹馬偕醫院去年3月投入百</t>
  </si>
  <si>
    <t>新冠肺炎疫情來勢洶洶，北美四大職業賽會嚴陣以待，除了宣布諸多措施外，正在賽季期間的NBA有可能決定閉門比賽，也就是兩隊在沒有觀眾與球迷的狀態下開打。湖人當家球星詹姆斯在得知消息後直言，如果閉門比賽，那他</t>
  </si>
  <si>
    <t>世衛組織將在日內瓦舉辦新冠肺炎專家會議，台灣將以「Taipei（台北）」名義參與視訊會議，引發外界議論，擔憂是否有矮化之嫌。對此，外交部發言人歐江安表示，由於有簽訂保密協定，政府不能透露台灣要以何種名稱參與</t>
  </si>
  <si>
    <t>趕在新冠肺炎國產疫苗高端二期解盲前幾個小時，衛福部食藥署10日上午首度公布國產疫苗「緊急使用授權（EUA）」2項技術準則。不過台大醫院臨床試驗中心主任陳建煒對本報表示：「我只能說這絕對不是國際標準，其他讓衛</t>
  </si>
  <si>
    <t>陸美貿易戰爆發以來，雙方在關鍵資源搶奪之下，用以生產高科技產業發展的重要原料、國防戰略物資的稀土資源之爭就浮上檯面，在去年陸美關稅戰正熱之際，澳洲稀土供應商Lynas與德州廠商Blue Line Corporation簽署合作</t>
  </si>
  <si>
    <t>受到新冠疫情影響，全台不少行業都受到衝擊，行政院推出振興三倍券，就盼可以讓民眾多多消費，促進經濟發展。但外界卻評價兩極，宅神朱學恆就提出三個大問題並直言，完全可以預見振興券真正上路之後會有更多的問題，</t>
  </si>
  <si>
    <t>第15輪疫苗今天開打，共有143萬人預約打BNT、9.5萬人約打莫德納，為使疫苗有效運用，指揮中心日前也宣布，接種完第一劑AZ滿8周以上者，自11月25日起可自行至指定醫療院所預約混打莫德納或BNT。第15輪疫苗除了提供AZ</t>
  </si>
  <si>
    <t>新冠肺炎疫情仍在全球延燒，前副總統陳建仁今(14)日表示，從目前各國的狀況來看，城市封鎖不是一個好方法，真正仔細地追蹤接觸史，和執行非常嚴格的隔離與患者近距離接觸者，才是遏止新型冠狀病毒的最佳方法。陳建仁</t>
  </si>
  <si>
    <t>自從新冠肺炎爆發以來，北韓1月23日宣布封鎖朝鮮與大陸邊境，由於長時間受到世界的經濟制裁，民生物資短缺，3月時曾短暫開放邊境，從大陸進口醫療物資、口罩等資源，有位北韓官員太想吃辛拉麵，私下闖關卻被海關攔截</t>
  </si>
  <si>
    <t>新冠肺炎疫情持續蔓延，清明連假不少地區都湧入大量民眾，就怕引發群聚感染，疫情指揮中心特別示警。不過，有網友認為，疫情中心指揮官陳時中僅宣導外出要戴口罩或保持社交距離，恐造成潛在危險，使防疫出現破口。日</t>
  </si>
  <si>
    <t>根據NBA知名記者查拉尼亞報導指出，雖然復賽時間仍舊遙遙無期，但復賽之後的地點有可能會選擇在拉斯維加斯或是奧蘭多迪士尼這兩個地方，至於30支球隊的隊職員必須先隔離14天，確定沒有人遭到感染之後才會開打。NBA自</t>
  </si>
  <si>
    <t>新冠肺炎疫情延燒，近期不少宗教活動多已暫停，民政局推出線上祈福活動，與永和保福宮、三峽紫微天后宮、土城慈法禪寺及三重先嗇宮等宗教團體合作，只要到新北民政保平安臉書留言，有機會獲宮廟限量祈福小物，也會把</t>
  </si>
  <si>
    <t>資本市場因新冠肺炎疫情變更得更難預測，再加上全球降息、金管會落實新一輪監理，壽險業今年不是拚獲利多，而是拚淨值蒸發不多、經常性收益率（recurring yield）減少不多及避險成本不多，只有做到這「三不多」，才</t>
  </si>
  <si>
    <t>嘉義縣獲中央配發第2批AZ疫苗3200劑已到位，提撥2000劑優先讓第一線警消弟兄施打，嘉義縣長翁章梁盼提升第一線防疫人員自我保護力，執行防疫最前線時能更加安心　預計6月1日前全數施打完畢。嘉縣衛生局長趙紋華指出</t>
  </si>
  <si>
    <t>先前選擇跟厄文一同站出來高喊球員不該參加復賽的湖人後衛布雷德利，如今透過《ESPN》確認自己不會參加復賽，原因可能是顧及自己6歲兒子李恩擁有很難從呼吸道疾病恢復的病史，目前最有可能頂替布雷德利在湖人位置的</t>
  </si>
  <si>
    <t>溜馬後衛布羅格登(Malcolm Brogdon)確定感染新冠肺炎！他25日透過溜馬官推發布聲明，表示自己狀況不錯，預計可以趕上7月底球季復賽。布羅格登近期參與過街頭黑人民權(BLM)示威行動，並且沒有保持社交距離。布羅格登</t>
  </si>
  <si>
    <t>新冠肺炎疫情蔓延全球，建商卻逆勢購地，據最新統計，光是興富發集團首季就大手筆掃貨147億，囊括單季土地市場交易總額478億元的三成；預期第一季封關之際，下周30日登場的「世貿三館」地上權標售案脫標氛圍濃厚，屆</t>
  </si>
  <si>
    <t>前總統馬英九近日針對蔡政府以防疫為由，一直未能接回滯留在大陸的台胞提出批評，認為違反人權，但除了綠營不買單，連藍營自家人、馬英九自家老部屬前衛生署長葉金川，認為防疫是專業，馬非此方面專家，不應多談。對</t>
  </si>
  <si>
    <t>今(23)日指揮中心新增6例新冠肺炎死亡個案，為5男(案1912、案2384、案2986、案3304、案3417)1女(案2483)，創單日死亡數最高，除案2483外，餘5人皆有慢性病史；其中案3304在5月20日因未出勤，經同事發現其昏迷並協助</t>
  </si>
  <si>
    <t>新冠肺炎疫情發生後，我方經常因防疫問題，與大陸發生不少口水戰，但期間陸委會卻始終扮演著「安全閥」的角色，從陸委會主委陳明通「小明的故事」，到近日陸委會發言人邱垂正在記者會上，直接使用「新冠肺炎」一詞，</t>
  </si>
  <si>
    <t>台灣女星歐陽娜娜近年來把演藝重心轉往對岸，最近將出席央視舉辦的「十一國慶」晚會，高唱《我的祖國》一曲，引發台灣網友熱議；有人好奇為什麼大陸人那麼喜歡歐陽娜娜？據悉，她吸金功力一流，曾一個小時撈66萬金幣</t>
  </si>
  <si>
    <t>最新公布的駿利亨德森全球股利指數，新冠肺炎疫情幾乎未對今年第一季的企業派息表現造成任何影響，但是今年剩餘的時間裡將面臨顯著的衝擊。故此，第一季高水準的指數表現只是暫時的現象。以整體派息而言，第一季全球</t>
  </si>
  <si>
    <t>苗栗國就是狂！苗栗縣議員鄭聚然11日表示，苗栗被稱為苗栗國，為何不能獨立生產口罩？鄭更表示，願意自掏腰包，投資600萬，買2台機器生產，每5個賣10元，提供鄉親來使用。據綜合媒體報導，苗栗縣議會臨時會11日開議</t>
  </si>
  <si>
    <t>香港今日(19日)最少新增100宗確診及初步確診個案，截至昨日(18日)，累計病例達1778宗，超越2003年SARS的1755人確診。另外，再有私立醫院職員中招，位於九龍太子道的聖德肋撒醫院2樓的內視鏡中心，有2名健康服務助理</t>
  </si>
  <si>
    <t>聯合國世界糧食計劃署（WFP）署長26日表示，全球首富、特斯拉創辦人兼執行長馬斯克（Elon Musk）只要捐出2%財產，便能挽救4200萬可能因饑荒而死去的全球民眾，呼籲各國富有人士「站出來」，協助解決全球糧食危機。世</t>
  </si>
  <si>
    <t>相較於歐美國家，印度新冠疫情算是輕微，但一段在網路上瘋傳的影像，卻令印度人又驚惶又憤怒。孟買Sion醫院的新冠肺炎病人病床附近，赫然擺著多具無人認領的新冠死者遺體，輿論大譁，憂慮醫療體系一旦無法負荷而崩盤</t>
  </si>
  <si>
    <t>行政院長蘇貞昌當初率先全台打疫苗，至今尚未施打第二劑，他今（9）日表示，疫苗已陸續到貨，所以當他施打第二劑時，代表疫苗數量足夠，到時會公開接種給大家看。聽完蘇貞昌的說法，國民黨台北市議員羅智強辦公室主</t>
  </si>
  <si>
    <t>新北市中和區公所31日將於中和華新街舉辦「2020光明點燈節」活動，今（26日）舉辦宣傳記者會，適逢新冠肺炎疫情蔓延全球，現場特別用小燭光排出了「No COVID-19」的字樣，中和區長賴俊達也強調，要在中和點燈，為世</t>
  </si>
  <si>
    <t>新北市一位許姓女子2020年8月間曾在臉書PO文，指控「我家附近死了一個確診者…別再欺騙臺灣人了」，同年9月又再度上傳「2位鄰居都是發高燒住院，沒幾天就被醫院草率開普通肺炎死亡證明結案」。新北地檢署今（19日）偵</t>
  </si>
  <si>
    <t>美國衛生研究院（NIH）轄下國家過敏和傳染病研究所（NIAID）表示，包含日本武田製藥等多家藥商，已開始對住院的新冠肺炎病患測試一套臨床實驗性的血漿療法，即從康復者身上抽取癒後血漿，利用血中抗體製成治療藥物。</t>
  </si>
  <si>
    <t>受到新冠肺炎疫情升溫與企業延期復工影響，大陸249家赴美上市的中概股在1月24日至3月12日期間，共有219家公司總市值下滑。其中，因大陸汽車產業重鎮湖北省為疫情重災區，拖累中概股汽車股重跌，二手車電商平台「優信</t>
  </si>
  <si>
    <t>中央流行疫情指揮中心宣布有條件開放部分休閒娛樂場所，經濟部公告視聽歌唱場所防疫管理措施指引，台中市政府立即依相關指引公告申請復業程序及內容；經發局統計申請至7日共44家提出申請，42家符合規定已核准復業。</t>
  </si>
  <si>
    <t>新冠肺炎疫情肆虐全球，根據美國約翰霍普金斯大學（Johns Hopkins University）統計，隨著歐美疫情肆虐，全球新冠肺炎確診人數今天正式突破百萬人，台灣時間今天清晨4點15分為止，全球確診1百萬2159人，全球新冠病故</t>
  </si>
  <si>
    <t>新冠肺炎擴散肆虐，全球疫情拉警報，不少國家已下達緊急命令，將民眾的外出機率降到最低，而歐美災情慘重，名流、娛樂圈確診甚至染疫病逝的消息頻傳，因此不少名人選擇居家隔離保障安全，包含足球名將貝克漢一家，他</t>
  </si>
  <si>
    <t>中央1日開放長照機構探視，新北市府不跟進，今自行發布長照機構探視規定，被外界質疑「逆時中」；對此新北市長侯友宜今受訪表示，新北市這一路走來，每項防疫措施都有順序、有步驟、有組織慢慢執行，也會滾動式修正</t>
  </si>
  <si>
    <t>清明連假結束，中央流行疫情指揮中心為避免疫情擴大，今天上午召開臨時記者會宣佈曾出入熱門旅遊景點、人潮擁擠的地方活動的民眾，務必實施14天的自主健康管理，避免出入公共場所，外出時務必配戴口罩，儘可能在家上</t>
  </si>
  <si>
    <t>為了給自己更多的激勵與刺激，原本在大陸CBA例行賽允諾每投進1顆三分球就捐3000人民幣(約台幣1.3萬)給弱勢孩童的林書豪，決定在接下來的季後賽「加碼」，只要他在季後賽投進1顆三分球，就會捐出21000人民幣(約台幣8.</t>
  </si>
  <si>
    <t>大聯盟本季因為新冠疫情損失慘重，整個例行賽關門比賽，球團幾乎「顆粒無收」，並且保險公司拒絕理賠。總裁曼佛雷德(Rob Manfred)宣稱損失達到30億美元，《美聯社》報導30支球隊在今年10月一起告上加州法庭，向保險</t>
  </si>
  <si>
    <t>陷入這波染疫風暴的京元電竹南廠，為了徹底清除疫情，13日上午在造橋臨時移工宿舍，展開第3波的PCR篩檢，受檢男女移工篩檢前後都接受徹底消毒，京元電在竹南廠對本籍員工全面篩檢行動，12日已完成全部5千多人篩檢，1</t>
  </si>
  <si>
    <t>中央流行疫情指揮中心規劃第九輪接種BNT及高端疫苗，預計9月底開打，而選擇要施打AZ跟莫德納疫苗的民眾只能期盼第十輪，近日有網友分享讓全家人一天都打到AZ方式，引起熱議。一名女網友在PTT八卦板發文表示，自己與</t>
  </si>
  <si>
    <t>新冠肺炎疫情在全台大爆發，全民防疫不能出門，金融業力推數位金融服務。但，政治大學風險管理與保險學系教授林建智提醒，疫情造就兩大新弱勢，包括因疫情影響財務工作收入受到衝擊的人、IT小白（沒手機電腦、不愛上</t>
  </si>
  <si>
    <t>新冠肺炎肆虐，台灣連續2天新增個案「零確診」，除了有賴中央統籌指揮外，各縣市首長更扮演起防疫的關鍵角色，根據媒體最新民調顯示，六都首長防疫措施，新北市長侯友宜以88.3％的超高滿意度拿下第一，獲得最多民眾</t>
  </si>
  <si>
    <t>新冠肺炎讓許多產業出現新變革，連AV業界也得「順應時勢」，引發一串新流行的跟風。網站DECIDER顯示，在3月4日左右，人氣A片網站Pornhub以「新冠肺炎（coronavirus）」做為關鍵字的影片，就有115件，而影片的內容，</t>
  </si>
  <si>
    <t>中央流行疫情指揮中心表示，COVID-19疫情延燒全球，我國防疫有成，連續多日無本土病例，指揮中心自6月7日起放寬國內防疫措施，但也發現到近期民眾警戒心下降，整體防疫新生活運動落實情形不盡理想，因此在8月5日提醒</t>
  </si>
  <si>
    <t>雲林縣今天新增1例COVID-19本土確診個案，為一名女外籍看護，雲林縣維持零確診62天破功；縣府在其足跡周遭環境清消外，明天將在北港鎮草湖里西湖活動中心設置社區快篩。張麗善今天召開疫情線上記者會，說明新增1起CO</t>
  </si>
  <si>
    <t>苗栗竹南科技廠移工群聚感染疫情仍未降溫，10日再爆增43例！中央流行疫情指揮中心10日通報苗栗縣新增確診病例43例，其中，外籍移工40例、本國籍3例。京元電子相關11例、智邦科技相關28例、竹科力積電子1例、京鼎科技</t>
  </si>
  <si>
    <t>我國出現首起新冠肺炎實驗室感染案例，經過連夜匡列採檢110位接觸者後，86名都是陰性，其餘24名仍在檢驗中。初步來看中研院P3實驗室染疫情況並未向外擴大，但指揮官陳時中10日說，社區中足跡複雜，仍需要提高警覺，</t>
  </si>
  <si>
    <t>新冠肺炎疫情延燒歐美，歐盟27個成員國全部淪陷，高官染疫日多，美加州、紐約更成重災區，為此，疫情指揮中心昨將旅遊警示國家與地區由10處增至36處。即起，比利時、荷蘭等歐洲8國，中東巴林、科威特2國旅遊疫情建議</t>
  </si>
  <si>
    <t>行政院上周宣布紓困4.0上路，勞動部也釋出「安心即時上工」職缺。但民進黨立委鍾佳濱等人今日召開線上記者會指出，許多沒有勞保的打工族並未符合上工的資格門檻，很多學校社團老師也成無保孤兒，不但紓困沒著落，又</t>
  </si>
  <si>
    <t>關貿網路今日表示，第11期預約接種將於雙十連假陸續開放，本期預約將提供BNT疫苗第一劑和AZ疫苗第二劑接種，分別10月11日、12日啟動預約，採分流方式進行。第11期除了分梯啟動，還開放提前查詢預約資格功能。以第10</t>
  </si>
  <si>
    <t>美國政府於美東時間31日上午宣布捐贈台灣150萬劑新冠疫苗。外交部表示，這批由莫德納（Moderna）公司生產的疫苗，將由中華航空公司專機運送回國，預計台北時間11月1日下午1時抵達台灣桃園國際機場。總統府指出，這不</t>
  </si>
  <si>
    <t>許多國家為防堵Delta疫情宣布打第三劑加強劑疫苗，胸腔科醫師蘇一峰分享，以色列近日宣布打第三劑預防感染的保護力增加4倍、預防重症的保護力則增加5-6倍。美國、加拿大、法國與德國也紛紛準備打第三劑。貼文引起網</t>
  </si>
  <si>
    <t>台東縣政府上周六(14日)在大武鄉舉辦「南迴藝術季」開幕儀式及餐聚，縣府各級長官與參展藝術家、藝文人士，近百人肩並肩大吃美食，沒有社交距離與隔板等防疫措施，昨天(17日)照片還貼上藝術季臉書專頁，讓網友大罵，</t>
  </si>
  <si>
    <t>我國海軍敦睦艦隊昨(18)驚爆3人確診新冠肺炎（COVID-19），今天又爆增21人確診，對此，海軍副司令梅家樹中將，今天在中央流行疫情指揮中心記者會中，代表海軍向社會大眾鞠躬致歉說：「109年敦睦任務期間，相關防疫工</t>
  </si>
  <si>
    <t>美女眼科醫師黃宥嘉是談話性節目常客，個性仗義執言、有話直說，然而疫情當頭，她日前搭捷運就因見到2位乘客不斷交談，忍不住開口勸說：「捷運車廂內不要一直交談，疫情嚴重，請共同協助抗疫！」想不到其中一位短褲</t>
  </si>
  <si>
    <t>新冠肺炎嚴重肆虐全球，疫情接連在歐美各國迅速擴散開來，傳出包含美國和澳洲等國家，許多民眾都到大賣場瘋搶民生物資，尤其衛生紙被搶得最徹底。為何明明這些國家衛生紙產量無虞，民眾仍要瘋狂囤積衛生紙呢？根據《</t>
  </si>
  <si>
    <t>繼昨天公布的3人之後，我國出訪敦睦艦隊上再有21人確診新冠肺炎，原本國防部宣稱出訪時間有戴口罩，但官兵未戴口罩拉正妹狂嗨被踢爆後，今天中央流行疫情指揮中心記者會上，國防部坦承進一步追查後發現出訪官兵並未</t>
  </si>
  <si>
    <t>新冠肺炎在日本肆虐，各產業深受重創，就連情色產業也難逃這波疫情影響，這也讓不少從事情色產業的女子收入遞減。不過，日本搞笑男星岡村隆史，日前居然在深夜電台節目中，公開呼籲聽眾等候疫情過去「努力存錢去嫖妓</t>
  </si>
  <si>
    <t>新冠肺炎疫苗陸續問世，其中AZ疫苗在歐洲開打後卻傳出副作用，法國與瑞典部分地區均暫緩施打計劃。我國政府表示會持續觀察世界各國接種情形，也緊急授權讓AZ疫苗來台。然而，民眾究竟能否放心接種？AZ疫苗是牛津大學</t>
  </si>
  <si>
    <t>高端疫苗昨天宣布二期臨床試驗解盲成功，衛福部長陳時中今天也特別評論解盲結果，表示從高端公布的數據中可看出安全性、免疫反應、製程穩定性都沒問題，唯獨真實保護力有多少必須交由專家來研判。陳時中表示，從昨天</t>
  </si>
  <si>
    <t>新北環狀線板新站坐落板橋區精華地段，與板橋站只有一站之隔，新北市捷運局24日舉辦「新北環狀線板新站土地開發案」線上招商說明會，介紹基地面積與招商條件，預計9月公告徵求投資人，將興建地上29層、地下6層、面積</t>
  </si>
  <si>
    <t>台灣三級警戒延長至6月14日，已有許多行業快撐不下去了！尤其服務業、零售業最慘，如百貨公司就受到嚴重衝擊，不開門也不是，只好縮短營業時間；開了門也沒客人，白白支出水電費用。一名網友在PTT發文表示，現在全國</t>
  </si>
  <si>
    <t>台灣新冠肺炎疫情日益嚴重，重症與死亡數不斷增加，趨勢科技與中國醫藥大學附設醫院率先合作，將擴大投入經費與醫療專業，以臍帶間質幹細胞恩慈療法方式治療covid-19重症患者。而這項創新的治療計畫已快速獲得雙方財</t>
  </si>
  <si>
    <t>受新冠肺炎疫情影響，許多國家改用視訊工作、教學、上課，阿根廷一名大學女教授感染新冠肺炎，仍然透過視訊為學生上課，卻在課程途中倒地，學生透過螢幕焦急問女教授地址，以便找人救援，但女教授只掙扎吐出「我不（</t>
  </si>
  <si>
    <t>新冠肺炎疫情持續延燒，印尼至今仍是零確診案例，結果不是防疫做太好，而是因為採檢費用太貴，所以不採驗。印尼衛生部官員溫德拉表示，不會採驗從湖北接回的238位學生，因為標準沒規定，且將全部的人都採檢的費用太</t>
  </si>
  <si>
    <t>美國疾病管制暨預防中心（CDC）上周公布，至今有將近1.3萬例打完新冠疫苗仍住院或死亡的嚴重突破性感染病例，強調突破性感染仍相當罕見，不過這些案例中，以老年人以及有多重慢性疾病的人重症風險較大。美國有線電視</t>
  </si>
  <si>
    <t>日本在周四稍晚新報新冠肺炎每日新增確診人數，來到歷史新高的1305人，而前一日週三亦為破紀錄的1260人，為連續兩日突破紀錄。週三的紀錄亦為日增確診首次破千人。東京地區週四新報367人，之後市政府隨即要求酒吧和</t>
  </si>
  <si>
    <t>英國變種病毒，台灣再增1例！指揮中心近期針對國內確診者，共21株個案病毒定序發現，除了昨天的案792是英國變種外，案791也是，該案是從英國留學返台，但居檢期間在家獨自一人，故無框列接觸者，沒有擴散到社區的疑</t>
  </si>
  <si>
    <t>德國公衛專家勞德巴赫（Karl Lauterbach）聲稱，新冠變異株Omicron是聖誕禮物，或許能加速終結新冠疫情。《倫敦標準晚報》（London Evening Standard）報導，正在爭取擔任德國新任衛生部長的公衛專家勞德巴赫表示，</t>
  </si>
  <si>
    <t>蘋果於台北時間14日凌晨1時舉行年度iPhone發表會，市場預期蘋果發布一系列5G版iPhone 12手機以及其他產品，帶動蘋果股價前一日率先拉高，大漲近6.4％，為7月31日以來最大漲幅，昨日台股蘋概股也被帶動，在盤面上有所</t>
  </si>
  <si>
    <t>新冠肺炎疫情持續延燒，我國已有零星社區感染出現，為及早因應可能的大規模社區感染，行政院日前將指揮中心等級升為一級開設，指揮中心指揮官陳時中今(29)日11時親臨台北榮總視導該院的超前準備。陳時中今日針對表示</t>
  </si>
  <si>
    <t>防疫期間民眾外出戴口罩幾乎已成為下意識習慣，但網路上有網友提問，「護目鏡」是否必須配戴，該網友認為護目鏡是多一層保護；其他網友則列出必須戴的2大理由，其1是飛沫可能經由淚液進入人體，其2是若手部會沾染細</t>
  </si>
  <si>
    <t>新型冠狀病毒在全球擴散，歐美最新研究顯示，慢性病及心血管疾病患者，若罹患新冠肺炎，不僅死亡率高，重症住院者更多，不可不慎。為協助患者做好自我管理，醫界首度黑客松作品「好心鄰」LINE上線，協助提醒用藥，紀</t>
  </si>
  <si>
    <t>金管會公布國銀最新獲利狀況，2020年1～2月稅前獲利627.5億元，年減21.8億元或3.4％，各類分行中僅國際金融業務分行（OBU）獨守成長。銀行局副局長黃光熙表示，主因新冠肺炎疫情重創全球資本市場，使國銀投資金融資</t>
  </si>
  <si>
    <t>經濟部傳出有同仁因確診，經濟部17日上午證實這消息，該名同仁因曾前往特定疫情熱區附近，並出現不適症狀，進行採檢後，已接獲通知為COVID-19確診個案，而經濟部也啟動分區辦公應變機制，已於週一（5/17）展開本部分</t>
  </si>
  <si>
    <t>國內首度開放新冠疫苗混打，限時6小時開放意願登記，共28萬人完成登記，將可在明天上午10點預約混打，最快後天就能接種莫德納或BNT疫苗。中央流行疫情指揮中心宣布開放AZ混打莫德納或BNT，已於9月25日前接種第1劑AZ</t>
  </si>
  <si>
    <t>受到新冠肺炎疫情影響，紐西蘭航空（Air New Zealand）宣佈，3月20日起將陸續暫停包含奧克蘭往返台北等多條國際航線直到6月30日，根據《路透》報導，紐西蘭航空預計最終將削減85%的國際運能，往返澳洲及紐西蘭國內航</t>
  </si>
  <si>
    <t>美國最新研究發現，新冠變異株Omicron的眾多突變中，其中一個可能涵蓋從其他病毒上取得的遺傳物質片段，從而讓Omicron可能更具傳染力，但同時只會造成輕症。專家指出，Omicron可能是從感冒病毒中取得遺傳物質片段。</t>
  </si>
  <si>
    <t>行政院南部聯合服務中心執行長陳政聞遭爆捲入「牡丹灣villa」群聚事件，消息一出後，政壇炒得沸沸揚揚，高雄地方更直言陳政聞「這次走定了」，烏紗帽恐不保，不過，許多網友可不這樣認為，直言「3+11這把火都沒事了</t>
  </si>
  <si>
    <t>中央流行疫情指揮中心今(4)日公布新增1例死亡病例案799，為英國籍70多歲男性，去年12月18日來台，31日確診感染英國變種病毒，之後因病況加劇使用葉克膜搶救，但昨仍因肺部出血、器官衰竭病逝，為國內首起染英國變毒</t>
  </si>
  <si>
    <t>美國紐約疫情嚴峻，至少211名警察確診，單日竟有2774名警察請病假，為免國內疫情波及人民保姆進而影響治安工作，太平警分局26日實施異地辦公機制演練，由內勤及各外勤派出所(隊)人員調度二分之一警力，分別部署於第</t>
  </si>
  <si>
    <t>中央流行疫情指揮中心昨宣布最快明年1月1日開打第3劑疫苗，將優先提供給高風險對象，接種兩劑滿6個月者可接種。針對第3劑疫苗廠牌應如何選擇，衛生福利部傳染病防治諮詢會預防接種組（ACIP）召集人李秉穎指出，基本</t>
  </si>
  <si>
    <t>台灣新冠肺炎疫情再度升溫，中央流行疫情指揮中心昨(16日)公布新增8確診個案，都在國外被感染，台灣確診者累積達67例，其中15日公布的案54男子，2月28日到泰國遊玩，3月5日又到日本北海道旅遊4天，返台後確診，又疑</t>
  </si>
  <si>
    <t>國際穿戴裝置大廠Garmin林口廠區，9日傳出有1名員工確診新冠肺炎，該名個案居住在新北市，桃園市長鄭文燦呼籲新北市政府要充分分享疫調資訊，桃園市衛生局7日中午就入廠採檢，當晚才接獲新北市衛生局通報確診。據了</t>
  </si>
  <si>
    <t>桃竹苗水庫都在比慘！石門水庫水情是「狀況不好」，寶山和寶二水庫是「告急」，永和山水庫「很緊急」！新竹地區可能在6月1日亮紅燈供5停2，水公司指出石門水庫每天還是會支援22萬噸水給新竹，在甲區停水時調配供給乙</t>
  </si>
  <si>
    <t>針對有媒體直指台南市「疫苗不足」，8月2日後將不提供疫苗接種服務，台南市長黃偉哲斥假消息，這是未經查證的不實消息，只要於公費疫苗預約平台預約成功的市民，就一定打得到疫苗。衛生局長許以霖也強調，依據公費疫</t>
  </si>
  <si>
    <t>新冠肺炎散播的震央目前從大陸轉移到歐洲。由於歐洲國家如英國和瑞典採取和WTO不同的防疫模式，群體免疫概念浮上檯面，儘管在反彈下緊急採取措施彌補，但可能為時已晚。歐美嚴防亞洲的局面出現倒轉，如果防疫不力，</t>
  </si>
  <si>
    <t>近日美中對新冠疫情爭議愈見激烈，外媒今日獨家報導，美總統川普在大陸新冠疫情爆發前數月調走一名關鍵的駐陸控官員，使得美方無法即時獲知並向華府報告在中國大陸發生的重大公共衛生事件。路透23日發自華盛頓的獨家</t>
  </si>
  <si>
    <t>菲律賓針對台灣加碼的旅遊禁令會否解除，14日就要攤牌。不管結果如何，政府應該要有心理準備，菲律賓可能不會是最後一個針對台灣祭出旅遊限制的國家，往後若再出現類次案例，我們該怎麼回應？義大利以及菲律賓都聲稱</t>
  </si>
  <si>
    <t>高端疫苗開打後，傳出2人疑出現不良反應猝死。國民黨主席江啟臣今（25）日到高市議會拜訪，面對媒體提問指出，沒有經過三期試驗，沒有國際認證的疫苗，更加要謹慎，因為這等於是把民眾當免費的白老鼠。江啟臣表示，</t>
  </si>
  <si>
    <t>這兩年的應屆畢業生都遭逢疫情，導致找工作不容易，近期國內疫情趨緩，全台降為二級警戒，不少公司也開始徵才。一名剛從大學畢業的女網友發文分享，她面試了六家公司都沒被錄取，幾乎所有的面試官都跟她說「不要緊張</t>
  </si>
  <si>
    <t>中央流行疫情指揮中心今公布新冠肺炎本土案例有262例，校正回歸65例，其中台北市新增87例，台北市長柯文哲今在北市防疫記者會上表示，目前疫情陷入「膠著狀態」，台北市疫情還能控制，但還是在危險邊緣；柯指出，北</t>
  </si>
  <si>
    <t>大陸湖北省武漢2名在第一線對抗新冠肺炎的醫生，不幸感染並演變為重症患者。經過2個多月的治療，2人保住性命，但驚人的是，他們全身皮膚發黑，其中一名醫師帶著眼鏡，竟神似WHO秘書長譚德塞。綜合陸媒報導，武漢市中</t>
  </si>
  <si>
    <t>三級警戒實施逾1個月，今天下午將宣布是否解除或延長，引發網友熱議，多數人認為以台北市的疫情狀況，解除的機率不高，但也有人期待能快解除、恢復過去的生活，並喊話要去餐廳吃飯、去中南部旅遊，讓許多網友看了擔</t>
  </si>
  <si>
    <t>美國總統拜登上任後，便忙著處理川普丟下的新冠肺炎疫情爛攤子。至今新冠肺炎每天仍導致數以千計美國人喪生，78歲的他在概述為民眾接種疫苗的計畫後，便請記者離場。不過，據《太陽報》（THE SUN）21日報導，就在拜</t>
  </si>
  <si>
    <t>新冠肺炎肆虐，經濟部次長王美花今日在行政院會後記者會宣布，口罩徵用與禁止出口延長到四月，相關公文已經發出了。但這主要以疫情作指標，也並非無提早解除之可能。新冠肺炎肆虐，行政院長蘇貞昌第一時間下令向民間</t>
  </si>
  <si>
    <t>中央流行疫情指揮中心今天公布新增335例本土COVID-19個案，另有8例校正回歸個案，總計343例，確診個案中新增36例死亡。台灣這波本土疫情自5月11日至今已經有10005人確診，248例人死亡。陳時中說，明起不再公布校正回</t>
  </si>
  <si>
    <t>北京新冠肺炎疫情死灰復燃，一發不可收拾，6月11日到6月14日，短短4日，北京新增新冠肺炎確診者達79例。就在大陸副總理孫春蘭表示「疫情擴散的風險很高」，下令採取堅決果斷措施、防止疫情擴散後，北京全市社區防控</t>
  </si>
  <si>
    <t>面對本土疫情嚴峻，中央流行疫情指揮中心指揮官陳時中今(25)日在疫情記者會中，提到警察染疫時語帶哽咽、幾乎要哭了，引起廣大關注。知名旅遊部落客則在臉書揪出這次疫情的2大的萬惡源頭，直指比較想哭的應該是全體</t>
  </si>
  <si>
    <t>新冠肺炎疫情蔓延全球，2020金門馬拉松停辦，縣府回應熱情跑友的支持與期待，今（12）日推出「2021金門馬回饋方案 」，歡迎大家重返金門馬拉松賽道，一起在戰地風情中馳騁追逐榮耀。縣府指出，回饋方案一： 今年度（</t>
  </si>
  <si>
    <t>高雄2日重回「嘉玲」行列，但有新北確診個案在染疫後有高雄足跡，經過初步疫調發現，案14805曾於6月16日從新北南下回到美濃婆家，待至20日返回新北，27日宣布確診，高雄共匡列32位相關接觸者，目前12人快篩、8人PCR</t>
  </si>
  <si>
    <t>新冠肺炎肆虐台灣，民眾若做PCR採檢，3天內沒接到通知就是陰性。但近日一名李姓男子因有發燒、咳嗽等症狀，去醫院PCR檢測，3天內都未接獲通知，結果自行打開「健保快易通」App才發現採檢結果為陽性確診，打電話給192</t>
  </si>
  <si>
    <t>新冠肺炎疫情期間，新興市場股市表現承壓，但部分產業或國家表現已漸走出新冠疫情陰霾，股市走勢和防疫成效呈現明顯正相關，法人表示，在新興市場股中，目前相對看好中台韓印等亞洲國家。疫情期間，在投資人轉進安全</t>
  </si>
  <si>
    <t>韓國衛生部8日表示，該國新冠肺炎第31例確診病患目前仍在接受治療中，成為韓國感染肺炎最長時間的病人。這位61歲女性於2月18日檢驗為陽性，目前已入院51天，輕症病患平均兩周內便可康復。她被視為大邱新天地耶穌教會</t>
  </si>
  <si>
    <t>國內上周爆發軍艦群聚，造成多名官兵染疫。一名曾與敦睦艦隊官兵同處一個健身房的台鐵貨運列車車長，4月22日採檢結果呈陰性，後續又出現發燒、肺浸潤，被安排二採。中央流行疫情指揮中心發言人莊人祥今午表示，車長</t>
  </si>
  <si>
    <t>知名封測廠京元電子竹南廠爆發菲籍移工群聚感染，3日公布新增確診者再增32名京元電員工。業者從6月2日下午就開始採檢核酸檢測PCR及快篩，截至今3日上午止，已經採檢快篩368人，其中陽性8人，PCR檢測195人，3日下午後</t>
  </si>
  <si>
    <t>印度政府5月宣布總額20兆盧比的經濟刺激政策，約佔印度GDP10%，以支撐新冠肺炎對印度帶來的衝擊。根據ICICI-PRU資料顯示，印度股債評價指數（溫度計）為88.8，已經連續三個月處於「買進股票」區間；建議投資人觀察印</t>
  </si>
  <si>
    <t>西安市教育局表示，按照陝西省教育廳2020年春季學期開學工作安排，3月30日，西安市高三年級開學；4月7日，初三和中職學校畢業班開學。以上為西安市首批開學學段。西安市將採取多項措施積極做好開學準備工作。西安市</t>
  </si>
  <si>
    <t>因應春節大量人潮返台，7＋7方案中，同住家人有不能搭乘大眾運輸等嚴格規定，新北市長侯友宜17日防疫會議中指出，掌握同住家人第一線執行面非常困難，政策一而再再而三，但調整要有完好配套措施，如果執行無法做到，</t>
  </si>
  <si>
    <t>好消息！中央流行疫情指揮中心先前公布的高雄確診者案2530男性居服員，因為經過二採、三採結果均為陰性，經中央流行疫情指揮中心綜合研判已排除感染，與該位男性居服員同日被公布確診的6歲女童先前也已排除染疫，目</t>
  </si>
  <si>
    <t>本土疫情升溫，中央流行疫情指揮中心日前推出「台灣社交距離App」，讓確診者上傳資料，提醒14天內近距離接觸的對象，不過，至今已確診有5488人，實際上傳僅29人，上傳率僅0.5％。對此，民眾黨立委高虹安表示，「社交</t>
  </si>
  <si>
    <t>台中市長盧秀燕在疫情指揮中心記者會中表示，台中今天確診新增1人本土、1人境外，至於新社48歲男子已排除確診。中央今天公布的中市本土確診1人就是市府昨天預告的飲料店男員；另新社區48歲男性，經疾管署確認PCR及血</t>
  </si>
  <si>
    <t>民眾接種國藥與科興，未來返台將可註記在黃卡。衛生福利部長陳時中今天接受訪問時表示，這是針對事實認定有接種過這兩支疫苗，但是否承認要另案研究。立法院院會今天邀請蘇貞昌、行政院主計總處主計長朱澤民、財政部</t>
  </si>
  <si>
    <t>台灣新冠死亡率較全世界高，引起各界關注，有人認為年齡和身體狀況是原因，也有人推測是篩檢數不足導致，但加拿大英屬哥倫比亞大學教授「山人幸琪」發文表示，台灣這波疫情爆發至今四周，其他國家已超過16個月，兩者</t>
  </si>
  <si>
    <t>台中市西屯區因轄區內有豪宅林立的七期重畫區，三月時很多居民從國外返台，在家進行十四天居家檢疫，居家檢疫人數居全市之冠，近來返台人數下降，區公所不敢鬆懈，區長陳寶雲與區公所團隊里辦處宣導防疫，提醒居家檢</t>
  </si>
  <si>
    <t>美吾華‧懷特‧安克生技集團24日舉辦聯合法說會，三家公司紛紛報佳音！懷特旗下新藥今年3月納健保，帶動自費市場，並已規劃向美FDA申請緊急人體臨床試驗，擴大適應症治療新冠肺炎患者。安克健檢市場布局完成，包括台大</t>
  </si>
  <si>
    <t>亞太經濟合作會議(APEC) 21個會員日前發表共同聲明，呼籲各經濟體致力建構一個具包容性的亞太社群，降低新冠肺炎帶來的負面影響，加速區域經濟復甦與安全成長。外交部今天對此表示歡迎，強調將配合相關部會，就未來</t>
  </si>
  <si>
    <t>新冠肺炎疫情持續擴大，死亡人數不斷攀升，新藥治療不容緩。宣捷藥董事長宣昶有表示，旗下由臍帶間質幹細胞所研發的新藥UMC119-06，用於治療急性呼吸窘迫症候群（Acute Respiratory Distress Syndrome，ARDS），可望</t>
  </si>
  <si>
    <t>新冠肺炎肆虐全球，不少健康的運動員都傳出確診消息，香港也傳出有運動員確診的消息，28歲的空少道帥哥運動員李振豪也確診為陽性。他2月中旬曾和幾名搏擊隊員出發到歐洲，準備參加5月在法國巴黎舉行的奧運空手道外圍</t>
  </si>
  <si>
    <t>全球新冠肺炎疫情升溫，台灣目前維持1死個案，各縣市莫不嚴陣以待，台南本月初傳出疑似感染新冠肺炎死者被送到台南市立殯儀館，相關單位第一時間即高規格因應，所幸檢驗陰性排除，但已讓經手各單位捏一把冷汗；台南</t>
  </si>
  <si>
    <t>新冠肺炎在全球急速擴散，就連醫療進步的日本、韓國和歐洲多國都已淪陷。不過，擁有13多億人口的印度，卻只傳出有3名確診病例，而且全部都已康復。一名住在印度的網友表示，印度境內疫情沒有蔓延，全因政府的一招「</t>
  </si>
  <si>
    <t>本土疫情失控，死亡人已超越SARS時期紀錄。藥師林士峰表示，在此時談經濟是「大逆風」的話題，但他親自走訪發現，連知名大賣場人潮也僅剩過去三分之一，想起台北市市長柯文哲所說，再拿不到疫苗讓群體免疫，沒有病死</t>
  </si>
  <si>
    <t>新冠肺炎疫情持續重創金融市場！美國華爾街股市一度停止交易，更讓已經跌深的英國倫敦金融時報指數一路下探，暴跌9％，來到5330點的8年新低，也就是說，將近8年來的增幅在不到3星期內，全部都被回吐。英國天空電視台</t>
  </si>
  <si>
    <t>新冠肺炎疫情趨緩，但擴大紓困方案議題仍持續延燒！疫情指揮中心定期分析目前紓困的核定案件和受理案件比例來看，受理效能第一是新竹市達69%，其次分別是桃園市、台南市、新北市、連江縣、台中市、彰化市和台北市。</t>
  </si>
  <si>
    <t>德國總理梅克爾22日（周日）宣布將自主居家隔離，因為上周五曾為她施打疫苗的醫師，後來確診新冠肺炎。德國政府預計周一將祭出規模5,000億歐元的財政紓困措施，協助這個歐洲最大經濟體減緩疫情帶來的經濟衝擊。梅克</t>
  </si>
  <si>
    <t>國內疫情升溫，確診人數高居不下，被視為是最終武器的疫苗卻遲遲未到位，國民黨前立委孫大千忍不住痛批，民進黨在疫苗採購上根本是放羊的孩子，一次又一次的呼攏台灣人民。「給人民疫苗，其餘免談！」孫大千今（27）</t>
  </si>
  <si>
    <t>美國總統拜登下令禁止將新冠病毒加上「中國」或「武漢」等字眼，國民黨文傳會副主委鄭照新以行政院長蘇貞昌至今不願改口，甚至在視察農改場聞桂花香時，仍用歧視性字眼扯新冠肺炎，讓他深感民進黨的「民主」、「愛國</t>
  </si>
  <si>
    <t>秋冬流感季節即將到來，加上有新冠肺炎伺機而動，專家擔憂，當兩者混合流行，將考驗第一線醫療人員如何去鑑別疾病，不僅新冠肺炎確診難度加高，病人也恐因診斷錯誤，未予以正確治療，呼籲政府應提供前線人員快篩試劑</t>
  </si>
  <si>
    <t>新冠肺炎疫情在台灣確診人數不斷上升，衛服部近日除要求民眾保持社交距離，還要徹查清明連假有到11個重點公告地區，但資深媒體人趙少康卻認為，「無症狀感染、篩檢範圍外的輕症患者，基層診所卻不篩，直接輾回家，衛</t>
  </si>
  <si>
    <t>因為疫情影響，C型肝炎篩檢、治療、追蹤意願大幅降低，據統計全台有高達12萬名C肝患者尚未治療！醫師提醒，C肝不治療恐怕讓肝臟持續受到傷害，若感染新冠肺炎病毒，會有較高的重症、死亡風險，呼籲民眾不可拖延治療</t>
  </si>
  <si>
    <t>受確診新冠肺炎的澳洲音樂家影響，原訂於8日自澳洲返台的歌仔戲國寶廖瓊枝，決定搭乘另一班機。廖瓊枝歌仔戲文教基金會董事紀慧玲表示，含廖瓊枝在內，薪傳歌仔戲劇團39人將在今（11）晚搭乘十點多的班機返台，預估</t>
  </si>
  <si>
    <t>新冠肺炎疫情擴及全球，截至目前為止，新加坡確診病例已達58起，扣掉鑽石公主號的確診病例不算，新加坡全球確診數，僅次於大陸。日前就有網友好奇，「政府目前對新加坡入境的人有類似居家檢疫的措施嗎？」擔心恐成為</t>
  </si>
  <si>
    <t>長聖（6172）挾著腦中風與新冠肺炎等三個適應症新藥，與國藥廠洽談合作授權可望在第一季敲定，加上特管辦法推出，該公司治療項目、核准案均為台灣之冠，法人預期2021年營運有機會虧轉盈。以首家專攻細胞治療上櫃的長</t>
  </si>
  <si>
    <t>美國總統川普高調宣布退出世界衛生組織（WHO）已經超過半個月，但目前美國仍舊保有會員的身份，而且還與世衛多所合作，世衛官員因此預期川普應該只是喊喊，最終並不會做出正式退出的具體動作。川普在5月29日召開記者</t>
  </si>
  <si>
    <t>從防疫到紓困，為因應新冠肺炎的一連串作戰，黃偉哲回頭看，讓他感到最痛苦的是「假貨」太多。怎麼說呢？原來市民居家檢疫時亂跑，曾遭罰70萬，還有發放紓困金一直看到有人重複請領，造成不公義和行政成本浪費，讓黃</t>
  </si>
  <si>
    <t>日韓新冠肺炎確診病例連日大增，引起外界高度警戒，市場憂心原估2月底可望見到疫情高峰的時間點恐再延後，激勵防疫概念股重燃漲勢，再度成為盤面資金匯聚重心，毛寶、熱映、高端疫苗等七檔同步亮燈漲停。美國疾病管</t>
  </si>
  <si>
    <t>高雄市一名65歲蔡姓男子，昨（15日）上午接種莫德納疫苗，傍晚在家中暈倒送醫搶救不治。蔡男妻子悲痛表示，丈夫身體狀況良好，兩人曾聊到有人打疫苗後死亡，她勸「那你不要打」，但丈夫堅持要打，豈料打完疫苗就發生</t>
  </si>
  <si>
    <t>河南省鄭州市新冠肺炎應急處置聯合指揮部4日晚間召開新聞發布會，鄭州市人民政府副祕書長李慧芳指出，鄭州此輪疫情自7月30日爆發院內感染、發現首例無症狀感染者以來，至4日下午6時，累計感染101人，其中：確診16人</t>
  </si>
  <si>
    <t>正值全球新冠疫情尚未平息、陸恐有新一波疫情再起之際，美眾議院外交委員會一篇內部關於新冠疫情的調查報告中指出，除了如同川普政府先前聲稱的在疫情爆發初期陸確實有隱瞞疫情、世界衛生組織WHO秘書長譚德塞也必須</t>
  </si>
  <si>
    <t>新冠肺炎疫情在全球延燒，儘管防疫人員努力不讓疫情爆發，但已持續3個多月的疫情依舊影響了整個社會，尤其在這一個月內，國內就發生3起隨機殺人案。專家指出，壓力大易使人產生負面情緒，必須適當排解，做好長期抗戰</t>
  </si>
  <si>
    <t>國產疫苗有望在暑假期間上市，但未進入第三期臨床實驗，其保護力引起國人擔憂。台北市議員羅智強直言，「我們拒當國際孤兒」，並指錯誤的政策不僅比貪污可怕，蔡政府疫苗政策失能，難怪外媒會批台灣防疫吹牛破功，他</t>
  </si>
  <si>
    <t>世界衛生組織(WHO)總幹事譚德塞在新聞發佈會上警告，國際間缺乏團結正在助長新冠疫情的流行，如果拿新冠病毒來相互對抗，「最糟糕的時刻會很快到來」。據《央視新聞》報導，譚德塞在當地時間20日的新聞發布會上說，</t>
  </si>
  <si>
    <t>新竹縣20日新增4例確診個案，3人與長照構有關，80多歲老婦和50多歲男子是竹東B長照機構住民，60多歲男子則是B機構確診者的家人，湖口鄉30多歲女子則是是桃園市確診個案的接觸者，至防疫旅館居隔，採檢陽性確診。縣長</t>
  </si>
  <si>
    <t>昨天(12日)曾一度誤傳跟爵士中鋒戈貝爾一起成為新冠肺炎確診者的爵士替補後衛穆迪埃，在爵士全隊都接受新冠檢測之後確定呈現陰性反應，也就代表他並未罹患新冠肺炎，一切只是烏龍一場，他也隨即發推感謝上帝保佑且暫</t>
  </si>
  <si>
    <t>一名愛爾蘭年輕男子日前在社群媒體上分享自己感染新冠肺炎後出現的極端症狀，他描述自己不僅頭痛、全身痛、失去嗅覺、味覺，更曾咳出大量血液，他自嘲量多到就像「捐血」。新冠病毒蔓延全世界，至今全球超過9,000萬</t>
  </si>
  <si>
    <t>大聯大(3702)今(18)日舉辦法人說明會，第二季合併營收、稅後淨利持續雙位數成長，展望後市，大聯大認為，產業面臨結構性的轉變，全球在疫情衝擊下，居家工作、遠端教學等商機會一直到下半年，Data Center則因已經在</t>
  </si>
  <si>
    <t>新冠肺炎疫情升溫，民眾不只瘋搶口罩，網上又謠傳衛生紙將缺貨，造成新一波搶購潮，而散布謠言的網友也陸續遭調查，儘管如此，這波衛生紙之亂仍沒平息，本土劇女星兵家綺就跑了3家店都買不到，讓她相當傻眼。兵家綺</t>
  </si>
  <si>
    <t>中國慈善家雜誌報導，9月以來，不斷有瑞麗市網友在人民網「地方領導留言板」上反映離瑞難、生活壓力大等問題。10月26日，一名自稱是「瑞麗學生」的網友在網上發帖呼籲網友關注瑞麗，迅速成為輿論焦點。該網友稱，202</t>
  </si>
  <si>
    <t>台南今天新增1起本土確診個案，白河80多歲的案12584是2日確診的案9885丈夫，案12584被匡列隔離後採檢為陰性，10日腹瀉到醫院採檢後確診；台南市長黃偉哲說，白河家庭群聚感染鏈，始於案6443於5月23日從新北三重南下</t>
  </si>
  <si>
    <t>「封城與停工的警鐘正在響起。」台大癌醫中心分院副院長王明鉅表示，苗栗京元電群聚案已有逾140人確診，其中有80位是移工，新北中和印刷廠也有8位移工染疫，「這2個數字才是最可怕」，並認為以目前的狀態來說，三級</t>
  </si>
  <si>
    <t>不僅新冠肺炎防疫有成，台灣在口蹄疫上近日也傳來好消息，農委會副主委黃金城昨天表示，世界動物衛生組織（OIE）最快於下周一宣布我國為口蹄疫的非疫區，台灣豬肉將可以外銷了，新加坡可望成為第一個輸出國。黃金城</t>
  </si>
  <si>
    <t>新冠肺炎疫情延燒，為避免群聚感染，澎湖縣政府及白沙、西嶼、湖西、七美、望安鄉公所都取消清明聯合法會，唯獨馬公市所如期舉辦，澎湖縣長賴峰偉17日呼籲馬公市長葉竹林從善如流，應取消法會。否則將依傳染病防治法</t>
  </si>
  <si>
    <t>新冠肺炎延燒，但大陸對台灣外交打壓仍持續，外交部長吳釗燮今天表示，最近值得注意的是中國外交部長與教廷外交部長見面，並透過商界與我國邦交國接觸，不過我國各邦交國目前還是處於穩定狀況。立法院外交及國防委員</t>
  </si>
  <si>
    <t>在這次新冠肺炎疫情中，由於醫療資源嚴重短缺，加上初期疫情不透明，讓大陸抗疫前線的醫療人員暴露在高度風險中，外媒估計，大陸醫療人員感染新冠肺炎數量恐達數千人，將成為疫情防控新的危機。《中央社》報導說，武</t>
  </si>
  <si>
    <t>台帛邦交歷經21載，帛琉至今能夠維持零確診的傲人防疫成績，除早在疫情剛開始爆發就下達鎖國令外，台灣派駐當地的新光醫院醫療團隊更是居功厥偉，可說是協助帛琉防疫的無名英雄。新光醫院上周在「2020醫療科技展」完</t>
  </si>
  <si>
    <t>經濟數據優於預期，美股四大指數反彈，但台股似乎不賞光，儘管今跌勢趨緩，開跌11.56點，報在12651.35點，但隨即跌幅擴大，指數最低觸12557點，下挫逾百點之多，亞股亦拉回震盪，今日成交量預估落在1800億元，短期因</t>
  </si>
  <si>
    <t>金融業染疫消息頻傳！群益金鼎證券總公司證實，一名內勤人員於16日傍晚通報新冠肺炎（COVID-19）篩檢陽性，惟該名員工並未接觸外部客戶，目前當晚同辦公室人員，已全數通知留在家中自主健康管理，且下周一除必要人員</t>
  </si>
  <si>
    <t>42歲吳佩慈當年以「九頭身怪怪美少女」出道，在唱片、戲劇、電影和作家等領域都交出不錯的成績單，但她2014年未婚懷了跟富商男友紀曉波的孩子，便離開演藝圈。近日她才接力大S談疫苗，想不到男友的酒店王國傳出受疫</t>
  </si>
  <si>
    <t>阪神虎追求復活之路的投手藤浪晋太郎出現疑似新冠肺炎症狀，阪神26日宣布他有嗅覺失靈狀況，雖沒有其他感冒症狀，不過仍進行新冠肺炎的PCR檢測(聚合酶連鎖反應)，原定今日與軟銀的二軍賽事也將取消，這也是日職首位</t>
  </si>
  <si>
    <t>新北市新莊警分局昨（29）日下午辦理新莊民防中隊幹部常年訓練，由警察局長黃宗仁親自主持，副局長溫枝發、民防大隊長吳建亨及分局長林温柔出席參與。此次訓練，除了表揚9位110年民防績優暨熱心服務幹部之外，局長黃</t>
  </si>
  <si>
    <t>因應春節預估至少4萬人返台，今年12月14日至明年2月14日將推行檢疫新制，從非重點高風險國家入境者，先前指揮中心公布改為10+4，指揮官陳時中今透露，本週有望改為7+7，至於未來入境要完整接種兩劑疫苗有無包含大陸</t>
  </si>
  <si>
    <t>紐約聯邦準備銀行表示，聯準會（Fed）自周二（12）起開始買進公司債ETF，以協助支撐受新冠肺炎打擊的美國經濟與金融市場。這項措施對Fed堪稱是一大歷史里程碑，因為它在過去從未有購買ETF的舉動。Fed將透過次級市場</t>
  </si>
  <si>
    <t>我國自主研發新冠肺炎疫苗再度出現曙光！國衛院今天發布的最新研究結果指出，已找到一株候選疫苗，讓施打該疫苗的倉鼠，能夠有效抑制新冠病毒的複製，肺臟病毒量降為原本的1%，發揮非常好的保護效果。預計今年第四季</t>
  </si>
  <si>
    <t>胡宇威演出的陸劇《我在北京等你》正在愛奇藝台灣站熱播，受新冠肺炎疫情影響，該劇上檔時取消大陸宣傳行程，他10日現身接受台灣媒體訪問，見到記者各個都戴口罩，讓認真防疫的他數度笑說「我也滿想戴口罩」，原本他</t>
  </si>
  <si>
    <t>香港大學兩位知名微生物與染病學者龍振邦與袁國勇在港媒撰文指出，武漢華南海鮮市場是全世界野生動物進入大陸的集散地，事發之後當地進行清理，新冠病毒始於何地已無從稽考。網傳病毒源自美國之說毫無實證，只能貽笑</t>
  </si>
  <si>
    <t>新一波的新冠肺炎疫情已在蠢蠢欲動，但台灣仍處於疫苗嚴重不足的危險處境中，宜蘭縣目前第一劑疫苗的接種率已接近一半，縣府表示，9日起已開始發送第二劑疫苗的注射通知，對象是在7月2日以前完成第一劑AZ疫苗接種年</t>
  </si>
  <si>
    <t>聯亞疫苗昨天二期解盲，有專家表示，聯亞疫苗的抗體效價比高端疫苗低。對此，中央流行疫情指揮中心專家諮詢小組委員、台大兒童醫院感染科醫師李秉穎今天表示，疫苗的保護力不是只有看抗體而已，大家也不需要去比較這</t>
  </si>
  <si>
    <t>屏東爆發群聚感染，指揮中心指揮官陳時中證實，群聚感染源的自秘魯返台祖孫驗出印度Delta變異株，引發軒然大波，由於台北市長柯文哲昨(24日)才表示「Delta遲早會進來」，也讓網友熱議，直呼柯文哲又「成功預言」、「</t>
  </si>
  <si>
    <t>行政院長蘇貞昌23日召集各部會，盤點新冠肺炎紓困經費加碼400億元部分，將包含延緩繳稅、融資貸款以及勞工薪資補助等項目，行政院預估，本周內就會對外公布內容。行政院發言人Kolas Yotaka指出，為因應新冠肺炎對經</t>
  </si>
  <si>
    <t>新北市今日確診個案又破百達123人，新北市長侯友宜8日指出，用每日確診個數來分析疫情發是落後的指標，他認為應該要用發病日會比較好一點，侯說，新北市分析發病日數據，從5月8日曲線開始往上爬，5月15日最高點後，</t>
  </si>
  <si>
    <t>大甲媽遶境，外界質疑會引發新冠肺炎群聚感染效應，內政部長徐國勇上午表示，此事關係重大，他會向行政院長蘇貞昌請示，目前未定案。內政部也會持續與宗教團體溝通，也希望宗教團體依照疾管署管制規定來做。新冠肺炎</t>
  </si>
  <si>
    <t>自 2019 年底爆發的新冠肺炎(COVID-19)疫情，在全球各地持續對各行業造成衝擊。今年初巧妙閃過疫情而舉辦 Galaxy S20 系列實體發表會的三星(Samsung)，在下半年的運氣沒這麼好，恐怕將僅以線上實行來發表 Galaxy Not</t>
  </si>
  <si>
    <t>高雄市長韓國瑜近期全力防新冠肺炎疫情擴散、努力抑制逐漸升溫的溫度所引起的登革熱，但近期雜誌公布民調卻墊底，也讓名嘴陳揮文大感不滿。直言他就問大家一句話就好，「民調那麼高，高雄之前一樣淹大水，綠營執政那</t>
  </si>
  <si>
    <t>32歲大馬歌手傅健穎為創作專輯《一半太陽一半月亮》首度來台宣傳，26日出席媒體見面會，她談到出道12年終於有機會來台發片，卻遇上新冠肺炎疫情全球肆虐，日前入境時有特別被檢查，「海關有檢查我的護照，詢問我有沒</t>
  </si>
  <si>
    <t>台中市17日新增1例本土確診，案15492為北區62歲男性醫師，6月23日因個人健康因素赴北部某醫院住院治療，然而同樓層病房6月29日開始出現COVID-19確診病例，當日即辦理出院返回台中，沒被通知隔離，15日出現症狀確診，</t>
  </si>
  <si>
    <t>新冠肺炎疫情在亞洲蔓延，北韓宣稱該國沒有任何確診案例。而據南韓《東亞日報》報導，一名近日從大陸回國貿易官員，在遭隔離期間趴趴走，偷偷前往大眾澡堂，違反隔離規定，結果慘遭槍決處死。《東亞日報》指出，這名</t>
  </si>
  <si>
    <t>Delta病毒入侵台灣社區，不少民眾擔憂再度大爆發。藍委賴士葆今天痛批，立院編列8400億防疫振興紓困特別預算，但疫苗至今仍然短缺，行政官員卻沒想到對不起納稅人血汗錢，更遑論讓後代子孫背負沉重的債務，要求指揮</t>
  </si>
  <si>
    <t>世界衛生組織（WHO）週三告訴法新社，已宣布康復的新冠病毒患者，後來又被測試為該病毒陽性，並非是復發，或是再感染，應該是身體仍在排出死亡的肺部細胞所致。科學警報(Science Alert)報導，新冠病毒相當難纏，最令</t>
  </si>
  <si>
    <t>里長們辛苦了！新北市政府13日於新莊舉行「109年特優里長及績優民政人員表揚大會」表揚特優里長、民政人員，新北市長侯友宜親自致贈獎牌，其中最高齡里長為81歲雙溪區新基里李添貴表示，里內民風純樸，他把每位里民</t>
  </si>
  <si>
    <t>針對昨日台中首度傳出居家檢疫者趴趴走事件，台中市長盧秀燕今天強調，台中市必須居家檢疫者約2千位，她很感謝居家檢疫的市民配合政府防疫政策，中市府也允諾針對防疫，一定做到滴水不漏。針對昨天發生的首例，盧強</t>
  </si>
  <si>
    <t>MOSFET(金屬氧化物半導體場效電晶體)市場在疫情催化下，呈現供給緊張，也帶動杰力(5299)9月營收在月增、年增上都超越2成，且在歐美疫情尚未得到明顯控制下，杰力後續表現依舊可期。杰力9月營收1.97億元，月增加22.36</t>
  </si>
  <si>
    <t>為避免大型活動造成新冠肺炎防治破口，總統蔡英文帶頭宣布，今年520就職活動暫停籌辦工作，保持最大彈性因應疫情變化。另衛福部26日宣布即日起醫院探病限兩位、陪病限一位，並要求134家醫院擴大設置新冠肺炎專責病房</t>
  </si>
  <si>
    <t>新北幼兒園群聚感染事件擴大防疫，民進黨新北市立委羅致政今表示，服務處電話不斷，家長很焦慮，新北幼兒園事件已經是社區感染，不要説要再等中央的病毒DNA定序結果，全市預防性停課幾天。羅致政今在臉書發文，「不</t>
  </si>
  <si>
    <t>國內今獲得COVAX分配41萬劑AZ疫苗，加上波蘭贈送的40萬劑，又有約80萬劑AZ疫苗可打，對於打完AZ後多久會出現發燒等副作用，再度在PTT引起熱烈討論，有網友驚呼，沒想到鄉民說得這麼準，果然時間一到就進入「人生搖滾</t>
  </si>
  <si>
    <t>高端疫苗23日開打，桃園與新北各出現1人在打完疫苗隔天猝逝，死因是否與疫苗有關係仍待釐清，不過，醫師蘇偉碩認為，高端應該要暫停施打，因為如果將高端開打當作是三期試驗，開打隔天就有2個人猝逝，那麼在證明死因</t>
  </si>
  <si>
    <t>因應新冠肺炎嚴峻，為讓民眾方便在家自我檢測，食藥署於上周六核准5款居家快篩試劑，今起於四大超商、藥妝店、藥局等通路販售，分為抗原快篩及核酸檢驗快篩兩種，其中以核酸檢快篩最準，民眾可自由選擇單劑至盒裝，</t>
  </si>
  <si>
    <t>本土疫情持續擴大，截至2日國內疫情通報，累計本土8195例、149例死亡，遠超過SARS時期紀錄。國民黨立委鄭正鈐指出，死亡病例多是銀髮族，故長照機構內長者與工作人員時時面臨高死亡率威脅，卻一直未得社會關注。因此</t>
  </si>
  <si>
    <t>台灣本土疫情昨天爆衝到206例，過去短短六天以來，本土病例累積已經451例，今天再度新增333例本土，一週以來，本土已經784人確診。且今天的不明案例就有40例，指揮官陳時中說，就是要調查中，今天還是以萬華區茶室還</t>
  </si>
  <si>
    <t>第12輪疫苗第一階段明天開打，國際三大疫苗BNT、莫德納、AZ同步上場，其中BNT是打第一劑，莫德納和AZ都是接種二劑，不少人擔心接種第二劑的副作用恐更強，對此，指揮中心提醒，民眾打第二劑莫德納發生不良反應的機率</t>
  </si>
  <si>
    <t>高鐵企業工會昨日在臉書發文表示，25日下午，公司以備忘錄，突然宣布原訂自3月執行的員工調薪，因新冠肺炎疫情影響將無限期暫緩，消息一出，員工嘩然。工會指出，在公司預期疫情衝擊營收的情形下，工會雖理解公司為</t>
  </si>
  <si>
    <t>嘉義縣布袋鎮新塭嘉應廟已有180多年歷史，今年首次辦理「南巡北狩」奠安綏境會香，遶境嘉義至台南12個鄉鎮市，主祀游天王、九龍三公、尹府千歲於7日清晨6時許起駕，從正殿緩緩向外前進，信眾雙手合十圍繞在神轎四周</t>
  </si>
  <si>
    <t>英國年僅37歲的駐匈牙利副大使史蒂芬‧迪克(Steven Dick)感染新冠肺炎，週三(25日)驚傳病逝。路透社報導，迪克去年12月被派任到英國駐匈牙利大使館擔任副大使一職。匈牙利衛生當局當天僅對外宣布，累計死亡案例為10例</t>
  </si>
  <si>
    <t>新冠肺炎疫情期間，民眾警戒心不安，一名廖姓男子，5月下旬在臉書轉貼「今天林內有一個姓張的男生在衛生所（新興路教堂附近）確診！在萬華阿公店當少爺……等語」，經台中市警察局第六分局偵查隊網路巡邏發現，向雲林</t>
  </si>
  <si>
    <t>青少年第2劑BNT疫苗將於20日開打，為避免青少年接種mRNA疫苗後容易出現的心肌炎、心包膜炎等副作用，心臟科醫師建議，家長可在接種後7至14天內利用血壓計監測，一旦在休息時測量到超過90mmHg，都應立即就醫。根據中</t>
  </si>
  <si>
    <t>陸媒《環球時報》24日刊登專訪美國外交關係委員會全球衛生問題高級研究員黃嚴忠指出，經過3個月抗疫行動，輿論普遍認為，新冠肺炎疫情在大陸的高峰已經過去。另一個問題這幾天擺上桌面：隨著世界多國疫情發展愈演愈</t>
  </si>
  <si>
    <t>位於新北市板橋區疫情熱區內的台電台北南區營業處，17日傳出有1名外包人員確診，另有3名台電眷屬也確診；對此新北市長侯友宜今主持防疫會議受訪表示，所有染疫或疑似個案均派醫護與疫調同仁了解狀況，該隔離就隔離、</t>
  </si>
  <si>
    <t>立法院長游錫堃辦公室今日發出新聞稿表示，有關外界關心立院中興大樓12樓外包清潔人員疑似染疫情事，昨日採檢報告結果為陰性，目前在家自主健康管理14天。游錫堃辦公室指出，立院外包清潔人員疑似染疫情事，經查該員</t>
  </si>
  <si>
    <t>繼日本之後，台灣又被歐盟摒於門外！新冠肺炎疫情已在歐洲趨緩，歐盟日前公布外開放邊境的國家名單草案，台灣竟未列其中，讓大家非常失望。對於歐盟的決定，台大公共衛生學院院長詹長權表示遺憾，也坦言這事件值得政</t>
  </si>
  <si>
    <t>疫苗短缺，不斷傳出是因為要讓打過第一劑莫德納的人，第二劑混打高端；民進黨立院黨團今表示，就現在而言，仍然是屬於研究階段，民眾也不用特別驚慌，指揮中心是不是已經決定莫德納一定要配高端，其實這是不確實的，</t>
  </si>
  <si>
    <t>《紐約郵報》（New York Post）日前引據《NBC》報導台灣在新冠肺炎下的情景，卻在內容中描述「台灣是中國一省」，且以「專制」、「囤積防疫物資」、「追蹤監控全民」等用詞形容台灣防疫。對此，外交部北美司司長姚金</t>
  </si>
  <si>
    <t>北市副市長蔡炳坤15日表示，9月22日學校將開打疫苗，BNT殘劑會比之前AZ、莫德納少，因BNT1瓶只有6劑，只有最後1瓶才可能有殘劑，因此北市訂出4大原則要點，一、優先給具醫生證明「不得施打其他疫苗的正式教職員」，</t>
  </si>
  <si>
    <t>台灣疫情升溫，今（12日）一口氣新增16例本土確診案例，許多演唱會、大型活動都延期或停辦，而「電音天后」謝金燕上周才豪曬露胸器的海報，報喜要唱進高雄巨蛋，不過因國內疫情嚴峻，謝金燕稍早則在網上忍痛宣布，演</t>
  </si>
  <si>
    <t>新冠肺炎疫情持續延燒，許多人呼籲要全面普篩。對此，資深媒體人黃創夏列出一串數字，並呼籲戴好口罩丶勤洗手丶保持社交距離，別給已經累了快100天的醫護人員更多負擔！國內近期新增確診案例中，境外移入佔多數！新</t>
  </si>
  <si>
    <t>歐盟提案加強防堵接受補貼的外國企業扭曲歐洲市場，防止獲得政府巨額補貼、貸款或減稅等援助的企業收購歐洲公司，或是與其競爭，以降低中國大陸與美國對歐洲經濟的影響。許多觀察家表示，歐洲這項行動係針對大陸國營</t>
  </si>
  <si>
    <t>在美股收高帶動下，台股開高震盪，一度上漲389點、指數最高達16431點，航運股延續反彈行情、電子股也有題材股各自表現，成交比重達4成之上，終場收漲259.7點、報在16302.06點、成交量為4297.03億元；台股周線翻紅，</t>
  </si>
  <si>
    <t>大陸國家衛健委今（31日）通報，前一日新增71例確診病例，其中48例本土確診，涉及8省，包括黑龍江19例，內蒙古10例，甘肅9例，山東和寧夏各3例，雲南2例，北京和江西各1例。大陸近期本土疫情再起，大陸國務院副總理</t>
  </si>
  <si>
    <t>台大醫院昨搶先開放AZ及BNT疫苗門診，中央流行疫情指揮中心證實同意醫療院所開放自行預約，而今天再宣布AZ及BNT兩劑皆可不透過疫苗預約平台，直接至醫院預約，其中AZ疫苗第二劑首度開放間隔8周即可施打。指揮中心發</t>
  </si>
  <si>
    <t>英國牛津大學與瑞士的研究發現，接種AZ疫苗除了能夠產生抗體外，也能在人體形成T細胞「訓練營」，或許能為人體提供終生保護力，甚至能殺死變種病毒。英國《太陽報》（The Sun）報導，英國牛津大學與瑞士的研究團隊15</t>
  </si>
  <si>
    <t>桃園新增特殊交友圈25歲男子確診，離譜的是他是在特殊交友圈友人居家隔離時，多次前往探訪，友人確診後，他也採檢確診。桃園市長鄭文燦表示，將依法處20萬至100萬罰款。鄭文燦表示，確診者案15742是25歲男性，為案15</t>
  </si>
  <si>
    <t>高雄鳳山麻將群聚至今已造成14人染疫，高雄市長陳其邁發出「麻將禁令」，但就是有人忍不住要。警方查獲湖內一處民宅內有5男1女群聚，原來林姓男子不顧老父勸阻，心想地處偏遠、時間也晚，還是揪人來「摸兩把」，林男</t>
  </si>
  <si>
    <t>移民署南區事務大隊嘉義市服務站及專勤隊，舉辦「110年度新住民關懷網絡會議」，邀請約24個嘉義市公、私部門及移民團體等網絡夥伴共同參與，結合中央與地方單位進行政策交流及案例分享，其中包含非洲豬瘟防疫、新式</t>
  </si>
  <si>
    <t>生醫族群個股各擁題材發燒，智擎(4162)PEP503用於治療頭頸癌，獲美國FDA快速審查資格，盤中鎖在漲停板60.5元，買盤超過700張排隊等著要買；雙美(4728)膠原蛋白植入劑出貨旺，1月營收年增152.64％，強調市場需求仍在</t>
  </si>
  <si>
    <t>歐陽娜娜臉蛋甜美、身材高挑，近年來都把演藝事業轉往大陸，但在台灣的討論度還是超高。時常在社群網站更新動態的她，Instagram卻悄悄停留在1月，連歐陽妮妮都發文求救：「麻煩幫忙一下呀」事隔兩個月，歐陽娜娜終於</t>
  </si>
  <si>
    <t>國民黨立委陳玉珍針對口罩網路預訂政策指出，徵收口罩成本2.5元，再加上物流處理費後，所以才變成1片5元，但現在開放預訂後，便利商店領貨要再加7元物流處理費，原本的5元不就內含物流費了嗎？陳玉珍批評，偏偏一群</t>
  </si>
  <si>
    <t>台灣疫情近日持續升溫，大陸抗疫時的醫療應對，或許有可借鏡之處，包含像兩岸共通的「中醫」療法，大陸也在對抗新冠肺炎疫情過程做為醫療方式之一。武漢大學人民醫院中醫科副主任胡家才指出，輕症患者結合中西醫治療</t>
  </si>
  <si>
    <t>農曆新年才剛過，明年台北市長之戰已成各界焦點，藍綠陣營會派誰出戰，也吸引各界關注，其中，衛福部長陳時中代表綠營出馬的呼聲極高。據悉，民進黨所作的內部民調顯示，陳時中成功化解桃醫危機，不論在台北和新北，</t>
  </si>
  <si>
    <t>明天是4月1日愚人節，蔡英文總統今天提醒民眾，愚人節這天，忍不住的人可以發揮幽默，但切記「 不可以拿疫情開玩笑，以免觸犯法律」。蔡英文在臉書表示，她想提前介紹愚人節好運貓貓，更重要的是，愚人節這天，不可</t>
  </si>
  <si>
    <t>針對確診機師案16120曾於8月28日返回苗栗頭份老家，縣府以禦敵從嚴原則，對頭份市成功里12至14鄰啟動社區快篩防疫機制，同時也對此案匡列接觸者19人（新增燒烤店顧客1人）及同住家人39人，總共58人住進集中檢疫所隔</t>
  </si>
  <si>
    <t>昨日(3/31)基隆市舉行新冠肺炎超前部署社區防疫演習，疫情指揮中心指揮官陳時中在台上致詞時透露，每一名新冠肺炎確診，社會成本高達210萬元，這還不包括所有間接成本。他表示錢的事小，最怕的是病毒擴散出去，變成</t>
  </si>
  <si>
    <t>新冠肺炎疫情持續延燒，全香港的學校自2月初開始停課，香港教育局20日宣布，將會提供中小學、幼稚園以及其學生額外津貼，以協助減輕學校和家長在防疫、停課時間的負擔，目前第一批學生津貼將發放港幣3,500元（約新台</t>
  </si>
  <si>
    <t>馬來西亞央行周二宣布調降基準利率2碼（50基點），至2.00%，創下2009年來新低，以協助經濟度過新冠肺炎大流行與能源出口價格崩跌的衝擊。馬來西亞政府已在周一放寬歷時6周的行動與企業限制措施。這是該國央行第三度</t>
  </si>
  <si>
    <t>電子族群奮起，台股急挫百餘點後翻紅收高，半年線守住。國際股市殺聲隆隆，美股昨夜重挫千點，亞股今早剉咧等，台股在盤初急跌百餘點、探至11415.47點後，回測半年線，惟權值三王台積電(2330)、大立光(3008)、鴻海(2</t>
  </si>
  <si>
    <t>台灣本土降級後，國旅交通大鬆綁，台灣境內的郵輪旅遊，傳出復航申請文件已經在指揮中心，八大行業也傳出遞交防疫指引盼可恢復營業，對此中央流行疫情指揮中心證實，確實都有收到申請文件，但需要看防疫計畫來決定，</t>
  </si>
  <si>
    <t>台股今不敵股王大立光法說會Q3不旺震撼彈，美國昨新增6.5萬新增病例、香港也新增42病例，緊急祭出限聚令，全球疫情恐捲土重來，拖累台股指數一度重挫逾160點，最低落至12030點，但在台積電撐盤下，盤中跌幅收斂到百</t>
  </si>
  <si>
    <t>花蓮縣今新增1例，是萬華大舅案4260上月中旬前往花蓮遊玩，期間住在親戚家，同住共餐、打牌所造成的家族群聚感染，迄今已累計到13例。此外，雙北長照機構近日爆發人員相繼染疫，縣府已要求縣內長照機構分艙分流，疫</t>
  </si>
  <si>
    <t>所謂山不轉路轉，高市旅宿業因疫情大動盪，住房率不見起色，有業者乾脆推居家檢疫者家人優惠住房專案，高雄翰品酒店電話詢問度高，還提供餐飲外送到給居家檢疫者。漢來飯店也推出「家外之家長住專案」，已有居家檢疫</t>
  </si>
  <si>
    <t>新冠肺炎疫情嚴峻，前線防疫警消、醫護、清潔等人員的安全不容漠視！立委馬文君匯集志工們愛心製作超過8000個「頭戴式防護罩」，希望防疫英雄們除戴口罩外，能多加一層防護罩，減少飛沫接觸眼耳口鼻機會，放心值勤、</t>
  </si>
  <si>
    <t>包括摩根大通在內的美國八家大型銀行15日晚間宣布，基於新冠肺炎帶來「前所未見的挑戰」，銀行將暫緩實施庫藏股計畫，至少7月前都不會買回自家股票，以保留資金對抗肺炎疫情。代表美國大型銀行的金融服務論壇（Finan</t>
  </si>
  <si>
    <t>新北市新莊體育館20日上午8時有民眾目擊有一名女子橫躺在體育館階梯上，面部也未戴上口罩，有民眾憂心是昏倒遂通報消防局，不料消防到現場一問，該名女子則回覆她是在曬日光浴。實際上，因疫情進入社區多點爆發，雙</t>
  </si>
  <si>
    <t>中央流行疫情指揮中心今(16)日公布新增確診2例COVID-19(新冠肺炎)個案，台灣累計共20名確診案例，且出現首個死亡案例，也就是第19例的中部60多歲男性，有B型肝炎及糖尿病病史，無出國旅遊史，亦非確診病例之已知密切</t>
  </si>
  <si>
    <t>新冠肺炎持續在全球肆虐，就連美式賣場好市多也不得不祭出防疫措施，美國好市多就宣布暫停供應商品免費試吃，讓不少聽聞這項消息的消費者哀號。由於新冠肺炎確診病例不斷攀升，美國近日有部分的州宣布進入緊急狀態，</t>
  </si>
  <si>
    <t>台南市衛生局本周末在台南火車站等4處據點開設「隨到隨打」站，提供莫德納疫苗免預約即可接種，2天共2144人施打，第1、2、3劑都有，由於民眾反應不錯，衛生局決定明天與後天（6、7日）下午1點到5點，在台南火車站與</t>
  </si>
  <si>
    <t>新冠肺炎在南韓大爆發，當地中央防疫對策本部2日證實，新增599起新冠肺炎確診病例，讓南韓的確診數來到了4355例，其中有200多名的未成年病患，使得副總理兼教育部長俞銀惠(Yoo Eun-hae)在記者會上宣布，南韓全國高中</t>
  </si>
  <si>
    <t>羅大佑有感於新冠肺炎疫情重創世界，而重新改編、演唱歌曲〈伴侶〉，希望以這首歌來陪伴鼓舞大家平安正向面對疫情。他特別帶著7歲多的女兒一同入鏡，MV中可見他幫女兒噴酒精、牽女兒的手過馬路等慈父的一面。他透過</t>
  </si>
  <si>
    <t>為圍堵疫情，中央流行疫情指揮中心昨天宣布全國提升到三級警戒，今天（20日）在中央與地方會議後，宜蘭縣政府舉辦線上記者會，縣長林姿妙宣布，停辦今年童玩節，要將活動經費變成救命錢。縣府指出，停辦童玩節後可省</t>
  </si>
  <si>
    <t>增加急診能量！台大醫院生醫園區分院12日上午舉辦「急診暨CT開幕記者會，院內急診建立獨立的毒化災沖洗區域、規畫負壓診療室，可因應毒化災、傳染病的急救。會中瑞昱半導體捐贈200萬給肺病防治基金會，指定提供新竹</t>
  </si>
  <si>
    <t>西班牙衛生部4日表示，西班牙累計確診病例已超過12萬例，西班牙也成為確診病例第二多的國家，僅次於美國的28萬例。不過該國單日新增死亡人數有所下降。總理桑切斯透過電視講話宣布，政府將要求國會把國家緊急狀態延</t>
  </si>
  <si>
    <t>武漢肺炎出現多種變異病毒株，中研院近日分析發現，印度變異病毒株的氨基酸變異有利於病毒產生逃避人類免疫系統的能力，且能促進病毒融入宿主細胞，加速傳播。印度變異株去年10月5日首次在印度發現，根據世界衛生組</t>
  </si>
  <si>
    <t>疫情延燒，中央每日都會公布當日確診數，但台北市長柯文哲認為不準確，因中央還會一直校正回歸，很難即時判讀北市疫情實況，他認為比較準確的是，看全北市每天快篩陽性的總數，雖會慢1天，但可接受。柯文哲表示，他</t>
  </si>
  <si>
    <t>新冠肺炎疫情解封，嘉義市政府、新北市政府合推觀光雙城記，嘉義市長黃敏惠穿上母校宏仁女中制服、新北市長侯友宜穿嘉中制服，2人重回17歲青春young，熱情揪大家南下北上好好玩，並pk嘉義、新北的伴手禮，好吃好玩都</t>
  </si>
  <si>
    <t>新冠疫苗開打以來，雖然有醫師抱怨台灣人不珍惜疫苗，「快打站變慢打站」，不過部分地區仍踴躍接種。臉書粉絲專頁「Dr.E小兒急診室日誌」今以股價比喻疫苗覆蓋率，建議民眾千萬不要殺進殺出，應把疫苗當存股，尋求財</t>
  </si>
  <si>
    <t>印度陷入危機，經濟出現破紀錄的衰退，導致數百萬計百姓失業，已脆弱的醫療保健系統岌岌可危。如今確診的新冠肺炎病患超過500萬人，僅次於病例近700萬的美國。然而，據CNN新聞網17日報導，儘管像美國總統川普，還有</t>
  </si>
  <si>
    <t>台南市連續11天「嘉玲」後，前天一口氣新增8例，讓全市繃緊神經，28日雖然再度「嘉玲」，但市府仍針對安南區家庭群聚事件擴大匡列及篩檢，並強調8人的症狀與Delta病毒症狀不同，加上發病時間也早於Delta確診者造訪台</t>
  </si>
  <si>
    <t>國光生技（4142）宣佈，2021年一月起將聘請曾任輝瑞全球創新暨腫瘤事務集團臨床開發總負責人的陳純誠醫師擔任醫務長，除借重其在國際藥廠主持大型臨床試驗計畫的豐富經驗，同時也是國光生在新的一年積極國際化佈局的</t>
  </si>
  <si>
    <t>數據分析廠商SAS與國際數位金融調查機構Javelin，攜手探討新冠肺炎前到各國封鎖重啟經濟活動期間，全球商業詐欺手法的變化。調查顯示，疫情確實加速數位詐欺的演進速度，線上購買及到店取貨，成為主要攻擊目標，手法</t>
  </si>
  <si>
    <t>中小口罩工廠未被徵用，卻又不准其私自販售，引發民怨。經濟部昨晚緊急先宣布發出徵用書納入調度，今天再指經實際調查，37家納入徵用中小型口罩廠，實際有生產醫用口罩產者只有14家，加總實際日產能30萬片，這些政府</t>
  </si>
  <si>
    <t>近來新冠肺炎肆虐，陳雷原訂11日在馬來西亞雲頂開唱，因為疫情已延期，他近來約8場演出邀約取消、延期，粗估損失300萬元。雖然工作皆暫緩，不過陳雷卻多了時間與家人相處，住在台中的他，最近沒事就去兒子家陪5歲的</t>
  </si>
  <si>
    <t>威潤(6465)跨入防疫領域，成立新品牌「滅菌者聯盟UVengers」，規劃開發一系列搭載深紫外線(UV-C)殺菌技術的消毒產品，並首度於日本LIFESTYLE WEEK Tokyo的「防疫新生活展區」展出，因新冠肺炎疫情持續延燒導致市場對</t>
  </si>
  <si>
    <t>彰化縣新冠肺炎疫情周末兩天累計有15人確診，目前已知新增3名學生也染疫，彰化縣衛生局匡列2校師生共121人進行居家隔離與採檢，該國小確診學童全班學生等候檢測結果中。彰化縣衛生局也指出，目前彰化縣核酸檢測量能</t>
  </si>
  <si>
    <t>國內COVID-19疫苗接種速度加快，指揮中心指揮官陳時中今天公布，截至目前為止，累計接種840萬5085人次，疫苗接種人口涵蓋率34.07%，劑次人口比35.79（劑/每百人）。據中央流行疫情指揮中心最新統計，8月2日COVID-19</t>
  </si>
  <si>
    <t>新冠肺炎疫情升溫，新北市長侯友宜2日前往新店央北青年社會住宅時強調，新北市政府防疫超前部署，未來如有大量病患，新北聯醫（應變醫院）立即清空收治，央北青年社會住宅也將提供1076間醫療人員暫住所；北市副市長</t>
  </si>
  <si>
    <t>新北市恩主公醫院近期與新冠肺炎專責病房合作，用包括國人研發的「清冠一號」等中西醫合併方式治療新冠肺炎重症，防止病情繼續惡化，並加速病患採陰解隔離的時間，目前已治療超過10位確診者，其中9位已出院，返家自</t>
  </si>
  <si>
    <t>新冠肺炎肆虐全球，但回顧歷史，人類不乏與各種流行病交戰。特有生物研究保育中心助理研究員林大利攜手漫畫家玉子，共同創作《病毒不是故意的？！認識傳染病大小事》，細數歷史知名傳染病至新冠肺炎，透過生態保育角</t>
  </si>
  <si>
    <t>嘉義基督教醫院首創適合0至3個月新生兒戴的防護面罩，24日由院長姚維仁代表捐贈1000個給嘉義市政府，將送給嘉義市的新生兒，由市長黃敏惠代表接受，嘉基兒童醫學部暨創新育成中心主任周信旭醫師說，新生兒不適合戴口</t>
  </si>
  <si>
    <t>美國總統川普確診新冠肺炎，為美國大選增添變數。而世界其他國家元首中，也有不少人曾確診，而英國首相強森的例子，是否為川普帶來什麼啟發，也引起各界熱議。對此，中山大學政治學研究所副教授王群洋表示，川普是否</t>
  </si>
  <si>
    <t>根據美國媒體報導，NBA總裁席爾佛在上節目時表示，如果復賽期間新冠肺炎疫情惡化的話，將再次停賽。聯盟在23日針對參加複賽的22支球隊大規模進行新冠肺炎篩檢，席爾佛說，假如復賽期間有球員確診的話，將進行單獨隔</t>
  </si>
  <si>
    <t>新冠肺炎症狀難以捉摸，有人可能出現永久性嗅覺喪失，壽險業者表示，若不幸有此症狀，失能險可依失能等級11級理賠，但可能只有一次性失能保險金的5％，並沒有觸及月月或年年給付的失能扶助金理賠。至於新冠肺炎可能</t>
  </si>
  <si>
    <t>全球生技和製藥公司正卯足全力對抗新冠肺炎危機，近期多家大型藥廠在新冠肺炎檢測、治療和疫苗研發方面，皆出現重大進展。瑞士製藥大廠羅氏（Roche）的新冠肺炎抗體檢測技術，3日獲得美國食品藥品管理局（FDA）緊急</t>
  </si>
  <si>
    <t>香港為因應新冠疫情日趨嚴峻，在27日下午特別會議後決定將對餐廳訂立限客新規定，包括限制客流、戴口罩、量體溫等措施，同時民眾可能聚集的各種公共娛樂場所、健身中心、網咖等暫時關閉，為期2周。此外還將研擬禁止4</t>
  </si>
  <si>
    <t>新北市今日新增1例確診，針對永和某公寓大樓群聚，新北市市長侯友宜昨日於應變記者會上說，整棟樓110戶236人全棟隔離，全面阻斷病毒傳播的可能性，今日市府團隊將於下午3時召開記者會說明最新疫情應變措施，《中時新</t>
  </si>
  <si>
    <t>香港新冠肺炎疫情近日已確定爆發第3波疫情，社區群聚感染近數日皆呈倍數上升。衞生防護中心傳染病處主任張竹君公布，9日新增42宗確診個案，當中34宗是本地感染，8宗輸入個案。港府今天決定，重新實施較嚴格的防疫措</t>
  </si>
  <si>
    <t>有美系外資示警，大砍半導體財測，認為智慧型手機面臨修正風險，揮刀砍16檔半導體個股目標價，聯發科也包括在內，但今有另外一家美系外資力挺，認為聯發科(2454)第二季營運動能依舊強勁，且下半年將有機會拿下更好的</t>
  </si>
  <si>
    <t>國內新冠肺炎疫情，隨著磐石艦海軍群聚感染再拉警報，24名確診官兵全台趴趴走足跡曝光，引起人心惶惶。專家提醒，食物最容易沾染病毒，選擇外食時前應先看2件事，包括餐廳座位間距，以及位子排列方式。為防止疫情擴</t>
  </si>
  <si>
    <t>中央宣布今（5日）本土確診新增6例，為5月升級防疫警戒以來最低，儘管國內疫情趨緩，毒理專家招名威指出，成為全球主流變異株的Delta印度變種病毒已經在台灣門口蠢蠢欲動，全民除了要施打疫苗，仍應維持傳統防疫方式</t>
  </si>
  <si>
    <t>衛福部已於28日與高端疫苗、聯亞生技完成簽署各500萬劑預採購及500萬劑的開口合約，在野黨紛紛質疑，國產疫苗第二期試驗未完成，為何急著採購？國民黨立委許淑華要求證交所針對高端公司的股票有沒有異常交易的狀況，</t>
  </si>
  <si>
    <t>在歐元疲軟的支撐下，歐洲股市週三創出新高，而新冠肺炎病例數量下降，使人們寄希望於這種流行病對全球供應鏈的影響將是短暫的。新的數據顯示，大陸的新冠肺炎病例數連續第二天下降，這有助於預測到4月份這種流行病</t>
  </si>
  <si>
    <t>新冠肺炎全球延燒，目前總確診數正逼近400萬。由於最初是疫情在大陸武漢爆發，但在毫無證據之下，由川普率領的美國政府直指「病毒來自大陸」。美國知名時事評論員法里德（Fareed Zakaria）卻認為，這一切都是為了掩</t>
  </si>
  <si>
    <t>雲林縣12日再增1名本土確診案，案12838為雲林縣麥寮鄉台塑六輕工業區員工，本月5日出現身體不適，9日回高雄住處、11日就醫確診，目前工業區已有5名員工確診，縣府已展開調查其關聯性，避免疫情持續擴大。案12838為42</t>
  </si>
  <si>
    <t>新冠肺炎影響愈來愈烈，原先疫情相對輕微的美國情況轉趨嚴峻，確疹人數呈跳躍式增加。當初不在意的川普政府也感受到嚴重性，陸續採取一些應變措施。特別是美國目前正是職業運動熱季，NBA因有球員確診而無限期停賽，</t>
  </si>
  <si>
    <t>新冠肺炎（COVID-19）全球疫情急遽竄升，台灣至今（22）已累積26名確診案例，眼看仍不見緩減情勢，腎臟科醫師江守山斷言，「社區感染肯定會到來」，全民應盡早做好準備。屆時要防止自己中鏢，最好的方式並非戴口罩、</t>
  </si>
  <si>
    <t>稍早有媒體傳出菲律賓致函台灣，如果國產疫苗獲得我國緊急使用授權（EUA）審核通過，菲律賓將會直接採認我國的EUA，讓國產疫苗在當地免做3期臨床、直接讓民眾施打。對此，菲律賓官方今（15）日否認。菲律賓最大廣播</t>
  </si>
  <si>
    <t>新北市22日再傳出1起確診者死亡案例，1名66歲婦女20日因不明原因喘氣異常，送醫救治後仍在今日逝世，院方進一步採驗，驗出死者為新冠肺炎陽性患者，死者女兒也隨之被要求居家隔離，連見媽媽最後一面都不行，令人鼻酸</t>
  </si>
  <si>
    <t>青少年第二劑BNT究竟打不打？中央流行疫情指揮中心日前表示，須待ACIP會議討論，但今天衛福部長陳時中在立法院接受質詢時表示，將暫緩國內12至17歲青少年接種，兩周後再決定是否施打。青少年BNT疫苗校園接種開打已超</t>
  </si>
  <si>
    <t>美國政府欲接回鑽石公主號上美籍旅客，所派遣包機預計今天晚間抵達東京羽田機場。日本自衛隊為把船上數百名美籍旅客送往東京羽田機場，陸續在碼頭旁備妥約20輛大型巴士。目前停泊在日本橫濱港、爆發俗稱武漢肺炎的20</t>
  </si>
  <si>
    <t>新冠肺炎在美國肆虐，醫療設施和病床都告急之際，美國海軍派出兩艘醫療艦，舒適號（Comfort）前往紐約和仁慈號（Mercy）前往洛杉磯，雖然都號稱有1000個以上的病床床位，都事實上兩艘醫療艦都只收納了兩位數的病人，</t>
  </si>
  <si>
    <t>WWE年度摔角大賽(4月5日)改成閉門舉行，對舉辦地造成經濟衝擊，去年光是周邊活動就為紐約與紐澤西帶來1.6億美元商機(約48億台幣)。今年的摔角狂熱(WrestleMania 36)連主力選手都拒絕上場了。「大狗」瑞恩斯(Roman Re</t>
  </si>
  <si>
    <t>新冠肺炎疫情不減反增，行政院長蘇貞昌日前宣布，中央流行疫情指揮中心提升至一級開設，並指示由衛福部長陳時中擔任指揮官。然而，總指揮並非由民進黨要員擔任，所有綠軍要角都隱身幕後，有評論認為「相當的不尋常」</t>
  </si>
  <si>
    <t>國內新冠肺炎確診個案，最近腹瀉症狀者持續增加，中央流行疫情指揮中心專家諮詢小組召集人張上淳指出，這兩天已將腹瀉定為通報要件，呼籲居家檢疫、居家隔離者若出現腹瀉，通通要篩檢。張上淳表示，專家小組一致認為</t>
  </si>
  <si>
    <t>「振興三倍券」即將登場，7月1日起開放預購，15日發放。不過，資深媒體人陳鳳馨表示，三倍券預購和使用方式一定會引發新一波的民怨問題。對此，民進黨台北市議員梁文傑贊成陳鳳馨觀點，直言從一開始認為發現金就好了</t>
  </si>
  <si>
    <t>世界衛生組織28日表示，對抗新冠疫情，未來12個月需要234億美元（約台幣6500億），並呼籲全球最富裕的G20領袖展現領導力，出錢資助計畫。G20領袖本周末在羅馬召開峰會，世衛祕書長譚德塞表示，G20領袖不能繼續在疫情</t>
  </si>
  <si>
    <t>新冠肺炎大範圍延燒全球，副總統陳建仁預期，新冠病毒會像流感一樣，無法完全消除，而會與我們共存。未來一年或一年半之內，我們或許就會有疫苗，但在這之前，我們絕對必須保持社交距離，過著「半正常」的生活。目前</t>
  </si>
  <si>
    <t>中央流行疫情指揮中心今(6)日公布國內新增12例新冠肺炎確定病例，為10例本土及2例境外移入。確診個案中新增3例死亡。指揮官陳時中宣布，8月10到8月23日仍維持2級警戒，維持理由是疫情還在可控範圍，也沒有突發事件，</t>
  </si>
  <si>
    <t>全國高中以下學校因為新冠狀病毒肺炎防疫，而延遲至2月25日開學，面對即將到來的開學日，在疫情尚未穩定之前，高中以下各級學校約300萬名學生的防疫工作，將會是非常重要的一環。全國家長會長聯盟（以下簡稱全長聯）</t>
  </si>
  <si>
    <t>大陸部分地區的市級「兩會」於近日相繼召開。25日，內蒙古烏海市進入2020年「兩會時間」。當天召開烏海市政協九屆三次會議。次日烏海市人大會議開幕。22日，政協青海玉樹州委員會十四屆五次會議開幕。23日下午，玉樹</t>
  </si>
  <si>
    <t>新冠肺炎疫情持續，北市警方在防疫期間酒後駕車違規執法不打烊，統計今年1至2月取締酒後駕車違規達840件，提醒駕駛人勿僥倖酒駕上路。為避免員警和民眾在酒測過程感染新冠肺炎，警方表示，執行取締酒駕車勤務員警除</t>
  </si>
  <si>
    <t>桃園新增5起本土確診案例，人數再度躍居全國第2，全都跟「特殊交友圈」相關，鄭文燦指出，3人和原本的特殊交友圈有接觸，其中1人是文化局同仁，因此宣布圖書館和展覽館閉館到25日。另有1婦人是兒子同事確診而染疫，</t>
  </si>
  <si>
    <t>中央配撥11.6萬劑莫德納到台中市，台中市長盧秀燕28日在市政會議表示，將為68歲以上長者、58歲以上原住民施打第2劑莫德納，從9月29、30及10月1、4、5日共5天接種，由里長鄰長出動發通知單給長輩，戶籍不在台中者，台</t>
  </si>
  <si>
    <t>新冠肺炎與SARS有何不同？大陸醫學專家指出，相較SARS集中攻擊肺部，新冠肺炎還會波及心臟、腎臟等器官，造成多重器官衰竭，救治難度比SARS大，不過目前看來病亡率低於SARS。此外，新冠肺炎還有可能轉成慢性疾病，像</t>
  </si>
  <si>
    <t>美國之音報導指出，正在美國國會審議中的《2021財年國防授權法》（2021NDAA）草案，其中就有條文呼籲美國國防部讓海軍醫療船「安慰號」及「仁慈號」停靠台灣，以便延續美台應對新冠肺炎的協作。草案還支持與台灣進行</t>
  </si>
  <si>
    <t>隨著美國總統拜登先後宣布捐贈8,000萬與5億劑疫苗，以抑制新冠肺炎在全球的大流行；美《外交政策》11日分析，拜登提供的疫苗中，有75萬劑將交給台灣，而台灣又一向為北京視為前院。換言之，原本已深陷美中大國競爭的</t>
  </si>
  <si>
    <t>受到全台新冠肺炎疫情延燒，多數產業彷彿被按下暫停鍵，也讓果農擔憂4月鳳梨盛產期、外銷恐會受阻，所幸一年多前與日本大型連鎖超市SEIYU「西友」洽談合作，如今傳來捷報，14日正式啟動封櫃儀式，約1周後就能在日本3</t>
  </si>
  <si>
    <t>大陸國家衛健委高級別專家組組長鍾南山12日表示，若有一些國家不把疫情的危害性傳染性，結束時間不太好說。一般情況下，在溫度比較高的夏天，新冠病毒是不太活躍的。但還是要取決於各個國家的重視程度。隨著疫情嚴重</t>
  </si>
  <si>
    <t>美國國防部傳出有37人感染新冠肺炎，為預防病毒擴散，五角大廈昨（16）日宣布，美國國防部長艾斯培（Mark Esper）及副部長諾奎斯特（David Norquist）已緊急隔離。綜合美媒CNBC、美國有線電視新聞網（CNN）報導，美</t>
  </si>
  <si>
    <t>新冠肺炎本土疫情延燒，國內昨新增472名本土案例，其中339例新增、133例校正回歸個案，全台本土案例累計9248例，加上境外移入共1萬446例，突破1萬大關，且再新增21名死亡個案，追平單日最高紀錄。雙北疫情持續延燒，</t>
  </si>
  <si>
    <t>我國疫情嚴峻，屏東近日傳出DELTA變異株群聚，但經擴大匡列採檢，8天共採檢逾萬件，至今僅發現1例陽性個案，中央流行疫情指揮中心指揮官陳時中表示，匡列的範圍越來越大，但陽性個案仍僅1例，「相信樂觀的情形」。陳</t>
  </si>
  <si>
    <t>台灣高鐵（2633）8日董事會決議，將原定每股配發1.22元現金股利，下調至1.21元，總配發金額由68.665億元降至68.107億元，換算現金股利約減少5,572萬元，以因應疫情衝擊。台灣高鐵表示，變更配發現金股利原因為考量新</t>
  </si>
  <si>
    <t>苗栗縣京元電子爆發嚴重群聚感染，比鄰的台中市目前還未收治相關確診者，台中市政府也表示，目前已展開清查，要掌握該人力仲介公司是否在台中也有移工？並清查哪些企業有用到這些移工，如果有會要求這些公司自主篩檢</t>
  </si>
  <si>
    <t>英國廣播公司BBC報導，刊登於「病毒學期刊」的最新研究指出，新冠病毒可以在特定環境下存活長達28天，包括鈔票、手機螢幕及不鏽鋼等表面，都比原先所想的更髒。澳洲最大國家級科研機構「澳洲聯邦科學與工業研究組織</t>
  </si>
  <si>
    <t>新冠肺炎疫情擴散，儘管台灣防疫成效非常不錯，但各大行業尤其是觀光業依舊受到重創，政府也推出一系列紓困方案因應，卻出現各種亂象，連基層公務員自己都搞不懂，民怨四起。就有網友在PTT發問「為何政府防疫做這麼</t>
  </si>
  <si>
    <t>近期許多企業疾呼開放快篩讓企業自行檢測，中央流行疫情指揮中心發言人莊人祥表示，目前研擬的企業指引的部分採檢的部分仍要由醫事人員擔任，快篩的如果陽性要注意要有針對員工做隔離安置的規劃，也要通報個案後再PC</t>
  </si>
  <si>
    <t>大陸外交部發言人華春瑩今天針對美國務卿蓬佩奧有關新冠病毒出自武漢實驗室的矛盾說法回應稱，蓬佩奧一直在編造，用謊言掩蓋另一個謊言，這已經是公開的秘密。希望美國那些至今還沉迷於甩鍋遊戲的政客能盡快回頭是岸</t>
  </si>
  <si>
    <t>全國拚疫苗人口覆蓋率，目前國內以提升第一劑覆蓋率為目標，但專家指出，在疫苗不足的狀況下，應該讓長輩先施打第二劑疫苗，或是讓有疑慮的人可以混打BNT疫苗。對此，中央流行疫情指揮中心指揮官陳時中表示，這個問</t>
  </si>
  <si>
    <t>繼二名華航貨機機師確診新冠肺炎之後，又有一名國籍航空空姐染疫，中央流行疫情指揮中心發言人莊人祥表示，目前總計有四位在航空業感染新冠肺炎，除了二名華航貨機機師、一名空姐外，還有一名荷蘭籍副機師。莊人祥指</t>
  </si>
  <si>
    <t>針對美國疫情日趨嚴重，衛福部長陳時中表示，事實上已到了臨界點，旅遊疫情建議一定會升級，而且將會採取分州的方式個別提升，反映實際的疫情狀況。至於菲律賓首都馬尼拉實施封城，陳時中認為，實際的疫情確實很嚴重</t>
  </si>
  <si>
    <t>勞動部26日公布最新的無薪假統計，目前總計有3679家企業，4萬4973人正在實施無薪假，家數續創歷史新高，人數也再次突破新冠肺炎疫情以來的巔峰，其中住宿及餐飲業為仍是這次的重災區，總計有1004家、2萬1240人實施無</t>
  </si>
  <si>
    <t>全台無預警大停電，連中央流行疫情指揮中心下午的疫情記者會直播也突然中斷，下午3點多疾管署記者室瞬間漆黑一片，只剩記者桌上的電腦、手機亮著，由於直播訊號突然中斷，不少線上網友嚇壞，紛紛詢問發生甚麼事？看</t>
  </si>
  <si>
    <t>台北市今日新增5例本土個案，為全國第二高，個案分佈於北市4個行政區，其中中正區2例最多，台北市長柯文哲認為只看戶籍地意義不大，但他也坦言，5例中有3例是無症狀患者，北市個案中就有44％確診者為此狀況，因此到</t>
  </si>
  <si>
    <t>NHK報導，和歌山縣於6月18日宣布，該縣又確認了3起新冠病毒肺炎的病例，使得當地已有12起病例。和歌山的病例大多與湯淺町的有田醫院有關，今天所確認的其中一起，就是該院醫生的十幾歲兒子遭到感染，不過他沒有出現</t>
  </si>
  <si>
    <t>行政院長蘇貞昌今早在行政院會宣布中央疫情指揮中心提升至一級開設，國民黨文傳會代理主委王育敏肯定政府從善如流，終於採納各方意見提升至一級開設，也期盼在疫情嚴峻的當前，政府能以開放正面態度看待各方建言，朝</t>
  </si>
  <si>
    <t>2020台灣國際蘭展受新冠肺炎疫情衝擊而延期，海外國際蘭展也喊卡，為減少蘭農損失，台灣蘭花產業聯盟發展協會邀業者推出各家奇珍異花，即日起至4月5日於台南山上區台灣蘭科植物園自辦蘭展，200多種2000多株罕見蘭花</t>
  </si>
  <si>
    <t>新冠肺炎疫情持續延燒至大學校園，繼成大、政大、清大及實踐之後，台師大也出現確診個案。疫情指揮中心昨日公布新增16例確診，其中案322為台灣師範大學理工科學生，指揮中心表示，該生在發病前，以學校校園、宿舍為</t>
  </si>
  <si>
    <t>國防部今天在線上記者會首度透露，國防醫學院預醫所將規劃興建新的「P4實驗室」，為因應如新冠肺炎等傳染病的威脅，國防醫學院預醫所在國防部各級單位全力支持下，已規劃新建生物安全第四等級實驗室(P4)，新P4實驗室</t>
  </si>
  <si>
    <t>全台自5/19開始實施三級警戒，如今一延再延，目前確定會延後至7/12。對此，一名網友好奇發問，依照台灣目前的情況，三級警戒要延到何時？貼文引發熱議，不少網友表示，樂觀來說至少要等到中秋節，另也有人認為疫苗覆</t>
  </si>
  <si>
    <t>新冠變異株Omicron現蹤全球超過20個國家，台灣為了提升民眾保護力，指揮中心昨宣布開打第三劑疫苗，符合資格者共有4類人，只要打完第二劑疫苗滿5個月，就可以至指定醫療院所預約接種第三劑，而《中時新聞網》也整理</t>
  </si>
  <si>
    <t>「Delta病毒已經到家門口！」桃園市長鄭文燦表示，提出7大防線檢視，包含桃園國際機場、機組員防疫旅館、華航及長榮園區、民眾防疫旅館、防疫計程車、責任醫院、採檢站，都會逐一檢討。鄭文燦表示，針對Delta病毒防</t>
  </si>
  <si>
    <t>生產「蘋果西打」飲料的大西洋股份有限公司前總經理孫幼英，涉嫌為挽救旗下企業的財務危機，掏空大西洋公司逾億，一審將孫徒刑9年6月，上訴後，台灣高等法院審理中，她說自己年紀逾70歲有罹患新冠肺炎之風險，求免到</t>
  </si>
  <si>
    <t>空中巴士宣佈在對廠區進行嚴格的健康與安全檢查之後，該公司在法國與西班牙的廠區已從23日起部份復工，進行生產與組裝工作。此外，空中巴士將支援全球對抗新冠肺炎危機的努力。空中巴士與夥伴密切合作，在維持業務進</t>
  </si>
  <si>
    <t>兒童及青少年在全球這波新冠肺炎疫情中，相較於成人或老人在感染率及嚴重性都較低，但沒有控制穩定的過敏氣喘，會增加新冠肺炎發展成重症的機會。振興醫院兒童醫學部主治醫師羅玉芳呼籲，過敏及氣喘除了藥物治療，建</t>
  </si>
  <si>
    <t>中央流行疫情指揮中心今(15)日公布，國內新增18例COVID-19確定病例，分別為14例本土及4例境外移入，其中臺北市9例為最多，其次為桃園市3例、新北市2例。針對新北市連續2天「微+2」，市長侯友宜稍早歸功市民配合低度</t>
  </si>
  <si>
    <t>由於美國海軍「羅斯福」號（USS Theodore Roosevelt，CVN-71）航母上有近100名人員新冠肺炎確診，在指揮官向高層示警下，部份美軍將下船，在關島的旅館隔離。據CNN新聞網1日報導，美國代理海軍部長莫德里（Thomas Mo</t>
  </si>
  <si>
    <t>BNT疫苗28日開放登記，民眾如潮水般湧入，對此，台灣民意基金會董事長游盈隆表示，BNT和高端兩種疫苗受民眾歡迎程度，高下立判，但自己對於這樣的結果，並不意外。同時，游盈隆也發現，民進黨支持者的首選偏好也不是</t>
  </si>
  <si>
    <t>台中市26日新增11例新冠肺炎本土確診個案，其中一名確診者24日曾到健保署中區辦公室辦健保卡，其足跡公布後，健保署中區業務組也發出聲明，指稱個案全程配戴口罩，且經酒精消毒後才入內洽公，櫃檯服務同仁也戴口罩及</t>
  </si>
  <si>
    <t>4月20日西德州輕原油期貨價格，出現史上首見的負油價，一度造成金融市場的劇烈波動，雖然最後追查主要原因在於中國銀行金融衍生商品「原油寶」的期貨轉倉因素，才造成當日原油期貨每桶負37美元的破天荒價格，然而其</t>
  </si>
  <si>
    <t>新媒體暨影視音發展協會NＭEA主辦，第二屆「亞洲新媒體高峰會」22日圓滿落幕，為期二日共舉行了20場專題演講與對談，62位頂尖產業領袖及台灣致力於泛娛樂產業的專業人士。以「Change The World」為主題，聚焦資本化</t>
  </si>
  <si>
    <t>繼PCB、被動元件接連端出族群性上漲表現後，兩大投顧欽點下一波由金屬機殼雙雄接棒，凱基、富邦投顧接連升評鎧勝-KY（5264）至「買進，同時看好可成（2474）谷底已過，同樣喊買。凱基投顧科技產業分析師向子慧指出，</t>
  </si>
  <si>
    <t>英國首相強生感染新冠肺炎後病情惡化，已在昨（6）日住進加護病房，對此，美國總統川普3度提到入住加護病房代表病況「很嚴重」，他已經派遣2支最棒的藥品團隊赴英，協助強生的醫療團隊。據悉，這2支藥品團隊提供的解</t>
  </si>
  <si>
    <t>(19:29更新)新北市某間幼兒園爆發群聚感染，一名幼兒園老師確診，感染給8名學生、1名家長；台北市長柯文哲6日表示，北市也有一名學童在該家新北幼兒園上課；此外，北市預防性停課的幼兒園不只一間，目前已掌握北市中</t>
  </si>
  <si>
    <t>新冠疫情仍然嚴峻，彰化縣長王惠美縣府團隊結合全縣26鄉鎮市，21日起連三天，進行全縣大消毒，全力防堵疫情擴散。並呼籲民眾一起進行居家消毒工作，用漂白水1比50的調配比例來擦拭桌椅、門把、開關、地板，家裡有幼</t>
  </si>
  <si>
    <t>日本新冠肺炎輕症患者突然暴斃的案例增加。厚生勞動省28日公布患者應留意的13種項緊急性高的症狀，讓輕症患者可以更容易掌握自己的病況。從表情等身邊人觀察得到的症狀包括，臉色明顯變差、狀態與平時不同、嘴唇發紫</t>
  </si>
  <si>
    <t>中央流行疫情指揮中心今(17)日表示，民眾透過口罩實名制2.0網路預購人數越來越多，考量遞送口罩的郵差，以及協助配銷實名制口罩的藥師、藥劑生和衛生所人員的辛勞，為讓其有時間休息，因此自4月19日起，每個星期日將</t>
  </si>
  <si>
    <t>美國總統川普公開表示新冠肺炎是「中國病毒」後，在美國出現排華情緒，不時發生華人在公共場合被辱罵甚至毆打事件。一名在紐約生活的大陸人Tommy受訪表示，現在美國各地華人紛紛在微信組建「互助群」，以區域為單位</t>
  </si>
  <si>
    <t>季節性流感秋天報到，台南市立安南醫院提醒，流行性感冒症狀與新冠肺炎雷同，今年公費流感疫苗分成10月1日與11月15日兩階段開打，符合資格民眾只要與新冠疫苗相隔7天，即可接種。台南市立安南醫院家醫科陳泓毓表示，</t>
  </si>
  <si>
    <t>日、韓職棒都已宣布例行賽開幕戰延後開打，體育署長高俊雄今於立法院備詢時提到，如果新冠肺炎疫情持續，且沒有減緩，將建議中華職棒延後開幕戰。中職會長吳志揚則說「閉門打」是最不得已的做法，如果明天防疫計畫無</t>
  </si>
  <si>
    <t>全台新冠肺炎死亡人數不斷攀增，新北市長侯友宜今主持防疫會議宣布，新北市的長照機構、洗腎患者、75歲以上長者，將優先納入第三類的疫苗接種名單，儘速讓可能併發重症的對象，施打疫苗並增加保護力。侯友宜說，新北</t>
  </si>
  <si>
    <t>台中一名30歲林姓女上班族，上月收到朋友用LINE傳來的訊息，指「因為有認識做口罩工廠的叔叔」、「政府規定不能出口，但用低於生產成本的價格跟廠商強制收購，並要求廠商自行吸收虧損，再用高於市場的價格販售給民眾</t>
  </si>
  <si>
    <t>新冠肺炎疫情蔓延，台灣民眾一片恐慌，前副總統呂秀蓮臉書直播節目表示，蔡英文總統為何不會公開鄭重宣布，這場非典型戰爭，授權有經驗的副總統陳建仁全權負責，帶領全國相關醫療人員，對抗這個疫情。此外，呂秀蓮還</t>
  </si>
  <si>
    <t>衛福部長今(27)日表示，義大利近期COVID-19(新冠肺炎)病例數及死亡病例快速增加，鑒於國人至當地感染的風險提高，指揮中心宣布即日起提升義大利旅遊疫情建議至「第三級警告(Warning)」，提醒民眾非必要勿前往。此外</t>
  </si>
  <si>
    <t>針對台灣基進黨立委陳柏惟及部分媒體指出，馬英九政府時代放寬規定，擴大「居留證明」之認定，因此大幅增加健保支出。前總統馬英九辦公室今天表示，相關說法完全悖離事實，錯誤百出，呼籲主管機關儘速說明，避免誤導</t>
  </si>
  <si>
    <t>彰化縣的新冠肺炎確診者8日新增2例，來自南彰化的大家族傳播鏈，該鏈橫跨4鄉鎮，因阿嬤輩的姊妹感情好，5月初常回溪湖鎮娘家聚會聚餐，加上兒孫都會回來跟阿公阿嬤吃晚餐，先前已有9人染疫，新增擔任護理師的媳婦和</t>
  </si>
  <si>
    <t>新冠肺炎(COVID-19)疫情在歐洲升溫，英國(UK)先前採取的「佛系防疫」方法引發各界議論。為了進一步防疫，不少國家與公司都開始推動遠距上班(work from home, WFH)政策，而英國也不例外。然而，忽然而至的遠距上班潮</t>
  </si>
  <si>
    <t>針對新冠肺炎疫情，資深媒體人趙少康10日在政論節目中表示，蔡英文政府防疫是靠「運氣好」，引發爭議。對此，台北市議員羅智強認為，趙少康「運氣說」不等於否定民進黨的防疫成績，邏輯上「運氣好」和「防疫好」是可</t>
  </si>
  <si>
    <t>台灣防疫成績有目共睹，而譚德塞日前誣指台灣對他種族歧視，引起了軒然大波。沒想到，美國歌手Lady Gaga竟公開表示，譚德塞是超級巨星，大力稱讚譚德塞，讓台灣一片嘩然。有大陸資深媒體人藉機酸，「Lady Gaga可能成</t>
  </si>
  <si>
    <t>中央流行疫情指揮中心指揮官陳時中再次否認社區傳播，但不否認社區內存在潛在新冠肺炎感染者，自3月7日起，台灣共增加7件本土案例，其中有2例感染源不明，尚再釐清當中。本週台灣新冠肺炎確診數增加了85例，其中包含</t>
  </si>
  <si>
    <t>自美返台的10多歲少年，遭彰化縣衛生局檢驗出新冠病毒陽性反應，中央疫情指揮中心指揮官陳時中得知後，下令政風處調查，引發軒然大波，對此前疾管局副局長施文儀則表示「啼笑皆非」。施文儀在臉書PO文「採檢條件非天</t>
  </si>
  <si>
    <t>新冠肺炎肆虐全球，台灣確診病例近日也快速增加，不過比對後發現，台灣確診病例仍以境外移入為大多數，本土案例相對較少，《瑞士時報》甚至讚賞，台灣是這波疫情中受影響最小的地方之一，並向世界衛生組織WHO分析，</t>
  </si>
  <si>
    <t>受到新冠肺炎疫情重創，以及台股短線反彈1,400點，投資專家建議，選股除了留意跌深股、高殖利率股外，更重要是要兼具體財務基本面優，才是投資的主旋律，聯茂及泰碩等16檔個股，去（108）年每股盈餘（EPS）創近年新</t>
  </si>
  <si>
    <t>北市副市長黃珊珊29日公布北市1例本土個案資訊，案16315是中正區50多歲男性，5月間在萬華足跡活動，當時陰性，27日因要出國，採檢CT值28陽性，後來CT值又為39，判斷是殘陽就案，已居家隔離14人，其中親友3人、職場7</t>
  </si>
  <si>
    <t>隨著新冠肺炎疫情趨緩，行政院今(2日)正式公布振興三倍券詳細方案，由蘇貞昌親自說明相關措施，也禁止民眾轉售振興券。對此，民進黨團幹事長鄭運鵬則是在臉書上表示，「行政院可能礙於道德帽子，禁止三倍券的買賣，</t>
  </si>
  <si>
    <t>日本政府日前同意我國可派專機將鑽石公主號的台灣人接回國，目前還在溝通相關細節。對於接回台灣的乘客需不需要再隔離？ 駐日代表謝長廷今（16）天表示，這屬於防疫專業，如果防疫中心決定需要隔離，那就是決策，「</t>
  </si>
  <si>
    <t>隨著11月總統大選逼近，美國總統川普大打中國牌，與北京關係緊張持續升高。繼貿易戰、南海摩擦，新冠肺炎起源與香港國安法爭議後，雙方又互關總領事館。據BBC新聞網報導，期間美國國務卿蓬佩奧（Mike Pompeo）發表對</t>
  </si>
  <si>
    <t>因應疫情，布口罩成為防疫夯品，新北市三重碧華布街湧現人潮挑選抗菌棉布、內襯二重砂製作口罩，也有許多店家自製口罩套販賣。商家保守估計，生意好一、兩成；三重布業促進會總幹事洪國林表示，年後生意變好，希望推</t>
  </si>
  <si>
    <t>諾貝爾經濟學獎得主、著名《紐約時報》專欄作家保羅．克魯格曼(Paul Krugman)撰文指出，幾乎可以肯定美國疫情會愈來愈糟，這比義大利疫情大流行階段還糟糕，確診病例3天翻一番。而按照這速度，一個月後確診病例將增</t>
  </si>
  <si>
    <t>封測廠頎邦(6147)2020年第四季稅後淨利「雙升」至10.16億元、改寫歷史第三高，每股盈餘（EPS）1.56元。累計全年稅後淨利36.61億元、年減10.48％，每股盈餘5.61元，仍雙創歷史第三高。公司尚未公布股利政策，將於6月1</t>
  </si>
  <si>
    <t>彰化縣衛生局與台大公衛學院合作進行「萬人血清抗體檢測」，目前已經檢驗3000人，有4個族群都驗出了部分陽性反應，台大公衛教授陳秀熙對此表示「恐有潛在感染」。這次彰化萬人檢測對象以4個族群為主，包括了「醫療照</t>
  </si>
  <si>
    <t>Garmin林口廠1員工確診，桃園市長鄭文燦9日疫情說明先批台北市發現1婦人確診後並未匡列丈夫，其丈夫到新竹縣工作確診，才緊急匡列職場同事。丈夫又傳給3同事，1同事傳染給在Garmin林口廠上班、住新北的女兒。鄭文燦</t>
  </si>
  <si>
    <t>新冠疫情全球大流行對各地跨年活動造成了毀滅性的影響，全球各大城市都大幅緊縮或停辦跨年活動，疫情仍嚴重的國家更是慘不忍賭。疫情最早爆發並因封城而震驚全球的武漢市，卻有大批民眾湧上街頭慶祝新年，引發西方媒</t>
  </si>
  <si>
    <t>新冠肺炎疫情蔓延全球，引發全球股市大地震。美國聯準會今晨再度無預警降息4碼，造成美股道瓊期貨跌逾千點。台股今(16)日摜破萬點關卡，收盤收在9717.77點，失守萬點。根據統計外資資金流向至3月13日，新興亞股連續</t>
  </si>
  <si>
    <t>新冠肺炎疫情持續在美國擴散，幾乎所有運動賽會都受到影響，NBA首當其衝，聯盟預計周五召開球團視訊會議，最有可能施行的就是「閉門比賽」。湖人當家球星詹姆斯原本揚言不會在空無一人的場館上出賽，但隨即改口表示</t>
  </si>
  <si>
    <t>新冠肺炎疫情持續攀升，大陸多間監獄陸續爆出病例，大陸山東任城監獄更傳出207人感染，對此近年將演藝重心移至大陸的藝人劉樂妍，表示對監獄陸續爆出病例感到訝異，更表示不捨讓醫護人員前往營救，立刻引起網友議論</t>
  </si>
  <si>
    <t>美國20日宣布，從11月起解除旅遊禁令，但外籍旅客須出示莫德納、BNT或嬌生疫苗等三款疫苗的完整接種證明才可入境，已打高端的綠委高嘉瑜為此22日在立院提出質疑，打高端的民眾可能無法出國、怎解決？衛福部長陳時中</t>
  </si>
  <si>
    <t>新冠肺炎疫情肆虐全球，香港疫情持續升溫，確診病例高達9386例，累計死亡病例達161例，不僅嚴重衝擊香港景氣，如今就連演藝圈也難以倖免，在娛樂產業寒冬影響之下，就有資深香港娛樂記者爆料，已經有多達600多位明星</t>
  </si>
  <si>
    <t>新冠肺炎疫情爆發至今超過1年半，全球目前仍處於大流行情況。台大公衛學院教授陳秀熙團隊今分析疫情未來軌跡走向有3種可能，1是持續全球大流行，2是轉變為季節性流行疾病，3是成為地方性疾病。陳秀熙團隊為此提出三</t>
  </si>
  <si>
    <t>本報日前報導指出高端二期臨床試驗排除19種民眾、至少22種病種，卻未盡告知的責任；指揮中心指揮官陳時中回應說歐美其他疫苗臨床試驗的時候也同樣排除那麼多病患。但其實查詢莫德納官網（https：／／clinicaltrials.</t>
  </si>
  <si>
    <t>針對新冠肺炎是否只會影響感染者肺部健康的問題，大陸工程院院士鍾南山16日表示，新冠肺炎一般會導致患者肺部受損，至於是否有其他器官受損，則與患者本身的併發症有關，合併症很多的患者會發現其他器官受損的情況，</t>
  </si>
  <si>
    <t>63歲奧斯卡影帝湯姆漢克（Tom Hanks）與演員妻子麗塔威爾遜（Rita Wilson）日前宣布在澳洲確診新冠肺炎檢測，湯姆漢克成為首例感染新冠病毒的演藝圈夫妻，不過湯姆漢克卻因患有第二型糖尿病，而遭外界擔心會引發併發</t>
  </si>
  <si>
    <t>新冠肺炎肆虐全球，台灣確診案例再添8例來到108例，中央流行疫情指揮中心建呼籲滯外留學生盡量留在當地，畢竟無法排除搭機風險，此舉讓資深媒體人趙少康拍桌痛斥「什麼政府嘛」，對此眼科醫生黃宥嘉怒嗆：「這世界又</t>
  </si>
  <si>
    <t>疫情持續嚴峻，許多病人因擔心感染風險害怕上醫院，遠距醫療成為防疫新趨勢。光田綜合醫院為提升疫情期間病人看診便利性，擴大遠距視訊門診服務，腹膜透析腎友也可透過視訊看診，醫師即時監測洗腎數據，零接觸維持病</t>
  </si>
  <si>
    <t>因應新冠肺炎疫情延燒，新北市府首辦線上國際閱讀節，新北市長侯友宜昨日（23日）出席啟動記者會，侯友宜表示，因為疫情的關係，很多學習的地方像是公立圖書館暫時不開放，因此鼓勵孩子們在家透過網路，使用「國小教</t>
  </si>
  <si>
    <t>美國的新冠疫情日益嚴峻，各大醫療院所也處於負荷極重的狀態。在疫情震央紐約市，曼哈頓1座大型教堂的教長6日表示，疫情期間，將把教堂改造為野戰醫院，以支援抗疫。《紐約時報》等外媒報導，聖約翰大教堂（The Cath</t>
  </si>
  <si>
    <t>國內疫苗擴大開打，許多人擔憂其引發不良副作用。對此，台大家醫科醫師林俊嘉表示，打疫苗需注意自身身體狀況外，施打後續仍要注意疫苗產生的副作用，其中打莫德納的局部反應通常比AZ嚴重，他也提醒5類人要注意。林</t>
  </si>
  <si>
    <t>蕭敬騰（老蕭）日前在上海接種免費疫苗，隔天隨即現身時尚秀，老蕭的經紀人Summer今（6日）表示，團隊所有人接種疫苗後都沒有任何不適，也都很正常的工作，狀態非常好。老蕭赴大陸工作已三個月，對於台灣家人無疫苗</t>
  </si>
  <si>
    <t>印度新冠疫情嚴峻，連駐當地美國外交人員都受到重創，美國有線電視新聞網（CNN）引述消息人士透露，美駐印度外交人員中已經有上百人染疫，2人不幸病逝。此外，美國商會也警告「真正的風險」才要來臨，疫情暴衝恐導致</t>
  </si>
  <si>
    <t>三零隔天秒破功！中央流行疫情指揮中心今公布國內新增6例新冠肺炎確定病例，分別為1例本土、5例境外移入，確診個案中無新增死亡。其中本土個案為新北1名6旬男子，因發燒就醫採檢確診，Ct值33.1，之後採檢2次都是陰性</t>
  </si>
  <si>
    <t>大陸國家衛健委網站30日消息，7月29日0-24時，大陸各地報告新增確診病例64例，其中境外輸入病例43例（雲南21例，廣東9例，上海7例，福建3例，遼寧1例，山東1例，四川1例），本土病例21例（江蘇18例，湖南2例，北京1</t>
  </si>
  <si>
    <t>新冠肺炎本土個案連日破百例，國民黨團今天表示，疫情日益嚴峻，不只封城而已，最終解決之道是施打疫苗，此時應讓疫情指揮中心指揮官陳時中專注醫療資源，拉高防疫層級到總統府，由副總統賴清德出任指揮官，協調調度</t>
  </si>
  <si>
    <t>美國國會周一同時推動全面性的聯邦政府支出法案與新紓困措施，盼雙重任務能同時達陣，暨達成一項大規模的政府支出協議，避免政府重演關門戲碼，亦為受到疫情重創的國家提供新一輪援助。兩黨領導人似乎對4月以來首次</t>
  </si>
  <si>
    <t>生活中多來點綠色，會帶來更多活力和精采。在全球新冠肺炎疫情燒不停，金門一場以「千篇一綠‧生活中的綠色療癒力」為主題的活動，讓人在緊繃的日常中，感受到一種另類免疫力，獲得頓時紓壓、放鬆的快感。這場由金門</t>
  </si>
  <si>
    <t>針對自中國大陸武漢爆發的新型冠狀病毒肺炎(簡稱新冠肺炎，NCP)，為了讓關心的網友能掌握最正確的資訊，美國約翰霍普金斯大學（Johns Hopkins University）推出了蒐集 WHO(世界衛生組織)、美國疾病管制中心(CDC)跟中</t>
  </si>
  <si>
    <t>大陸知名的外賣平台美團點評30日公布最新財報顯示，2019年營收為人民幣（下同）975.29億元，年增49.52％；淨利潤為46.57億元，較2018年同期扭虧為盈。不過，受新冠肺炎疫情影響，預期2020年第一季業績表現恐將面臨衰</t>
  </si>
  <si>
    <t>新冠肺炎疫情趨緩，但國際上仍未消停，台灣當前的威脅在境外，但也不可能持續鎖國。中央流行疫情指揮中心專家諮詢小組召集人張上淳表示，未來開放邊境，一定是人家讓台灣進去，台灣也讓人家進來，若能做到相對安心就</t>
  </si>
  <si>
    <t>日本政府於周四稍晚公布全國每日新增新冠肺炎感染病例人數，高達980多起病例，為日本政府兩個月前解除緊急事態宣言以來，連續第二天創下高位紀錄。據日本共同社報導，日本在周三新增795名病例，亦超越自四月以來每日</t>
  </si>
  <si>
    <t>NBA停賽之後衍生了一個罕見的協議，聯盟與球員工會已經同意這段期間不進行藥檢。依照規定，球員每季接受6次尿檢，如果被驗出大麻、類固醇、體能強化藥物、毒品，處罰將從禁賽25場到兩個球季不等。美媒《雅虎體育》報</t>
  </si>
  <si>
    <t>資深媒體人黃暐瀚的母親，這個月5日在台中市南區住家附近遭酒駕美髮師撞上身亡，17日上午原本要舉行公祭，但近來台灣疫情升溫，以防疫優先為考量，家祭不公祭，數十名親友出席，黃盼台灣能夠渡過這次的疫情難關。黃</t>
  </si>
  <si>
    <t>聯發科(2454)3月營收重回200億元大關，相較2月大幅成長25.27%，也帶動第一季營收衝上608.63億元，一舉超越財測。聯發科3月營收228.24億元、月成長25.27%、年成長2.27%，累計第一季營收608.63億元、年增加15.44%，超</t>
  </si>
  <si>
    <t>國內疫情嚴峻，北市又以萬華區最為嚴重，網路上不乏對於萬華不友善之指控，有感於此，一名在萬華區土生土長的居酒店老闆娘吐露心聲，眼看萬華成為眾矢之的十分無奈，並表示，萬華是北市對「人」包容度最高的地方，盼</t>
  </si>
  <si>
    <t>在新冠肺炎疫情方面，過去台灣因為超前佈署並落實防疫規定，而讓民眾保有高度自由的生活，不料近期本土疫情連環爆，昨甚至一口氣增加7名本土個案，其中6例感染源不明，足跡涉及之處包含新北與宜蘭，讓台灣從零確診優</t>
  </si>
  <si>
    <t>新冠肺炎疫情持續蔓延，先後傳出無症狀病例引發民眾憂慮，台大公衛學院副院長陳秀熙表示，之前從大陸武漢來台的人中，恐有111名潛在感染者是無法從發燒檢疫出來，這些人過去在台期間是否有傳染給他人需要關注，並認</t>
  </si>
  <si>
    <t>鑽石公主號新冠疫情肆虐，基隆1名曾接觸郵輪旅客民眾，日前出現呼吸道症狀，懷疑罹病至基隆醫院檢查採樣，幸採驗結果為陰性，觀察無異狀後，近期即可辦理出院，適逢西洋情人節，院長林慶豐帶領醫療團隊治病房外加油</t>
  </si>
  <si>
    <t>截至1日下午為止，國內共累計確診329例確診，5例死亡。外界最擔心的就是其中無旅遊史、找不到明確感染源的本土個案，中央流行疫情指揮中心指揮官陳時中今也點名有5起本土個案關注度、風險較高。他更坦承，曾去過金山</t>
  </si>
  <si>
    <t>北市副市長蔡炳坤18日指出，北市13天開了47萬劑的醫療量能，中央卻強開60萬個預約量進來，導致分配不均，他19日再轟，中央為搶快會導致地方醫療量能爆掉，造成民怨有何好處？既然沒體諒地方，責任都丟給地方，那中央</t>
  </si>
  <si>
    <t>台中「紓困九箭」第一箭針對公有市場、公有民營市場、攤販集中區祭出3至5月租金（使用費）8折優惠，總計減免攤商近1,200萬元支出。台中市政府經發局向34個轄管公有零售市場自治會展開滿意度調查，多數皆表達「非常滿</t>
  </si>
  <si>
    <t>中央流行疫情指揮中心今日首度移往屏東舉辦，指揮官陳時中戴著周志浩、莊人祥、羅一鈞等防疫五月天成員同行。對於出訪的感想，五月天成員表示紓壓，墾丁景色很漂亮，但該掌握的資訊還是要掌握。最感動的是，民眾的生</t>
  </si>
  <si>
    <t>新冠肺炎疫情蔓延，德國政府決定，自3月16日早8時起關閉與法國、瑞士和奧地利的邊境。這也是自德國頒布口罩與防護服禁止出口禁令、梅克爾拋出有5,800萬左右德國人可能感染新冠肺炎之驚人預測數字之後，再次有新的防</t>
  </si>
  <si>
    <t>前「女F4」成員劉樂妍，近年將事業重心與生活移往中國大陸，之後常在社群發表兩岸相關意見與評論，且不吝公開喊話熱愛祖國，引發兩岸網友議論，而自新冠肺炎爆出後，劉樂妍經常針對防疫發表看法，日前貼文讚嘆大陸超</t>
  </si>
  <si>
    <t>全球新冠病毒持續肆虐，防疫成為全民運動！尤其，新冠肺炎是屬於呼吸系統問題，在疫苗發明之前，「防疫」措施不可少，呼吸系統保養千萬要做好。天華生技「金百合滋潤軟糖」及「參蕺茶」是自體空氣清淨機的最好幫手，</t>
  </si>
  <si>
    <t>全國疫情未見降溫，究竟三級警戒是否會「二度延長」至6月28日，成為各界關注話題。不過下周就要迎來端午連假了，為防堵病毒流動，各界都呼籲大家這次忍耐一點別返鄉，只是有人配合，也有人認為沒必要，表示只要返鄉</t>
  </si>
  <si>
    <t>「最美魚販」阿澎（劉心語）曾在外科擔任護理師4年多，眼見本土疫情擴大、台北市長柯文哲緊急召集退職醫護支援前線，她義不容辭的加入團隊，昨（1日）是第一天受訓，劉心語在社群平台發文表示：「彷彿回到學生時代，</t>
  </si>
  <si>
    <t>繼「口罩之亂」、「三倍券之亂」後，最近恐又出現「流感疫苗之亂」。公費流感疫苗才開打3天，接種量已逾126萬劑；疫苗非常搶手，台大醫院最先傳出疫苗告罄，各地醫療院所大排長龍，政府主管單位應盡快向國際增購或自</t>
  </si>
  <si>
    <t>新冠肺炎病毒讓巴西傷亡慘重，但巴西總統波索納洛的支持率不減反增，全拜緊急現金補助計畫所賜。■This emergency funding, which launched in April, has also boosted the popularity of President Jair Bolsonaro</t>
  </si>
  <si>
    <t>德國的新冠狀病毒傳染率已激升至2.88，突破重要的感染指標，意味著該國恐需要更長時間才能遏阻疫情。德國負責疾病防控的羅伯特·科赫研究所（Robert Koch Institute,RKI）周日公布，新冠狀病毒傳染率達到2.88，較上周</t>
  </si>
  <si>
    <t>中央流行疫情指揮中心日前宣布，全國進入第三級防疫警戒至5月28日，基隆市長林右昌今早表示，目前有許多確診者不知去向、感染源不明等狀況，向中央喊話，建議全國三級警戒延長2周。林右昌指出，主要有「三個不明，兩</t>
  </si>
  <si>
    <t>新冠肺炎疫情升溫，高雄巿議會27日宣布，為加強防疫，取消歲末聯誼、元宵與新春團拜等活動，議長曾麗燕和副議長陸淑美要求市府落實防疫措施，並呼籲市民加強春節防疫。高雄巿議會原訂2月1日舉辦歲末聯誼，向來是議員</t>
  </si>
  <si>
    <t>新北市22日再傳出1起確診者死亡案例，1名66歲婦人20日因不明原因喘不過氣，送醫救治後仍在昨日中午逝世，院方進一步採驗，驗出死者是新冠肺炎陽性患者，死者女兒也隨之被要求居家隔離，連見媽媽最後一面都不行，令人</t>
  </si>
  <si>
    <t>又一名人染上新冠肺炎！俄羅斯總理米舒斯京（Mikhail Mishustin）30日證實自己罹患新冠肺炎，他已將此事報告總統普丁，他將自我隔離以保護其他內閣成員，目前俄羅斯副總理職務由第一副總理代理。綜合媒體報導，俄羅</t>
  </si>
  <si>
    <t>花蓮連續5天0確診破功，今天一口氣增加7例，主要為家庭群聚染疫，一名有煙癮的50多歲男子上月17日從桃園觀音工班返花後即出現輕微症狀，直到本月8日症狀持續惡化，前往醫院篩檢才確診，其妻子、兒子及岳父家共6人連</t>
  </si>
  <si>
    <t>63歲鄭姓婦女今年5月入境，但首晚就離開檢疫地點，遭裁罰10萬元。鄭女直到9月9日要返回美國探望生病的孫子，才發現自己因未繳清罰緩被境管。鄭雖然頻頻抱怨，不過11日就繳清罰鍰，解除境管。行政執行署桃園分署表示</t>
  </si>
  <si>
    <t>印度變異株（Delta）侵入社區，釀成新北幼兒園及大樓群聚。中華民國防疫學會榮譽理事長王任賢表示，面對Delta來襲，政策上必須封鎖、開放並行，邊境要嚴管，但不需跟進加碼至21天，而是搭配多層次篩查，要求入境天天</t>
  </si>
  <si>
    <t>環南市場爆發41人群聚，經統計確診者的Ct值分佈，發現當中有12人Ct值已達30以上，另有16人介於15-20之間。指揮中心不排除近期會繼續檢出新個案，呼籲工作人員、外包人員、攤商等先勿移動。對於7月12日以後，幼兒園、</t>
  </si>
  <si>
    <t>高雄科工館生活圈躍升房市戰區，包括城揚建設、隆大營建、遠雄、永信集團等建商都積極搶進，使得該區周邊新成屋和預售建案至少16個，每坪售價約25到30萬元；此次皇普建設加入戰局推出「摩天100」建案，成為重返高雄</t>
  </si>
  <si>
    <t>根據《環球網》引述《彭博社》消息指出，一艘載有1200名乘客的德國郵輪「Aida Aura」，在挪威的Haugesund（豪格松）港接受整體檢疫隔離。此前，該郵輪上兩名乘客進行了新型冠狀病毒檢測，目前正在等待檢測結果。其他</t>
  </si>
  <si>
    <t>根據國際半導體產業協會（SEMI）最新統計，2020年全球半導體製造設備市場大幅成長19％，銷售總額由2019年的597.5億美元攀至2020年的711.9億美元，並創下歷史新高紀錄。今年受惠於全球半導體廠大舉拉高資本支出並擴大</t>
  </si>
  <si>
    <t>新冠肺炎疫情在全球燃燒，各界關注哪時可以研發出國產疫苗或取得外國疫苗，衛福部長陳時中透露，我國已於9月18日與國際平台「COVID-19 疫苗全球取得機制」（COVAX）。對此，宅神朱學恒分析，目前疫苗訂價和數量已成</t>
  </si>
  <si>
    <t>台北市部署數家加強版防疫專責旅館，收治輕症、無症狀確診者，近日屢傳高齡病患猝死在房間，還有70歲患者反應，很久都沒醫師看診、給藥，讓外界關心醫護負擔是否太重？台北市長柯文哲說，未來60歲以上患者都會配戴血</t>
  </si>
  <si>
    <t>在新冠肺炎擾亂全球經濟後，美國聯準會(Fed)近期突然降息二碼，讓全球股債匯市場震盪不已。看到今年來有多國陸續降息，以資金提供市場支撐，然經濟發展受到新冠疫情的波折未定，施羅德投信預期，今年第一季甚或至第</t>
  </si>
  <si>
    <t>溪湖葡萄家族超強傳播力，驚傳溪湖某里長確診，縣府緊急在社區內宮廟設置臨時快篩站，急尋篩檢對象，並呼籲曾經在當地宮廟及社區活動中心活動過的民眾，盡速到快篩站篩檢，從19日開始上午8點半開始，一直到下午5點，</t>
  </si>
  <si>
    <t>在新冠肺炎疫情的侵襲下，北市許多餐廳陸續傳出暫停營業，但在台北市屹立不搖33年的「頂上魚翅」卻也吹起熄燈號，本刊記者前往位在新生南路、仁愛路口的店面，卻看到曾經門庭若市的「頂上魚翅」拉下大門，門口貼了顯</t>
  </si>
  <si>
    <t>隨著新冠肺炎疫情延燒，消毒抗菌等防疫產品也變得炙手可熱、人人搶購。最近有不少新聞指出，部分精油似乎也有消毒抗菌的效果，甚至有人將精油與紅標米酒混合製成酒精噴霧來使用。但也有皮膚科醫師表示，這個方法不僅</t>
  </si>
  <si>
    <t>全台今日再增15例新冠肺炎死亡案例，新北市長侯友宜昨批中央「不要再刁難了，趕快讓疫苗進來最重要」，侯今受訪時再次疾呼，中央若要等到8月才打國產疫苗，先不論品質好壞，「我們還能再等2個月嗎？2個月有多少人會</t>
  </si>
  <si>
    <t>中央流行疫情指揮中心公布各縣市確診人數，南投縣20日確診人數為零，為南投縣連續10天迎接「嘉玲」，衛生局表示，今日繼續在南投市、草屯鎮、埔里鎮、鹿谷鄉、中寮鄉、魚池鄉、水里鄉、信義鄉仍持續設站接種，上午下</t>
  </si>
  <si>
    <t>中央流行疫情指揮中心日前宣布13日起微解封，三級警戒則延長至7月26日，對於宗教場所可以有條件開放，但中元普渡則維持不開放。對此，民眾好奇是否代表，即便到了8月的中元節仍無法降級，副指揮官陳宗彥表示，還有1</t>
  </si>
  <si>
    <t>新北市今天確診案例新增65例仍居各縣市之冠，但已持續減少到一個月以來最低點。為了阻絕高齡者染疫風險，新北市85歲以上長者疫苗今(15日)開打，侯友宜說，金山區有點特殊，因昨天新增一例確診，但因家庭群聚關係今再</t>
  </si>
  <si>
    <t>日韓新冠肺炎疫情升溫，中央流行疫情指揮中心22日宣布，日本與南韓旅遊警示提升至第二級警示（Alert），旅客到當地應採取加強防護措施。指揮官陳時中並強調，根據疫情進展，不排除對日韓做相關邊境管制。截至22日，</t>
  </si>
  <si>
    <t>動力科技（6591）受到新冠肺炎影響，2月營收急降，只餘下3,556萬元，一舉創下掛牌以來的新低，在基期夠低下，帶動3月營收回神，來到1.36億元，以歷年同期新高開出月增率281.67％的佳績，惟因1、2月營收不振，今年首</t>
  </si>
  <si>
    <t>新冠疫苗意願登記第三輪，已陸續發送預約簡訊給符合資格的民眾，截自昨日17時，已有逾95萬人預約。一名人妻收到簡訊後又驚又喜，更直呼「婆婆還沒收到我先收到」，她急忙到疫苗登記平台預約，但過程中卻頻頻失敗，查</t>
  </si>
  <si>
    <t>近日傳出美國紐約一家動物園中一隻老虎被檢測出新冠肺炎陽性，農委會防檢局表示，由於不知道檢測方法、檢體來源，所以仍有可能是確診的飼育員飛沬汙染老虎，目前國內動物檢測還是依「新冠肺炎確診個案飼養之共居犬貓</t>
  </si>
  <si>
    <t>今日中華長照暨偏鄉醫療基金會舉辦了一場由台俄雙方醫師參與的線上醫學論壇，由榮民總醫院神經醫學部主任鄭宏志醫師發起，結合三軍總醫院臨床醫療團隊分享台灣新冠肺炎的醫療經驗，為將來可能的醫學研究與防疫工作建</t>
  </si>
  <si>
    <t>已退役的NBA球員柯林斯，今天自行在推特上宣布確診新冠肺炎。柯林斯是北美四大職業賽會公開同性戀染病的第一人。柯林斯表示，「我是在月初去紐約參加籃網比賽的時候染病，12日開始頭痛，幾天後發燒、咳嗽，上周六去</t>
  </si>
  <si>
    <t>大陸正在追蹤新冠肺炎的源起，0號病人還沒確定，仍在追查確切傳染過程，不過，中國科技部社會發展科技司司長吳遠彬在今天（28日）舉行的國務院聯防聯控機制發布會表示，以目前的研究結論顯示，呼吸道飛沫和密切接觸</t>
  </si>
  <si>
    <t>因應新冠肺炎在台灣造成「口罩之亂」，行政院訂案，開放健保藥局配合政府發售實名制口罩，為讓更多民眾能夠買到，17日更宣布「加倍銷售」口罩。卻讓基層藥師怒火四起，批「人力沒加倍，工作量卻加倍」。中央疫情指揮</t>
  </si>
  <si>
    <t>賴姓男子因不滿衛福部長陳時中對新冠肺炎的防疫政策，今年6月在臉書粉絲頁，PO文「阿中部長隱暪疫情，無恥舔美賣台」，陳時中發現後憤而提告。台北地檢署今(29)日依公然侮辱罪起訴賴男；這起案件引發不少網友不滿，</t>
  </si>
  <si>
    <t>中央流行疫情指揮中心今(30)日表示，有關第一班定點返台專案航班已於昨(29)日晚間抵台，153名返台者經檢疫均毋須後送就醫，目前已完成採檢並安置在國內一處檢疫所，將進行14天集中檢疫。指揮中心指出，昨日國內新增8</t>
  </si>
  <si>
    <t>去年底通過的《反滲透法》，經過總統選舉民進黨大勝，以及春節前從武漢爆發的新冠肺炎疫情之後，似乎已經被人忘掉了，但是法律擺在那裡，變成是民進黨的尚方寶劍，他們想用可以隨時揮劍砍人，以至於在新冠肺炎疫情中</t>
  </si>
  <si>
    <t>總統蔡英文在13日深夜在臉書表示，指揮中心先前採購的500台「高流量氧氣鼻導管全配系統」（HFNC），已經有200台到貨，會用最快的速度提供給醫院。有網友在蔡英文的臉書不滿表示，「真是巧，藝人沒捐都沒有，藝人捐了</t>
  </si>
  <si>
    <t>自新型冠狀肺炎爆發以來，大眾避之唯恐不及，卻有一群人願意挺身站在第一線，為防疫貢獻。對此，世新大學公共關係暨廣告學系畢業籌備團隊開始尋找社會上那些默默付出不求回報的人們，其中就有從基層醫護人員的角度出</t>
  </si>
  <si>
    <t>瑞德西韋可望成為治療新冠肺炎的藥物，桃園蘆竹的原料藥廠「台耀化學」宣布已能開發10公克級的瑞德西韋，很快就能到公斤級，但需要的原料量大，且大部分在大陸，希望政府協助。桃園市長鄭文燦26日允做後盾向中央部會</t>
  </si>
  <si>
    <t>波蘭衛生部公布周三新增確診1萬7,260人創去年11月來新高，累計確診數近183萬人，累計死亡4萬5,997人。當局解釋單日新增確診數飆升原因之一，是傳染力更強的英國變種病毒造成，估計3月底到4月初之間是這第三波疫情高</t>
  </si>
  <si>
    <t>台北酒店女公關日前確診讓各界感到相當擔憂，中央流行疫情指揮中心今天表示，有關案379的疫調目前已完成，總計接觸者共123位，其中有96位是職場接觸者，家屬4位，其他23位，需要進行居家隔離的人數則有65位。指揮中</t>
  </si>
  <si>
    <t>歐陽靖因為新冠肺炎肆虐，從日本回到台灣待產，兒子「新醬」出生後更與母親譚艾珍「島內移民」到台南，不過如今卻傳出她與分隔兩地的老公RK，不僅IG彼此取消關注，還疑似為了育兒問題起了爭吵，婚姻似乎亮起紅燈。根</t>
  </si>
  <si>
    <t>受到國內外新冠肺炎疫情衝擊，航空業及機場各服務業者損失慘重，交通部今（25）日下邀集相關單位討論紓困方案。據與會的官員表示，預估2020年較2019年度的全年客運量平均將減少25％，估算後擬補貼業者各項費用共約42</t>
  </si>
  <si>
    <t>國內COVID-19疫情連續10天單日本土病例破百例，指揮中心指揮官陳時中今天表示，校正回歸後，疫情還在高峰期，研議延長三級警戒。專家預估，這波疫情6月中才可能下降。台大公衛學院教授陳秀熙分析，這波本土疫情約在1</t>
  </si>
  <si>
    <t>精選《中時新聞網》5件不可不知的國際大事，帶讀者掌握今天(4月4日)的國際新聞重點。【1】	紐約州確診破10萬 人數直逼義大利西班牙紐約州長古莫3日公布全州確診突破10萬例，死亡例來到562例，創疫情爆發以來新高。其</t>
  </si>
  <si>
    <t>受到新冠肺炎疫情衝擊，不少勞工被迫放無薪假，甚至面臨失業命運。高市勞工局今（13）日宣布推出「安心即時上工計畫」，釋出1073個公部門防疫相關職缺，時薪158元，1個月時數最高80小時，即起至12月31日受理報名。勞</t>
  </si>
  <si>
    <t>南投縣目前已完成32萬2574人接種作業，全縣人口涵蓋率50.55％，南投縣長林明溱9日到設在慈濟南投連絡處接種站視察時表示，感謝許多默默奉獻在接種站協助接種工作，用愛心支持到底的協力夥伴，抱著多幫民眾接種一劑疫</t>
  </si>
  <si>
    <t>疫情指揮中心日前公布11月將開放AZ混打輝瑞／BNT，傳出不少第12輪符合AZ第二劑預約的民眾想棄打。指揮中心發言人莊人祥表示，這一輪若符合預約資格卻失約，就會被預約系統暫停一輪，直到下一輪才有辦法預約。自指揮</t>
  </si>
  <si>
    <t>繼上周五（27日）中午有26.5萬劑AZ疫苗抵台，今（31日）下午又有疫苗要來了！我國自購的59.5萬劑的AZ疫苗將由華航CI834載運，預計在下午3時25分抵達桃園機場。</t>
  </si>
  <si>
    <t>新冠肺炎疫情致使國際客斷炊，以銷售鳳梨酥等伴手禮的維格餅家（2733）受此衝擊，2020年上半年每股虧損達5.05元，對此研擬結束3家分公司「瘦身」調整體質，致力度過產業寒冬。興櫃交易的維格今（28）日股價一度下跌3</t>
  </si>
  <si>
    <t>因應春節返鄉需求，指揮中心近期宣布於12月14日至2月14日推動「春節期間入境檢疫方案」，允許同住者一起在防疫旅館、集中檢疫所檢疫，檢疫天數都是14天，但若家中環境許可，最後4天也可返家檢疫。10+4方案宣布後，不</t>
  </si>
  <si>
    <t>因應新冠肺炎疫情，各國紛紛管控邊境、限制民間活動，為避免人權遭忽視，世界自由民主聯盟(世盟)一方面呼籲疫情緩和後，各國應使人民生活恢復正常，使自由與人權獲得充分保障，民主機制正常運作，另一方面更呼籲全球</t>
  </si>
  <si>
    <t>新冠肺炎疫情延燒，衛福部新營醫院胸腔內科醫師汪政德表示，人類感染冠狀病毒以呼吸道症狀為主，患者大多數能康復，死亡個案多具有糖尿病、慢性肝病等潛在病史，且吸菸者較易感染新型冠狀病毒引發的新冠肺炎。汪政德</t>
  </si>
  <si>
    <t>Delta變種病毒的亞變異株「AY.4.2」近期已佔英國當地新冠肺炎（COVID-19）確診病例近10%，引發了關注。科學家究竟如何看待比Delta傳播力更強的AY.4.2呢？《CNBC》報導，有一些人因為AY.4.2因為傳播力比Delta變異株高</t>
  </si>
  <si>
    <t>湖南省4日召開聯防聯控機制新聞發布會，指出湖南本次疫情是由來張家界市的3名外省（遼寧大連）遊客輸入，這3名遊客7月17日在南京祿口機場短暫停留，藉由酒店內共同早餐、旅遊中聚集性活動等，傳播給張家界市本地導遊</t>
  </si>
  <si>
    <t>日系外資針對台塑(1301)出具最新報告指出，新冠肺炎衝擊台塑今年營運動能，但隨著今年第二季高成本庫存耗盡之後，低油價優勢將從第三季逐漸顯現，預計2021年起台塑營運將出現明顯增動能，故將台塑評等由減碼到買進、</t>
  </si>
  <si>
    <t>根據大陸各地衛健委通報訊息，大陸已有多地出現大連市輸入病例或大連市疫情關聯病例。自7月22日遼寧大連確診此輪疫情首例新冠肺炎病例以來，已向外傳播至遼寧、吉林、黑龍江、福建、北京5地；鐵嶺、鞍山、四平、長春</t>
  </si>
  <si>
    <t>為確保COVID-19(新冠肺炎)境外確診個案返國時之飛航防疫安全，並降低個案入境後發生社區疫情之風險，中央流行疫情指揮中心今(17)日表示，依據傳染病防治法第58條第1項第2款與第3款，規定境外確診個案須符合下列條件</t>
  </si>
  <si>
    <t>受到新冠病毒疫情延燒，導致店家訂貨趨於保守，拾荒長者可以撿拾的紙箱、鐵罐與寶特瓶的數量屈指可數，許多店家也擔心拾荒者是否會帶來傳染，紛紛暫時取消店內回收，相較過去1天約可獲得上百元，現在的拾荒長輩一天</t>
  </si>
  <si>
    <t>大聯盟球員有人在6月中在佛州舉辦慶生派對，被傳言是一個「新冠肺炎病毒趴」，造成了疫情擴散。官網記者Jon Heyman報導，這位球員還把病毒帶到自己的球隊，目前所有受害者的姓名都未公開。佛州是美國最新的疫情爆發</t>
  </si>
  <si>
    <t>全球重要財經數據聚焦在美國勞動市場相關報告，又以8日出爐的4月非農業就業報告和失業率最受矚目。美國為全球新冠肺炎疫情重災區，封鎖令造成失業人口激增，經濟學家預估，4月非農業就業人口恐銳減2,000萬人，失業率</t>
  </si>
  <si>
    <t>敦睦艦隊磐石艦名官兵確診新冠肺炎，高雄意外成重災區。高雄市長韓國瑜今天下午4點將召開記者會，說明高雄的最新疫期狀況。韓國瑜指出，對於海軍敦睦艦隊744位軍人的疫調，未能獲得真實答覆，始終有缺口，因此希望中</t>
  </si>
  <si>
    <t>花蓮縣衛生局接獲通報，有1名新冠肺炎防疫須居家隔離自檢的荷蘭人，至27日才能解除，卻擅自離開簡易住所，駕車往台8線中橫公路途經太魯閣國家公園要到花蓮，警方今下午在台8線169.8k稚暉橋攔查到他，連同同行日本籍</t>
  </si>
  <si>
    <t>德國政府發言人今天表示，總理梅克爾（Angela Merkel）在先前接種阿斯特捷利康（AstraZeneca，AZ）疫苗後，第二劑已接受施打莫德納（Moderna）疫苗。法新社報導，今年66歲的梅克爾4月時接種AZ疫苗。在那之前逾兩週，</t>
  </si>
  <si>
    <t>針對外界指控中國大陸正在囤積防疫醫療物資的說法，大陸外交部發言人華春瑩予以反駁稱，完全不同意這種說法，目前中國疫情並未結束，對醫療物資需求也很大，此外中國還積極為有需要的國家提供防疫物資，至少有120個</t>
  </si>
  <si>
    <t>新北市中和警分局今（30）日繼上午傳出2名交通分隊警員染疫，晚間1名南勢派出警員確診，稍早偵查隊2名隊員通知確診，已累計5人染疫。中和分局表示，由於染疫同仁分處在不同駐地，初步研判應非群聚感染，有疑慮者均已</t>
  </si>
  <si>
    <t>新北市今新增8例確診，新北副市長劉和然表示，三重、板橋、樹林各有2例，新莊、淡水各1例，今日案例都是居家隔離個案，因此新增本土案例是0。劉和然說，8例確診感染源分析，2位是職場、4位家戶、2位是其他；三重1人</t>
  </si>
  <si>
    <t>台灣一夜新增3起死亡個案，其中案108為奧地利、捷克旅遊團的40多歲男性領隊，19日確診，29日晚間死亡，僅11天，該旅遊團群聚共4人確診，就有3人屬於重症。中央流行指揮中心發言人莊人祥今天揭露，國內確診個案的重症</t>
  </si>
  <si>
    <t>敦睦艦隊28名官兵確診新冠肺炎，敦睦艦隊支隊長陳道輝上午在立院視訊時強調「絕無隱瞞疫情」。針對敦睦支隊長陳道輝將被調離現職，前海軍艦長、戰略研究員張競霸氣說，陳道輝是他的學生，他選擇跟他站在一起、究責算</t>
  </si>
  <si>
    <t>隨著新冠疫情在全球擴散，美中關係達到建交以來的最低點，已成為觀察家們的共識。歐巴馬政府時期主管中國政策的官員何瑞恩(Ryan Hass)分析稱，美中關係已由競爭關係轉變成敵對關係，這是長期的結構性壓力，即便民主</t>
  </si>
  <si>
    <t>據美媒引述美國疾控中心(CDC)資料報導，美國首例新冠死亡病例已由原來認定的2020年2月6日提前至2020年1月9日，提早了將近一個月。而且據其家屬表示，這名最新被確認為首例新冠病毒死亡病例，醫院方面的紀錄顯示，死</t>
  </si>
  <si>
    <t>因應開學將至，桃園市教育局已擬定開學前整備的檢核表，市長鄭文燦16日也宣布，將採高標準，1人確診就全校停課14天，家庭成員也要在聯絡簿記錄每日體溫狀況，以便掌握健康狀況。鄭文燦說，因應9月1日開學，教育局已</t>
  </si>
  <si>
    <t>瑞基（4171）雙喜臨門！不僅第一季營收以1.29億元，交出年增近五成的新高佳績，該公司開發的檢測新冠病毒試劑，也領先同業取得衛福部專案核准，未來將有助於擴大海外市場布局，帶動業績持續增溫，今年營運樂觀。營運</t>
  </si>
  <si>
    <t>本土疫情爆發，1名網友在網路上陳述他一家5口有4人確診的真實故事，他說家中最先染疫的是父親，從18日有感冒症狀，到22日送往急診時血氧僅剩60%逝世，接著他的母親、1歲半的兒子也接連發高燒確診，而他雖然快篩4次皆</t>
  </si>
  <si>
    <t>不論從哪個角度看各國在新冠病毒疫情控制上的數字，有一個國家的表現都格外惹人注目：韓國。這不是在外媒報導中找隻言片語來為自已吹噓防疫成就，而是實際對大規模疫情防控的有效措施，從數字上吸引了外國政府直接派</t>
  </si>
  <si>
    <t>海軍敦睦艦隊爆發新冠肺炎群聚感染，高雄市府今再公布14個須注意的地點，網友眼尖發現汽車旅館赫然上榜，笑言案情果然不單純！海軍染新冠肺炎確診，高雄市府日前初步疫調停留超過半小時以上有漢神巨蛋(海港餐廳、添</t>
  </si>
  <si>
    <t>行政院長蘇貞昌今（9）日在行政院會表示，全球新冠肺炎疫情尚未趨緩，預計全球經濟將續受衝擊，請副院長沈榮津、秘書長李孟諺協同主計長朱澤民協調各部會，即刻盤點受創產業需求，務實籌編追加紓困特別預算，於2周後</t>
  </si>
  <si>
    <t>台股雙王報復反彈接力賽開跑，權值王台積電2日率先開低走高，3日由股王大立光（3008）接棒，野村證券指出，新冠肺炎雖造成供應鏈動盪，卻給了大立光調整產能的好時機，以迎接未來強勁需求，重申「買進」投資評等，激</t>
  </si>
  <si>
    <t>成軍18年的台灣天團「5566」，2019年再度合體開唱，以孫協志、王仁甫、許孟哲3人之姿帶著《Since 5566演唱會》，成功唱進台北小巨蛋。3人原訂3月7日移師高雄巨蛋，早已秒殺的萬張門票，售票網站截至今（23）日已有超</t>
  </si>
  <si>
    <t>新北歡樂耶誕城將於12月3日開城，有板橋居民在網路上貼文抱怨，為期一個月活動讓板橋陷入交通黑暗期，根本是「撒旦城」，新北市長侯友宜今上午出席「光耀新北-1314就愛你跨河煙火記者會」表示，鼓勵民眾多搭乘大眾運</t>
  </si>
  <si>
    <t>高端疫苗（6547）總經理陳燦堅宣布，已於2／16與美國國衛院（NIH）完成合作合約簽署，美國國衛院將提供其最新研發的新冠肺炎（COVID-19）候選疫苗與相關生物材料，提供高端疫苗在台灣進行動物試驗，以做為評估人體臨</t>
  </si>
  <si>
    <t>新冠肺炎自從去年底在大陸武漢爆發以來，已經感染了超過4萬2千人，造成超過1千人死亡，各項數字都超過了2002-2003年間的SARS。雖然99%的病例都出現在大陸地區，但病毒的擴散範圍和速度都超乎專家的預估，世衛在1月30</t>
  </si>
  <si>
    <t>新冠肺炎疫情延燒不退，衝擊餐飲業景氣低迷之際，白手起家的7年級生鄭加成拿出求學當從打工仔的拚勁，勇闖疫關，在嘉義市新開一家火鍋店，他說，朋友都說他「很有勇氣」，他只是相信一分耕耘一分收穫，危機也會是轉</t>
  </si>
  <si>
    <t>指揮中心指揮官陳時中表示，國光公司從一期臨床試驗結果，無法決定最適劑量，建議重新執行劑量探索臨床試驗。對此，國光生科（4142）表示，政府對國光新冠疫苗臨床試驗的建議，待接獲正式公文通知後再詳細研究內容，</t>
  </si>
  <si>
    <t>從祕魯返國後在屏東枋山居家檢疫期間確診的祖孫，經基因定序後確定為「印度Delta變異株」，而與其有關的7名確診個案，目前雖未確定病毒株，但屏縣府嚴正以待，不僅點名楓港、善餘2村全面篩檢，縣長潘孟安還趕到當地</t>
  </si>
  <si>
    <t>國內新冠疫情不斷升溫，許多企業期盼能自行購買快篩試劑保護職員安全，不過礙於法規限制上不可行，疫情指揮中心表示，昨(26)日已邀集相關部會討論，會後決議由經濟部提出計畫到指揮中心審查，再決定是否擬定指引。中</t>
  </si>
  <si>
    <t>看來NBA想要重新開打的日子仍很遙遠！根據美國塞頓霍爾大學史蒂爾曼商學院做出民調，高達7成2的美國民眾，在還沒開發出新冠疫苗之前，就算體育賽事恢復舉辦，他們也不去現場看球，甚至7成6民眾希望比賽採取閉門方式</t>
  </si>
  <si>
    <t>雲朗觀光集團旗下雲品（2748）受新冠肺炎疫情影響住房、宴會訂單遞延，2020年3月自結合併營收0.92億元，月減24.2％、年減55.54％，為近19月低點。累計首季合併營收4.99億元，季減25.41％、年減23.71％，亦為近1年半</t>
  </si>
  <si>
    <t>世界各國頻傳突破性感染的案例，台灣共9人打完2劑AZ後14天仍確診。對此，胸腔科醫師蘇一峰疾呼，只打一劑疫苗真的不夠，大家快去打兩劑，如今還沒打疫苗的人要很小心過日子，讓不少網友看了超崩潰，不是不想打，重點</t>
  </si>
  <si>
    <t>行庫主管對於台股進場的「準則」－低於萬點或在萬點附近，就是長線買進點，可以「閉眼買，隨便賺」。台股大盤17日盤中突破10,700點，創近月來新高，老行庫重新統計，手中可加碼的資金還是很多，確定要集中火力，鎖定</t>
  </si>
  <si>
    <t>新冠肺炎疫情升溫，全台累計確診達40例，口罩實名制上路後，仍是無法滿足民眾需求，對此，新北市長侯友宜今（2日）上午表示，1周2片口罩事實上是不夠的，中央如果量足，希望也能盡量滿足民眾的需求。侯友宜提到，中</t>
  </si>
  <si>
    <t>新冠肺炎仍持續在全球各地肆虐，甚至連足球明星C羅也慘遭「毒手」。為防止疫情進一步擴散，世界銀行宣布已批准120億美元(約新台幣3502.8億元)的融資，協助全球111個發展中國家購買並分配安全而可靠的疫苗。「半島電</t>
  </si>
  <si>
    <t>美國食品暨藥物管理局（FDA）於美東時間22日表示，將批准施打第3劑輝瑞/BNT加強針的緊急使用授權（EUA），不過與拜登政府原先計畫讓全民接種的目標不同，FDA只批准讓65歲以上長者、重症高風險、以及工作有較高染疫風</t>
  </si>
  <si>
    <t>新冠肺炎疫情持續全球大爆發，全民積極防疫同時，詐騙集團卻搶搭「防疫」便車，持續詐欺犯罪得逞。根據165反詐騙諮詢專線統計，自1月底政府徵用口罩後，即大量出現民眾因網購口罩遭「假網拍」詐騙案件；而僅今年3月</t>
  </si>
  <si>
    <t>國內疫情趨緩，降為二級警戒，恢復正常運作，加速上班族施打疫苗的意願，但有不少人在接種完新冠疫苗後都出現副作用，就有名女性上班族在網路上表示，自己打完AZ後頭爆痛「覺得眼睛掉出來」，不過老闆的一句話讓她相</t>
  </si>
  <si>
    <t>好萊塢除了名人染疫外，大片停拍消息更不間斷，包含名導詹姆斯卡麥隆（James Cameron）的《阿凡達》系列電影、男神基努李維（Keanu Reeves）的《駭客任務4》、「蜘蛛人」湯姆霍蘭德（Tom Holland）改編電玩遊戲的《</t>
  </si>
  <si>
    <t>官方「上海發布」微信公眾號消息，上海新增3例本土確診病例，加上之前2例。5例都是浦東機場境外貨機作業人員。上海市衛生健康委21日在市疫情防控工作新聞發布會通報：上海8月2日確診的本土病例20日已治癒出院。8月20</t>
  </si>
  <si>
    <t>中國國民黨力挺縣市政府防疫，鑑於苗栗縣急缺酒精等防疫物資，黨主席江啟臣今（8）日上午致電金門縣長楊鎮浯，楊縣長隨即指示全力支援，金門縣將提供144箱，共3456瓶酒精，讓苗栗用於清消防疫。鑑於中央政府防疫不力</t>
  </si>
  <si>
    <t>曾參演美劇《超少女》、《海濱帝國》的21歲美國女星奧利維亞尼卡寧 （Olivia Nikkanen）於美國時間31日宣佈自己確診患上新冠肺炎。奧利維亞表示，自己曾要使用吸入器幫助呼吸：「我現在感覺好一點了，我的胸口仍有點</t>
  </si>
  <si>
    <t>日本資深演員千葉真一出道超過50年，演出《古惑仔6勝者為王》、《追殺比爾》、《玩命關頭3：東京甩尾》等多部作品，1998年更憑藉《風雲雄霸天下》中的雄霸一角，榮獲香港金像獎最佳男主角提名。據日本媒體最新報導，</t>
  </si>
  <si>
    <t>台塑(1301)第一季受到新冠肺炎疫情衝擊，每股虧損0.06元，但虧損幅度依舊低於市場預估，展望第二季開工率下調到84%，恐面臨旺季不旺，但因為PVC新一波庫存循環中銷量及利差皆季增，加上轉投資台塑化虧損減少，單季依</t>
  </si>
  <si>
    <t>國內新冠肺炎本土疫情蔓延，新北市蘆洲警分局今（18日）上午配合蘆洲、五股、八里區公所執行「聯合取締未戴口罩大行動」，69歲呂姓婦人在湧蓮寺市場買菜時將口罩拿在手上，遭警方取締通報衛生局依法開罰3000至1萬500</t>
  </si>
  <si>
    <t>網友搶購抗疫大作戰的泡麵餅乾，行政院趁機促銷各類蔬果魚肉。行政院副院長陳其邁也在臉書貼出上賣場採買畫面，但照片不是自己拍的，而是被網友野生捕獲。新冠肺炎疫情進入新階段，許多網友開始大採買各類物資。陳其</t>
  </si>
  <si>
    <t>蔡琴的「風華絕代」演唱會日前在馬來西亞檳城開唱，受到新冠肺炎影響，主辦單位除了事前進行場內消毒，每位觀眾進場前還必須測量體溫。蔡琴的胞弟蔡大正20日受訪表示，檳城場可能是蔡琴上半年最後一場演唱會，「目前</t>
  </si>
  <si>
    <t>全台疫苗短缺，政府排定優先施打順序，卻頻頻爆出特權、插隊爭議。日前網路爆料警專生也「插隊」施打疫苗，如今台南市、高雄市通通認了，因為警專生將跟隨外勤員警到第一線實習，因此按照警政署指示，分發台南197名</t>
  </si>
  <si>
    <t>金管會公布國銀對中小企業放款最新狀況，面對新冠肺炎疫情衝擊經濟及產業經營，國銀全力拚紓困力挺。截至2020年5月底，國銀對中小企業放款餘額達7.12兆元，月增711.53億元，累計1～5月對中小企業新增放款達2298.7億</t>
  </si>
  <si>
    <t>25號開學日將至，究竟校園該如何防堵新冠肺炎？教育部國教署署長彭富源表示，學校清潔消毒希望在開學前3天完成，公立高中以下學校有4000所，室外會由環保署責請各地環保局在2/23前完成，室內的部分由學校接手。彭富</t>
  </si>
  <si>
    <t>中央流行疫情指揮中心定調7月27日起降二級警戒，暫實施二周，進一步放寬各類指引，不過中原大學副教授、毒理專家招名威卻指出「降級不解封」其實很危險，坦言是種「賭一把」的心態。對此，指揮中心指揮官陳時中今（2</t>
  </si>
  <si>
    <t>中央流行疫情指揮中心今（22）日公布新增國內323例COVID-19確定病例，分別為321例本土及2例境外移入，另有400例本土個案校正回歸到上周各日，新北市長侯友宜今（22）日下午主持防疫應變會議記者會，侯表示，為防堵疫</t>
  </si>
  <si>
    <t>新冠肺炎來勢洶洶，除了在防疫上做好自我防護準備外，也可以藉此機會好好檢視自己手上的保單是否保障足夠全面防護抗肺炎。壽險業者表示，民眾投保規劃應以一個長遠的醫療保障需求來進行考量，而不是針對單一事件，但</t>
  </si>
  <si>
    <t>一名醫大男學生昨上網PO文，稱打第二劑莫德納後的第一天，僅不斷發燒，沒想到第二天卻開始出現心肌炎最常見的胸悶症狀，一連吞了8顆止痛藥仍不見改善，家人將他緊急送醫，目前已沒有大礙，他提醒大家，打完mRNA疫苗</t>
  </si>
  <si>
    <t>中央流行疫情指揮中心今天宣布單日確診暴增315例，本土是312例，彰化縣增加5例。下午3點，彰化縣政府將召開線上記者會，可以收看彰化縣長王惠美臉書，詳細說明彰化縣新增情況。陳時中表示，整體疫情仍在高峰中，呼籲</t>
  </si>
  <si>
    <t>一名一歲半女嬰，發燒、咳嗽、流鼻水多日，因活動力變差被媽媽緊急抱到醫院就診，經症狀判斷主要是細支氣管發炎所造成，住院治療3天後病情受到控制，未料卻開始有呼吸急促和喘鳴現象，血氧濃度也降低；病毒培養結果</t>
  </si>
  <si>
    <t>全台防堵非洲豬瘟，行政院長蘇貞昌5日視察台南市安南區城西廚餘高速發酵廠，肯定是經濟循環典範，對外界關心波蘭贈台40萬劑AZ疫苗，他稱台灣去年捐贈波國100萬片口罩，對方回贈疫苗是善的循環。台灣不只防堵新冠肺炎</t>
  </si>
  <si>
    <t>日本東京有關人士表示，東京都4日新確診的新型冠狀病毒感染者達110多人。刷新單日確診人數最高紀錄，首次達到3位數。日本神戶大學傳染病學專家岩田健太郎表示，日本需要有勇氣改變，不然東京可能變成下一個紐約。自</t>
  </si>
  <si>
    <t>台灣民意基金會26日發布520後首份民調，調查結果指出，總統蔡英文聲望達71.2％，創歷史新高；另外此次受疫情影響，認為大陸應對新冠肺炎大流行負起最大責任的民眾也高達76.1％，也因此，某種程度導致認為自己是台灣</t>
  </si>
  <si>
    <t>新冠肺炎疫情延燒，台灣西部剩下嘉義縣沒有確診病例，有網友開玩笑地說是因為嘉義有三寶(火雞肉飯、美乃滋、世界偉人財神總統台灣阿成)。資深媒體人王瑞德驚爆還有第4個原因，那就是「北回歸線」。王瑞德在談話性節</t>
  </si>
  <si>
    <t>漢來美食（1268）受新冠肺炎衝擊宴會訂單及消費者來店消費意願，2020年首季稅後淨利驟降至0.23億元、每股盈餘（EPS）0.64元，雙創歷史新低。不過，隨著疫情趨緩，公司表示，5月餐廳業績已漸回溫，推出的冷凍商品反應</t>
  </si>
  <si>
    <t>世界衛生組織(WHO)總幹事譚德塞(Tedros Adhanom Ghebreyesus)本周一表示，上個月親赴大陸，與國家主席習近平和一些部會首長會談，好不容易得到北京當局的同意，世衛可以派遣專家團隊到最前線，深入研究新型冠狀病毒(</t>
  </si>
  <si>
    <t>日本厚生勞動大臣加藤勝信等3位眾議院議員的辦公室，3月23日收到裝著刮鬍刀刀片等的威脅郵件。富士電視台等日媒報導，厚勞相加藤、眾議院議員武井俊輔、首相輔佐官也是眾議員的秋葉賢等3名自民黨議員3月23日都收到可</t>
  </si>
  <si>
    <t>阪神虎投手藤浪晉太郎因為近日出現「嗅覺失靈」症狀，因此在醫生建議下在今日接受新冠肺炎的PCR檢測，結果出爐為陽性，是日職首位確診的球員。藤浪晉太郎並沒有咳嗽、發燒等症狀，不過因為無法聞到酒和咖啡的氣味而</t>
  </si>
  <si>
    <t>受惠於大陸新冠肺炎疫情趨緩，來自自有品牌EMC及線路保護元件、EMI認證測試等業務營收占比明顯提升挹注，穩得實業（6761）自結3月營收1.34億元，創下單月歷史新高紀錄，月增41.1％、年增28.71％，累計第一季營收3.24</t>
  </si>
  <si>
    <t>東京奧運昨（8）日在新冠疫情之中結束，當各國選手相繼返國之際，日本接下來還得面對奧運支出、國內疫情升溫等問題，尤其東奧舉辦期間，日本單日確診人數暴增了3倍，雖然收視率開紅盤，但是國際奧會自信滿滿稱「日本</t>
  </si>
  <si>
    <t>防疫不能鬆懈，台中市7月30日甫在防疫記者會公布本土、境外、快篩陽性「三零」，但中央流行疫情指揮中心指揮官陳時中1日宣布，台中市今日有1人確診，終結台中連日來的「嘉玲」防線。中央流行疫指揮中心將疫情警戒降</t>
  </si>
  <si>
    <t>雲林縣今（26日）出現第8、第9例確診者，案5884曾載彰化養生會館人員去篩檢染疫，他第一次PCR核酸檢測是陰性，居家隔離3天後轉為陽性，CT值高達23.6。案5885是六輕外包商的員工，老闆（案5083）是雲林的第7例確診者</t>
  </si>
  <si>
    <t>不只美國總統川普，即便新冠肺炎疫情劇烈反撲，部分美國男性仍堅決不戴口罩。科學家指出，這些男性認為戴口罩猶如在臉上戴上保險套，為了守護男子氣概及在男性群體中的地位，他們堅持拒戴口罩，如果突然戴上口罩，等</t>
  </si>
  <si>
    <t>一年一度的大甲媽祖遶境3月將登場，預計3月22日抵達嘉義縣新港鄉，外界擔憂可能成為新冠肺炎防疫破口，新港奉天宮24日舉行「大甲媽祖遶境進香臨時籌備會」，邀集相關單位開會研擬防疫措施，並表示今年大甲媽祖遶境照</t>
  </si>
  <si>
    <t>新冠肺炎持續蔓延，目前相關疫情已經對中國大陸各產業造成不同程度影響。在充滿挑戰的情況下，現在也是陸企快速評估、恢復和應對的時候。安永（EY）會計師事務所指出，在陸台商建立有彈性的供應鏈將是未來幾年的重點</t>
  </si>
  <si>
    <t>新北市長侯友宜今（23日）下午主持防疫應變會議記者會，外傳侯友宜有致電給桃園市長鄭文燦，新北、桃園交界處要多蓋集中檢疫所，侯回應，集中檢疫所由中央統一分配，桃園也有集中檢疫所也是給中央，都會互通討論研究</t>
  </si>
  <si>
    <t>NBA名人堂中鋒賈霸(Kareem Abdul-Jabbar)站出來做為表率，他18日於推特宣布擔任聯盟這次公益宣導的代言人，親身示範施打新冠肺炎疫苗，希望美國國民一起來接種，「保護你身邊朋友與家人的健康。」今年73歲的賈霸也受</t>
  </si>
  <si>
    <t>新變種病毒Omicron步步進逼，已快速在多國蔓延，衛福部草屯療養院精神科醫師沈政男警告，Omicron有可能把疫情打回去年三月，從頭開始，而且對手的戰鬥力比之前強上三倍。更指出Omicron的傳染力有可能是Delta的5倍，</t>
  </si>
  <si>
    <t>YouTube頻道訂閱117萬的劉沛來自美國加州，2012年為了圓歌手夢飄洋過海到台參加中視《超級星光大道》，因緣際會轉型為YouTuber，去年2月在美國與交往許久的美根結婚，今年3月初宣布懷孕。眼看台灣本土疫情嚴峻，兩人</t>
  </si>
  <si>
    <t>新北市透過廣篩，確診個案發病日與確診日已達0.344趨近於零，疫情有趨緩趨勢，不過新北市長侯友宜說，目前大家低度活動，但家戶感染比例卻逐漸攀升到60％以上，把居家隔離做得更好，並在解隔離前採檢，就能斬斷家庭</t>
  </si>
  <si>
    <t>澳門新型冠狀病毒感染應變協調中心(下稱應變協調中心)公佈，澳門第53例新冠肺炎確診病例是於6月17日由台灣來澳的台灣居民，初步檢測結果顯示感染的病毒為Delta變異病毒，該種變異病毒在印度首先發現。澳門應變協調中</t>
  </si>
  <si>
    <t>台灣左投陳偉殷27日臉書發文感謝水手隊，他季外以小聯盟合約加盟水手，日前遭球隊釋出，沒能趕上第2次春訓。本季例行賽縮短為60場，球隊不需要安排備用的先發投手，上一季的賽事證明「牛棚車輪戰」足以彌補輪值短缺</t>
  </si>
  <si>
    <t>全球新冠肺疫情不斷擴大，大量台灣遊客或留學生從世界各國返台，使得機場的入境檢疫工作量激增。疫情指揮中心今（20）日指出，昨日起桃園機場兩個航廈各增2個檢疫點，合計有4個檢疫點，已支援8位醫師、8位護理師加入</t>
  </si>
  <si>
    <t>新冠肺炎疫情嚴峻，為了讓心智障礙者、長者、兒童、外籍人士容易獲取防疫資訊，屏東縣政府製作「防疫易讀版手冊」，明瞭大圖配上簡易文字，讓人一看就懂，目前電子書版已上線，本周實體書本亦將出爐，縣長潘孟安也在</t>
  </si>
  <si>
    <t>上市櫃指數上周聯袂走強後，興櫃市場也不遑多讓，全周成交值雖較前周大減逾三成，僅34.48億元，但盤面個股卻一掃陰霾，股價紛紛出現旱地拔蔥之姿，尤以生技族群最為亮眼，包括法德藥（4191）等5檔個股周漲幅皆逾三成</t>
  </si>
  <si>
    <t>交通部放寬大眾運輸場站飲食及恢復高鐵自由座、站票，19日起客運轉運站在候車區可以飲食，海空運場站也可飲食，國際航空站和海港出境部分開放飲食，相關餐飲業也開放，但國際航空入境仍不可飲食。機場餐飲業者表示，</t>
  </si>
  <si>
    <t>南韓疫情嚴峻，18日發布數據顯示，單日新增確診連續3天破千例，累計達4.75萬。南韓衛生部18日宣布，將在明年11月之前，達到全國8成人口接種新冠疫苗的目標。該部上周曾表示，南韓將從各大研發生產疫苗的藥廠，包括輝</t>
  </si>
  <si>
    <t>明天是農曆中元節，彰化鹿港地藏王廟每年農曆7月13日至15日舉辦一連3天超渡法會，除了動物與外國往生者蓮位，還出現彰化染疫白牌車司機往生蓮位，廟方指出，希望全台首位染疫過世的亡者和全球染疫亡靈，皆能安息。鹿</t>
  </si>
  <si>
    <t>今天上海市公共衛生臨床中心有16例新冠肺炎患者痊癒出院，其中一名27歲的韓先生與其妻子，也是痊癒的病人之一，夫妻倆是武漢人，於2月4日確診，被送至上海市公衛中心接受治療，「感謝這裡的醫護人員，也感謝上海市政</t>
  </si>
  <si>
    <t>北市聯醫內科醫師姜冠宇今天上午在臉書發文指出，台北花博為因應民怨，從上午8點提早至7點半開打，工作人員至少6點50分就要集合出發，結果人卻來得零零落落，不禁感嘆提早上班也不會加薪，戰線加開後也不被珍惜，更</t>
  </si>
  <si>
    <t>日本、韓國新冠肺炎疫情嚴峻，中央流行疫情指揮中心宣布，將兩國的旅遊警示提升至第二級警示（Alert），許多民眾紛分取消原訂旅遊行程。不過，卻有人還是堅持要出遊，甚至放話：「反正回不來的話，台灣政府也會包機</t>
  </si>
  <si>
    <t>面對新型非洲變種病毒Omicron在國際延燒，屏縣府擔心農曆春節返鄉人潮會提高社區感染風險，稍早拍板定案從5日起至7日，凡在指定的6站施打莫德納疫苗即加碼送現金500元，外縣市人也可，每站限額300名，送完為止。屏縣</t>
  </si>
  <si>
    <t>斯洛伐克捐贈的16萬劑AZ疫苗今天上午抵台。蔡英文總統表示，這批16萬劑疫苗，以及昨天日本捐贈抵台的50萬劑AZ疫苗，都會優先提供第二劑接種。她也再次提醒大家，儘早接種、完整接種，讓台灣在防疫上具有最強的戰力！</t>
  </si>
  <si>
    <t>1999年開辦的東吳超級馬拉松，今年因為全球受新冠肺（COVID-19）疫情影響，主委會今日宣布停辦。東吳超馬是台灣最先舉辦的超級馬拉松，尤其是這個賽事是在東吳大學內的田徑場連續跑24個小時，每年吸引了不少世界頂尖</t>
  </si>
  <si>
    <t>台灣疫情嚴峻，本土確診案例連日暴增，單日從16例、29例、180例，飆升到206例、333例、240例，每天破百例的病毒蔓延速度，叫民眾心慌慌，也引發許多亂象。像是日前一名搬家師傅網友PO文控訴，指稱一位自稱是單親媽媽</t>
  </si>
  <si>
    <t>新冠肺炎疫情燒不停，各行各業均遭受嚴重衝擊，金門縣府今（6）日成立「失業及無薪假勞工諮詢櫃台」，希望協助勞工朋友度過難關。這也是金門縣府繼日前成立「觀光產業紓困諮詢辦公室」，吸引相關業者前往，連酒店業</t>
  </si>
  <si>
    <t>就在美國面臨新冠肺炎疫情反撲之際，美國媒體報導，白宮已開始對首席傳染病專家佛奇（Anthony Fauci）發動攻擊，白宮內部流傳一長串清單，上頭羅列佛奇對疫情的各項錯誤判斷及評論，民主黨議員痛批，佛奇是說真話的</t>
  </si>
  <si>
    <t>苗栗縣12日新增確診病例9例，7例為外籍移工、本國籍2例，其中，京元電子有6例、智邦科技2例、京鼎1例；其中1例無症狀，目前確診個案都已收治隔離中，相關足跡則公告於苗栗縣政府網站。苗栗縣長徐耀昌表示，新增的9例</t>
  </si>
  <si>
    <t>海軍敦睦艦隊染疫，支隊長陳道輝少將遭調職，外界質疑他成了代罪羔羊。本報對此舉辦網路投票「請問，陳道輝遭調職，你認為是否公平？」截稿為止，竟有高達92.40%的網友回答，「不公平，顯然高層長官想卸責給他」。《</t>
  </si>
  <si>
    <t>新冠肺炎疫情趨緩，今本土新增55例，其中北市新增22例。對此，台北市長柯文哲表示，現在有70％的感染是家戶感染，像是北投區昨4例感染全都是家戶感染，呼籲民眾在家吃飯的時間、空間都錯開。柯文哲表示，北市今新增2</t>
  </si>
  <si>
    <t>新冠肺炎疫情使得國際金融市場行情波動，帶動期權市場交易熱絡，元大期(6023)啟動人才招募計畫，提供專業訓練課程及輪調實習，讓年輕學子快速進入企業掌握業務核心，此外也進行業務前鋒與後勤人才擴大招募，相較去年</t>
  </si>
  <si>
    <t>明明是放假前的星期五，上午十點到達九份老街，沒想到卻一片冷清，許多店家沒開門，觀光客人潮不復平日，比以前早上七點來時，人還要少。只要一有人走過去，有開的店面，服務人員遞茶的遞茶、拿出試吃品的一堆，莫不</t>
  </si>
  <si>
    <t>中央流行疫情指揮中心19日宣布，衛福部核准高端COVID-19疫苗專案製造，最快8月可以少量供應，對此，新北市副市長劉和然說，疫苗研發有一定程序，尤其是臨床試驗，這部分專業評估與建議我們都很尊重，高端通過EUA緊急</t>
  </si>
  <si>
    <t>中央流行疫情指揮中心2周前放寬宴席規定，不須再採取隔板、梅花座，但民間仍有不少人誤解，指揮官陳時中今日再度說明，室內場地夠大，就沒有80人的限制，但要注意每2.25平方公尺1人的限制，室外辦桌則沒有規定。陳時</t>
  </si>
  <si>
    <t>新冠肺炎肆虐全世界，不少賽事或產業也因此中止，日前台灣體育電視台因沒賽事，因此改播動漫《灌籃高手》造成熱議，而近日香港旅遊節目，原本要至國外拍攝，也因此次疫情延宕，選擇在境內出外景介紹旅行景點，豈料由</t>
  </si>
  <si>
    <t>許書豪今（12日）迎接33歲生日，暖心許願新冠肺炎疫情早日結束，所有人平安健康；他將按原訂規劃7月與未婚妻舉辦海外婚禮、不會延期，並選在婚禮前後完婚結婚登記，好奇另一半送他「死會」前的最後一個生日禮物？許</t>
  </si>
  <si>
    <t>本土疫情趨緩，自11月16日起放寬部分防疫措施，其中包括室內外運動時，民眾可不戴口罩，沒想到，才過一天就有健身房宣布暫停營業。對此，中央流行疫情指揮中心醫療應變組副組長羅一均表示，印度返國的境外移入案，8</t>
  </si>
  <si>
    <t>新冠肺炎（COVID-19）疫情席捲全球，我國至今（27日）確診累積267例，帶頭防疫的中央流行疫情指揮中心指揮官陳時中這段期間不斷加強邊境防疫與篩檢，確保不讓疫情擴散，守護國人健康。讓他在最近的民調中獲得高達9成</t>
  </si>
  <si>
    <t>新冠病毒Omicron變異株截至11月底已入侵43個國家地區，亞洲包含日本、香港、韓國、印度、新加坡、馬來西亞及斯里蘭卡7國，但台灣仍有超過500萬人連第一劑疫苗都還沒打，民眾黨團立委賴香伶和副總召高虹安今日召開記</t>
  </si>
  <si>
    <t>AZ疫苗15日起開放高齡長者施打，2天傳出13名長者接種疫苗後猝逝，震驚外界，不少民眾猶豫該不該讓家中長輩打疫苗，台大知名感染科權威教授李秉穎表示，從數據上來看，其實沒有出現危險訊號。台大兒童醫院感染科醫師</t>
  </si>
  <si>
    <t>爆發移工群聚感染的京元電子竹南廠，緊急大規模快篩，截至3日晚上11時，共篩檢1915人，快篩陽性51人，陽性率達2.58％，已於隔離宿舍隔離並採檢PCR。封裝測試廠京元電竹南廠爆發員工群聚感染，累積確診者高達45人，該</t>
  </si>
  <si>
    <t>內湖壹電視電視台傳出攝影師猝死陳屍廁所，採檢結果出爐是確診新冠肺炎，電視台連忙全面清消內部，北市府也立刻設置快篩站，對166名員工進行篩檢，目前11人快篩呈陽性，所幸PCR檢測都是陰性，對此，美女主播許耀云也</t>
  </si>
  <si>
    <t>美國總統川普表示，支持強勢美元，加上近期美國公布的製造業指數、非製造業指數及非農就業數據，皆表現優於市場預期，其中，非農就業人數減少2,050萬人，此外，美國各州正逐步推進復工進度，經濟數據表現有望逐步開</t>
  </si>
  <si>
    <t>新冠肺炎肆虐全球已過一年，全球8600多萬人染疫，近200萬人死亡，美國災情最嚴重至今死亡35萬人，染疫人數兩千萬人。加州病情最嚴重，部分醫院甚至達到140%收治率，而部分醫院因為忙不過來，亟需輸氧的重症病患甚至</t>
  </si>
  <si>
    <t>日商Macnica集團旗下專業IC通路商茂(6227)今日公告5月合併營收7億元，月增3.4％，年增9.1％，主要在於資料中心及雲端服務相關應用產品出貨量持續成長，加上東南亞國家陸續解封，客戶拉貨力道明顯回溫。茂綸表示，近</t>
  </si>
  <si>
    <t>台灣昨再度0確診，本土病例連續第28天沒有疫情，中央流行疫情指揮中心表示，代表台灣社區已經安全。不過指揮官陳時中指出，國外疫情仍然嚴峻但若國內疫情持續穩定，他會建議520總統就職大典放寬參加人數。台灣維持44</t>
  </si>
  <si>
    <t>新冠肺炎嚴重影響觀光產業，旅客紛紛擔憂入住隔離者下榻的旅館，旅館業者自製標籤區隔防疫旅館，對此中央流行疫情指揮中心指揮官陳時中表示並沒有必要。台北市旅館商業同業公會宣布自製分流標章自救，以綠標代表不接</t>
  </si>
  <si>
    <t>疫情指揮中心昨日公布新增1本土個案，不過衛福部草屯療養院醫師沈政男表示，該案是舊案，對社區並沒有影響，且台灣實質上已有34天零確診，接下來的疫情發展會跟去年下半年一樣緩和，並認為「不用急著搶打第二劑疫苗</t>
  </si>
  <si>
    <t>又是喝咖啡染疫！台北市旅行社日前公告，公司內某主管（案335）4月2日確診新冠肺炎，中央流行疫情指揮中心證實他曾與案291曾一同喝了1小時的咖啡，疑似因此中招。旅行社指出，該員雖沒有業務也無與其他同事互動，但3</t>
  </si>
  <si>
    <t>新冠肺炎疫情趨緩，中央流行疫情指揮中心今公布國內新增4例確定病例，均為境外移入個案，其中3人為突破性感染，1人曾在印尼確診後復陽。復陽個案雙十連假曾有過北市某百貨公司足跡，該百貨公司也為此進行清消，不過</t>
  </si>
  <si>
    <t>海軍敦睦艦隊24位官兵原本拒絕疫調，高雄市長韓國瑜下最後通牒才終於配合。如今海軍「轉彎」願意配調的關鍵內容也跟著曝光，原來是高市府請來海軍軍官「坐鎮」，直接到疫調中心幫忙打電話引導，這才讓拒絕疫調官兵卸</t>
  </si>
  <si>
    <t>蘋果17日美股盤後發布營收預警，稱新型冠狀病毒肺炎疫情將影響iPhone生產，導致供貨不足，且抑制大陸對蘋果產品的需求，本季（1到3月）營收財測目標可能無法達標。這也是美國首家將受新冠肺炎影響而公告獲利預警的重</t>
  </si>
  <si>
    <t>利機(3444)通過上半年財報，累計上半年稅後盈餘5877萬元，每股稅後盈餘1.5元，較去年同期成長16%，毛利率達31%，已連續五個半年度保持成長趨勢，再次刷新歷史新高點，表現優於市場預期。利機第二季單季營業毛利6940</t>
  </si>
  <si>
    <t>為分散產能、擴大全球業務接單布局，石塑地板廠美喆-KY（8466）投資25億元的台南新廠12日舉行動土典禮，董事長陳本源指出，新廠2021年第一季可量產，預估每月可貢獻營收超過3億元，並有助公司強化全球接單布局。美喆</t>
  </si>
  <si>
    <t>南韓新冠肺炎疫情升溫，首爾市政府日前宣布禁止在市區內舉辦示威集會，但前牧師、韓國基督教總聯合會代表會長全光勳竟無視規定，在光化門前舉辦集會，甚至口出狂言表示，「我們就算參加集會而被感染也無所謂，有病都</t>
  </si>
  <si>
    <t>新冠肺炎疫情擴散，歐美成為重災區，影響全球經濟甚劇。為因應疫情對台各產業的衝擊，政府相關部會陸續推出紓困振興方案，華南銀行為落實辦理各項紓困振興貸款，要求各分行加強研讀相關規定，更對各分行舉辦測驗，以</t>
  </si>
  <si>
    <t>長聖(6712)特管辦法細胞製備委託訂單排到明年3月，今日股價開高後，多空開始交戰，股價在平盤附近游移。長聖中特管辦法的細胞委託製造業務持續增加，訂單已排程至明年3月，6月單月營收3690萬元，再創下新高，年增加8</t>
  </si>
  <si>
    <t>台北市快篩陽性者數攀升，台北市副市長黃珊珊今宣布，市府將成立專責計程車隊，後送快篩陽性、無症狀患者返家隔離，以及協助檢測後Ct值仍小於30的確診病人至集中檢疫所，由於風險較過往高，因此司機裝備會有所升級，</t>
  </si>
  <si>
    <t>華視主播林彥汝上月底在臉書透露自己、老公和6歲兒子確診新冠肺炎，所幸一家三口目前已返家，不過林彥汝昨（19日）卻在網上透露，她的婆婆、媽媽經歷了31天折磨，雖然戰勝新冠病毒，但卻因細菌進入血液引起敗血症，</t>
  </si>
  <si>
    <t>新冠肺炎疫情衝擊各產業，行政院研擬待疫情趨緩後發放酷碰券，刺激內需消費，遭外界質疑誘因不足。立法院法制局研究報告提出3點建議，包括應搭配其他補助措施或提高補助比例，促進消費意願；同時考慮放寬適用店家及</t>
  </si>
  <si>
    <t>新冠肺炎在今年重創國際體壇，為了防疫無法出國開會、旅行，代表台灣運動協會和國際體育單位溝通出國比賽事宜的中華奧會，克服無法面對面交流的障礙，透過開辦線上會議、研討會及網路線上課程，受到國際奧會（IOC）</t>
  </si>
  <si>
    <t>台灣近日疫苗施打速度超快，指揮中心27日重新開放民眾登記疫苗接種意願，並新增國產高端疫苗的選項，截至28日下午五點，共有866萬多人完成意願登記，其中仍有811萬人偏好打進口疫苗，但如今我國僅剩AZ約144.7萬劑、</t>
  </si>
  <si>
    <t>「世界衛生組織」（WHO）25日舉行記者會，會中WHO秘書長譚德賽警告，隨著在印度發現的Delta變種病毒於全球快速傳播，非洲因缺乏疫苗而岌岌可危。光上週新增確診數與死亡人數，就較前1週增加近40%。相較於世界上最貧</t>
  </si>
  <si>
    <t>美商默沙東藥廠（MSD）周一宣布停止研發兩款實驗中的新冠肺炎疫苗，因為初期臨床實驗顯示其防護力不佳。目前全球疫情持續擴散，但已被批准使用的疫苗數量仍無法滿足大量接種需求，因此默沙東退出疫苗研發，讓人擔心</t>
  </si>
  <si>
    <t>自美國新冠疫情惡化以來，華府與北京雙邊關係齟齬加深，美方除了不斷指責陸方隱瞞疫情，更暗示病毒正是出於大陸實驗室，加上最近因陸通過港版國安法而拉攏各國譴責北京。不過正當普遍認為雙邊關係惡化之際，美方突然</t>
  </si>
  <si>
    <t>台灣疫情爆發，昨激增206例本土病例，加上前天增加180例，兩天內全台就增加386人確診。疾管署今日更新「本土病例地理分布」，以新北市217例佔最多、台北市193例居次，另外，有3縣市因確診人數增加，警示燈號一夜變色</t>
  </si>
  <si>
    <t>美國勞工部周五公布2020年12月就業數據較市場預期差，非農就業人數中止連續七個月增加走勢，顯示就業市場仍然疲弱。主要是嚴寒氣候、新冠肺炎疫情嚴重和防疫限制等傷害商業活動，加上政府未及時推出新振興措施，使勞</t>
  </si>
  <si>
    <t>川普上台後陸美對峙急遽升高，加上新冠肺炎疫情催化，維持逾70年的陸美台戰略三角結構面臨崩解，前海基會副董長馬紹章出書提醒大家及早正視，勿視兩岸和平為理所當然，並提出5種崩潰模式，希望台灣能在大國博奕的環</t>
  </si>
  <si>
    <t>南韓政府超佛心，表示將全額負擔新冠確診患者的新冠口服藥費用，據推測每人平均藥費將超過90萬韓元（約新台幣21230元）。南韓防疫單位「中央應急處置本部」社會戰略組長孫映萊表示，進口口服新冠藥物的經費將由國家</t>
  </si>
  <si>
    <t>新冠肺炎疫情嚴峻，有感台灣許多社福團體面臨募款不易、資源捐助中斷，但仍持續堅守崗位照顧弱勢族群，台新銀行公益慈善基金會發起「防疫期間愛心不打烊」活動，展開對社福團體的關懷不間斷、物資不停送、認購不缺席</t>
  </si>
  <si>
    <t>美國食品藥物管理局（FDA）尚未批准讓民眾施打追加疫苗（booster shot），不過當地已經爆發追打疫苗之亂，超過900人已經完成第3劑疫苗接種，有人只是告知沒打過疫苗，就闖關成功。美聯社調查美國疾病管制暨預防中心</t>
  </si>
  <si>
    <t>新型冠狀病毒被懷疑源自蝙蝠，國立台灣師範大學生命科學學院教授吳忠信近日發表的跨國研究也顯示，與新型冠狀病毒相似度高達96％的蝙蝠冠狀病毒，引發動物感染腦心肌炎病毒後的臨床症狀，跟新冠病毒引發人類的症狀有</t>
  </si>
  <si>
    <t>中央流行疫情指揮中心12日表示，11日國內新增53例武漢肺炎（COVID-19，大陸稱新冠肺炎）通報個案，目前累計通報1668例，其中1505例已排除，確診人數則維持18例。指揮中心表示，目前除了首例確診個案已解除隔離，其餘</t>
  </si>
  <si>
    <t>嘉義縣10日起開放65至70歲民眾接種新冠肺炎疫苗，共29場擴大接種站應戰，縣府指出，相較1至5波逐齡調整接種，第6波人口3萬8611人大幅提升，因此自10日起除大埔、阿里山鄉外，16鄉鎮市有29場疫苗擴大接種站，提醒民眾</t>
  </si>
  <si>
    <t>新冠肺炎疫情讓壽險包租公快收不到租金，新光人壽決定自救，已啟動「以物易物救租戶」行動，即向承租的飯店等購買餐券或預訂大量外送餐點，協助房客度過今年的難關。全台擁有數百棟大樓及房產的壽險業者，今年要跟租</t>
  </si>
  <si>
    <t>新冠肺炎疫情延燒，全球醫學界加速尋找解決之道，也針對中草藥在新冠肺炎的治療上進行研究。福建中醫藥研究院在本月中旬發表的「中西醫結合治療新型冠狀病毒肺炎經驗總結」研究報告中，首度將台灣特有的牛樟芝列為實</t>
  </si>
  <si>
    <t>人稱中華電(2412)小金雞的是方(6561)，目前中華電持股56%，日前董事會通過未來幾年將砸重金投資逾20億元，在內湖打造第四座機房，預計2023年就會上線服務，除看好市場潛在的成長力道外，是方也希望將自身的基本功鍛</t>
  </si>
  <si>
    <t>為了防疫，已一段時間無法外出的大陸民眾快被憋壞，紛紛趁著清明連假出外透氣；受到免門票政策刺激，安徽黃山風景區出現報復性旅遊人潮，4、5兩日迅速達到2萬人流上限，當地管委會不得不採緊急限流措施，要求民眾擇</t>
  </si>
  <si>
    <t>一場新冠肺炎，年前年後兩樣情！觀光產業從航空、旅遊到飯店等都大受影響，飯店業者更不得不提早備戰因應突如其來的變局。位於宜蘭五結鄉的「宜蘭綠舞觀光飯店」，剛迎來兩周年，面對疫情帶來的衝擊，執行長藍心瑩表</t>
  </si>
  <si>
    <t>台微體（4152）14日宣布，其治療新冠肺炎（COVID-19）新方案-TLC19羥氯喹寧微脂體吸入懸浮劑第一期臨床試驗，納入第一位受試者。TLC19為台微體獨家微脂體技術配方之微量羥氯喹寧（hydroxychloroquine, HCQ）吸入式藥</t>
  </si>
  <si>
    <t>本土疫情大爆發，新北市市長侯友宜積極又鐵腕的作風，成全台矚目焦點，短時間內竄升成「藍營新希望」。桃園市議員謝美英表示，從衛福部部長陳時中與民進黨立委羅致政的言語，就可見民進黨帶風向、轉移焦點的能力，對</t>
  </si>
  <si>
    <t>受到新冠肺炎衝擊，消息人士表示，過去一個月來，共享辦公室服務業者WeWork數千家客戶不是停付租金，就是有意終止合約。在此同時，WeWork正與大型房東洽談調降房租，最高降低三成，試圖減輕財務壓力。熟知內情人士透</t>
  </si>
  <si>
    <t>自動駕駛、車聯網、電動車商機大好，工研院預估，2030年全球汽車電子與車聯網市場規模將達到8000億美元，台系ICT業者也競相搶進，包括台積電、聯發科、台達電以及鴻海等一線大廠也均名列其中，也顯示出相關商機的誘</t>
  </si>
  <si>
    <t>衛福部長陳時中日前公布混打政策，外界擔心第12輪出現棄打潮，中央流行疫情指揮中心發言人莊人祥列舉第12輪第一階段3種疫苗預約接種率，並澄清「沒有大家所想的情況」，AZ第2劑從開打當天到現在接種率分別為96％、95</t>
  </si>
  <si>
    <t>美國海軍2艘醫療船前往洛杉磯港口協助救治新冠病患，但一名加州火車駕駛員卻懷疑美軍準備接管洛杉磯，竟故意讓火車脫軌意圖撞擊停在港口邊的醫療船。據《美聯社》報導，美國司法部在一份新聞稿中說，這輛火車頭周二</t>
  </si>
  <si>
    <t>美國近期經濟數據及企業財報表現不俗，帶動美股持續走高，S&amp;P500與Nasdaq均再創新高，今年來創新高次數均達到兩位數，雖然新冠肺炎疫情持續延燒，市場陸續反應後，恐慌情緒趨緩，美股基本面穩健且通膨平緩，聯準會（</t>
  </si>
  <si>
    <t>中央流行疫情指揮中心12日公布國內新增16例本土病例，其中兩例在台北市萬華區的茶藝館工作，「萬華茶藝館」瞬間成為網路熱搜。根據台北市前市議員童仲彥提供的YouTube影片，完整揭露茶室超嗨玩法，身材火辣的小姐只</t>
  </si>
  <si>
    <t>專注以黏膜免疫調節技術平台開發新藥的昱厚生技(6709)今日舉行股東會，由董事長陳璧榮主持。由於旗下新藥尚處於研發與臨床試驗階段，董事長陳璧榮在股東會上感謝董事及所有股東的支持，承諾各項臨床試驗進度將依序進</t>
  </si>
  <si>
    <t>大陸本輪疫情進入清零收尾階段，北京已經連續8天無本土病例，上海、河北、黑龍江也傳好消息。疫情最嚴重的黑龍江省6日宣告無新冠肺炎確診病例、無症狀感染者也無新增情況，首度實現「雙零」之餘，專家也預告，本輪黑</t>
  </si>
  <si>
    <t>新冠肺炎疫情延燒，旅宿、餐飲業一片愁雲慘霧，桃園28家觀光工廠來客數和營業額平均少3成以上，僅有桃園酒廠受惠於酒精，營業額幾乎翻倍成長，市府除會向中央反映，將觀光工廠納入紓困方案，也輔導籌備疫情後的千人</t>
  </si>
  <si>
    <t>新冠肺炎疫情持續在全球肆虐，中國宣稱已掌握疫情，且確診人數不斷在下修，世界衛生組織（WHO）還曾讚美中國政府的處理方式，還要其他國家多學習。對此，南韓傳染病專家、高麗大學九老醫院內科教授金宇周（音譯）卻</t>
  </si>
  <si>
    <t>嘉義縣某校1名家住彰化縣的男學生，日前返鄉時接觸從桃園市返鄉的親人， 3天前採檢確診，今26日陸續傳出兩名同住室友也無症狀確診，其中1人就是中央流行疫情指揮中心今天公布，戶籍在嘉義市的案6104，嘉義市長黃敏惠</t>
  </si>
  <si>
    <t>立法院今（31）日修正「新冠肺炎紓困振興特別條例」提高預算上限至8,400億元及延長時限至明年6月30日，立法委員傅崐萁於朝野協商時，提案爭取政府編列300億元採購BNT輝瑞疫苗及莫德納疫苗並於一個月內完成，獲協商通</t>
  </si>
  <si>
    <t>西班牙是歐洲遭新冠肺炎蹂躪最慘的國家之一，但因執行3個多月的嚴格封鎖令，疫情終於緩和下來，該國也在上月21日解封。不過隨著解封，疫情也蠢蠢欲動，近1個月來，西班牙已爆發170起群聚感染，16日更通報新增580確診</t>
  </si>
  <si>
    <t>近日本土新冠疫情趨緩，但卻因中研院確診事件，讓疫調人員再度忙了起來，就是要確保病毒不會進入社區，而面對來勢洶洶的Omicron變異株，台北市副市長黃珊珊深夜有感而發，指出今（14）日開始入境者可選用10+4與7+7專</t>
  </si>
  <si>
    <t>世界衛生組織（WHO）最近派員前往中國調查新冠病毒起源，且已結束在中國的查訪。該調查小組發現，2019年12月於武漢爆發的新冠肺炎，其疫情範圍恐較先前想像得更為廣泛，傳播時間也可能更早。目前WHO調查團隊正急著尋</t>
  </si>
  <si>
    <t>新冠肺炎本土病例在宜蘭縣至昨天已累計有16例，也讓採檢量倍增，宜蘭企業家郭子成捐贈10萬元給宜蘭市公所，由公所協助慰勞醫護人員，今天（17日）宜蘭市長江聰淵表示，感謝郭子成的善款，10萬元將用來購買飲品等餐點</t>
  </si>
  <si>
    <t>行政院長蘇貞昌本周四罕見地親自主持記者會，笑容可掬、非常親切地對1萬元紓困金發放亂象道歉，接著周五一大早，總統蔡英文就打破慣例，火速宣布蘇貞昌留任繼續組閣，這樣的政治戲碼要做給誰看？背後還有什麼盤算？</t>
  </si>
  <si>
    <t>新冠肺炎疫情一直燒不停，國民黨金門縣議會黨團在今（16）日的「紓困發現金、防疫要口罩」記者會中，呼籲執政黨不要再打腫臉充胖子，應先讓國內人人有口罩可用，再去搞口罩外交，並主張直接發放現金，才能紓解各行各</t>
  </si>
  <si>
    <t>美國電動車廠特斯拉2019年第四季公布財報相當亮眼，帶動股價一路大漲，2月4日最高衝上968美元，等於是短短1個月以來暴漲逾112%，但隨著新冠肺炎疫情爆發，特斯拉股價劇烈震盪，27日更是暴跌近百美元，4天來股價大砍</t>
  </si>
  <si>
    <t>台灣新冠肺炎疫情17日一口氣新增10例，國內累積達77例，其中到德國拜訪教授8日返台的第75例南部某國立大學大四男大生，自動向校方報告旅遊史後在家自主健康管理，13日嗅覺喪失曾3度到診所就醫。校方17日晚間於臉書粉</t>
  </si>
  <si>
    <t>頂級手套的馬來西亞廠因大量工人感染新冠肺炎而影響生產，公司預期供應短缺可能推升醫用手套價格上漲。■Top Glove expects some supply shortages that could push up prices of medical rubber gloves.全球最大醫用</t>
  </si>
  <si>
    <t>普生（4117）受惠陸續完成印度、印尼等地區訂單出貨貢獻，帶動旗下PCR核酸試劑、VTM病毒採集組、核酸萃取劑檢測產品需求，1月營收5,420.8萬元，改寫歷史同期新高水準，並較2020年的1,330.1萬元大幅年增逾三倍。此外</t>
  </si>
  <si>
    <t>美國新冠肺炎疫情快速升溫，美國總統川普下令禁止由歐洲入境30天，再度引爆全球市場恐慌情緒，加上歐洲央行（ECB）意外未宣布降息，增添全球經濟急凍陷入衰退的可能性，全球股市周四殺聲震天全面倒地，歐股一度暴跌</t>
  </si>
  <si>
    <t>陸委會11日對陸配子女能否來台政策一日三變，昨疫情中心直接宣布撤回陸配來台的政策，堪稱「四度髮夾彎」。民進黨立委高嘉瑜不僅指控，整個事件源頭是國民黨立委林奕華開的一場記者會，並為閣揆蘇貞昌、副閣揆陳其邁</t>
  </si>
  <si>
    <t>高雄市政府教育局19日在路竹區蔡文國小舉辦國中、國小校長防疫會議，教育局長吳榕峯說，為了防疫，在1月就做了一個校園防疫平台，請校長們上網吸收新資訊，包含解惑等，由業務單位與副局長透過平台做說明；防疫就是</t>
  </si>
  <si>
    <t>獨派的台灣社、台灣北社等社團昨（1）日發表共同聲明，呼籲政府即刻下令暫時停飛所有與中國大陸的往返班機。對此，作家洛杉基也呼籲，兩岸必須立刻斷航，禁止兩岸人民來往，如果不配合獨派的要求，只能說這個政府是</t>
  </si>
  <si>
    <t>新冠肺炎(COVID-19)疫情擴大，瑞基海洋(4171)由美國國家生物資訊中心及全球共享禽流感數據倡議組織基因庫取得新型冠狀病毒的基因序列，並積極著手進行適用於POCKIT技術平台相關檢測試劑的研發。因應非洲豬瘟與禽流感</t>
  </si>
  <si>
    <t>國政基金會1日舉辦座談會談重啟邊境，專家表示最快本月底，最慢耶誕節前有7成民眾打完2劑，現在正是談邊境開放的好時機；台灣應該緩步開放邊境管制，「與病毒共存，不是一昧追求加零！」國政基金會產業暨新創中心召</t>
  </si>
  <si>
    <t>台北市今日確診個案重回2位數，台北市長柯文哲表示，北市個案比想像中還不嚴重，因為個案在社區感染的不多，反倒是回家後傳染給他人。北市副市長黃珊珊也舉1家9口全確診的個案為例，強調家族有人確診後，相關家人都</t>
  </si>
  <si>
    <t>據日本媒體報導，琉球沖繩美軍基地爆發群聚感染，已經有超過60人確診感染新冠病毒。其中，普天間基地有38人確診。據《沖繩時報》報導，沖繩縣知事玉城丹尼11日表示，已經要求關閉出現多人感染的普天間基地和漢森基地</t>
  </si>
  <si>
    <t>南韓新冠肺炎疫情不斷擴散，南韓總統文在寅將預警級別提升至最高的「嚴重」。距離南韓最近的山東省，威海、青島、煙台等地政府今天（2月25日）都公布最嚴格的防疫措施。距南韓直航僅534 公里的威海市，透過公眾號「</t>
  </si>
  <si>
    <t>新冠肺炎疫情肆虐，不少公司行號受到牽連，職場健康更加受到重視。高市府與經濟部工業局合作，結合民生醫院、國軍總醫院左營分院及企業力量，以高雄加工區為示範場域，提供勞工、企業、醫療三方完整健康方案，打造出</t>
  </si>
  <si>
    <t>新冠肺炎爆發以來，政府一連串的防疫措施備受爭議，從針對陸生與大陸旅客採取關門措施，到武漢包機問題等，仇陸氣氛到達了高峰。為了減緩仇恨，台灣各界學者發起「救無別類，應物無傷」連署，呼籲社會對抗歧視，不該</t>
  </si>
  <si>
    <t>新冠肺炎疫情連帶使得許多活動、行程紛紛取消，每年吸引上萬人報名的國際古都馬則宣布如期舉行。台南市政府指出，台灣目前尚無社區群聚感染，經徵詢衛生專業單位意見後，3日1日如期辦理古都馬，鼓勵全民走出戶外強身</t>
  </si>
  <si>
    <t>行政院長蘇貞昌昨（9）日在立法院以雞腿沒出貨難道要罵自己，回應立委質詢疫苗到貨時間跳票的質疑。對此，吳子嘉不滿表示，雞腿跟疫苗有什麼關係？不務正業，每天查假新聞。劉寶傑驚訝說，又要查假新聞？國民黨立委</t>
  </si>
  <si>
    <t>華航諾富特群聚感染事件擴大，但在2月就有民眾檢舉諾富特飯店一館「混住」，指揮官陳時中坦言，公文確實不會跑得比病毒快。對此，台北市長柯文哲酸，公文跑得比病毒慢，「是我們的錯嗎？」柯文哲今前往北投農禪寺出</t>
  </si>
  <si>
    <t>受到二次疫情擔憂，經濟前景仍不明朗，美國各州延後復工，密西根大學消費者信心指數自高點滑落，且市場情緒受到財報陸續公布所牽引，消費信心疲軟，不確定性支撐黃金站上1,810美元。從已公布部分數據來看，全球經濟</t>
  </si>
  <si>
    <t>橋頭地檢署日前接獲警方情資，指有業者仿冒知名口罩品牌，對外販賣口罩。檢警循線到高雄市阿蓮區與台南市新市區等地搜查，查獲一批口罩與標籤等證物。檢方訊後，向橋頭地院聲請羈押黃姓負責人獲准。檢方9日說，目前</t>
  </si>
  <si>
    <t>新冠肺炎蔓延全球，歐洲各國相繼祭出封城令，此一措施也催生出大批逃難潮，當中一部分是城市好野人，他們趕在封城令生效前打包行李，驅車前往郊區別墅，不過他們不待在家中，行徑猶如渡假，甚至無意間將病毒帶至當地</t>
  </si>
  <si>
    <t>東京奧運今年大概辦不成了，繼美國奧會、澳洲政府發聲之後，英國奧會也要向國際奧會(IOC)請求延期。上屆奧運3國總和超過200面獎牌了，這些指標性的會員國足以壓迫IOC放棄7月續辦的選項，但是已無退路的IOC為何要拖這</t>
  </si>
  <si>
    <t>雖然新冠肺炎的疫情仍然持續肆虐，但在歐洲各國似乎已經出現了疫情趨緩的情況。就統計數字來看，原本疫情最嚴重的義大利，死亡人數的曲線也進入「高原期」，也就是累積總數雖多，但每天增長的幅度逐漸趨緩。美國雖然</t>
  </si>
  <si>
    <t>基隆市今增14例土本確診個案，其中5例護理之家、8例家庭群聚、1例仁愛市場攤商，目前基隆累計262例，此外，市長林右昌表示，昨天確診仁愛市場賣魚攤商5月28日至6月9日早上6點半到7點曾到成功陸橋下擺攤。林右昌指出</t>
  </si>
  <si>
    <t>因應新冠肺炎，行政院會27日將通過600億元特別預算案，目前規模600億元朝野多數支持，明天（24日）將在立院朝野協商可望取得共識。至於振興抵用券會外加藝文展演範疇，經費逾22億元。而防疫隔離假補償金額衛福部初步</t>
  </si>
  <si>
    <t>新冠肺炎（COVID-19）疫情日益嚴峻，抗疫已成為國際社會主流。但疫情之下的政治鬥爭並未停止，其他國家之間爆發的大都是互相截留物資的事務性糾紛，而中美之間上演的爭鬥，話題則豐富到了令人眼花撩亂的地步。蔡英文</t>
  </si>
  <si>
    <t>美國疾病管制暨預防中心（U.S. Centers for Disease Control and Prevention，CDC）及全球各大學專家2月預估，若新冠肺炎疫情席捲美國，最慘的情況是，超過2.1億美國人會感染，當中170萬人可能病死。《紐約時報》（N</t>
  </si>
  <si>
    <t>從1月中下旬新冠肺炎疫情爆發，原本欣欣向榮的電影行業被按下暫停鍵。據大陸啟信寶數據顯示，1月至今已有近1.2萬家影視類企業被註銷。影院復工情形持續不樂觀，進而轉向到影音平台播放上，也讓線上放映成為新常態選</t>
  </si>
  <si>
    <t>大陸國家主席習近平於21日晚上在北京以視訊方式出席全球健康峰會並發表題為《攜手共建人類衛生健康共同體》的講話。他在會上強調，搞政治操弄絲毫無助抗疫，只會給世界各國人民帶來更大傷害。習近平並同時宣布了中方</t>
  </si>
  <si>
    <t>台灣新冠疫苗接種突破千萬人次，至昨天(21日)為止覆蓋率達39.56％，疫苗品牌除了AZ與莫德納外，明天(23日)將開打國產高端疫苗，另輝瑞/BNT也有望中秋節前到貨，但到底哪支疫苗在全球最多國家使用？奇美醫院加護病房</t>
  </si>
  <si>
    <t>澎湖宣布1日起機場全面強制快篩，中央流行疫情指揮中心打臉要求撤銷公告，縣府痛陳「如果中央不能保護澎湖，請不要阻礙澎湖自我保護」，澎湖機場仍將全面快篩。縣府表示，5月31日立法院三讀通過《嚴重特殊傳染性肺炎</t>
  </si>
  <si>
    <t>陸美關係緊張之際，美國國務院周一（14日）更新對大陸及香港的旅遊警示，指因應新冠肺炎疫情和肆意執法情況，將兩地同列為第3級「重新考慮是否前往」（Reconsider Travel）。據報導，美國對上一次對香港更新旅遊警示</t>
  </si>
  <si>
    <t>由台灣管理學會主辦及崇越科技（5434）贊助的「崇越論文大賞」，素有「管理學界奧斯卡」美譽，也是國內管理學界最具公信力及規模最大的碩博士論文競賽，9日於圓山大飯店舉行第13屆頒獎典禮，副總統賴清德也受邀出席</t>
  </si>
  <si>
    <t>新冠疫情肆虐全球，出國玩變得遙不可及，振興醫院急診重症醫學部主治醫師蔡賢龍認為，要一直到2023年疫情過後，才可以放心出國旅遊，不用提心吊膽提防病毒。日前日本政府贈與的第二批113萬劑AZ疫苗8日抵達台灣，加上</t>
  </si>
  <si>
    <t>「台灣輸出」新冠肺炎昨天一口氣增加19例，再創單次新高！中央流行疫情指揮中心昨天表示，近期又分別接獲18名菲律賓、1名日本民眾，自台灣返該國後確診新冠肺炎，指揮官陳時中表示，菲律賓對台陽性率異常的高，應該</t>
  </si>
  <si>
    <t>《紐約時報》今刊登台灣民眾募資的廣告，文中為台灣被WHO拒於門外抱屈。WHO立即發表13點聲明，強調數十年來一直與台灣衛生部門保持技術交流。對WHO的13點聲明，林靜儀醫師在臉書一一註解打臉WHO。林靜儀醫師表示，WH</t>
  </si>
  <si>
    <t>衛福部第3批進口的40餘萬劑AZ疫苗，其中苗栗縣獲發1800劑，苗栗縣長徐耀昌為考量第1線員警執勤防護需求，特別撥發其中部分疫苗給苗栗縣警局外勤警力300人次施打，由於疫苗數量有限，所以剩餘警局人員將待日後疫苗撥</t>
  </si>
  <si>
    <t>儘管新冠肺炎肆虐，但智邦科技首季業績卻不受影響，3月及首季營收同創歷年同期新高，且單季營收也再度站上百億關卡，等於連七季營收守穩百億水準。智邦7日公布3月營收46.52億元，創下歷年同期新高，除較去年同期的43</t>
  </si>
  <si>
    <t>依立法院三讀通過的「嚴重特殊傳染性肺炎防治及紓困振興特別條例」明定，接受居家隔離、居家檢疫、集中隔離或集中檢疫受僱者，可以請不強制雇主給薪的防疫隔離假，並領取「防疫補償」，但若遇到全班停課或全校停課14</t>
  </si>
  <si>
    <t>海軍敦睦艦隊染疫30人，國防部為釋眾疑每天開記者會，最新進度是認定沒隱匿、只有回報問題，同時支隊長陳道輝也改口說，沒有回報有人員發燒，且是他下令放行下船。對此，宅神朱學恒說，既然當事人已扛責，他本已不想</t>
  </si>
  <si>
    <t>台灣新冠肺炎疫情控管有成，國家口罩隊功不可沒，一手規劃口罩國家隊的經濟部長沈榮津，今(29)日表示，經濟部將會編列5000萬，投入重症呼吸器原型機開發，可說是打造「呼吸器國家隊」的第一步。經濟部長沈榮津今出席</t>
  </si>
  <si>
    <t>林俊傑（JJ）下月27、28日將在新加坡舉辦實體演唱會，是他繼2019年12月在新加坡國家體育館後，相隔736天再辦大型實體個唱；由於新加坡防疫規範，每場演唱會僅能容納1000位觀眾入場，為了讓更多人共襄盛舉，JJ這2天演</t>
  </si>
  <si>
    <t>台灣至今未對COVID-19（新冠肺炎、一稱武漢肺炎）採取普篩政策，不過包括南韓、德國都成功以普篩趨緩病例新增速度、降低死亡率，就連一度採取「佛系抗疫」的英國也大轉彎，宣布要在4月底前每日篩檢10萬例，推出像驗</t>
  </si>
  <si>
    <t>英國新冠肺炎疫情趨緩，原本全面關閉的麥當勞近期重新開放部分店家得來速服務，開店後大批車潮湧入，長長排隊車潮看不到盡頭，擾亂當地交通，路人笑稱為了區區幾個雞塊排隊2小時，許多網友看到畫面後，直呼太可悲，</t>
  </si>
  <si>
    <t>新冠肺炎的疫情持續升溫，讓民眾十分憂心，許多店家也有積極配合戴口罩和勤消毒、洗手等防疫措施，沒想到一名超商店員日前在幫客人結帳的時候，竟然被對方嫌手髒，還口氣很差的大喊：「不要碰我！」讓該名店員傻眼之</t>
  </si>
  <si>
    <t>受到新冠肺炎疫情不斷惡化的影響，全球股市一片恐慌，投資人對近期經濟回暖失去信心，繼黑色星期一血洗美股，道瓊指數單日狂瀉1000多點之後，星期二開盤短暫出現了一點反彈力道，卻又再次墜入深淵，周二收盤時再跌3.</t>
  </si>
  <si>
    <t>英國首都倫敦12日出現新冠肺炎第一起確診病例，也是全英第9起。這名患者是來自大陸的女性，數天前搭機抵達倫敦，在希斯羅機場降落後出現症狀，隨後確診。英格蘭首席醫療官惠提表示，病患在大陸感染，目前已經被送往</t>
  </si>
  <si>
    <t>中央流行疫情指揮中心指揮官陳時中指出，日本疫情算是比較平穩，雙方往來比較密切，將加強邊境，日本返國者，請醫師特別加強，若有症狀就要去醫院採檢。團客部分，要加重領隊責任，把該團自主健康管理做確實，每天量</t>
  </si>
  <si>
    <t>包含大陸與南韓的軍方部隊近來已經傳出多起新冠肺炎群聚感染事件，國防部長嚴德發已做好做壞打算，下達「防疫視同作戰」命令，除了要求部隊做好區隔管理外，有媒體報導也將比照國軍SARS期間做法，擬全面停止官兵休假</t>
  </si>
  <si>
    <t>由於口罩嚴重短缺，美國從上個月開始進口一度引起爭議的KN95口罩，但是美國食品藥物管理局(FDA)發出新的禁令稱，有66家正在向美國出售醫療用口罩的中國大陸口罩製造商已被禁止在美國銷售，因為專家稱這些口罩品質不</t>
  </si>
  <si>
    <t>我國出訪帛琉敦睦艦隊中的磐石艦已有24人確診新冠肺炎，傳出在16日放行下船前已有人先偷跑，還被高雄巿抓包到過超商，對此海軍司令部副司令梅家樹今天在中央流行疫情指揮中心記者會上，坦言14日就解除針對出訪艦艇的</t>
  </si>
  <si>
    <t>中央流行疫情指揮中心今(9)日公布最新疫苗接種順序，第七類的「維持國家安全及社會機能正常運作者」從原本的5萬人左右，變成86萬人，有網友不滿表示，爸媽不停被插隊，不知道何時才能打到，想詢問大家對第七類施打對</t>
  </si>
  <si>
    <t>旅遊業者雄獅（2731）股東常會通過配息2元，今（1）日進行除息交易，每股參考價76元。面對疫情寒冬，集團啟動世代交替計畫力拚轉型突圍，今日股價開高穩揚，最高上漲1.96％至78元，填息率達75％，盤中維持逾1％漲幅</t>
  </si>
  <si>
    <t>八貫(1342)8月營收月成長18.49%，創下今年單月新高。八貫表示下半年因疫情受益的產業訂單會持續成長，看好全年營運審慎樂觀以待。八貫8月營收1.49億元，月增18.49%、年減14.42%；累計前8月營收9.97億元，年增2.66%。</t>
  </si>
  <si>
    <t>資誠（PwC）會計師事務所9日發布《新冠時代資誠臺灣企業領袖調查報告》，調查發現，83％台灣企業深恐疫情將帶來全球性經濟衰退，但只要確定疫情影響程度與範圍，台灣企業具有高度應變能力可快速復甦。資誠聯合會計師</t>
  </si>
  <si>
    <t>聯發科(2454)4月營收受到新冠肺炎衝擊，導致終端消費減緩，4月合併營收205.46億元，月減少9.98%、年減少4.67%，但已經連續第2的月單月營收站上200億元大關。聯發科4月合併營收205.46億元，月減少9.98%、年減少4.67%</t>
  </si>
  <si>
    <t>彰化縣衛生局27日上午於員林演藝廳辦理「109年衛生保健績優志工與團隊暨社區衛生促進委員會績優委員表揚大會」，彰化縣長王惠美親自頒獎，她說，今年新冠肺炎來襲，所有志工、委員們都堅守崗位，為彰化防疫工作盡心</t>
  </si>
  <si>
    <t>NBA爵士與雷霆之戰在開打前喊卡，隨後才宣布爵士中鋒戈貝爾（Rudy Gobert）確診新冠病毒、全聯盟停賽。在台灣直播此役的《Eleven Sports》主播黃奕傑表示，看到爵士先發五人沒有戈貝爾，就覺得不太對勁，也猜測莫非</t>
  </si>
  <si>
    <t>基隆市長庚醫院引進全自動新冠病毒檢測機台，採檢量能1天可多700例，時間也能從3天縮短至3小時，市政府宣布，由於量能大幅提升，今天開始民眾只要自覺有症狀疑慮，可以上網預約篩檢，將由衛生局安排、通知。基隆市長</t>
  </si>
  <si>
    <t>新冠肺炎疫情在全球升溫，許多國內外旅遊團體都取消，首當其衝的觀光業哀鴻遍野，有旅行社業者號召近百名網紅進行2天1 夜的台東之旅，24日下午，網美、網帥們穿上泳裝參加「泳池趴」，用他們的熱情，抵抗景氣寒冬。</t>
  </si>
  <si>
    <t>暴露狂「台中米娜」日前闖入IKEA、二井OUTLET等大賣場拍攝露三點裸照，引起社會大眾嘩然，照片流出後引起台中警力主動介入調查，不久就將主職是廚師38歲掌鏡人與36歲裸拍女主角，約談到案後送辦，恐吃下妨害風化罪官</t>
  </si>
  <si>
    <t>新冠肺炎疫情持續延燒，民眾連一般的口罩、酒精等也難買到，甚至還有價格上漲等問題，對此，公平會主委黃美瑛在今天業務報告時表示，從春節前就派人至各地通路訪查口罩市況，目前也受理包括口罩、耳溫槍、酒精等檢舉</t>
  </si>
  <si>
    <t>新冠病毒(COVID-19)是全球各個醫療團隊的挑戰，來自北京大學的金昆林博士(Kunlin Jin)與國際研究人員，試著利用幹細胞來抗擊這種難纏的疾病。醫療訊息(MedicalxPress)報導，幹細胞是各種組織細胞的原型，不管是皮膚</t>
  </si>
  <si>
    <t>雖然澳門至今沒有新冠肺炎的病例，但是依然受到巨大衝擊，由於防疫管制，賭場關閉了兩個星期，使得澳門在2月的博彩收入，比以往同時期大跌了87.8％。路透社報導，澳門是世界最大的賭場中心，澳門的收入超過80％也來</t>
  </si>
  <si>
    <t>大陸昨天（11月1日0—24時）31個省（自治區、直轄市）和新疆生產建設兵團報告新增新冠肺炎確診病例71例。其中本土病例54例（黑龍江27例，其中黑河市26例、哈爾濱市1例；河北8例，其中石家莊市4例，辛集市4例；甘肅8例</t>
  </si>
  <si>
    <t>新冠肺炎（COVID-19）疫情在全球擴大蔓延，疫情之毒與猛，已橫掃全球金融、工業及服務業市場。與此同時，專家表示，只要做好嚴防境外輸入，作為新肺疫情爆發中心的武漢可望在數日後接近「清零」。大陸在抗疫方面取得</t>
  </si>
  <si>
    <t>台灣境外移入個案大爆發，今（16日）公布新增8例加上15日的6例，14例全為境外感染，引發外界討論。女星隋棠看到新聞也罕見動怒，開轟非常時期硬要出國的人荒唐又自私。隋棠在臉書分享衛服部16日新增病例的公告，寫下</t>
  </si>
  <si>
    <t>桃園機場21日在第二航廈南擴5樓設立疫苗接種站，針對未施打過疫苗的機場第一線工作人員，施打莫德納（Moderna）疫苗，桃園市長鄭文燦也到桃園機場視察莫德納疫苗接種站，並感謝部立桃園醫院前來協助接種疫苗的醫護人</t>
  </si>
  <si>
    <t>針對疫情紓困，勞動部提供自營作業者或無一定雇主的勞工生活補貼，將發出3萬元補助，20日開放受理，截至本周五，預計將會有10萬人領取到3萬元補助。政府針對無雇主的自營業者提出補貼紓困方案，只要符合在職業工會投</t>
  </si>
  <si>
    <t>歐美新冠肺炎疫情大爆發，亞系外資保守看待軟板廠-台郡(6269)前景，認為台郡將是此波疫情主要受害者，將台郡今年及明年每股盈餘預估調降22%及33%，評等降至「劣於大盤表現」，目標價更大砍至94元，致使今天台郡股價</t>
  </si>
  <si>
    <t>新冠肺炎疫情大爆發，餐飲業首當其衝，也間接影響到藝人經營的雞排店。唐從聖投資的唐門潮雞排，2月透過促銷活動讓業績不降反升，在地客人成長許多，然而到了3月，「過路客少很多，企業訂單量從多轉少。」他表示近月</t>
  </si>
  <si>
    <t>中央宣布境管後，高雄旅行業宛如進入「冰河期」，幾乎沒生意可出團。高市旅行公會指出，最主要受影響為中型以上旅行社，中型1個月光是人事、管銷費得燒掉300至600萬不等，也有業者自力救濟，推出國旅團喋血價，高雄</t>
  </si>
  <si>
    <t>台灣捐贈委內瑞拉1千個口罩，上面印有我國國旗，還用英文寫著「台灣可以幫忙」的字樣。外號「村長」的桃園市議員詹江村對此酸說，用自己錢捐口罩的藝人被罵慘，用我們稅金捐口罩就叫做外交。詹江村在臉書貼文質疑，</t>
  </si>
  <si>
    <t>美國總統川普27日在白宮簽署2.2兆美元經濟刺激法案，以因應新冠肺炎疫情。這份美國歷史上規模最大的經濟援助法案生效之際，美國新冠肺炎確診人數剛突破10萬。川普並宣布美國將在100天內，製造10萬台呼吸器。川普簽署</t>
  </si>
  <si>
    <t>前台灣省議會議長、前立法委員劉炳偉21日凌晨2時許於板橋中興醫院過世，享壽67。劉炳偉女兒劉美芳21日仍堅強出席在新北市議會舉行的「爭取新北市防疫公務人員加發防疫獎金」記者會，關心疫情與第一線公務人員福利；</t>
  </si>
  <si>
    <t>陳凱倫兒子陳銳經營眼鏡品牌有成，雖然因疫情大受影響，他仍不忘跟著紀寶如做公益，已捐出上千付護目鏡及防疫包給「台灣優質生命協會」獨居長者。陳凱倫得知兒子善行義舉，他一通電話找回昔日合作拍檔、70年代玉女紅</t>
  </si>
  <si>
    <t>據北京市衛生健康委18日消息指出，2月17日0時至24時，北京市新增6例新冠肺炎確診病例，均為確診病例的密切接觸者，已送至定點醫療機構進行救治。新增疑似病例49例，現有疑似病例128例；新增密切接觸者47例，累計確定</t>
  </si>
  <si>
    <t>據路透社統計，美國新冠肺炎Covid-19感染人數超過250萬人，超過12.5萬人喪命，已是全球疫情最嚴重的國家。然而美國疾管中心(Centers for Disease Control and Prevention,CDC )認為，實際感染人數可能是已知確診患者</t>
  </si>
  <si>
    <t>行政院長蘇貞昌今日於臉書發文表示，即日起，公費疫苗預約系統開放要接種第二劑高端、第一劑BNT的民眾預約接種，請大家記得在 禮拜三中午前上公費疫苗預約系統(網址https：／／1922.GOV.TW)預約。蘇貞昌說，只要民眾</t>
  </si>
  <si>
    <t>鑽石公主號郵輪因為受到新冠肺炎疫情影響，目前正停靠在橫濱港進行隔離管制，船上的3,700人中有218人確定感染新冠肺炎，而鑽石公主號的母公司嘉年華郵輪表示，為了感謝員工在危機時刻挺身而出幫助防疫，渡過危機後將</t>
  </si>
  <si>
    <t>台北市22日起將入校為12歲至17歲的青少年施打BNT疫苗，國民黨北市議員王欣儀批評，後續可能產生的「疫苗殘劑」仍無解方，目前僅知會一律「帶回醫院」，但途中若有差錯恐導致失效，不如就地在校園內，讓未接種疫苗的</t>
  </si>
  <si>
    <t>新冠疫情在國內引爆，隨著確診人數持續攀升，社區氣氛也變得人心惶惶，許多民眾就算乖乖待在家中也擔心染疫。兒科醫師徐嘉賢坦言，新冠病毒千變萬化，很多症狀容易和感冒、氣喘混淆，不過，新冠肺炎患者有一個症狀比</t>
  </si>
  <si>
    <t>新冠肺炎嚴重衝擊觀光，澎湖縣政府展開搶救觀光大作戰，配合今年澎湖文旅年活動，主打軍事古蹟文化之旅，帶領遊客揭開澎湖神祕軍事面紗。四面環海澎湖島位於東亞航線要衝，翻開中外歷史澎湖扮演重要戰略據點，昔日古</t>
  </si>
  <si>
    <t>大陸今（12日）通報新增46例新冠確診病例，其中本土病例20例（均在福建，其中莆田市19例、泉州市1例），莆田市隨即宣布明（13日）起全市中小學、幼兒園暫停面授課程，改為線上教學。據了解，根據9月12日《莆田市應對</t>
  </si>
  <si>
    <t>高雄市才宣布長照機構工作人員1日起全面快篩，2日深夜就驚傳前鎮區某一棟大樓、8間長照機構多位工作人員快篩驗出陽性事件，總人數不明。衛生局第一時間出動遊覽車、載送相關人員前往醫院進行PCR採檢。採檢結果3日中</t>
  </si>
  <si>
    <t>德國病毒專家科庫勒（Alexander Kekule）日前接受專訪時表示，義大利才是「全球新冠瘟疫的開始，並非武漢」，不過他強調，新冠病毒仍源自武漢，只是傳播到義大利後出現變種，病毒變得更具傳染力，之後進一步傳播全世</t>
  </si>
  <si>
    <t>敦睦艦隊磐石艦24人確診新冠肺炎，國軍防疫疑出現漏洞，4月15日參謀總長黃曙光主持結訓典禮，隔日赴官邸與總統蔡英文開會，是否有疑慮也引發關注。對此，總統府也出面說明，要求國軍檢討疏失，並務必配合指揮中心規</t>
  </si>
  <si>
    <t>海軍群聚感染，其中300多名官兵設籍高雄，疫情嚴重升溫，眼看22日將開為期3天的臨時會，議員、官員、記者室內群聚，高市議會忙著全面消毒，但針對議事廳內恐有大批議員湧入，如何維持1.5公尺社交距離，議會正在傷腦</t>
  </si>
  <si>
    <t>由於新冠肺炎（COVID-19）爆發，全球都鬧口罩荒，為了解決口罩需求，我國動員大量人力加開產線，並配合「口罩實名制」的政策實施，確保民眾都能夠能夠領到。有位女大生在網路上分享，她看到實名制口罩「一行字」馬上</t>
  </si>
  <si>
    <t>大陸科學院院士王福生在21日新聞發布會上表示，自限性疾病臨床症狀一般一周消失，具體到新冠肺炎，輕型和普通型患者臨床上佔比超過80％以上。輕症患者如果身體狀況比較好、休息充裕、保持良好心情、飲食得當，發病以</t>
  </si>
  <si>
    <t>中華電(2412)轉投資是方(6561)1月營收2.3億元，年增15.11%，創下歷史新高，全球雲端趨勢未來幾年持續穩成長，是方營運動能樂觀，法人也看好是方今年營利將挑戰2位數成長。是方2020年在新冠肺炎衝擊全球影響，帶動宅</t>
  </si>
  <si>
    <t>新冠肺炎疫情持續延燒，中央公布28例新冠肺炎病例地理分布，確診病例數中，台北市占7例，新北市5例，桃園市1例，大台北地區目前僅有基隆市未傳出確診案例，基隆市長林右昌於24日指出，市府團隊隨時都緊盯疫情發展，</t>
  </si>
  <si>
    <t>新冠病毒不只攻擊肺，更會攻擊人類的腎臟、心臟、循環系統、甚至是免疫系統，讓能主動消滅外來病毒的T細胞無法運作，英國研究找到T細胞無法運作的關鍵原因，指出新冠患者體內的IP10分子數值飆高，造成T細胞無法有效</t>
  </si>
  <si>
    <t>歐盟藥品管理局疫苗部門負責人卡瓦列里（Marco Cavaleri）昨（13）日受訪時指稱，礙於血栓風險，建議各國避免讓60歲以上長者接種阿斯特捷利康（AZ）的新冠疫苗，不過當天稍晚他澄清是媒體誤解他的話，強調AZ疫苗對所</t>
  </si>
  <si>
    <t>台灣累計10例感染源不明的本土個案，其中1例案268（工作室老闆）今天結案，目前還剩3例追查中，分別是案322（師大學生）、案336（高級社區女保全）與案379（酒店女公關），據指揮中心資料顯示，前3人都有肺炎症狀，</t>
  </si>
  <si>
    <t>社福團體營運受疫情重創，頂新和德文教基金會今天（16日）公布最新調查，逾8成5的受訪社福團體認為，這波疫情造成的衝擊為17年來最嚴重；有7成因此被迫中斷或暫停服務，逾半數預估要一年以上才能恢復營運。基金會特</t>
  </si>
  <si>
    <t>新冠肺炎疫情蔓延，台南市佳里區21歲女子花淑珍不顧規定，還在居家檢疫期間，竟在16日晚偷跑到新竹關西訪友，成為在這次新冠肺炎防疫期間，第一個遭台南市政府公布姓名協尋的民眾，警方17日晚間查獲行蹤，連夜開警車</t>
  </si>
  <si>
    <t>美國總統川普21日表示，為了保障國人工作權，他將於22日簽署暫停受理外國人申請移民60天的行政命令，申請永久居留的綠卡者將暫時無法搬來美國，但不會影響短期申請入境的臨時工，並於60天後重新評估此一命令。據路透</t>
  </si>
  <si>
    <t>新竹2位男性民眾，因新冠肺炎疫情壓力及心情起伏，突然無力起身，緊急送至中醫大新竹附設醫院就醫，經過急診醫師與腎臟科醫師林信宏診斷，發現都是「甲狀腺機能亢進」引起「低血鉀」惹的禍 !林信宏指出， 正常人的血</t>
  </si>
  <si>
    <t>中澳外交僵局不斷加深，如今又在新冠疫情肆虐下，開闢了另一個戰場。據CNN新聞網19日報導，北京說，坎培拉正阻撓它在太平洋島國巴布亞紐幾內亞（Papua New Guinea）推出中國疫苗。而澳洲太平洋事務部長賽索嘉（Zed S</t>
  </si>
  <si>
    <t>大陸昨（28日）新增新冠肺炎確診病例101例，其中98例為本土病例（新疆89例，遼寧8例，北京1例），再破本輪疫情最高記錄，也是自4月中旬以來，確診數字首次破百。當中，新疆新增89例（其中43例為無症狀感染者轉確診病</t>
  </si>
  <si>
    <t>【愛傳媒楊忠衡專欄】郭董要見蔡總統，結果同時請來了台積電的劉董，好像各路人馬進了龍門客棧，笑容底下不知打什麼算盤。一到晚上，各路電視名嘴早已養足精神，迫不及待各自表述。從他們眉飛色舞、口若懸河的表演，</t>
  </si>
  <si>
    <t>新冠肺炎疫情延燒衝擊就業市場，高盛警告美國本周初領失業救濟金人數恐突破200萬人，將超越1982年10月2日該周的紀錄。經濟學家警告，未來情況恐怕更加嚴峻，美國失業率恐翻倍至8％。勞工部19日報告顯示，上周（迄至3</t>
  </si>
  <si>
    <t>立院今天上午朝野協商通過7天內在赴離島的機場、港口設置快篩站，入境離島者均需全面接受篩檢，但中央疫情指揮中心下午公布的辦法卻是過去14天內無症狀者可以直接登機，導致離島防疫淪為做「半套」，防堵效果預期打</t>
  </si>
  <si>
    <t>新北市長侯友宜昨(14日)表示，自己最討厭政治口水，近期接獲蔡英文總統致電時，特別向總統善意提醒，「國難當頭，請總統約束底下的人，一起團結抗疫」。對此，台灣民意基金會董事長游盈隆認為，硬漢如侯友宜也有受不</t>
  </si>
  <si>
    <t>全國首場安心即時上工就業博覽會竹市登場，徵求「防疫國家隊」隊員！勞動部13日推出安心即時上工計畫，新竹巿政府率全國之先釋出326個計時工作，協助各局處的防疫物資整備、量測體溫等防疫相關工作，3天內上工，首日</t>
  </si>
  <si>
    <t>國內莫德納疫苗打氣低迷，為提升疫苗涵蓋率，中央流行疫情指揮中心宣布，本周起將在全聯174家門市設立疫苗接種站，對於賣場開打疫苗會不會影響到診所業務，財經網美胡采蘋表示，她問了開診所的弟弟，結果弟弟翻了一</t>
  </si>
  <si>
    <t>大陸官方「健康江蘇」微信公眾號11日消息，大陸10日0-24時新增本土確診病例83例，其中江蘇占54例，全部在揚州（13例輕型，41例普通型），江蘇省長坦承，仍有感染者是透過社會篩查發現，顯示揚州管控還存在漏洞。揚州</t>
  </si>
  <si>
    <t>全國進入三級警戒，新北市議員劉美芳今（21）日提出，政府持續宣導民眾待在家中抗疫，衍生學童停課防疫照顧假不強制雇主支薪、攤商夜市暫停營業、政府列管特殊行業停業等問題，民眾的經濟面受衝擊，她建議行政院疫情</t>
  </si>
  <si>
    <t>有鑒於境外移入的新冠肺炎確診案例數快速增加，今（17）日更一口氣爆增10例確診，衛福部長陳時中表示，新冠肺炎正在全球大流行，為避免民眾赴國外旅遊不幸染病，造成國內社區防疫壓力，將往回追溯「3月3～14日期間所</t>
  </si>
  <si>
    <t>中央流行疫情指揮中心今(28)日公布國內新增1例境外移入COVID-19確定病例，為本國籍20多歲男性(案956)，去(2020)年9月至波蘭就學，今(2021)年1月28日返臺，持有搭機前3日內檢驗陰性報告，入境後獨自於親戚家檢疫，檢</t>
  </si>
  <si>
    <t>連鎖餐飲集團瓦城（2729）受新冠肺炎疫情衝擊，2020年首季歸屬母公司稅後淨利驟減至0.28億元新低、每股盈餘（EPS）1.25元，但營運仍維持獲利，表現優於市場。隨著疫情逐漸趨緩，5月業績已見回溫曙光，公司將續拚維持</t>
  </si>
  <si>
    <t>新冠肺炎疫情延燒，北市府近期規畫「里鄰數位建設」，希望透過台北卡、敬老卡或身分證，在里辦「嗶一下」就能購買額度內的口罩，並設置智慧販賣機，透過學生悠遊卡認證，還可在校買口罩。北市副市長黃珊珊說，資訊局</t>
  </si>
  <si>
    <t>自從CNN等各大媒體5日稱美國總統川普敗選後，他13日首度在白宮玫瑰花園公開發表談話。雖然川普仍不認輸，但已鬆口暗示，政府可能交替。據CNN與BBC新聞網報導，川普在誓言，他的政府絕不會下令進行新冠新封城之際，隱</t>
  </si>
  <si>
    <t>新冠肺炎疫情全球蔓延，台灣防疫作為近日受國際矚目，世界衛生組織(WHO)秘書處29日發布聲明，肯定台灣的防疫成效，並正視將臺灣納入全球對抗新冠病毒疫情工作的重要性。有20名住在台灣的外國朋友特別拍下影片感謝防</t>
  </si>
  <si>
    <t>新冠肺炎陰謀論甚囂塵上，曾經來過台灣打表演賽的前網球球王沙芬(Marat Safin)也參一腳，語出驚人稱，新冠病毒只是個托詞，為的是在以後，對人類大規模植入晶片。綽號沙皇的沙芬生涯贏得兩屆大滿貫賽事，現年40歲的</t>
  </si>
  <si>
    <t>印度疫情近日開始失控大爆發，以每日新增30-40萬例確診的速度快速飆升，引起世界各國高度關注。而前駐紐西蘭大使介文汲認為，日前大陸外交部長王毅表態願意協助印度抗疫，應該是出自真心，希望印度能控制住疫情，並</t>
  </si>
  <si>
    <t>鄉林(5531)集團董事長賴正鎰指出，觀察青島、南京與成都2月底復工情況，沒有受到太大的影響，昨日成都更傳來消息，當地政府單位在3月4日就重啟樓盤的搖號登記，這幾天陸續公布搖號結果，其中最低的中籤率僅有0.62％</t>
  </si>
  <si>
    <t>南韓26日起擴大開放年輕族群接種新冠疫苗，不過近期卻陸續傳出年輕人接種輝瑞/BNT後猝逝案例，引發社會擔憂。南韓政府於26日起向下開放18至49歲民眾接種新冠疫苗，不過南韓《中央日報》24日報導，最近卻陸續傳出20多</t>
  </si>
  <si>
    <t>目前停泊在日本橫濱的郵輪「鑽石公主號」全船3700多人中，已經有218人確診新冠肺炎，所有乘客都必須在船上隔離不得下船，宛如海上監獄，但為何鑽石公主號三不五時就離開港口，出海繞圈後又返港？旅遊達人給出了專業</t>
  </si>
  <si>
    <t>台灣疫苗覆蓋率破50％，但多數民眾只打一劑疫苗，讓不少人擔憂保護力到底夠不夠？對此，胸腔科醫師蘇一峰分享加拿大研究指出，在Alpha病毒流行的狀況下，只打一劑疫苗，BNT可提供75%的保護力，莫德納可提供82%保護力</t>
  </si>
  <si>
    <t>新冠肺炎疫情不止，觀光業生意大受影響，尤其傳出確診個案第268例曾到過新北市金山老街和烏來老街，2地業者擔憂雪上加霜，新北市長侯友宜今（31）日表示，一開始就對商圈給予補助，公有租金打8折，現在則已經打5折；</t>
  </si>
  <si>
    <t>第七輪AZ疫苗接種昨（3日）開打，昨單日疫苗接種人次23萬7233，其中AZ打了22萬9189人次；目前疫苗人口涵蓋率43.77％，劑次人口比47.90％。另外，第七輪加開預約從昨天上午10點開放，至今天下午1點共有42萬6718人完成</t>
  </si>
  <si>
    <t>國際經濟情勢：　新冠肺炎二次疫情風險提高，不僅美國多州確診人數明顯增加，原先趨緩的日、韓也開始生變，而北京更是連環爆出感染案例，進入半封城狀態，讓市場相當憂慮疫情恐出現大爆發狀況。於此同時，全球地緣風</t>
  </si>
  <si>
    <t>美國有研究指出，莫德納疫苗對於Delta病毒株的保護力優於BNT疫苗，中央流行疫情指揮中心醫療應變組副組長羅一鈞說明，這篇研究是來自美國梅約診所，最近針對年初和七月份兩波不同的流行（Alpha和Delta），做了莫德納</t>
  </si>
  <si>
    <t>新冠肺炎疫情全球擴散，造成市場恐慌，連帶引發全球股災。交通部長林佳龍昨日在臉書表示，承接下墜的經濟，交通重大建設工程提早發包，至少700億資金搶先投資台灣。消基會交通組副召集人李克聰說，目前聽起來是一個</t>
  </si>
  <si>
    <t>台灣新冠肺炎疫情持續延燒，全國三級警戒將延長到6月14日，教育部長潘文忠也在今（25）日記者會上宣布，全台停課也會同步延長，然而消息曝光後，不少家長都感到相當崩潰，紛紛湧入教育部臉書留言，更有人希望能夠「</t>
  </si>
  <si>
    <t>十多名全球頂尖科學家昨（13）日聯合刊登建言，指出現在不是大規模施打第3劑加強針的時刻，強調2劑疫苗仍能有效防止民眾變成新冠重症。他們警告，由於支持接種加強針的科學證據不足，過早讓民眾接種第3劑可能反而增</t>
  </si>
  <si>
    <t>由於季前練球時不慎扭傷左腳踝，讓國泰後衛吳宜庭整整養傷1個多月，直到女子超級籃球聯賽(WSBL)第15季都打一半了，才總算回到場上拚戰，沒想到吳宜庭一回來就有夠準，全場投6中4，含三分球投4中3，更貢獻11分、4助攻</t>
  </si>
  <si>
    <t>台灣疫情持續升溫，民眾人心惶惶，華視總經理莊豐嘉今(20)下午在透過臉書證實一名公務車員工曾至萬華地區，經採檢後確診，消息一出也引發員工不滿，因為有傳大多數員工還是看了新聞才知道此事，甚至有人直接在新聞部</t>
  </si>
  <si>
    <t>金融服務公司德維爾(deVere Group)的執行長奈傑爾·格林（Nigel Green）週三表示，新冠肺炎對主要供應鏈和支出行為的打擊，正將世界推向今年的「全球衰退邊緣」。格林補充說，週一和周二的重大拋售以及爆發帶來的長期</t>
  </si>
  <si>
    <t>日本喜劇之王志村健昨(30日)因罹患新冠肺炎過世，享壽70歲，消息一出引各地粉絲哀悼，大嘆童年的偶像驟逝。昨鄭弘儀則在節目中透露，有人將志村健的維基百科資料惡意竄改，死因竟被寫成「台灣肺炎」，讓鄭弘儀氣得大</t>
  </si>
  <si>
    <t>新冠肺炎疫情持續在歐美快速擴散，美國50州全數淪陷，死亡人數破百人，導致民眾開始恐慌瘋搶物資，美籍YouTuber「莫彩曦Hailey」也曝光當地情況，驚呼超誇張，好像「美國末日」。莫彩曦先到住家附近的超市，她透露這</t>
  </si>
  <si>
    <t>新冠肺炎疫情延燒，台灣許多產業受到衝擊，新竹市政府與信保基金、台灣中小企業銀行合作推出的便利貸款，將提供受疫情影響的中小企業不用提供擔保品即可申請貸款，截至目前可貸餘額尚有1.3億餘元。市府指出，因應新</t>
  </si>
  <si>
    <t>據陸媒《北京晚報》今日報導，在北京市新型冠狀病毒肺炎疫情防控工作在今日下午的第142場新聞發布會上，北京大學第一醫院副院長王平表示，目前醫院發燒門診的隔離病房由3間增加到10間。另外，醫院檢測單位縮短了核酸</t>
  </si>
  <si>
    <t>北市府25日傳出府內人員疑似確診情形，市府副發言人戴于文澄清，該名同仁是於2月底時出國，8日返國，當時歐洲疫情並未大爆發，中央流行疫情指揮中心也並未宣布歐洲旅遊警戒，且經採驗2次的結果都是陰性。戴于文說，</t>
  </si>
  <si>
    <t>新冠肺炎疫情延燒，疫苗話題近來成為民眾關注重點，日前「好心肝診所」被踢爆深夜違規替不符資格者施打AZ疫苗，台北市9日開罰200萬台幣，並終止合約。今(11日)郭子乾認了接種疫苗，侯昌明夫妻則一改原本說法，也承認</t>
  </si>
  <si>
    <t>為了解今年7月底就業市場人力需求情形，勞動部在4月20日至5月8日針對員工規模30人以上的事業單位辦理人力需求調查，第三季人力需求僅有2萬1101人，為近11年來同期新低，其中住宿及餐飲業人力需求僅有931人，也是近11</t>
  </si>
  <si>
    <t>為增加新冠疫苗注射的可近性，中央流行疫情指揮中心今天宣布，11月25日起開放民眾可自行至指定醫療院所混打，凡是接種AZ第一劑滿8周的民眾，無論是否有在疫苗預約平台意願登記，皆可完成混打。疫情指揮中心指揮官陳</t>
  </si>
  <si>
    <t>不受疫情的影響，2020鳳梨好筍季25日仍在台南市關廟區大潭埤旺萊公園揭開序幕，但對參加民眾採限額實名登錄。市長黃偉哲表示，令人欣慰的是，今年鳳梨的價格，並沒有因為少了大陸市場下滑，在大家的努力之下價格仍維</t>
  </si>
  <si>
    <t>清明連假結束近一周，民眾都在等待結果，是否會出現疫情大爆發的現象，對此，指揮中心表示本周有8千多例通報，其中791人去過相關景點，但檢測結果皆為陰性。中央流行疫情指揮中心專家小組召集人張上淳表示，每天約有</t>
  </si>
  <si>
    <t>中央疫情指揮官、衛福部長陳時中宣布，為了保護國民抗疫，取消陸籍子女入台措施。這是蔡政府在24小時內所宣布的第4個陸配子女入台規定，且一次比一次更為嚴格。最新規定等於是完全排除了滯留大陸的陸配子女在新冠肺</t>
  </si>
  <si>
    <t>本月6日後實行的口罩實名制一定程度上緩解了全民搶口罩的亂象，中央流行疫情指揮中心相信，實名制有效解決了囤積的情況，但負責販售口罩的藥局及藥師卻大嘆工作超時，直呼「吃不消」。自從口罩實名制實施以來，有藥</t>
  </si>
  <si>
    <t>新冠肺炎疫情蔓延，台灣目前累計確診數達24例，其中，感染源還在調查中，引發人心惶惶。台大醫院兒科醫師吳其穎針對許多人困惑「免疫力越強越好？」做出回應，並以17年前的SARS疫情為例，指出身體強壯的青壯年，死亡</t>
  </si>
  <si>
    <t>台灣防疫有成在國際間受矚目，外貿協會透過全球外館努力，讓台灣精品於此同時在國際重要媒體獲得大量曝光報導，趁勢宣傳優質產品，協助廠商爭取商機。有日本買主看到獲台灣精品防疫物資「額溫槍」報導後，立刻透過福</t>
  </si>
  <si>
    <t>大陸央視新聞用戶端14日報導，又是新一Delta毒株引發本土疫情，福建省莆田市仙遊縣縣長、應對新冠肺炎疫情工作指揮部指揮長吳海端受訪時表示，目前形勢嚴峻，大陸國務院專家判斷，要經過三輪以上全程核酸檢測，根據</t>
  </si>
  <si>
    <t>通用汽車（GM）、百事公司（PepsiCo）等大型廣告客戶近日打算大砍電視廣告支出，藉此保留資金以度過新冠肺炎危機。業界人士預估，第三季廣告支出恐因此銳減10～15億美元。在新冠肺炎疫情爆發的前幾周，電視廣告支出</t>
  </si>
  <si>
    <t>疾管署記者會天天直播，似乎還紅到國外去，除了港媒之外，日本網友也將指揮中心成員喻為「防疫五月天」，陳時中對此回應，每個人都很重要，也需要大家一起努力。根據港媒《中評社》報導，立院質詢提到，陳時中太辛苦</t>
  </si>
  <si>
    <t>人稱「國師」的星座專家唐綺陽看台灣新冠肺炎疫情！她認為這次清明假期完全凸顯大家從「驚疑、害怕、恐慌」，到「安全感爆棚、覺得厄運不會是我」的鬆懈。這樣的輕忽、自私無疑加大了「撞車、翻車的機率」，疫情是否</t>
  </si>
  <si>
    <t>總統府發言人張惇涵今天表示，昨（19）日下午，總統官邸協助照顧退役工作犬的一位志工主動通知確診，在得知消息後，總統醫療團隊隨即啟動應變作業，在第一時間為總統蔡英文及相關人員進行核酸檢測篩檢，結果全為陰性</t>
  </si>
  <si>
    <t>AZ疫苗昨天起大規模接種，加上連日確診數降到200例以下，是否28日就可能解除三級警戒？對此精神科醫師沈政男認為，台灣要解除三級警戒最好的做法是「清零」，並指出沒有疫苗，不可能壓制疫情是盡信書、吃到阿兜仔口</t>
  </si>
  <si>
    <t>新冠肺炎疫情在全球各地蔓延，在家遠距工作及遠距教學成為市場新顯學，並推動雲端運算及資料中心需求快速成長，伺服器及筆電出貨轉強。統一可延伸韌體介面（UEFI）BIOS供應商系微（6231）因擴大在伺服器、筆電、物聯</t>
  </si>
  <si>
    <t>有些新冠患者的症狀比別人更嚴重，甚至在擊潰病魔、出院後仍持續感到疲憊、呼吸困難，生活久久無法恢復正常，現在耶魯大學的科學家找到關鍵原因，疑似是患者體內的「自體抗體」（autoantibody）在作怪。綜合英國《每</t>
  </si>
  <si>
    <t>台北農產運銷公司爆發新冠肺炎群聚感染確診45人，北市府除安排快篩外，市長柯文哲表示要讓北農員工、承包商、送貨員等約4000人全面施打疫苗，用打疫苗來圍堵疫情，第一果菜市場22日凌晨恢復交易，在門口處做好量體溫</t>
  </si>
  <si>
    <t>繼日前加茂KAMO貨輪船長確診身亡後，台中港再傳靠泊碼頭的諾曼賈爾離岸風電工作船菲律賓籍船員確診（案16098），由於該船8月14日已抵台中港，個案在28日採檢才確診，消息傳出後引發台中港周遭民眾恐慌。不過，台中市</t>
  </si>
  <si>
    <t>疫情邊境管制使台北市國際觀光飯店住房業務成為重災區，全台量體最大的台北君悅酒店也撐不住，傳出將規畫分階段精簡人力。對此，台北君悅酒店發表聲明，坦言因國際旅客跨境旅遊短時間無法回復，必須迅速調整運行策略</t>
  </si>
  <si>
    <t>新北市板橋幼兒園群聚昨天才「嘉玲」，今天再度擴大，指揮中心宣布今天本土新增3例確診中，有2例是幼兒園群聚，分別為一名幼兒園幼童的爺爺，以及媽媽的職場男同事染疫，其中案16185爺爺，無症狀，Ct值14.5，家住新</t>
  </si>
  <si>
    <t>《中時電子報》精選5件不可不知的國際大事，帶讀者掌握今（10）日的國際新聞重點。【1】傳台美討論新WHO美國衛生部長阿札爾（Alex Azar）9日抵台，日本《產經新聞》報導，阿札爾本次來訪將與我官員討論新的國際衛生</t>
  </si>
  <si>
    <t>國籍航空機組員完整接種COVID-19疫苗後兩周，原訂長程航班返台後不必接受居家檢疫，如今傳出制度喊卡，引發機組員強烈反彈。對此，中央流行疫情指揮中心副指揮官陳宗彥強調，一切還是照原規劃進行，沒有喊卡，現在就</t>
  </si>
  <si>
    <t>台灣本土疫情擴大後，新北市、台北市確診數雙雙破千，中央、地方權責不清，防疫一團亂。台大工務室日前爆發10員工感染，今有家屬爆料，指與確診者同住的家人，事情發生後「完全無人聞問」，連隔離通知都沒有。自己打</t>
  </si>
  <si>
    <t>日前飛往米蘭參加2020時裝周的韓流女神宋慧喬，隨著新冠肺炎在日、韓、歐美等地陸續爆發疫情，宋慧喬一回到韓國便立即進行自主隔離。但人氣依然旺盛的她，近日接受泰國雜誌專訪登上封面，穿著深V禮服小露性感吸引網</t>
  </si>
  <si>
    <t>美國要從疫情中迎接光明了？美國總統特朗普在華盛頓時間5日表示，美國部分疫情熱點地區的新冠肺炎疫情「趨向平緩」，他還稱，美國人開始看到「隧道盡頭的光亮」。疫情最嚴重的紐約州5日公布新增死亡病例略低於4日，</t>
  </si>
  <si>
    <t>蔡英文總統9日在桃園市長鄭文燦陪同下，到龜山區易廷企業視察，她感謝「口罩國家隊」成員日以繼夜的努力，強調本周台灣口罩產能已可達單日出貨1000萬片、加上假日平均920萬片，將再新增30條產線，3月底陸續交機，坦</t>
  </si>
  <si>
    <t>受美股影響，台股14日開低走低，盤中大跌逾百點。立委林德福14日在財委會質詢，台股近期漲多，所謂物極必反，現在台股是「上樓」機率大還是「下樓」機會大？金管會主委顧立雄指出，要觀察二大重點，包括歐美對新冠肺</t>
  </si>
  <si>
    <t>因應新冠肺炎疫情升高，行政院長蘇貞昌採納防疫指揮官、衛福部長陳時中的建議，在行政院會宣布中央流行疫情指揮中心提升至一級開設，蘇揆也隨即指示，由陳時中擔任指揮官。蘇貞昌昨拍板通過「嚴重特殊傳染性肺炎防治</t>
  </si>
  <si>
    <t>新冠肺炎不斷升溫！疫情指揮中心昨天宣布新增2名社區感染個案，且其中1人死亡，台灣確診個案也增至20名。2名個案是一對中部兄弟，61歲哥哥是白牌計程車司機，從出現咳嗽症狀到死亡僅20天，經家人同意後依傳染病防治</t>
  </si>
  <si>
    <t>根據第一財經報導，因疫情防控工作需要，經廈門市應對新冠肺炎疫情工作指揮部同意，自9月14日起，廈門市屬中小學、幼稚園、中職學校改為線上教學。另據微信公眾號「廈門長途汽車站」消息指出，從2021年9月14日零時起</t>
  </si>
  <si>
    <t>花蓮今天新增1例，同樣也是萬華大舅案4260上月中旬拜訪花蓮親友，期間因同住共餐、打牌，不幸造成案6556家族群聚感染，迄今也已累計到14例，此群聚也讓衛生局發現，後期確診個案多在自家進行居家隔離時染疫，呼籲正</t>
  </si>
  <si>
    <t>新冠肺炎衝擊！公園是市民最常休閒、運動的地方，市議員邱素貞今天表示，大智公園有部分座椅木條已鬆動、脫落，甚至鐵釘外露，潛藏危機，希望市府儘速盤點公園設施；除增設適宜長青族使用的體健設備外，積極改善遊具</t>
  </si>
  <si>
    <t>普生(4117)宣布，初步已完成新冠肺炎檢測大宗的「反轉錄聚合(酉每)連鎖反應」(RT-PCR)核酸檢測試劑套組研發生產，目前已小批量出貨東南亞、中東地區，並同步向台灣食藥署(TFDA)和歐盟CE認證提出許可申請。普生指出，</t>
  </si>
  <si>
    <t>全球汽車鍛造輪圈領導廠商巧新科技（1563）受惠於超跑與豪華汽車新車銷售市場成長速度，優於一般輕型汽車市場，帶動品牌車廠對於公司旗下客製化輪圈產品的出貨暢旺，恰逢第四季汽車產業傳統旺季、品牌車廠因應耶誕假</t>
  </si>
  <si>
    <t>屏東印度變異株（Delta）疫情擴大，當地27日確診的不明感染源73歲果農，基因定序結果出爐，確定感染Delta，其太太也在今日確診，基因定序仍在進行中，但疫情指揮中心指揮官陳時中估計，看起來應屬於Delta群聚。根據</t>
  </si>
  <si>
    <t>新冠肺炎疫情不斷升溫，精品、快時尚甚至汽車都受到影響。精品品牌像是LV、Ralph Lauren、TORY BURCH選擇關閉某些美國零售店，並另有多家品牌取消早春大秀，adidas宣布即起關閉北美及歐洲店鋪至3月29日止，據外媒報</t>
  </si>
  <si>
    <t>國內疫情趨緩，台鐵、高鐵已無售票成數限制，但高鐵仍實施全車對號座，且仍暫停定期票、回數票使用，儘管高鐵繼續實施「10月通勤有禮」優惠，仍被通勤族批評不方便。交通部政務次長陳彥伯回應，會考量疫情及旅客需求</t>
  </si>
  <si>
    <t>台灣首見軍艦淪陷！中央流行疫情指揮中心公布，今日國內新增3名確診案例，2人為實習生、1人為軍人，均為20多歲男性，1例在高雄，1例在台中，1例在桃園，都是境外移入。3艘軍艦700多人仍在疫調中，將安排下午5點入住</t>
  </si>
  <si>
    <t>基隆市長林右昌今日公布，本市預計於9月15日起針對75歲以上長者施打第二劑疫苗，至於學生BNT疫苗則規畫自9月23日開始接種。林右昌指出，本市1萬901位75歲以上長者中，有6849人已完成平台預約登記，將安排至醫療院所</t>
  </si>
  <si>
    <t>行政院提出紓困方案卻引來民怨，不僅困擾申辦民眾，也讓第一線承辦人員壓力大，現在又出現中央地方不同調，互相槓上的狀況。前新北市長朱立倫今天表示，排富儘速發放現金是原則，不要太多審核的標準，千萬不要只訂政</t>
  </si>
  <si>
    <t>立法院社會福利及衛生環境委員會今天審查新冠肺炎疫苗採購調閱專案小組運作要點草案，再度爆發藍綠黨團舌戰，藍營因不滿綠營排定討論時間僅有1小時，主張先依原定議程讓衛福部長陳時中進行業務報告，但遭綠營壓倒性</t>
  </si>
  <si>
    <t>日本知名主持人上田晉也剛接下東奧特別應援的主持工作，未料24日卻驚傳確診新冠肺炎，因為他手上主持不少綜藝節目，也曾在東奧開幕式的記者席採訪，讓外界格外擔心。據日媒報導，上田晉也24日突然發燒，經PCR篩檢後</t>
  </si>
  <si>
    <t>防範新冠肺炎超前部署，新北市將在14日進行號稱國際首場新冠肺炎大規模實兵演習，更將出動化學兵，對於新北大動作操演，北市府是否跟進，台北市副市長黃珊珊今表示，災害應變中心所有局處已於2月14日針對社區感染做</t>
  </si>
  <si>
    <t>新北市長侯友宜29日公布新北各區確診個案，其中永和今日確診人數24人，是全市第一，首度超越板橋的21人，新北市長侯友宜說，提醒永和區有上升趨勢，三重、土城、新莊、新店都比昨天稍微少一點，但還是要注意。侯友宜</t>
  </si>
  <si>
    <t>1月17日0—24時，31個省（自治區、直轄市）和新疆生產建設兵團報告新增確診病例109例，其中境外輸入病例16例（上海4例，陝西3例，浙江2例，湖南2例，北京1例，天津1例，福建1例，廣東1例，四川1例），本土病例93例（</t>
  </si>
  <si>
    <t>新冠肺炎（NCP）疫情持續升溫，口罩之亂下有熱心網友發起「我OK，你先領」活動，OTT業者則是因應防疫宅在家的需求，號召民眾「少出門，多看劇」，由串流電視平台OVO聯合KKTV、愛奇藝、四季線上，呼籲大家在家追劇，</t>
  </si>
  <si>
    <t>新冠肺炎疫情延燒，中央流行疫情指揮中心今宣布，國內新增3名確診案例，分別為一名30多歲荷蘭籍男性，及2名北部30多歲本國籍男性，3人均有歐洲活動史，研判為境外移入。新冠肺炎疫情從第一波的大陸、日、韓擴散到第</t>
  </si>
  <si>
    <t>苗栗48歲男子日前確診，疫調揭露他曾到台中和平谷關登山，今日又爆出平等國小女籃隊北上參賽，全校超過9成師生有萬華足跡史，其中4名學生及1名家長出現上呼吸道症狀自行採檢。和平區接連陷疫情恐慌，遊客卻步，包括</t>
  </si>
  <si>
    <t>鴻海旗下封測廠訊芯-KY（6451）營運生產雖受新冠肺炎疫情衝擊，但隨著產能恢復良好，2020年第二季獲利自2年低點強彈、「雙升」登近4年同期高點，每股盈餘1.42元。累計上半年獲利不減反增、年增13.22％至1.97億元，每</t>
  </si>
  <si>
    <t>日本《NHK》報導，一名感染新冠肺炎的孕婦在本月上旬順利生產，新生嬰兒在經過檢查後，確定沒有染上新冠肺炎，母子平安出院。這名產婦是在快生產前染上新冠肺炎，而且出現肺炎症狀，緊急入院住進日本神奈川的北里大</t>
  </si>
  <si>
    <t>少了國外刷卡，信用卡刷卡量就是有差。儘管國內持續有報復性出遊及消費，但8月信用卡刷卡金額近2,347億元，仍是比2019年8月少刷了254億元，衰退9.77％，前8月累計刷卡金額1兆9,750億元，去年同期則是破2.1兆元，衰退</t>
  </si>
  <si>
    <t>據貴州省衛健委網站13日消息，13日0時至12時，貴州全省新型冠狀病毒肺炎無新增確診病例。截至13日12時，貴州全省累計報告新型冠狀病毒肺炎病例146例，其中，51例有武漢旅居史，14例有武漢外湖北其他地區旅居史，15例</t>
  </si>
  <si>
    <t>新北市府日前宣布，20日起轄內公有封閉型集會場所暫停開放14天，侯友宜前晚(22)更親自率隊前往大型KTV查察防疫工作，並呼籲市民「人多、不通風的地方不要再去」，今天三重知名KTV「同學匯」率先開出第一槍，宣布即日</t>
  </si>
  <si>
    <t>中央流行疫情指揮中心今(21)日表示，國內昨(20)日新增226例新型冠狀病毒肺炎相關通報，截至目前累計通報70,100例(含69,077例排除)，其中441例確診(今日新增案441)，分別為350例境外移入，55例本土病例及36例敦睦艦隊</t>
  </si>
  <si>
    <t>疫情升溫，雙北進入三級警戒，超商全面規定實聯制，新北市土城區一名50歲賴姓男子沒戴口罩進超商，被店員提醒後賴男竟惱羞成怒，瘋狂毆打年僅21歲的年輕店員，導致店員頭破血流，送醫頭頂縫了12針，照片曝光，相當怵</t>
  </si>
  <si>
    <t>台灣近期多日傳出無新增新冠肺炎確診捷報，即時外送平台foodpanda為感謝醫護人員辛勞，3月宣布贊助第一線防疫人員共1萬份「免費餐點」優惠，盼透過熱騰騰的一餐為防疫人員加油打氣，統計1個月來優惠使用率已達6成。f</t>
  </si>
  <si>
    <t>幼兒園群聚截至今天累積15名幼童染疫，指揮中心指出是Delta病毒的可能性很大，目前確診幼童身體狀況如何？醫療應變組副組長羅一鈞表示，有6名幼童出現發燒、流鼻水、喉嚨痛等症狀，都是輕症，並指出即使是染Delta，</t>
  </si>
  <si>
    <t>根據TrendForce記憶體儲存研究(DRAMeXchange)調查顯示，在美國政府標案與新冠肺炎(COVID-19)疫情帶動的遠端服務需求趨動下，伺服器記憶體第二季價格續漲，但也示警，疫情持續擴大，需注意下半年所帶來的供需改變。Tr</t>
  </si>
  <si>
    <t>一部最近才上映的英國紀錄片，除了揭露武漢醫生坦承在新冠肺炎疫情爆發之初，大陸官方要官員噤聲、對外隱瞞疫情外，也在片中大讚台灣的防疫表現，指出信任以及政府為這場「疫戰」準備了20年，是台灣防疫成功的關鍵。</t>
  </si>
  <si>
    <t>立法院21日開議，行政院長蘇貞昌今上午例行性拜會立法院長游錫堃，蘇貞昌表示，新冠肺炎疫情險峻，國人同心協力防疫，一方面產業受到衝擊，行政院將在後天通過紓困特別條例，最快速度送請立法院審議，請游院長、立委</t>
  </si>
  <si>
    <t>全國公務人員協會榮譽理事長李來希3月21日在臉書用新聞照片PO文，指有民眾「為了排隊買口罩，被車輾斃！」，遭控違反傳染病防治法等相關法規；新北地檢署處分不起訴。網友在李來希臉書貼文恭喜，並表示「公理自在人</t>
  </si>
  <si>
    <t>鴻海、台積電與上海復星簽約1000萬劑輝瑞/BNT疫苗，預計9月供貨，讓民眾想等到9月再打疫苗，然而前台大醫院感染科醫師林氏璧表示，輝瑞/BNT要9月才來，預計要有95%的完整保護力最快要到年底，「我不想烏鴉嘴，但確定</t>
  </si>
  <si>
    <t>新北今新增3例確診，分別是永和1人、板橋1人、土城1人。新北市衛生局同時公布確診者足跡，遍及西門町誠品生活武昌店、西門萬年大樓及永和勵行市場。新北市衛生局同時公布確診者足跡，板橋個案24日下午曾至北市士林區</t>
  </si>
  <si>
    <t>美國聯邦準備理事會（Fed）於台北時間今凌晨3時公布最新利率決策，Fed決議聯邦基金利率目標區間維持在0%至0.25%不變，符合市場預期，這也是美國總統大選後Fed首場決策會議。會議中指出新冠疫情對中期經濟前景構成相</t>
  </si>
  <si>
    <t>伊朗衞生部10日公布，境內新增54件新冠肺炎死亡個案，是有記錄以來單日最高，全國確診人數也在24小時內增加了881人，增加至8042例。據外電報導，伊朗衛生部發言人賈漢普爾（Kianoush Jahanpour）在記者會上表示，全</t>
  </si>
  <si>
    <t>新北市今日新增20例本土確診，新北市長侯友宜下午主持防疫會議表示，今日板橋增5人、三重新增4人最多，跟台北市感染源有關的有4例，包括永和居民曾在北市環南市場工作因而染疫，另外三峽新增3例也和台北市感染源有關</t>
  </si>
  <si>
    <t>據《美聯社》等外媒報導，總部設於德州達拉斯的藥品零售商麥克森公司於美東時間20日6時(臺灣時間20日19時)宣布，莫德納疫苗已展開全美配送。莫德納疫苗18日獲美國食品暨藥物管理局(FDA)緊急授權批准上市，而成為美國</t>
  </si>
  <si>
    <t>北市聯醫派醫護人員至花博接種站協助打疫苗，醫師姜冠宇也到現場支援，但看到現場狀況忍不住說，原本每天早上8點開打，有人提早到就鬧說等好久，最後疫苗接種時間改為7點半開打，但人卻來得零零落落，很多地方空空如</t>
  </si>
  <si>
    <t>高端（6547）現增資19.2億元，已於上週完成原股東及員工繳款。隨著資金到位，新冠疫苗開發案加速馬力，有機會力拚明年第二季向台灣食藥署（TFDA）申請緊急使用授權（EUA），此外，腸病毒、登革熱疫苗開發也持續推動</t>
  </si>
  <si>
    <t>ATP男單世界排名第7點的德國好手小組維瑞夫（Alexander Zverev）拖著發燒生病的身體，昨天硬是打了2020年法國網球公開賽男單16強戰，最後他3比6、3比6、6比4、3比6落敗，但還要等新冠肺炎病毒檢驗結果，如果確診可能</t>
  </si>
  <si>
    <t>小金門鄉親跨海到金門本島就醫，常因船班和天候因素，無法在當天趕回對岸。縣府特協調救國團金門青年活動中心提供優惠住宿，每晚只要新台幣600元，希望帶給病患和家屬更多方便。縣衛生局指出，小金門（烈嶼鄉）對外</t>
  </si>
  <si>
    <t>北極星藥業（6550）表示，收到FDA認可之獨立機構「數據和安全監視委員會（DSMB）」主動對正進行之肺間皮癌三期臨床試驗來文；由於整體存活率（OS)與無惡化生存期（PFS)兩者之CP值均已超過80％，建議提早結束肺間皮癌</t>
  </si>
  <si>
    <t>以色列總理納坦亞胡週日表示，將建立40億謝克爾（12億美元）的基金，以幫助受新冠肺炎發影響的以色列公司能夠走出危機。路透社報導，納坦亞胡，他與財政部長卡隆（Moshe Kahlon）已經制定了該基金的計劃，並將在內閣</t>
  </si>
  <si>
    <t>台灣年度觀光旅遊盛事「ITF台北國際旅展」實體展將於10/30至11/2在台北南港展覽館展出，受新冠肺炎衝擊，本屆旅展規模大幅縮水，且航空公司沒有參展，外國觀光局亦只能由駐台辦事處參加，攤位數由去年1,700個大減為</t>
  </si>
  <si>
    <t>繼高雄市長韓國瑜遭發起罷免，昨(28)台中市長盧秀燕也被「公民除銹工程」社團發起罷免連署，新北市長侯友宜今(29)至捷運環狀線視察時表示，在新冠肺炎疫情高張的時候，全國民眾一定要團結，齊心齊力面對疫情，這是我</t>
  </si>
  <si>
    <t>中國大陸新冠肺炎疫情持續延燒，許多企業都無法正常開工，員工被減薪、放無薪假是常見，更慘是直接被裁員，許多中小企業甚至開始倒閉，有分析師指出若是這個情況持續，可能會讓失業人數上看450萬人，對中國大陸影響</t>
  </si>
  <si>
    <t>北市環南市場傳出41人確診，新北市長侯友宜今（3日）主持防疫記者會表示，目前接到通報13人，是否還會增加靜待中央通報，昨天新北市篩檢316人有北農、環南市場接觸史，找到1個快篩陽性，其中加護感染有2人，會快速跟</t>
  </si>
  <si>
    <t>中央流行疫情指揮中心今(9)日表示，民間機構共同捐贈的第十四批BNT疫苗192.35萬劑，預計於今日下午運抵桃園國際機場，並在完成通關程序後，直接運送至指定冷儲物流中心進行後續檢驗封緘作業。指揮中心說明，由民間機</t>
  </si>
  <si>
    <t>近年全球受到流行性病毒影響，繼17年前的SARS之後，陸續有MERS、H1N1...再到這次的新冠肺炎，導致全球確診人數突破400萬人，死亡人數也逾30萬，讓人類不得不重視病毒帶來的威脅。目前最有效的防疫方式就是戴口罩、勤</t>
  </si>
  <si>
    <t>逛醫院的人變少了！新冠肺炎疫情延燒近半年，健保署統計各層級醫療院所門住診，1~3月基層診所較去年同期下降7.4％，是各層級醫院最高的，而在各科別當中，以耳鼻喉科及小兒科門住診下降最多，但精神科卻逆勢上升。健</t>
  </si>
  <si>
    <t>台灣新冠肺炎疫情嚴峻，全民開始關心疫苗施打問題。59歲知名主持人鄭弘儀昨晚在節目《新聞挖挖哇》談論疫苗議題，好奇問現場來賓會選擇打哪個疫苗，同時也提到自己已自費打了AZ疫苗，並分享接種後的副作用情況。鄭弘</t>
  </si>
  <si>
    <t>中央流行疫情指揮中心今天統計接種AZ疫苗後死亡案件，昨天新增35例，16女19男，死亡年齡介於41~94歲之間，25人為75歲以上長者，接種後七天內發生、3例為50歲以下。35例當中，有9人住在機構、9人洗腎、22人有慢性病史</t>
  </si>
  <si>
    <t>新冠肺炎疫情延燒，全台已累計429人確診，疫情中心專家諮詢小組召集人張上淳昨分析前428名確診病例特徵表示，台灣使用到呼吸器的患者迄今共24人，有6例死亡，死亡率約25％，較紐約高達9成的死亡率低許多，也顯見在台</t>
  </si>
  <si>
    <t>為力拚第二劑疫苗覆蓋率，中央流行疫情指揮中心將於11月開設超大型接種站進行大規模接種，目標單日接種量達35萬劑。指揮中心今天表示，由於大規模施打相當耗費人力，指揮中心將會協助國軍、監獄的疫苗接種業務，幫忙</t>
  </si>
  <si>
    <t>據廣州市荔灣區新聞信息中心官方微博消息，廣州市荔灣區新型冠狀病毒肺炎疫情防控指揮部昨天23日晚發佈通報稱，結合病例臨床表現、流行病學調查、實驗室檢測和基因測序結果，經專家組綜合評估，初步判斷荔灣區錦龍社</t>
  </si>
  <si>
    <t>新冠肺炎疫情全球拉警報，不只民眾擔心染疫，醫護也害怕釀成院內感染，造成醫療體系崩潰，不過菲律賓日前傳出，一名男子車禍身亡，醫院卻擔心他身上可能帶有新冠病毒，竟利用膠帶將遺體緊緊纏繞成「木乃伊」，讓死者</t>
  </si>
  <si>
    <t>萬華疫情大爆發，議員指出外籍女子以看護名義來台，很多已前往中南部雇主家，恐讓疫情快速傳播，警方18日清查轄區共有27名外籍人士，尚未取得聯繫，經市警局、警政署國際組、移民署台北市專勤隊，合作，已經在19日中</t>
  </si>
  <si>
    <t>印度變種病毒Delta來勢洶洶，新北市長侯友宜今在疫情說明會上表示，7月1日起新北市境外移入確診有23例，其中Delta病毒有4例，來自緬甸3人、泰國1人，呼籲防疫旅館一定要落實防疫。侯友宜提醒，勿忘上次諾富特旅館造</t>
  </si>
  <si>
    <t>國民黨今天舉辦「共渡疫情．國土安居」研討會，邀集國民黨15執政縣市代表、立院黨團幹部、智庫、專家學者等，共同就防疫紓困振興方案了解各地實務需求。縣市代表們紛紛抱怨600億特別預算「一塊錢都沒到地方」、中央</t>
  </si>
  <si>
    <t>在美國總統川普確診後首度搭機離開白宮，前往外地舉辦大型造勢活動之際，白宮醫師康利今天發布川普健康備忘錄表示，川普的武漢肺炎檢測呈現陰性，已不具傳染性。康利（Sean Conley）在備忘錄中表示，川普連續數天的2</t>
  </si>
  <si>
    <t>受新冠疫情影響，全球航空業遭受重創，目前歐洲已經有多家歐洲的支線航空公司和廉價航空公司破產或申請破產保護。著名的德國漢莎航空(Lufthansa)表示，公司每個小時要損失百萬歐元（台幣3300萬元），已向德國政府尋</t>
  </si>
  <si>
    <t>近日有報導引述研究論文，指在蝙蝠糞便驗出1種腦心肌炎病毒，雲林縣水林鄉黃金蝙蝠生態館與台灣蝙蝠學會23日強調，哺乳類與鳥類都可能攜帶腦心肌炎病毒，且不會人畜傳染。目前沒有任何科學證明是蝙蝠導致新冠肺炎的</t>
  </si>
  <si>
    <t>新冠肺炎的疫情在全球持續延燒，為了降低在公共場合「中標」的風險，口罩也成為所有人出門必備的物品。一名女網友日前趕著上班，隨手抓了2個黑色口罩就衝出門，沒想到一打開卻讓她超傻眼，不禁羞喊「暈~怎麼上公車？</t>
  </si>
  <si>
    <t>美國阿拉巴馬大學（University of Alabama）8月19日才開放學生返校上課，短短2周內，已經有上千名學生新冠病毒檢測結果呈現陽性。綜合美國國家廣播公司新聞網（NBC News）、美國有線電視新聞網（CNN）報導，阿拉巴馬</t>
  </si>
  <si>
    <t>在防疫關鍵期間，眾人疾呼勿亂丟口罩之際，屏東縣環保局運用科技執法查獲首宗亂丟口罩及垃圾案件，突破傳統守株待兔追查方式，在易棄置廢棄物熱點隱密處廣設移動式監控系統，於4月7日在佳冬查獲一起連續棄置垃圾、手</t>
  </si>
  <si>
    <t>大陸新冠肺炎肆虐，日前返台的首批包機台商將於2月18日解除隔離，但第2批包機何時返台，仍尚未定案。滯留武漢台人自救會14日號召50多人向陸委會遞交陳情書；沒想到過程中，一名男性家屬脫口而出，「防疫不是我們的事</t>
  </si>
  <si>
    <t>台南市今天並無新增本土病例，但有一起20多歲新北市男子、案15816曾於7月30日到8月1日間到過台南的足跡，台南市衛生局今天公布案15816相關足跡遍及永康區、北區和安南區，其中，7月31日在永康吃麻辣燙2小時，也成為</t>
  </si>
  <si>
    <t>POS廠伍豐（8076）董事會通過2019年股利分派案，擬以盈餘配息0.26元、以資本公積配股約0.74元，合計派利約1元，盈餘配發率約97.09％。以21日收盤價27.2元計算，現金殖利率僅約0.96％。公司將於6月12日召開股東常會，</t>
  </si>
  <si>
    <t>根據《ESPN》記者溫霍斯特近日報導，NBA目前正在積極考慮各種復賽方案，其中一種選項就是參考大陸CBA做法，把所有球隊集中在一個地點重新開打，目前最有可能的地點是「賭城」拉斯維加斯，湖人前鋒杜德利隨即公開力挺</t>
  </si>
  <si>
    <t>台灣疫苗量充足，除了可用疫苗平台預約施打，也可自行至指定醫院預約接種，但也因此鬧出烏龍。一名女網友透露，她在動物醫院上班，某天竟接到一名婦人打電話來說要打BNT，她好聲好氣地提醒對方打錯了，結果反被兇，</t>
  </si>
  <si>
    <t>澳洲知名音樂家布萊特狄恩確診新冠肺炎，由於他曾在台灣逗留10天，期間舉行過專訪、記者會、音樂會，接觸範圍大，除了與他一同演奏的國家交響樂團(NSO)團員需自主隔離14天外，由於NSO其中有3人為東吳大學音樂系兼任</t>
  </si>
  <si>
    <t>隨著安全防護措施鬆懈，具高度傳染性的新冠變種病毒趁隙而入，美國正冒著失去所有抗擊新冠肺炎進展的風險。據CNN新聞網1日報導，美國疾病管制與預防中心（CDC）主任瓦倫絲姬（Rochelle Walensky）說，新冠變種擴散的</t>
  </si>
  <si>
    <t>美國副總統彭斯與民主黨副總統候選人賀錦麗7日出席他們的首場也是唯一一場辯論。谷歌公司表示，在辯論開始後半小時內，英文短語「粉眼新冠」（pink eye Covid）成為熱搜詞之一。這是為什麼？很多觀眾注意到，彭斯的</t>
  </si>
  <si>
    <t>新冠肺炎疫情肆虐，大陸各地區紛紛祭出「封閉式管理」全力防疫，日前一名黃曉明工作室的員工透露，因為自己遲遲無法回北京復工，因此愧疚的向老闆黃曉明提出留職停薪，沒想到對方一句話讓他感動淚崩。這名湖北籍員工</t>
  </si>
  <si>
    <t>國內疫情緊張，雙北病床數量是否足夠，中央昨天拿出報表指出，目前雙北空病房320間、還有1500多床沒有不夠，讓台北市長柯文哲氣炸，大罵中央「阿達馬孔固力（腦袋裝水泥）」，想拿病歷砸衛福部次長石崇良。重症胸腔</t>
  </si>
  <si>
    <t>國內新冠肺炎疫情擴散，南投縣觀光處彙整縣內各風景區休園或暫停營業情形，也呼籲民眾共體時艱，防疫期間盡量待在家裡，不要任意移動或到前往公共場所，降低群聚感染風險。竹山瑞龍瀑布園區，及竹山梯子吊橋(天梯)</t>
  </si>
  <si>
    <t>新冠肺炎疫情全球蔓延，《聲林之王》第一、二季的眾多歌手，日前分批進錄音室獻聲，一同為社會以及前線醫護等防疫人員打氣，合唱〈黑夜總會過去〉，鄭可強表示：「我小時候就很夢想做這件事，一群音樂人為時事做貢獻</t>
  </si>
  <si>
    <t>台灣疫情緊張，已連續多日新增破百確診病例，不僅雙北宣布三級警戒，全台高中以下學生也都停課，讓民眾盡可能減少外出的可能性，防堵疫情擴散，只是無論規定再嚴格，總有人不願配合，全台發生多起外出不戴口罩的案例</t>
  </si>
  <si>
    <t>中央疫情指揮中心指揮官陳時中於今（23）日表示，捷運或高鐵密閉空間，能夠的話就要戴口罩。柚子醫師陳木榮曾於2月7日政府宣導短片說：「大家每天生活都有可能會坐計程車、搭公車、搭捷運這些大眾運輸工具，而且最近</t>
  </si>
  <si>
    <t>行政院會上午通過上限600億元的「中央政府嚴重特殊傳染性肺炎防治及紓困振興特別預算案」，蘇揆在院會要求各部會，錢要花在刀口上，國境也不得出現破口，各相關部會更要成立新冠肺炎組，並由首長親自督導，不可以讓</t>
  </si>
  <si>
    <t>國內疫情仍嚴峻，對於蔡英文政府能否從這波民怨高漲的疫情中從脫身？疫情發展是否會朝不樂觀的方向發展？郭正亮說，國產疫苗政府大概鐵了心要做，但最快要7月才會出來，而若拖到8月28日還沒辦法收尾，他不諱言說，依</t>
  </si>
  <si>
    <t>微機電（MEMS）麥克風廠鈺太（6679）公告第一季合併營收3.67億元，改寫歷史同期新高。法人表示，在筆電需求旺盛推動下，類比式麥克風及數位式麥克風出貨表現同步暢旺，進入第二季後，更有機會衝出單季新高水準，上半</t>
  </si>
  <si>
    <t>嚴防新冠肺炎疫情，衛生福利部規定凡有中港澳地區旅遊史民眾，皆須進行居家檢疫，14天內不得外出，然而苗栗縣仍有3個案違規趴趴走，其中1女子至住家附近買咖啡、1男子開車載家人至公家單位，皆遭開罰1萬元。苗栗縣衛</t>
  </si>
  <si>
    <t>新北市板橋區大觀路88歲居家隔離男子屢次違反規定外出， 造成當地民眾恐慌，今（18）日上午起連續再犯3次，當地里長不堪其擾向警方報案，警方強制將其保護管束，通報衛生局接管。據了解，該男自本月14日起開始居家隔</t>
  </si>
  <si>
    <t>產業調查機構Counterpoint Research周四表示，因新冠狀病毒疫情在中國與其他國家擴散，2月全球智慧手機銷售量暴跌14%，隨著疫情在世界許多地方惡化，智慧手機市場可能面臨進一步的衰退。新冠肺炎在中國大爆發，迫使</t>
  </si>
  <si>
    <t>大陸國家衛健委專家組成員王廣發1月赴武漢工作後，確診新冠肺炎，有懷疑病毒透過眼結膜進入。對此，武漢大學人民醫院研究團隊發表論文，分析63名確診患者及4名疑似患者的結膜拭子樣本，發現僅有1名確診患者呈陽性反</t>
  </si>
  <si>
    <t>國內想打疫苗的民眾，多數想打莫德納或BNT，並傳言說國外都不接受AZ。對此，醫藥粉專「MedPartner美的好朋友」發文澄清「AZ是國際接受度最高的疫苗」，目前共119個國家接受，比BNT和莫德納都高，引起網友討論。醫藥</t>
  </si>
  <si>
    <t>新冠肺炎疫情擴散，美國疾病管理局（CDC）要美國大眾為肺炎疫情在美擴散做好準備，引發市場恐慌情緒，衝擊國際油價，國內油價連2降，中油宣布明（9）日凌晨零時起汽、柴油價格每公升各調降0.6及0.7元，創新2年半來新</t>
  </si>
  <si>
    <t>國內公費疫苗第六輪將開打高端，預計會提供60萬劑，今天上午10點開放預約，下周一(23日)開打，開放36歲以上民眾預約接種，而高端疫苗有哪些副作用、保護效果如何、接種高端前要注意什麼？《中時新聞網》整理了8大問</t>
  </si>
  <si>
    <t>5月6日，矽谷明星企業Airbnb，37歲的執行長切斯基，向全球員工發送了一封公開信，上面寫著公司因為新冠肺炎導致營業額下降一半，必須裁減四分之一員工。但公司會設置工作團隊，幫助員工過渡，包括發4～8個月遣散費，</t>
  </si>
  <si>
    <t>抗議中火的民怨如火燎原！來自台中、彰化、南投與雲林的30多名醫生，1日中午1時，將身穿白袍，犧牲午間休診時間，到台中市議會廣場接力抗議，表達對中火重啟2號燃煤機組不滿，台灣健康空氣行動聯盟理事長葉光芃醫師</t>
  </si>
  <si>
    <t>台灣自6月以來，不斷傳出從台灣離境的旅客，在國外被驗出罹患新冠肺炎，本月22日更一口氣發生18起類似案例。對此，國民黨立法院黨團與醫界專家昨共同呼籲，政府應在旅客離台前進行篩檢，避免一再輸出病例，影響台灣</t>
  </si>
  <si>
    <t>德國鐵娘子有驚人之語!她表示相信最終有60%到70%的德國人口會染上新型冠狀病毒。梅克爾在柏林召開的新冠病毒研討會上指出，現在全歐無國家倖免於新冠病毒侵襲，最重要的是不要讓醫療體系不勝負荷。德國國會在週四召</t>
  </si>
  <si>
    <t>華航桃園機場貨運站辦公室傳出1人確認，桃園市衛生局7日早上前往進行疫調，目前匡列200多人，疫調結果可能陸續匡列增加到近800人。為了防阻疫情蔓延，連續將在今、明兩天，針對華航貨運場站中的205名員工，先全面PCR</t>
  </si>
  <si>
    <t>正因邊境問題再次與大陸陷入緊繃之際，印度新冠肺炎確診人數來的420萬人，此一數據超越巴西的414萬人，正式成為確診數全球第2高的國家，僅次於美國。據路透社報導，印度於7日新增9萬確診，不僅創單日新高紀錄，更讓</t>
  </si>
  <si>
    <t>BMW周三公布第一季獲利大幅成長133%，但主要因去年同期提列了巨額的一次性備付，該公司並警告新冠狀病毒疫情可能削弱需求與獲利。BMW第一季息稅前獲利 （EBIT）為13.8億歐元（15億美元），較去年同期的5.89億歐元大</t>
  </si>
  <si>
    <t>中新網30日報導，繼中緬瑞麗、中蒙內蒙，中俄邊境城市黑河市疫情也緊蹦，29日出現當天大陸最多、本土確診26例新冠病例，黑龍江省文化和旅遊廳於29日發布通知，即日起嚴格執行跨省旅遊經營活動管理「熔斷」機制，立即</t>
  </si>
  <si>
    <t>目前停靠在日本橫濱的鑽石公主號遊輪於16日上午公布確診感染新冠肺炎的人數，新增了70名感染者，現在公主郵輪的已知確診人數，增加到355人感染。而這一艘遊輪在1月31日時曾停泊在基隆港，1名美國籍新冠肺炎確診患者</t>
  </si>
  <si>
    <t>新冠疫苗是否能夠混打，各國都已開始研究，歐盟甚至開放施打完第一劑AZ的人員可接種其他品牌。我國指揮中心對此態度仍然保守，今天仍建議兩劑疫苗都施打同品牌，除非第一劑接種後出現嚴重不良反應。指揮中心專家諮詢</t>
  </si>
  <si>
    <t>全球股市經歷十年多頭行情之後，市場年初的樂觀氛圍，被新冠肺炎疫情爆發徹底瓦解。從中國迅速蔓延至歐美亞各國，加上沙烏地阿拉伯及俄羅斯報復性壓低油價扼殺美頁岩油商，導致油價崩跌，全球資本市場在兩大事件夾擊</t>
  </si>
  <si>
    <t>美國總統川普一度公開表示自己正在服用未經證明對抗新冠病毒有效、且有風險的羥氯奎寧，引發喧然大波，認為他為了推廣自己先前聲稱的神藥，不惜親自當「神農氏」；而飽受批評後，川普也自行宣稱停用。不過，白宮指出</t>
  </si>
  <si>
    <t>高球球王麥克羅伊(Rory McIlroy)最近表示他對美國總統川普(Donald Trump)的防疫政策非常失望，「跟他打球不代表我同意他的做法，事實上我完全不認同的他每一項政策。」他因此拒絕再和川普打小白球了。麥克羅伊在The</t>
  </si>
  <si>
    <t>新冠肺炎疫情升溫，雙北淪重災區，除了疫情指揮中心之外，雙北幾乎天天開防疫記者會，直播期間也會有一名手譯員在一旁打手語，協助聽障人士理解記者會最新內容。對此，就有民眾質疑，手語老師不戴口罩，恐成防疫破口</t>
  </si>
  <si>
    <t>就在巴西、墨西哥、秘魯，哥倫比亞和阿根廷等國新冠肺炎確診病例飆升之際，路透統計周日顯示，拉丁美洲的病例首度超越美國和加拿大總和。據路透26日報導，飆升的病例數使拉丁美洲的病例佔了全球總數的26.83%，使當地</t>
  </si>
  <si>
    <t>行政院行政院發言人羅秉成今日召開記者會證實，台積電、永齡基金會合計捐贈1千萬劑BNT疫苗的契約簽署。羅強調，政府全力支持，捐贈單位全力奉獻，才能在半個月內完成這項重要的捐贈案。不過，宅神朱學恒看完這場記者</t>
  </si>
  <si>
    <t>56歲美國喜劇天王克里斯洛克（Chris Rock），19日在推特發文坦言確診新冠肺炎，因為他已打過疫苗，依舊突破性感染，讓粉絲相當擔心，但最後仍呼籲大家「一定要去打疫苗！」克里斯洛克5月在深夜脫口秀節目《吉米A咖秀</t>
  </si>
  <si>
    <t>北市士林某長照機構爆發47人確診、3死的群聚感染，北市衛生局控該機構有隱匿疫情，但機構反嗆衛生局早知8日有長者確診，卻不做疫調、隔離與全院快篩，直到14日才進駐全院採檢。副市長黃珊珊再反駁，市府沒耽誤，是機</t>
  </si>
  <si>
    <t>國民黨革實院長羅智強昨在臉書批評，蔡政府未考慮14億人的心情，堅持用武漢肺炎稱呼引起歧視爭議。國民黨文傳會主委王育敏下午表示，民進黨不接受新冠肺炎的稱呼，易讓外界誤解連處理疫情都參雜「抗中」政治思考，立</t>
  </si>
  <si>
    <t>蔡英文總統、賴清德副總統明（30）日將施打疫苗，總統府發言人張惇涵表示，蔡總統與賴副總統將分別於明天上午7點15分及7點45分至預約地點「台大醫學院體育館」接種第二劑高端疫苗。蔡英文總統今年8月23日前往臺大醫</t>
  </si>
  <si>
    <t>新冠肺炎疫情重創台灣餐飲業，不少店家黯然熄燈倒閉。雖然隨著疫情趨緩，餐飲業營運已率先回溫，但饗賓餐旅集團總經理陳毅航認為，造成餐飲業此次「完美風暴」的3大結構性問題仍在，預期在後疫情時代，餐飲業的淘汰</t>
  </si>
  <si>
    <t>新加坡新冠肺炎確診病例逾14000人，超過日本和韓國，在亞洲排名僅次於土耳其、伊朗、中國大陸、印度等人口眾多的國家。今年3月17日，新加坡只有266例確診病例，一度被各國譽為防疫典範，不料短短1個半月竟暴增50多倍</t>
  </si>
  <si>
    <t>台大獸醫系4年級張曄是來自馬來西亞的僑生、張郡則是熱愛以拳擊、重訓來健身，他們共同發起成立「朱先生，萬先生」團隊，要傳播正確的傳染病知識，因為他們覺得「我們能做的遠比課程內容更多」，希望藉此為台灣社會</t>
  </si>
  <si>
    <t>針對NBA目前暫定美國時間12月1日將是新球季開幕日，火箭傳奇球星「T-Mac」麥格瑞迪率先提出預言，「下季我們將會看到很多的負荷管理(輪休)，我現在就可以這樣說了，甚至會有部分球員平均只打約15分鐘，因為他們需要</t>
  </si>
  <si>
    <t>美國NBA籃網隊宣布球隊中有4名球員確診新冠肺炎，但沒有宣布確診球員的姓名，但美國體育媒體《The Athletic》記者Shams Charania 3月17日在Twitter上表示，本季加入籃網隊的大咖球星杜蘭特(Kevin Durant)，是確診新</t>
  </si>
  <si>
    <t>38歲日籍女星愛紗（千田愛紗）來台發展20年，早已把這裡當第二個家，近期本土疫情連環爆，日本接連兩次捐贈百萬劑AZ疫苗，令她內心滿是感動。日前愛紗在社群網站開放網友提問，被問到不返日打疫苗的原因，她親自做出</t>
  </si>
  <si>
    <t>韓國《朝鮮日報》針對24位全球知名學者訪談，總結出新冠肺炎結束後，全球即將發生的十大變化。這些變化有可能完全改變全球社會各領域行為規則。其中，全球產業鏈重組、經濟長期低增長現象，對台灣出口導向經濟將是一</t>
  </si>
  <si>
    <t>美國生技公司諾瓦瓦克斯（Novavax）周五說，台灣已選擇透過世衛（WHO）主導的較低收入國家「疫苗全球取得機制」（COVAX），獲取該公司的新冠疫苗，而這將為島上免疫計畫額外增加亟需的疫苗。據路透2日報導，台灣透過</t>
  </si>
  <si>
    <t>精選《中時新聞網》5件不可不知的國際大事，帶讀者掌握今天(2月11日)的國際新聞重點。【1】加拿大權威醫師領隊 世衛專家團隊抵達大陸世界衛生組織(WHO)總幹事譚德塞(Tedros Adhanom Ghebreyesus)本周一表示，上個月</t>
  </si>
  <si>
    <t>類風濕性關節炎是常見的自體免疫疾病，好發於中年女性，若疾病控制未達緩解目標，容易因為關節發炎腫痛、動作卡卡，不僅脫戴口罩需要更多時間，也難落實洗手完整步驟。為協民眾瞭解自身情況、促進醫病溝通，台灣抗風</t>
  </si>
  <si>
    <t>連江縣長劉增應今（31日）召開防疫會議，會中公布並無新增個案及居家隔離者，全縣居家隔離人數共116人，劉增應說，針對中央規畫於機場碼頭設置快篩站樂觀其成，但仍會爭取從自願快篩提升到全面快篩，避免造成離島防</t>
  </si>
  <si>
    <t>國內7月27日起降至二級防疫警戒，除了雙北外，各縣市有條件開放餐飲、美食街內用，連鎖咖啡路易莎今天開第一槍，宣布將配合地方政府開放內用及洗手間，而星巴克、85度C、cama café還在討論中，最快今天會有結果。明</t>
  </si>
  <si>
    <t>長期旅居東京的譚艾珍之女歐陽靖，因為近日在臉書上分享日本當地防疫真實狀況，對不少即將赴日旅遊的台灣民眾幫助甚多，未料也因此引來部分反彈聲浪。她今（15號）在臉書公開一則網友傳給母親的私訊，要她別再發表傷</t>
  </si>
  <si>
    <t>桃園市長鄭文燦說，桃園6大類疫苗優先人數約有10萬7265人，因應6月中可能開始施打，要增加接種能量，除過去流感系統每周6萬人，還要增加桃園體育館大型接種站、60個學校社區接種站、以及8個外展接種站，接種能量每周</t>
  </si>
  <si>
    <t>編者按：新冠肺炎疫情持續蔓延，防疫挑戰愈來愈嚴峻，全民的支撐將是防疫作戰決勝關鍵。《中國時報》基於媒體社會責任，即日起依疫情進展與防疫作為，推出〈民間防疫站〉交流平台，提供全民最即時、專業的防疫資訊，</t>
  </si>
  <si>
    <t>立法院院會今日針對新冠肺炎特別預算進行總質詢，立委張宏陸建議，今年清明掃墓，希望呼籲民眾縮短掃墓時間，降低感染新冠肺炎的風險。主管宗教事務的內政部長徐國勇也表示，希望大家去燒香後，簡短結束儀式後結束，</t>
  </si>
  <si>
    <t>好萊塢疫情不斷，台灣時間17日新冠肺炎病毒確診數增加3例，包含《雷神索爾》47歲英國黑人男星伊卓斯艾巴（Idris Elba）、《冰與火之歌：權力遊戲》41歲挪威男星克里斯多夫希弗哲（Kristofer Hivju）及《冰雪奇緣2》2</t>
  </si>
  <si>
    <t>新冠肺炎疫情持續延燒，全台陷入口罩荒，醫療用口罩大缺貨外，就連濃度75％藥用酒精也難求。高市衛生局12日表示，若民眾透過網路在拍賣平台及臉書，或是實體場所等通路未經許可販售，恐涉及藥事法，最高可罰200萬元</t>
  </si>
  <si>
    <t>公費疫苗預約平台上有300多萬人想打莫德納疫苗，但指揮中心昨天(8日)證實最後可能只有不到百萬人能夠如願打到。衛福部長陳時中今天重申莫德納的分配戰略，認為要以擴大第一劑涵蓋率為主，第二劑涵蓋率非目前的重點項</t>
  </si>
  <si>
    <t>口罩現在成為每個人的生活必需品，但要美觀、實用卻不容易。北科大教務處日前舉辦「創意北科口罩設計比賽」，鼓勵學生發揮美感設計抗疫必備的口罩圖樣，並將獲選第1名的口罩設計實際量產，近日送出6000片給鄰里及醫</t>
  </si>
  <si>
    <t>基隆市累計301例確診個案、21人死亡，其中衛生福利機構群聚案占58人、11人病逝，市議員王醒之認為，養護機構占比高，是另類的高確診率、超高死亡率、超高致死率，要求市府檢討，對此，衛生局表示，第一起案例爆發時</t>
  </si>
  <si>
    <t>台北市林森北路錢櫃今(26)日發生嚴重火災，對此中央流行疫情指揮中心呼籲，現在是防疫階段，業者一定要做好空間的人流管制，年輕朋友這段時間也應盡量減少外出。陳時中則再次提醒，若業者無法落實社交距離維持，就會</t>
  </si>
  <si>
    <t>「印度神童」阿南德（Abhigya Anand）日前曾於最新影片中預測，下半年因木星行逆行，許多國家將面臨第三波疫情，至於高峰則落在明（2022）年4月。對此，命理專家小孟老師抱持不同看法，表示明年的星相是難得大好的星</t>
  </si>
  <si>
    <t>因為新冠肺炎疫情的爆發，在英國有三分之一的病患，因此而中斷了癌症的療程。甚至有病患因為肺炎疫情取消了掃描、測試、手術、化療或是放射療法，對病情有著嚴重的影響。根據英國媒體《每日郵報》報導指出，他們追蹤</t>
  </si>
  <si>
    <t>法務部上月核定新一波檢察首長人事案，並呈報行政院，法務部原定3月3日或4日舉辦交接典禮，但因新冠肺炎疫情持續升溫，行政院忙於各項防疫措施，相關公文暫時擱置，連帶影響10多名檢察首長迄今尚未交接上任新職，因</t>
  </si>
  <si>
    <t>教育部公布最新學生確診人數，從4月20日到6月2日下午5時30分止，共有352位學生確診，較前一天的342人多10人。這是教育部從5月20日公布學生確診人數以來，單日增加最少的一次。教育部表示，352位確診學生中，包含大專</t>
  </si>
  <si>
    <t>新冠肺炎疫情失控，全台陷入恐慌。新北市市長侯友宜率先在12日疫情爆發之初，喊出「該封城就封城」，當時引發不小爭議，但隨後續疫情不斷升溫，侯的聲勢也水漲船高。國民黨中常委呂學樟直言，最近疫情嚴峻，歡迎侯「</t>
  </si>
  <si>
    <t>歐盟24日將4款大陸出口的口罩列為「嚴重」警示產品，指出口罩的微粒過濾能力不足，無法有效阻擋空氣中的汙染微粒，當中一款過濾效率甚至低於50%，如果民眾沒有穿戴其他防護裝備，只戴上這種口罩的人仍可能染病。歐盟</t>
  </si>
  <si>
    <t>美國總統川普剛結束首場總統大選辯論後，接連搭機趕場造勢行程，不過他的親近幕僚希克斯（Hope Hicks）辯論後與川普搭上同班機，經檢測已確診新冠肺炎；目前仍在等待檢測結果的川普也宣布已開始進行隔離程序。隨後，</t>
  </si>
  <si>
    <t>大陸國家主席習近平首次公開和美國總統川普隔空較勁。川普昨日公開表示，世界衛生組織「非常偏袒」大陸，還稱「許多人對世衛的做法感到不高興，覺得非常不公平」後，習近平發了一封公開信給世衛組織祕書長譚德塞，稱</t>
  </si>
  <si>
    <t>新冠肺炎疫情仍持續擴大，英國近日出現24小時內因肺炎過世人數超過百人，26日死亡人數共115人。影后鮑起靜最近到當地探望女兒，發現女兒發燒，醫院卻以「非緊密接觸者」為由，拒絕讓她入院，讓鮑起靜心疼開罵。70歲</t>
  </si>
  <si>
    <t>新冠肺炎疫情延燒，不少演藝圈名人紛紛對國內外疫區伸出援手，包括大陸知名女星楊冪等人於26日向西班牙馬德里、巴賽隆納捐贈醫療物資，包括10台PAPR正壓式頭罩、500件VG防護服及500個護目鏡等，今由北京中轉深圳送往</t>
  </si>
  <si>
    <t>昨（5日）起至10月18日餐飲業室內用餐免用隔板，高中以下校園學校防疫指引也免用隔板，不過部分便利超商、部分校園及幼兒園為確保無違規，靜候公文通知中。雲林縣一家便利超商的桌子5日深夜仍放著透明隔板，店員說等</t>
  </si>
  <si>
    <t>來自西班牙的世界知名男高音多明哥（Placido Domingo）驚爆確診新冠肺炎，高齡79歲的他尚未退休，每次演出場場爆滿。他23日在臉書發文表示自己先前有發燒和咳嗽等症狀，經新冠肺炎篩檢呈陽性反應，「目前我和家人自</t>
  </si>
  <si>
    <t>浙江省衛生健康委今天表示，3月15日0-24時，浙江省無新增新冠肺炎確診病例，新增出院病例2例，皆為杭州市確診病例。至此杭州除14日通報的1例境外輸入性病例外，本地的181名確診病例已全部治癒出院。資料顯示，截至3</t>
  </si>
  <si>
    <t>全球受新冠肺炎疫情影響，印尼宣稱的境內零確診神話破功，印尼總統佐科威（Joko Widodo）今（2）日宣布，境內出現2起新冠肺炎確診病例。路透社報導，印尼總統佐科威今日宣布，印尼出現2例新冠肺炎確診病例，這是這個</t>
  </si>
  <si>
    <t>政府昨宣布713微解封，今天（9日）新增36例COVID-19確定病例，分別為32例本土及4例境外移入；其中臺北市19例最多，其次為新北市11例、桃園市2例；新北市確診從昨日的+5，到今日又跳回雙位數的+11，是否代表疫情並未</t>
  </si>
  <si>
    <t>國內龍頭台大醫院員工確診！台大今早發出聲明，指工務室一名員工於5月18日出現發燒症狀，傍晚採檢陽性，已通知全辦公室接受採檢，並進行環境採檢及清潔消毒。目前共36人採檢完畢、全數隔離，其中10人確診；據悉有人</t>
  </si>
  <si>
    <t>隨著新冠肺炎疫情持續爆發，各國政府不斷督促民眾前往接種站施打疫苗，但沒想到卻也因此造成家庭糾紛。菲律賓一名女子日前原本想找丈夫陪她去接種疫苗，但丈夫卻以忙碌婉拒，沒想到女子前往接種站時，卻看到老公與小</t>
  </si>
  <si>
    <t>清明連假不少景點湧現人潮，逼得中央疫情中心發出國家級警報，提醒民眾不要前往。抗疫前線的醫師們看到景點人山人海，整個心到沉了，放假前再三宣導全破功了，中山醫大兒童急診科主任謝宗學不死心，日前再po一張警悚</t>
  </si>
  <si>
    <t>台灣北部某醫院爆出院內感染，新北市長侯友宜2日回應，新北醫院早已分倉分流，做好院內感染必要措施，之前已要求發燒篩檢站設於戶外，做好超前部屬，防護做到位。侯友宜表示，已要求醫院嚴格管制或限制人數，市府也</t>
  </si>
  <si>
    <t>海軍敦睦艦隊磐石艦爆發多人感染新冠肺炎，目前已累計27例確診，防疫過程引起外界爭議，對此，前海軍艦長呂禮詩也在節目揭密，國軍在船上的生活。呂禮詩在《新聞挖挖哇》透露，一般海軍的伙食經費比陸軍好，主持人鄭</t>
  </si>
  <si>
    <t>台灣本土疫情大爆發，截至24日上午，本島只剩下台東沒有確診個案，其餘縣市均淪陷，雙北更先後破千例，成了重災區。疫情指揮中心宣布全國升級三級警戒後，民眾非必要幾乎都不出門。有網友提供高鐵列車上最新照片，整</t>
  </si>
  <si>
    <t>今天新增的本土病例案386為20多歲男性，是案195的同住室友。案195於3月5日到3月19日在美國，與案137、145同行，3月20出現咳嗽喉嚨痛，當時因為居家檢疫於3月21日通報。其同住友人案386在今天確診，是在女室友發病後2</t>
  </si>
  <si>
    <t>新冠肺炎疫情肆虐，提升免疫力是保護自己與家人的第一道防線。腸道是人體最大的免疫器官，也是影響荷爾蒙的關鍵。透過飲食來改善腸道過勞、腸漏的症狀，讓身體機能回復正常運作，就能有效瘦身，更能變得身強體壯，強</t>
  </si>
  <si>
    <t>寒舍（2739）受惠台北喜來登完成裝修，在營運干擾因素排除下，2019年營運表現顯著回升，第四季稅後獲利創1.16億元次高，每股盈餘（EPS）1.05元。合計全年合併營收創44.78億元新高，稅後淨利1.23億元、每股盈餘1.11元</t>
  </si>
  <si>
    <t>新冠肺炎疫情方興未艾，一般人稍微咳嗽都會被另眼相看，但香港網路流傳一段影片，一名中年女子在商店購物，不知何故疑似心情不爽，竟拉下口罩朝身旁店員吐口水，嚇得店員立刻彈開。香港網友怒斥該名大媽根本是在「播</t>
  </si>
  <si>
    <t>中央流行疫情指揮中心昨天公布，新冠肺炎本土確診新增355案，其中89例是校正回歸，新增10死，自去年初以來，本土確診已有6974人，109人死亡。台北市昨天確診首度降到百人以下，但專家指出，除非連續1周確診數降至2位</t>
  </si>
  <si>
    <t>別再說雲林最難玩！疫情衝擊國內旅遊大暴發，雲林縣去年觀光客人數首度衝破千萬人次，創造約200億元消費產值，讓農業大縣轉型為觀光大縣，雲林縣政府20日推出「2021新春遊雲林」5大主題遊程，配合縣內各場館新春街藝</t>
  </si>
  <si>
    <t>新冠肺炎爆發以來，這一年多時間，台灣因為超前部署與靈活因應對策，艱辛地壓制住感染情況，直到近日爆出破百本土確診，雙北宣布進入三級警戒，民眾因此恐慌，掀起囤貨潮，搶購商品的程度猶如世界末日，對此，「台劇</t>
  </si>
  <si>
    <t>台北市環南市場2次大規模PCR篩檢結果出爐，共新增3名確診、1例舊案，其中有2人CT值偏低。台北市長柯文哲指出，近期發現有個案再度感染的狀況，且染疫3個月後，還是有再次感染可能，目前台灣已有1萬多人染疫，建議要</t>
  </si>
  <si>
    <t>英國耳鼻喉科協會近期指出，喪失味覺、嗅覺的症狀通常發生在沒有典型症狀的新冠肺炎患者身上，呼籲民眾自我隔離7天。台灣截至目前為止，累計的215名患者中，已有5人出現味覺、嗅覺喪失症狀，且多集中在近期，今日確</t>
  </si>
  <si>
    <t>桃園市15日起擴大疫苗接種，第一天限定88歲以上長者，上午各地疫苗接種站大排長龍，其中，中壢區自強國中發生91歲劉姓老翁，因施打疫苗後身體不適導致休克，被緊急送往部立桃園醫院，桃園市衛生局指出，此案老翁在急</t>
  </si>
  <si>
    <t>連鎖餐飲集團王品（2727）受新冠肺炎疫情衝擊，2020年3月合併營收降至逾8年低點，由於中國大陸門市恢復營運較晚，拖累首季營收降至近7年半低點。不過，中國大陸3月營收已見明顯回升，集團於兩岸將積極衝刺外送服務，</t>
  </si>
  <si>
    <t>新冠肺炎全球肆虐，台灣防疫成果驚豔國際！然而，清明連假時，許多景點湧入人潮，不僅難以保持社交距離，有些民眾甚至未戴上口罩，使民眾憂心防疫恐出現破口。有評論認為，指揮中心罕見一天開兩次記者會，官員紛紛戴</t>
  </si>
  <si>
    <t>新冠肺炎疫情肆虐全球，讓各行各業者損失慘重，只能咬牙苦撐，但民以食為天民眾不能不吃飯，許多民眾害怕外出改叫外賣，因此直接衝擊到店面餐飲業者，彰化員林就有餐飲業者，因應疫情斥資近百萬，店休10天，將店內環</t>
  </si>
  <si>
    <t>因應全球新冠肺炎疫情升溫，金融業者陸續啟動異地辦公，以確保營運不中斷。據金管會統計，目前回報已開始實施異地辦公的金融業者共有36家，包括銀行業13家、證券期貨投信投顧業9家、保險業14家。銀行局統計，截至2月</t>
  </si>
  <si>
    <t>英國廣播公司4日報導，牛津大學在人體發現名為「LZTFL1」的基因；擁有該基因的人若罹患新冠肺炎，出現肺衰竭甚至死亡的風險成長至少1倍。研究還發現，擁有南亞或歐洲血統的人，分別有60%與15%的機率帶有這種高風險基</t>
  </si>
  <si>
    <t>韓國政府3日宣布追加35.3兆韓元預算，規模創下史上最大紀錄，同時也是2020年第三度針對新冠肺炎危機所提出振興經濟追加預算。韓國政府為了緩解新冠肺炎對經濟的衝擊，迄今共挹注270兆韓元救經濟。受此消息激勵，韓國</t>
  </si>
  <si>
    <t>新冠肺炎台灣出現本土死亡首例，正當醫界爭論是否為「社區感染」之際，金融市場率先反映不尋常的氣氛，台股昨開盤就遇「壓力」，下挫近百點，幸好股王大立光（3008）尾盤翻紅，大盤跌勢收斂，終場小跌52點，收在1萬1</t>
  </si>
  <si>
    <t>中央流行疫情指揮中心今(17)日公布國內新增3例境外移入COVID-19病例(案853、854及855)，均自印尼入境。指揮中心表示，案853及854均為印尼籍20多歲男性漁工，皆於今(2021)年1月3日來臺工作，均持有搭機前3日內檢驗陰</t>
  </si>
  <si>
    <t>南韓中秋節過後疫情反撲，台灣中秋後疫情平穩，外界好奇台灣與南韓不同的防疫之處在哪裡？是否有機會放寬，中央流行疫情指揮中心指揮官陳時中表示，中秋連假人潮大量移動，要觀察兩週才能穩，明天會公布相關放寬措施</t>
  </si>
  <si>
    <t>新竹縣長楊文科睽違多日再開疫情直播，針對新竹縣疫苗施打狀況也有所回應，他指出，目前主要施打疫苗為莫德納，長輩都很踴躍，更勝於AZ，卻也因此造成紛爭，由於疫苗數量不足，也向中央爭取，他很感謝中央支援疫苗。</t>
  </si>
  <si>
    <t>新冠肺炎的疫情讓許多人陷入恐慌，近日有網友在臉書分享，美國好市多驚見一副棺材，就那樣陳列在商場中，引發網友熱議，這不就是超前部屬？怕缺貨先搶一波。網友在臉書社團《好市多經驗分享區》分享，疫情恐慌？轉貼</t>
  </si>
  <si>
    <t>買不到機票，只好買股票？台灣爆發疫苗之亂，引爆逃離潮，華航、長榮航北美線出現罕見客滿盛況，一位難求，航空雙雄股價昨日齊拉漲停，長榮航今早再拉第2根漲停，華航則是爆出超過100萬張的成交量，成交值超過200億</t>
  </si>
  <si>
    <t>新冠肺炎疫情在全球擴散，中央流行疫情指揮中心將旅遊警示國家與地區由10處擴增為36處。指揮中心今宣布，將比利時、荷蘭等歐洲8國，中東地區巴林、科威特2國的旅遊疫情建議等級提升至第二級警示；盧森堡、捷克、英國</t>
  </si>
  <si>
    <t>宜蘭縣11日新增3件新冠肺炎確診個案，其中1名是60多歲女性旅行業從業人員，另外兩人是一對父子，確診的父親（案12506）是上個月所公布宜蘭大學安心上工確診病患（案2372）的接觸者，但縣府表示，這位父親先前經過篩</t>
  </si>
  <si>
    <t>副總統陳建仁接受日本媒體訪問時表示，武漢醫護人員感染新冠肺炎，是院內人傳人感染，而不是來自於野味市場，因此應該早點警覺，中國和WHO一直到一月下旬才承認，對全球防疫帶來很大的困難。2003年SARS期間，陳建仁</t>
  </si>
  <si>
    <t>由於台灣疫苗庫存見底，第五輪打完莫德納後，第六輪將由高端上場，而昨天下午共有52.4萬劑自購AZ抵台，不少民眾好奇究竟會開放給誰打。中央流行疫情指揮中心指揮官陳時中昨天表示，原則上會按照年齡層往下開放，考量</t>
  </si>
  <si>
    <t>新冠肺炎疫情延燒，旅宿、餐飲業一片愁雲慘霧，桃園市觀旅局調查，桃園各大飯店2月住房和餐飲營收下降4到7成，紛紛關掉自助餐或改外賣，風景特定區也平均下滑4成，尤其慈湖園區幾乎沒人，桃園市長鄭文燦19日裁示減少</t>
  </si>
  <si>
    <t>新冠肺炎（COVID-19）疫情全球升溫，我國全力防堵疫情擴散，今（12）中央流行疫情指揮中心說明最新進度，記者會重點如下：◎今日新增3名新冠肺炎確診案例，1例本土、2境外移入個案。其中本土個案386為案195同住友人，</t>
  </si>
  <si>
    <t>瑞昱(2379)第四季五大產品線除TV SoC高峰已過外，其餘皆維持成長動能，且有機會維持到明年，展望2021年，藍芽、WiFi6更將扮演瑞昱營運兩大亮點，今股價開高震盪，上漲約1.5%，最高達380.5元。瑞昱第三季營收224.09億</t>
  </si>
  <si>
    <t>身為NBA首位確診新冠肺炎的球員，且被公認是造成NBA今年3月無限期停賽的最大「元兇」爵士中鋒戈貝爾，近日接受法國媒體《隊報》訪問表示，自己到目前為止還受到新冠後遺症影響，那就是他的嗅覺很可能要1年後才可恢復</t>
  </si>
  <si>
    <t>新冠肺炎全球發威，然多虧台灣相關部門的超前佈署，防堵疫情嚴密程度有目共睹，然「人禍難防」，這兩天暴增14起境外移入確診案例，引發民怨，名主播張雅琴也在節目上透露臉書被憤怒網友灌爆，請她呼籲眾人防疫為重、</t>
  </si>
  <si>
    <t>新冠肺炎疫情衝擊各產業，商圈、餐廳人潮稀落，台灣連鎖加盟促進協會理事長李日東今天表示，業者受疫情影響生意慘淡，甚至有銀行已經在抽銀根，呼籲政府紓困動作要快，並依照連鎖產業影響程度分類給予適當補助，不要</t>
  </si>
  <si>
    <t>記憶體封測廠力成（6239）法說對營運後市釋出正向展望，預期第二季營收可望維持成長，全年營運挑戰新高。多家外資出具最新報告，同聲看好力成營運後市，維持既有評等不變、目標價則高低調整互見，由100～130元區間調</t>
  </si>
  <si>
    <t>近期新冠肺炎死亡人數逐漸上升，新北市長侯友宜25日表示，新北市目前各大醫院收治病人總共有528人，其中有77人是重症，比例15％相當高，且重症很多是長者，市府將加強醫院與長照機構防疫，落實感控、分艙、分流，除</t>
  </si>
  <si>
    <t>國中畢業就燒了一手好菜，可說是非常不容易。日本一名人妻在兒子國中畢業後，出了一個每天花1000日幣（約新台幣273元）做晚餐的任務，而剩下的經費便可作為他的零用錢，兒子花了8週的時間，成功做了一桌好料，讓不少</t>
  </si>
  <si>
    <t>知名美國饒舌天后卡蒂B（Cardi B）個性嗆辣直率、有話直說，面對疫情，日前一句「老娘好怕怕」紅遍全球，更被DJ Snake（蛇爺）創作成《新冠病毒Remix》（Coronavirus Remix）登上排行榜。她近日開直播大讚，「中國防</t>
  </si>
  <si>
    <t>新冠肺炎在歐洲大爆發，新北市中和區瓦磘里里長林綺芳卻揪團前往西班牙旅行，引來外界撻伐。草協聯盟發起人李正皓爆料，指出林綺芳除了未盡責替選民服務或協調，還用瘋狂檢舉開單的方式逼退傳統市場小販。李正皓在臉</t>
  </si>
  <si>
    <t>疫情未降溫，疫苗成搶手貨，台中市長盧秀燕8日在市政會議表示，最近很多市民打電話到市府詢問疫苗怎麼打？但現在疫苗太少，中央定有十大類施打順序，醫護第一大類也沒打完，還不到全民施打階段，市府對十大類可以施</t>
  </si>
  <si>
    <t>台北市長柯文哲7日下午在防疫記者會表示，北市這幾天快篩陽性的總數有減少，雙北的疫情目前趨緩，但麻煩的是全台各地都有隱藏感染源，整個社區也都有潛伏感染源，還是要維持一定程度的三級管制，用最低的成本撐到有</t>
  </si>
  <si>
    <t>我高端疫苗生物製劑公司日前與巴拉圭亞松森大學醫學院舉行視訊會議，討論合作研發新冠肺炎疫苗，並在巴國進行人體試驗，雙方表達高度合作意願。外交部今天樂觀其成，將居中協調提供必要協助。我友邦巴拉圭疫情告急，</t>
  </si>
  <si>
    <t>大陸製造快速崛起，全球PCB版圖也重新洗牌，根據Dr. Hayao Nakahara的調查報告，2019年全球前122大PCB製造商中有52家廠商來自於中國大陸與香港，相較於2000年僅6家「中國大陸製造商」大幅成長，大陸前6大廠總營收亦</t>
  </si>
  <si>
    <t>藥華藥(6446)接獲FDA函謂其Ropeginterferon alpha 2b(P1101)美國PV藥證申請的完成審查日期為2021年3月13日。另外，其以P1101治療或預防新冠肺炎的臨床試驗方案也已獲FDA授予Pre-IND號碼：150922，FDA將給予書面回覆</t>
  </si>
  <si>
    <t>疫情升溫，醫護人員疲於奔命，副總統賴清德今天向民眾喊話，無接觸史、活動史且無症狀者，目前沒有篩檢必要。不要貿然前往急診室，讓自己暴露在感染風險之中，他也拜託國人，把急重症醫療資源留給需要的人，珍惜在第</t>
  </si>
  <si>
    <t>孕婦昨被列為公費接種疫苗第6類實施對象，即起開放接種，不過，原本規定，同時為第一至第三類接種對象的孕婦才能選擇疫苗廠牌，如果是一般孕婦則只能選擇AZ疫苗，引起民眾關注，不少縣市首長紛紛喊話讓孕婦打莫德納</t>
  </si>
  <si>
    <t>統新(6426)2019年獲利大爆發，全年稅後淨利為0.94億元，年增率703.14%，每股獲利2.78元，董事會也通過每股配發現金股利2.0元，展望2020年，統新認為，儘管有新冠肺炎衝擊，但因為各國對5G的建設依舊相當積極，故看好</t>
  </si>
  <si>
    <t>全球疫情延燒一年多，台灣卻才剛開始，不過幸好全球已經經歷過的事情，都有經驗作為參考。整形外科醫師黃馨慧雖不是第一線的醫護人員，但利用自己的英文與查詢醫學期刊的能力，整理了包含美國疾病管制署、Lancet、JA</t>
  </si>
  <si>
    <t>公費流感疫苗今（1）日起開打。台大兒童醫院院長黃立民昨指出，國內連2年沒有流感、侵襲性肺炎鏈球菌疫情，民眾免疫力長期未被病毒激發，今年秋冬恐有反撲大流行，建議民眾應接種流感、肺炎鏈球菌及新冠肺炎等3種疫</t>
  </si>
  <si>
    <t>從香港出發的郵輪「威士特丹號」上周四（13日）終於在柬埔寨靠岸，全部乘客通過檢疫獲准下船。但馬來西亞衞生部門昨日（15日）證實，83歲美國女乘客飛抵馬國後確診感染新冠肺炎，馬國全國累計22個確診病例。吉隆坡當</t>
  </si>
  <si>
    <t>台灣民意基金會公布的民調顯示，民進黨政黨認同度在疫情爆發後出現「墜崖式崩落，流失三百萬的「死忠支持者」。台灣民意基金會董事長游盈隆今接受資深媒體人黃暐瀚採訪時表示，民進黨「低估病毒、高估自己」，結果，</t>
  </si>
  <si>
    <t>土耳其籍男星吳鳳來台發展多年，2015年成為台灣女婿的他，與太太陸續生下2個寶貝女兒。時常在社群平台上分享生活日常的吳鳳，先前曾說自己家鄉土耳其目前新冠肺炎疫情嚴峻，他的妹妹和外甥也都相繼確診，同時更出現</t>
  </si>
  <si>
    <t>敦睦艦隊磐石艦23日再新增1例新冠肺炎確診，使得磐石艦累計已29例確診，且其中5例是第2次採檢才發現陽性，累計國內共427人確診。中央流行疫情指揮中心表示，案427是20多歲男性，4月18日至集中檢疫所隔離採檢，一採陰</t>
  </si>
  <si>
    <t>彰化縣長王惠美22日宣布新增1本土確診病例，為80幾歲男性前往南彰化圓明聖道院問事、靜坐而染疫；疫調發現，主持私人神壇的南彰化里長娘本月11、12日還曾與南投縣的師兄連袂北上台北萬華龍山寺，參加渡靈活動，為了</t>
  </si>
  <si>
    <t>日本伴手禮業者紅馬-KY（2928）股東常會通過配息1元，今（15）日進行除息交易，每股參考價39.75元。紅馬今日開高後量增穩揚，隨後在買盤敲進下飆升8.18％至43元，開盤17分鐘即完成填息。早盤維持逾4％漲幅，位居觀光</t>
  </si>
  <si>
    <t>立法院今協商紓困特別條例，國民黨立委曾銘宗指出，民進黨不僅不接受國民黨提出的排富發現金方案，還提出修正動議，加碼把紓困特別預算一口氣拉高到4200億，比起原先的2100億又多了一倍，而多出來的2100億額度沒有指</t>
  </si>
  <si>
    <t>新冠肺炎持續延燒，但清明連假不少景點卻湧入大批人潮，振興醫院急診重症醫學部主治醫生蔡賢龍撰文指出，現在台灣確診的狀況看來，前三大症狀為發燒、咳嗽以及喉嚨癢痛，此外，初步發燒表現比例只有低到36.63%，需要</t>
  </si>
  <si>
    <t>華航（2610）1月份合併營業收入為147.68億元，年增3.42％，其中客運收入106.07億元，年增12.90％，貨運收入31.40億元，年減17.84％，二月因為新冠肺炎，法人估華航客運營收估計減幅有可能超過兩成，貨運部分進口線很</t>
  </si>
  <si>
    <t>指揮中心今（12）日中午召開記者會，針對昨天爭議不斷的陸配子女反台政策作出回應，決定將政策喊卡，撤回大陸籍子女入境規定。指揮觀陳時中霸氣表示，「要為當初選擇國籍時負責」。消息一公布，台大醫院婦產科醫師施</t>
  </si>
  <si>
    <t>印度統計局29日公布數據顯示，該國本財年第四季（1～3月）國內生產毛額（GDP）年增率降至3.1％，優於預期。為了防堵新冠肺炎疫情擴散，印度全國各地實施封鎖隔離，導致各行各業與消費者信心遭到重創，連帶拖累經濟成</t>
  </si>
  <si>
    <t>國產高端疫苗開打3天出現4人接種後死亡的憾事，而第六輪接種將持續至29日，中央流行疫情指揮中心指揮官陳時中今天表示，並未出現明顯緩打潮，不過接種率確實有降低。陳時中表示，8月23日高端接種率達92.8％，8月24日</t>
  </si>
  <si>
    <t>新冠肺炎（COVID-19，俗稱武漢肺炎）已讓全球人心惶惶，今（21）指揮中心再度宣布2新確診案例，許多人求口罩不得，只能狂洗手、消毒來防疫，卻有民眾還搞不清楚狀況，已經連續咳嗽、流鼻水一個多月，在醫師追問下，</t>
  </si>
  <si>
    <t>美國白宮於美東時間3日上午宣布將提供7百萬劑疫苗給包含台灣在內的亞太地區國家。對於美方在我國政府與人民全力對抗疫情之際，即時伸出援手，展現對我溫暖關懷，外交部表達誠摯感謝之意。外交部表示，台灣與美國自去</t>
  </si>
  <si>
    <t>桃園市自22日進行校園BNT疫苗接種計畫，原預計10月8日前完成，但接獲中央通知疫苗延遲，現有28所學校、1.8萬名學生會受到影響，預計要延期至10月12日以後才能接種疫苗。桃園市衛生局指出，BNT疫苗校園接種原預計10月</t>
  </si>
  <si>
    <t>中央流行疫情指揮中心今(3)日公布國內新增6例境外移入COVID-19確定病例，自荷蘭(案1139、案1140)、印尼(案1141至案1143)及烏茲別克(案1144)入境。指揮中心指出，案1139為荷蘭籍40多歲男性船員，今(2021)年4月10日來</t>
  </si>
  <si>
    <t>國內昨日新增382例新冠肺炎疑似個案，截至目前累計13555例通報，其中13095已排除，45人確診，中央流行疫情指揮中心指揮官陳時中表示，國內今日無確診個案。所有確診者中，1名死亡、15名解除隔離（其中13名已出院）、</t>
  </si>
  <si>
    <t>新冠肺炎疫情延燒，台北市政府30日將舉行內部封城兵推，市議員許淑華提醒市民不要恐慌搶購物資，一窩蜂採購會造成防疫破口，她也建議大家參考「信義區三兩事」臉書社團發起的「採買時段分流」，以住家門牌號碼為基準</t>
  </si>
  <si>
    <t>台灣進口疫苗不足，加上本土疫情近半個月以來大爆發，網傳旅行社規劃推出「接種團」，前往美西打疫苗，團費估15萬元，最快6月1日出發。一個26天的行程在LINE群組間瘋狂流傳，且保證不打AZ，引起網友熱烈討論。經COVA</t>
  </si>
  <si>
    <t>台北市萬華區年中因新冠疫情受創，近來在各界幫助下逐漸復甦。文化總會今年再度推出結合老城魅力的生活節品牌「萬華大鬧熱」，20日舉辦開幕式，為精彩的音樂祭及市集揭開序幕，活動邀來滅火器等16組團體輪番登台演出</t>
  </si>
  <si>
    <t>北京新冠肺炎疫情驚傳出現反彈，已經在11、12日連續兩日出現多起新增本土病例，其中12日新增6宗。北京13日召開第114場新冠肺炎疫情防控記者會，北京市豐台區委副書記、代區長初軍威表示，目前已經檢驗豐台區確診病例</t>
  </si>
  <si>
    <t>新冠肺炎疫情延燒，微酸性電解次氯酸水的消毒、除菌效果備受青睞，水神生成機也水漲船高供不應求。水神食農業產品總代理商總經理賴思明說，微酸性電解次氯酸水除菌力高受各產業界重視，水神生成機訂購量暴增5成，目</t>
  </si>
  <si>
    <t>新冠肺炎（COVID-19）疫情肆虐各國，已影響製造業、交通運輸等產業正常運作。國際貨幣基金組織（IMF）總裁喬治艾娃（Kristalina Georgieva）認為，現在要斷定疫情造成的經濟損失仍為時尚早，但她認為這對全球經濟的</t>
  </si>
  <si>
    <t>大陸監獄新冠肺炎疫情大爆發！據大陸司法部監獄管理局負責人何平昨(21日)表示，至前天（20日）為止，湖北、山東、浙江3省5座監獄共計確診505例，其中浙江省光是20日就新增28例，當中的27例都是來自同十里豐監獄，加</t>
  </si>
  <si>
    <t>國內醫療量能吃緊，衛福部長陳時中今天終於鬆口，考慮蓋類似方艙醫院的醫療設施來因應當前醫療緊繃狀況，盼能讓未來疫情有備無患。陳時中表示，全世界的醫療量能都一樣，本來就是維持一個相對的平衡，因此當有疾病爆</t>
  </si>
  <si>
    <t>艦隊有24位官兵染疫，一夕之間國軍從防疫模範生，成為全國民眾眼中的獵巫對象，輿論一面倒火力全開撻伐。磐石艦的感染源從何而來?目前仍一片謎團，但朝野似乎已定調為「海軍隱匿疫情」。眼見海軍遭到排山倒海指責，</t>
  </si>
  <si>
    <t>台中市政府將於中秋節過後9月23日起，為全市高中職以下（含五專專一至專三）、12 歲以上學生接種BNT疫苗。教育局指出，截至16日止，全市公、私立國高中及五 專學校計130校，已全數完成意願書回收作業，完成率100％，</t>
  </si>
  <si>
    <t>巴西總統波索納洛（Jair Bolsonaro）發燒到38度，而且在新冠病毒測試中也呈陽性，所幸在周二已退燒。波索納洛說，他是服用羥氯喹才能迅速康復的。然而這種抗瘧疾藥物尚未被證明對COVID-19有效。美聯社報導，波索納洛</t>
  </si>
  <si>
    <t>中央流行疫情指揮中心今(4)日公布國內新增5例COVID-19確定病例，均為境外移入；另確診個案中新增1例死亡。指揮中心說明，今日新增5例境外移入個案，為4例男性、1例女性，年齡介於20多歲至50多歲，分別自印尼(3例，案</t>
  </si>
  <si>
    <t>國內日前迎來降為二級警戒後首個中秋連假，4天假期各景點都被人潮塞爆，外界擔心中秋假期恐釀成疫情破口，中央流行疫情指揮中心副指揮官陳宗彥今表示，目前還在持續觀察中，一般都會觀察2周的時間，提醒民眾若有相關</t>
  </si>
  <si>
    <t>「永遠的小倩」王祖賢息影多年，移居加拿大專心修佛，不過她的動態仍是許多人關注焦點，近日有網友曝光她參加公益活動側拍照，雖然打扮樸素，但仍能看出她保養得宜，讓粉絲驚豔。王祖賢穿著樸素出席華人公益活動，雖</t>
  </si>
  <si>
    <t>歐洲的新冠肺炎疫情嚴重，仍看不出如何緩解，相對東亞的疫情已過高峰期，於是在日本國會上討論，日本是否要出手支援?日本副首相、財政大臣麻生太郎略在回應時，略帶抱怨的提到義大利在2月底相當輕忽新冠病毒疫情，甚</t>
  </si>
  <si>
    <t>美國贈送250萬劑莫德納疫苗來台，針對長者是否可挑選疫苗，台北市長柯文哲21日在防疫記者會表示，AZ跟莫德納疫苗效果沒什麼太大差別，但當然有血栓疾病就打莫德納疫苗，此外2個效果副作用無明顯差別，這周AZ差不多打</t>
  </si>
  <si>
    <t>嘉義市1名33歲李姓男子平時身體正常沒有特殊疾病，但上月10日施打AZ疫苗後，19日出現頭痛、胸悶等症狀，隔日狀況未改善緊急就醫，就醫後陸續做移除血栓、心導管手術等，今天上午在醫院拔管宣告死亡，法醫今天下午相</t>
  </si>
  <si>
    <t>新冠肺炎疫情在全美擴散，舊金山確診案例不斷攀升，舊金山政府致電希望勇士能取消在Chase Center的比賽，但勇士球團拒絕這項決定，依舊傾向正常比賽。舊金山公共衛生部門主管帕金斯表示，「我已經親自和勇士負責人威</t>
  </si>
  <si>
    <t>新冠肺炎疫情持續，口罩、酒精等防疫物資因民眾搶購需求大增，除台酒、台糖等公營酒廠外，台南市政府協調轄內民營酒廠，撥出部分產線生產防疫酒精，向中央爭取業者可免徵烈酒稅，獲得全久榮、坤展2家酒廠響應，加入</t>
  </si>
  <si>
    <t>內蒙古阿拉善盟額濟納旗近日爆發本土疫情，昨（25日）再新增15例本土確診病例。當地宣布自當日凌晨零時起實施封區，要求當地居民和遊客足不出戶、嚴禁聚集。據了解，每年10月是當地旅遊旺季，該人口約只有3.6萬人的</t>
  </si>
  <si>
    <t>美國總統川普坦言，疫情初期為了避免恐慌，淡化疫情的嚴重性。對照大陸近幾個月來，陸續公布的防疫時間軸、抗疫行動白皮書等，都闡明對美方已多次通報疫情，從領導人層級，到學界交流皆有。僅從疫情爆發後到三月底，</t>
  </si>
  <si>
    <t>二月十四情人節，台中市主辦的2020台灣燈會規劃璀璨燈組，浪漫氣氛吸引許多情侶朝聖，市長盧秀燕在臉書分享充滿幸福氛圍的燈區影片，她表示，2020台灣燈會體現了台中這座城市的浪漫，期待能帶給每個到來的朋友歡樂與</t>
  </si>
  <si>
    <t>據《路透社》報導，以色列衛生部1日宣布，以色列施打輝瑞疫苗的年輕男性，少數出現心肌炎的症狀；其中，又以16至19歲男性出現心肌炎比例為最高。對此，輝瑞表示並未發現到較一般人預期更高的心肌炎發病率。以色列衛</t>
  </si>
  <si>
    <t>新冠肺炎疫情延燒，在東部離島的綠島鄉有傳出遊客疑似染新冠肺炎病毒，綠島鄉長謝賢裕臉書po文澄清，遊客是腸胃型感冒，採檢為陰性，請勿以訛傳訛。另外，謝賢裕表示，黑鷹直升機26日到綠島，是接送空勤5位長官到綠</t>
  </si>
  <si>
    <t>彰化縣新冠肺炎疫情嚴峻，確診人數突破160人，辛苦的警、醫護守在第一線守護人民，1日晚間彰化縣田中警分局闖入一名男子，送來6大箱總計1萬2千片口罩，林男表示為了感謝第一線警察，用行動力挺，提供給第一線執行防</t>
  </si>
  <si>
    <t>台灣疫情升溫，許多店家宣布入內須實聯制，一名網友分享照片說，去麥當勞意外發現有位客人留資料的字跡極度潦草，幾乎看不懂是在寫啥，因此有朋友吐槽「也許是醫師在開處方籤」讓他超不爽，意外引發網友討論。一名網</t>
  </si>
  <si>
    <t>蔡英文總統今天表示，臺灣的防疫表現受到國際肯定，過去我們組好國家隊，現在要打入國際盃，和其他國家一起進行防疫工作。在臺灣行有餘力的情況下，基於人道考量，將會在口罩、藥物、技術等三個方面協助國際社會，與</t>
  </si>
  <si>
    <t>中央流行疫情指揮中心今(14)日公布國內新增5例COVID-19確定病例，分別為2例本土及3例境外移入；另確診個案中無新增死亡。中央流行疫情指揮中心指揮官陳時中表示，兩例都是新北市幼兒園居家隔離對象，居家隔離期間檢</t>
  </si>
  <si>
    <t>三峽恩主公醫院因醫療作業疏失，將未稀釋的原液疫苗BNT誤認是殘劑疫苗，原本可供150人施打的疫苗變成25人施打，其中一人就是新北市議員林金結54歲大嫂，林金結姪子林喬豐今表示，媽媽本身有心臟病史，昨早打完疫苗無</t>
  </si>
  <si>
    <t>台灣近日出現多例猝死家中的確診個案，引起外界好奇背後原因，對此，胸腔暨重症醫師黃軒表示，輕症或無症狀患者仍會死亡，當隱形缺氧的狀況發生，早上還可意識清楚、可以正常應答的患者，晚上可能就心跳停止了。而這</t>
  </si>
  <si>
    <t>中小企業有福了！新北市政府勞工局為獎勵企業辦理友善家庭暨工作平等措施，針對企業提供勞工優於法令的措施提供現金獎勵金，最高給予5萬元！今年更放寬讓30人以下的企業也可申請，自3月1日起至5月31日止，歡迎符合資</t>
  </si>
  <si>
    <t>桌球明星夫妻福原愛與江宏傑鬧婚變，女方還被拍到跟高帥男出遊過夜，事後澄清「一人一間」沒出軌，但仍引發負面輿論，而事件持續延燒，過去曾爆出福原愛堅持離婚並打算不再回台灣，但知情人士卻表示她其實很想念媽媽</t>
  </si>
  <si>
    <t>鑑於新冠肺炎超速蔓延，人口超過13億的印度宣布全國封鎖21天，創下史上最大規模的鎖國行動。■India, population 1.3 billion, orders 'complete' coronavirus lockdown.為因應新冠肺炎疫情，防範感染擴大，印度總理</t>
  </si>
  <si>
    <t>金管會日前舉辦「110年度保險競賽」頒獎典禮，110年度因應新冠肺炎疫情，新設立疫情紓困措施競賽，富邦人壽獲「紓困績優獎」肯定，並在微型保險競賽榮獲「業務績優獎」及「身心障礙關懷獎」。新冠肺炎自109年起延燒</t>
  </si>
  <si>
    <t>台灣疫情持續緊張，幸好台股在連日重挫後率先強彈，外資研究機構包括：里昂、匯豐、瑞銀等全轉向高殖利率投資策略，從防禦特質帶起反彈，連兩日布局的國際資金收到極佳效果，匯豐更把台股投資評等一口氣拉升至「加碼</t>
  </si>
  <si>
    <t>新冠肺炎疫情嚴峻，新北市民政局今天公告，新北各戶所除嚴格落實「實聯制」出入口防疫及環境清消，17日起暫停夜間延時服務，及假日預約結婚登記服務，防堵可能破口。民政局長柯慶忠表示，本土確診案例持續攀升，為防</t>
  </si>
  <si>
    <t>台北市今晚間再度公布最新北市1例確診個案的公共場域足跡，確診者案15396曾在7月9日、10日連續兩天，早上5點45分至下午2點在信義區的永利市場，日前永利市場已封市3天急清消。北市府表示，永利市場攤販(案15396) 與</t>
  </si>
  <si>
    <t>國內本土疫情仍在高峰，昨天又新增297例本土確診，及19名死亡個案，再創單日死亡新高，讓民眾出門買菜人心惶惶，怕把病毒帶回家中因此染疫，林口長庚兒科急診醫師吳昌騰表示，最新研究顯示，病毒載量極高的患者，有</t>
  </si>
  <si>
    <t>國內疫情嚴峻，高雄多家星級飯店「重出江湖」改賣便當度小月，漢來美食旗下5家餐廳周四起賣特製便當搶市，但由於來客數雪崩式下跌，兩家餐廳明起暫停營業。高雄福華飯店今（17）日中午半小時賣出百餘個便當、高雄英</t>
  </si>
  <si>
    <t>患者說謊害慘全州！澳洲的南澳省出現36個新增確診，包括4月以來首見的本土病例，因此該省自19日起全面封城6天。但沒想到，這一切都是因為一名患者，撒謊提供錯誤的接觸史訊息，誤導防疫當局所致。官員表示，如果該患</t>
  </si>
  <si>
    <t>北市某旅行社公告，經台北市衛生局通報，公司有同仁4月2日確診新冠肺炎，經查此同仁為代理部主管，因屬新成立部門，該部僅該員1人，沒有業務也無與其他同事互動，但3月30日上午曾短暫到會議室介紹講課老師便離開，公</t>
  </si>
  <si>
    <t>網紅四叉貓「劉宇」日前在Facebook公布自己接種高端疫苗後，前往禾馨做的檢驗抗體報告，但國內並未開放民眾自費檢驗抗體，北市衛生局也將調查是否對診所開罰。不過，禾馨診所營運長林思宏今在社群平台貼出公文，早在</t>
  </si>
  <si>
    <t>新冠肺炎擾世已足足400多天了。這些日子以來，全人類應該都深深體悟到，新冠疫情最可怕的並不是死亡人數和醫療崩解，而是政治的副作用。有評論家喻之為史上最政治的一場瘟疫，畢竟它不但已淪為全球兩大強權的博弈籌</t>
  </si>
  <si>
    <t>針對地區65歲以上並於6／19前接種第1劑AZ疫苗的長輩鄉親，金門縣政府今天宣布，8／28將再度啟動4座大型接種站施打第2劑AZ疫苗，提醒大家多加留意。4座大型AZ疫苗接種站為金城鎮金城體育館、金湖鎮金湖小巨蛋、金沙鎮</t>
  </si>
  <si>
    <t>新冠肺炎疫情持續延燒，衝擊市場投資情緒，使得行情波動度大增，然而也可能創造了進場時機。但是疫情發展無法事先掌控，對於想要控制投資風險並追求目標收益的投資人，此時階梯到期新興市場債券基金是不錯的選擇。宏</t>
  </si>
  <si>
    <t>日本國內的新冠肺炎疫情還沒有平息的跡象。日本傳染病研究專家、東北醫藥大學特任教授賀來滿夫接受《每日新聞》專訪時預測，日本的疫情恐怕4至5月才是顛峰期。他以SARS為例指出，2002年11月確認了SARS病毒，2003年3</t>
  </si>
  <si>
    <t>中央流行疫情指揮中心今(11)日公布國內新增11例COVID-19確定病例，分別為1例本土個案及10例境外移入；另確診個案中無新增死亡。指揮中心發言人莊人祥表示，今日新增1例本土個案(案16411)，為40多歲女性，今(2021)年1</t>
  </si>
  <si>
    <t>新冠肺炎病毒在美國各區漫延，全球窗飾產業領導廠商億豐(8464)指出，由於各地紛紛採取新的防疫措施，將造成美國主要客製化窗簾(含:百葉門、百葉窗及軟質窗簾)，按各州規範延後出貨。對此，億豐已採各項措施應變，包</t>
  </si>
  <si>
    <t>為防堵新冠肺炎疫情擴散，北市政府衛生局針對未配合居家檢疫者持續開罰，9日1名自陸港澳流行地區入境的民眾，未依規定填寫居家檢疫地點，依「嚴重特殊傳染性肺炎防治及紓困振興特別條例」，從重裁罰100萬元，因該民</t>
  </si>
  <si>
    <t>中央疫情指揮中心指揮官、衛福部長陳時中的設計師兒子陳彥安日前替Wecare高雄繪製一款「洗手罷韓」T恤。網友回應，「都甚麼時候了！？」根據中國時報記者報導，洗手罷韓」T恤除印製「內外夾弓大立腕」洗手標準程序之</t>
  </si>
  <si>
    <t>衛福部長陳時中今天透露，我國所採購的高端疫苗確實很有可能會打不完，不過目前高端疫苗正在向友邦巴拉圭申請緊急使用授權（EUA），也有多國向我接洽疫苗捐贈事宜，會盡全力讓高端疫苗被妥善運用不浪費。立法院衛環</t>
  </si>
  <si>
    <t>新冠肺炎疫情延燒，陸委會主委陳明通日前以「小明的故事」為由，推動陸配子女來台措施，但一日之後政策大轉彎並遭到撤回。小明爸爸心急如焚，接受訪問希望政府能再考慮政策。不過，身為大陸配偶的網紅「廣告小妹」卻</t>
  </si>
  <si>
    <t>為了減緩新冠肺炎疫情擴散帶來的經濟衝擊，亞洲多國央行19日相繼採取寬鬆貨幣政策，包括澳洲、菲律賓與印尼央行都宣布降息。而澳洲央行（RBA）除了將基準利率調降一碼至歷史新低0.25％，此為本月以來第二度降息，更</t>
  </si>
  <si>
    <t>中央陸續配發15萬劑的莫德納到各縣市，新北市衛生局長陳潤秋今上午8時許在市政會議表示，中央總共配發給新北市9800劑，昨天先到5700劑，後續會再補4100劑，全數給新冠肺炎專責病房內工作者接種，由專責醫院在院內直</t>
  </si>
  <si>
    <t>新冠肺炎衝擊產業，學校建教合作廠商仍力挺學生，新北市長侯友宜14日上午至「全球傳動科技公司」參訪，體驗該公司與瑞芳高工合作的職業技能訓練實況。侯友宜表示，今年市府加碼400萬「新北學霸-建教合作圓夢獎學金之</t>
  </si>
  <si>
    <t>美國眾議院周三以壓倒性多數，火速通過規模高達83億美元防疫支出法案，並送交參議院表決，為防堵新冠肺炎疫情擴散與開發疫苖提供資金。該支出法案規模遠遠超出川普政府最初提出的25億美元。在白宮支持下，國會眾領導</t>
  </si>
  <si>
    <t>因為南韓大邱新天地教會發生新冠肺炎（COVID-19）超級傳播事件，台灣中央流行疫情指揮中心在20日提升南韓旅遊疫情建議至第一級注意。目前尚有約400人仍聯繫不上。此教會超級傳播事件已成為韓國新冠肺炎疫情核心，在</t>
  </si>
  <si>
    <t>每年都吸引上百萬人參與的台北最High新年城即將登場，面對新冠肺炎新變種病毒Omicron，台北市長柯文哲說有可能3天前取消，他28日再被問及是否有防疫計畫時強調，「放心好了，把去年那套拿出來修一修就好。」Omicron</t>
  </si>
  <si>
    <t>新北市疫情嚴峻，中和警分局偵查隊今（5日）再度傳出偵查隊某隊員PCR陽性確診，中和警分局表示，已要求密切接觸者自主居家健康管理及再度安排採驗，目前偵查隊業務由市刑大接手，治安不打烊，全市至今已累計15名警員</t>
  </si>
  <si>
    <t>新型肺炎來勢洶洶！美國國防部三月初警告：30天內將形成全球大流行！即使公衛專家們用盡蠻荒之力加速防疫，但對於防治與控制仍極其有限，全球瀰漫著一股不確定的氛圍。Discovery頻道《冠狀病毒：無聲殺手專訪感染過S</t>
  </si>
  <si>
    <t>近日傳出高鐵員工「偷跑」接種莫德納第2劑，引發外界關注。而國內尚未接種莫德納第2劑的民眾高達262萬人，其中不少人第1劑已屆滿10周，究竟何時能完成接種，中央流行疫情指揮中心指揮官陳時中今天透露，「我想很快就</t>
  </si>
  <si>
    <t>東京奧運延到明年7月23日到8月8日舉行，不少國際重要賽事日程也必須錯開，原定明年8月在西班牙韋爾瓦（Huelva）舉辦的世界羽球錦標賽，將延後到11月29日到12月5日進行。世錦賽延期是世界羽聯（BWF）和西班牙羽球協會</t>
  </si>
  <si>
    <t>台灣不少打過2劑高端疫苗的民眾，想要出國必須再接種其他國際認證的疫苗，外界好奇就叫混打還是重打，台北市長柯文哲15日表示，高端不被國際社會承認，這叫重打。市議員潘懷宗今午在市政總質詢提出，台灣民眾打完2劑</t>
  </si>
  <si>
    <t>林志玲老公AKIRA同屬的「放浪兄弟」（EXILE）成員小林直己，昨（4日）驚傳確診新冠肺炎，根據日媒報導小林直己本月3日覺得身體不太舒適，隔天立刻接受PCR檢測，檢測結果呈現為陽性反應，日本經紀公司表示：「目前小</t>
  </si>
  <si>
    <t>韋禮安5日迎接33歲生日，領養三隻貓咪的他，選在這天首播新歌〈貓咪共和國〉，也是他合作國際音樂公司The Orchard後推出的第一個作品，別具意義！他昨在工作中度過生日，提起願望，韋禮安希望周遭所有人平安順利，新</t>
  </si>
  <si>
    <t>進入秋冬之際，新冠肺炎在歐美兩地又有捲土重來之勢，確診人數激增，加上財政紓困方案談判在大選前再次陷入停頓。26日美股三大指數重挫，道瓊一度跌720點，最終收盤道瓊下跌650點，創9月3日以來最大單日跌幅。美國股</t>
  </si>
  <si>
    <t>法國近日新冠肺炎疫情又反撲，政府再度採取封城手段降低感染風險，因為封城市從4月開始為期一個月，因此原定5月下旬開打的法國網球公開賽恐怕準備工作受到影響，可能會再像去年一樣延賽，更嚴重甚至可能得取消。法國</t>
  </si>
  <si>
    <t>立法院已同意追加1500億元紓困特別預算，明天起財委會將進行審查，「紓困陳時中」行政院政委龔明鑫明天也將啟動受困產業關懷之旅，首站將抵婚紗業。龔明鑫明天下午一點將偕同經濟部次長王美花，拜會受衝擊婚紗業代表</t>
  </si>
  <si>
    <t>新型冠狀肺炎疫情尚未趨緩，而飛沫及接觸傳染是主要途徑，新竹市建功國小的老師出奇招，開學時特別在每個學生的座位上，放了綠色的大型壓克力隔板，避免學童口沫及食物飛濺，也提醒學生養成良好用餐習慣，奇特的用餐</t>
  </si>
  <si>
    <t>（next@acer 2020全球線上發表會邀請函。圖／宏碁提供）品牌廠宏碁（2353）今年度新品發表會時程，在新冠肺炎（COVID-19）疫情肆虐下大受影響，原照慣例會在第二季初舉行的春季新品發表會取消實體活動後，再延至季底</t>
  </si>
  <si>
    <t>新冠肺炎疫情升溫，全台累計確診達40例，由於日租套房大多沒有旅客登錄以及防疫通報制度，恐成為防疫漏洞，對此，新北市長侯友宜今（2日）上午表示，針對有故意隱匿、包容居家檢疫者逃跑者，連帶責任一定追究。侯友</t>
  </si>
  <si>
    <t>前女「F4」成員劉樂妍已將事業及生活重心移往對岸，現在因新冠肺炎疫情致使陸演藝圈全面停工，她本想好好躲在大陸住處等待疫情過去，然因為官司問題，致使她必須返台出庭，如今傳票不斷寄送到她手上，讓她無奈哭喊不</t>
  </si>
  <si>
    <t>彰化縣新冠肺炎疫情再添1死，南彰化一名確診里長1日確診送醫治療後，9日返家自主健康管理，13日與女兒通電話時突然昏迷送醫後死亡，13日宣告不治，遺體14日火化，家屬氣憤為何採檢陰性仍急著火化，衛生局對此回應，</t>
  </si>
  <si>
    <t>白宮新冠肺炎工作組協調官比爾斯（Deborah Birx）周日提出警告表示，由於全國醫療系統已經陷入對抗單日死亡數日益升高的苦戰，近來確診數持續加速急升，可能成為美國史上最艱難的時刻。比爾斯周日接受NBC訪問時表示</t>
  </si>
  <si>
    <t>全球新冠肺炎疫情嚴峻，國內社區傳播的風險也日漸提升，民眾應如何自我保護？台大醫院小兒感染科主治醫師李秉穎表示，進入這個階段時民眾必須注意衛生習慣，時時勤洗手並徹底洗淨，積極做好自主健康管理，以減低減染</t>
  </si>
  <si>
    <t>新冠肺炎疫情逐漸趨緩，大千健康醫療體系總裁徐千剛感謝醫護同仁在疫情嚴峻期間，全力配合中央政策、堅守醫療第一線，讓他十分感動，因此購買520張渡假村住宿券及200張溫泉券，慰勞大家的辛勞，盼疫情早日結束，讓醫</t>
  </si>
  <si>
    <t>帛琉駐台大使歐克麗今天證實，帛琉總統惠恕仁（Surangel Whipps Jr.）將訪台，確切時間則視台帛何時執行旅遊泡泡，「可能落於3月底或4月初」。歐克麗（Dilmei L. Olkeriil）今天以電子郵件告訴中央社，台帛正在協商</t>
  </si>
  <si>
    <t>新冠肺炎疫情全球爆發已逾一年，六大壽險公司陸續擴大對新冠肺炎的理賠範圍，共通四大原則，一即新冠肺炎不列入健康險除外責任，即一律理賠；二是入住負壓隔離病房視同加護病房，多有加倍理賠；三是今年的新解釋，即</t>
  </si>
  <si>
    <t>在臺菲籍女看護日前透過臉書批評菲律賓新冠肺炎政策，遭菲國駐臺官員警告將送返菲國。外交部今天發表聲明，強調我國是主權獨立國家，外籍移工在我國享有「國民待遇」，包括言論自由，各國政府應予尊重，也不宜在未經</t>
  </si>
  <si>
    <t>中央流行疫情指揮中心開放第九類、第十類的公費接種對象，登記打疫苗的意願，但有民眾抱怨，不知道BMI值大於等於30是否符合第九類的資格，對此，發言人莊人祥解釋，目前定義是民眾在去年1月至今年5月，曾被診斷為肥</t>
  </si>
  <si>
    <t>新型冠狀病毒持續蔓延，台灣內需市場因而受到衝擊。財信傳媒董事長謝金河指出，他昨天到鼻頭角，平常吃飯要預約排隊的餐廳顯得冷清，他感嘆表示，如果若平常都難訂到位的餐廳都這樣，可以想見這次疫情撞擊的內需產業</t>
  </si>
  <si>
    <t>口罩解禁是否有時程？指揮中心指揮官陳時中表示，目前口罩庫存量已達滿水位，也正積極尋找倉儲。至於開放時程，他表示仍需一定的步驟，朝開放之路上，首先調整為定額徵收，第二是讓戰備庫存量能滿載，第三是能夠有力</t>
  </si>
  <si>
    <t>大聯盟與球員工會達成共識，計畫在7月初美國國慶日復賽，目前的方案是每位球員量體溫、每周多次PCR檢測、有症狀者立刻隔離。但是也有球員覺得風險太高，聯盟表示不願意回來的球員可以選擇繼續放無薪假。總裁曼佛雷德</t>
  </si>
  <si>
    <t>根據大陸國家衛健委19日公布最新數據，新冠肺炎疫情爆發中心武漢18日新增確診病例「清零」，大陸新確診病例全為自境外輸入，並有持續增加之勢。值得注意的是，北京當天境外移入共21例，占全國境外移入病例已逾6成。</t>
  </si>
  <si>
    <t>據界衛生組織(WHO)公布的資料，目前全世界共有70種新冠病毒疫苗正在研發之中，其中3種已經開始進行臨床試驗，其中2家為美國莫德納(Moderna)製藥公司與伊諾維(Inovio)製藥公司，另1家則為大陸解放軍事科學院軍事醫學</t>
  </si>
  <si>
    <t>經營兒童美語教材出版30餘載的高雄大學校友李宗銘靠著獨特的生意眼光，在SARA期間闖出一片天，這波新冠肺炎疫情，他也透過「送課」幫助同行與留住學生，讓遠距教學產業不受影響。獲選國立高雄大學第4屆傑出校友的李</t>
  </si>
  <si>
    <t>美國華盛頓州州長英斯利（Jay Inslee）今天表示，除非拿出「實際作為」，否則州內武漢肺炎病例可能在8週內增加到6萬4000人，這讓他考慮採取強制性措施。華盛頓州的2019年冠狀病毒疾病（COVID-19，俗稱武漢肺炎）確診</t>
  </si>
  <si>
    <t>新冠肺炎疫情持續，19日傳出1名發燒的印尼失聯移工，在就診時落跑，雖然後遭警方逮捕，但已引發社會虛驚，更有人直指這些逾期、失聯的移工，就是防疫的大破口，移民署20日推出「擴大自行到案2.0」，鼓勵外來人口主動</t>
  </si>
  <si>
    <t>大陸國家衛健委19日公布，18日大陸共新增新冠肺炎確診118例，數量較上一日小幅增長，且106例為本土案例，主要分布在東北、京冀地區。本土病例中，吉林43例、河北35例、黑龍江27例、北京1例，總計破百例較上一日的93</t>
  </si>
  <si>
    <t>因應全球新冠肺炎疫情，為協助社區做好防疫及維護管理，台中市政府特別針對防疫期間社區防疫整備、如何進行區分所有權人會議等議題，製作好讀易懂的指引懶人包，協助社區持續管理組織運作。都發局指出，依公寓大廈管</t>
  </si>
  <si>
    <t>此次確診感染新冠肺炎的澳洲音樂家，入境台灣後出現咳嗽、流鼻水、鼻塞症狀，因非典型新冠肺炎症狀，被診斷為類流感，錯失及時確診的機會。新冠肺炎的3大症狀為發燒、咳嗽及倦怠，國內45名確診者中，約有8人屬於不典</t>
  </si>
  <si>
    <t>寇世勳電影新作《一家之主》原訂將在下月11日登上大銀幕，不過近來台灣疫情險峻，更有近一半戲院也暫時關閉中，於是該片宣布延後檔期，新的上映日則待疫情和緩後商討公布。寇世勳對此表示：「做為一個演員，我完全尊</t>
  </si>
  <si>
    <t>屏東Delta病毒群眾案中，枋寮果農夫妻的感染途徑雖現曙光，但感染源仍未明，為此，屏縣府針對到過枋寮醫院的民眾擴大篩檢，但至今仍有942人未篩，當中最關鍵的6月16日也還有17人沒篩，屏東縣長潘孟安呼籲民眾快去篩</t>
  </si>
  <si>
    <t>新冠肺炎疫情全球持續升溫，英國甚至傳出變種病毒，疫情期間就曾發生過白目民眾朝無辜的人亂吐口水，導致對方罹患肺炎病死，這次美國一名年輕人，在電梯內對一名老伯吐口水，結果下一秒被拖出電梯爆打，監視影片曝光</t>
  </si>
  <si>
    <t>基隆一名年約63歲陳姓男子5月底確診，住進基隆長庚醫院治療，醫師照X光檢查發現其血氧濃度不到90％、肺部浸潤嚴重，情況相當危急，立即給予高流量鼻導管氧氣機治療，目前大幅改善，男子開心的在病房比讚，感謝醫護人</t>
  </si>
  <si>
    <t>新冠肺炎趨緩，北市市立高中職及國中平日及假日之室內、外校園場地，自6月20日（周六）起全面恢復正常開放，供一般民眾運動及租借使用，但仍應符合防疫新生活規定，若有本土確診案例，將視情況調整開放範圍。且為因</t>
  </si>
  <si>
    <t>創源生技（4160）去年擴展基因檢測範疇，帶動業績再創歷年新高，2019年整體營收較前一年成長13％，而在新冠肺炎（COVID-19）衝擊之下，仍不畏威脅、逆勢增長，2020年1-2月營收又較去年同期成長11％，表現亮眼。執行</t>
  </si>
  <si>
    <t>南科管理局9日在台南、高雄園區啟動快篩站，台南園區快篩站13日上午篩檢群創光電524名外籍移工，其中1人呈陽性反應，現場支援醫院立即進行PCR採檢，所幸PCR檢測後轉陰性，虛驚一場。台南市政府衛生局表示，今天台南</t>
  </si>
  <si>
    <t>一些國家的新冠肺炎疫情出現反覆加劇了市場對全球經濟持續下行的擔憂，國際黃金現貨價格已漲翻天。7月8日，國際金價攀升至1818.02美元/盎司，創下2011年9月以來的新高。荷蘭國際集團駐新加坡大宗商品戰略主管派特森</t>
  </si>
  <si>
    <t>中央流行疫情指揮中心近日宣布全國升為三級警戒，為避免群聚疑慮，多個會議暫緩舉行，原本要在第二季舉行的基本工資工作小組會議可能也無法舉行，勞動部官員表示，目前朝向參考去年作法，提供資料給委員，再請委員以</t>
  </si>
  <si>
    <t>新冠肺炎疫情爆發逾百日後，中共總書記習近平10日上午抵達疫情最嚴重的武漢視察。香港《經濟日報》引述觀察人士稱，此行釋放3大政治訊號：一是疫情已暫告緩和；二給予復工信心和鼓勵；三是安撫為控制疫情而被封城的</t>
  </si>
  <si>
    <t>台灣本土疫情升溫，今傳出台北捷運有員工確診的消息，但北捷僅回應，疫情確診人數及情況，由指揮中心公布為準。北捷表示，疫情確診人數及情況，由疫情指揮中心公布為準。因應疫情發展，台北捷運為預防有人員確診、隔</t>
  </si>
  <si>
    <t>蘇揆去年上任以來，遭批「政通人不和」，年底內閣改組傳聞不斷。尤其昨中天新聞台不予換照，再加深國內對立。蘇揆上午罕見在行政院會提出自省，說任何做得不夠、不好，都請各部會及各界隨時指正，多多指教，他也會自</t>
  </si>
  <si>
    <t>北部染疫醫爆發院內感染，不少民眾質疑醫護人員未遵守防疫SOP，導致染疫。對此，中央流行疫情指揮中心專家小組諮詢委員李秉穎今表示，發生院內感染很難追溯感染源，打個噴嚏幾個小時都還具有感染力，無意觸摸眼、口</t>
  </si>
  <si>
    <t>三商美邦人壽及同為三商投控成員的三友藥妝共同攜手送暖給因新冠狀肺炎疫情而辛勞的醫護人員，聯名捐贈2,000條日本原裝進口馬油護手霜予新北市衛生局，以緩解醫護人員因過度清潔導致手部肌膚粗糙龜裂。三商美邦人壽</t>
  </si>
  <si>
    <t>新冠肺炎肆虐全球，各大製藥廠如火如荼研發疫苗，但業者對疫苗的訂價意見不一，阿斯特捷利康（AstraZeneca）和嬌生（Johnson ＆Johnson）承諾不會利用疫苗獲利，而Moderna與美商默沙東則暗示新冠疫苗訂價一定會高於</t>
  </si>
  <si>
    <t>新冠肺炎疫情蔓延全球，台灣機械工業公會理事長柯拔希提出七大建言，籲請政府擴大融資貸款紓困、租稅減免比照SARS期間、優先購買國產設備及讓新台幣貶值等以挽救產業。新型冠狀肺炎疫情出現全球大流行，人流、物流、</t>
  </si>
  <si>
    <t>新冠肺炎疫情延燒期間，電影院業績慘澹，台南社大開始錄影電影研究社16日卻準備在中西區正興街與國華街黃金地段，舉辦疫情以來首場露天微電影《13歲那年的天空》，預估觀眾達百人，社長林宗伻稱已做好防疫準備，要在</t>
  </si>
  <si>
    <t>新北市陸續進行校園BNT接種，新北市長侯友宜今主持疫情說明會表示，昨日有28校接種BNT，預計施打2萬6796人，施打比率為98.67％，其中出現注射部位微疼痛、疲倦、頭痛等輕微不適症狀的有5369人，發燒大於38度是179人</t>
  </si>
  <si>
    <t>美國總統川普進馬里蘭州里德國家軍事醫學中心（Walter Reed National Military Medical Center）治療新冠肺炎才3天，周一就迫不及待地出院返回白宮。許多分析師說，這顯示他沒認真看待新冠疫情，可能引發強烈反彈。</t>
  </si>
  <si>
    <t>第73屆世衛大會(WHA)原訂5月17日至21日在瑞士日內瓦召開，但是在新冠肺炎疫情重創下，看來不是延期，就是改成線上虛擬舉行，停辦1年也不無可能。觀察蔡政府最近強硬槓上譚德塞的態度，今年若有召開WHA，不論是實體或</t>
  </si>
  <si>
    <t>國際奧會(IOC)加拿大籍的資深委員龐德，日前語出驚人稱，若新冠肺炎疫情在5月底前未受控制，東京奧運恐怕得停辦；日本政府、IOC和東奧籌委會隨後紛紛跳出來否認有停辦打算，表示籌備工作仍順利進行。這項地表規模最</t>
  </si>
  <si>
    <t>日本經濟再生大臣西村康稔（Yasutoshi Nishimura）周一在議會表示，日本政府周一稍晚將尋求全國緊急事態宣言延長至5月31日。日本政府發布的緊急事態宣言原訂於本周三（56）屆滿，也就是日本黃金周長假的最後一天。此</t>
  </si>
  <si>
    <t>韓國媒體3月30日報導，稱韓國萬民中央教會發生群聚感染。根據大陸《新京報》的報導，3月初，200名教徒曾聚集準備網絡禮拜視，。韓疾控部門稱在此次活動中存在感染現象。到了3月25日，該教會出現首例確診病例，韓衛生</t>
  </si>
  <si>
    <t>我國疫苗覆蓋率破30%，部分縣市民眾最近卻陷入無疫苗可打的窘境，連防疫指揮官陳時中都坦承「供貨有點緊」。就在此時，立陶宛承諾捐贈的2萬劑AZ疫苗，由土耳其航空運送，今天上午抵達桃園機場。立陶宛今年6月宣布，</t>
  </si>
  <si>
    <t>在歐美疫情延燒下，帶動居家辦公、遠距教學等趨勢正旺，NB、網通、TV等晶片需求旺，帶動IC設計族群第三季多檔個股營收登頂，且第四季也持續看好，也讓族群股價順勢反映利多，瑞昱(2379)今大漲逾4%，重新登上400元大</t>
  </si>
  <si>
    <t>為防止新型冠狀病毒進一步傳播帶來影響，伊朗司法部長9日決定，已經釋放70000名囚犯。 ​​​​根據《中國日報網》引述伊朗塔斯尼姆(Tasnim)通訊社報導，為防止新型冠狀病毒進一步傳播帶來影響，伊朗司法部長9日在高級司</t>
  </si>
  <si>
    <t>據《北京青年報》報導，大陸國家衛健委消息指出，昨天（3日0—24時）新增確診病例104例。其中境外輸入病例17例，本土病例87例，其中黑龍江所占比例過半，鄭州和石家莊2地出現小學生感染。浙江烏鎮景區停止遊客進入，</t>
  </si>
  <si>
    <t>打疫苗仍染疫！新北市五股區某里長表示，5／28注射疫苗後第1、2天，他感到身體不適，出現頭痛、發燒情形以為是副作用，未料，第3天沒出門也沒打疫苗的妻子竟發燒，第4天兩人雙雙確診。據了解，該里長曾為里內獨居長</t>
  </si>
  <si>
    <t>新冠肺炎疫情仍在全球肆虐，大陸防疫專家、國家衛健委高級別專家組組長鍾南山院士團隊近日研究指出，近一半的新冠肺炎患者在入院時尚未出現發燒，但隨著疾病進展，88.7％的患者相繼出現發燒，因此僅依靠發燒作為診斷</t>
  </si>
  <si>
    <t>台灣目前有32名新冠肺炎確診個案，今天傳出好消息，已有9人解除隔離，其中6人出院。首架武漢包機中染疫的台商雖然多次採檢，時陰性時陽性，但也已幸運解除隔離。中央流行疫情指揮中心統計，台灣新冠肺炎確診個案中，</t>
  </si>
  <si>
    <t>台北市獲配發5.6萬劑AZ疫苗今開始施打，其中1.8萬劑將分配給基層診所醫事等工作人員施打，北市衛生局專門委員歐佳齡指出，衛生局已造冊，採分區通知診所醫護人員到場施打，並以「診所」為單位，避免造成群聚的狀況，</t>
  </si>
  <si>
    <t>在印度4月新冠肺炎（COVID-19）疫情失控、醫療體系陷入崩潰之時，全球發揮人道精神，緊急向其捐贈氧氣、藥品等醫療物資。不過「英國廣播公司」（BBC）6日指出，印度政府對物資的整理與分配過於緩慢，有些疫情嚴重的</t>
  </si>
  <si>
    <t>義大利為遏止新冠肺炎，從10日開始全國封城，至今已一個星期，似乎稍微看到成效，義大利民事保護部門負責人、新冠病毒緊急委員會專員博雷利(Angelo Borrelli)說，新增感染人數增幅有下降趨勢，他相信疫情拐點可能正</t>
  </si>
  <si>
    <t>新冠肺炎疫情出現院內感染，前衛生署長葉金川表示，即便接下來院內感染受控，仍可能出現病例，由於無症者具備傳播能力，充滿高度不確定性，疫情高峰何時到仍難估算，接下來大陸若疫情控制住，便會解禁封城，面對一時</t>
  </si>
  <si>
    <t>因為新冠肺炎疫情，近日衛福部推出「口罩2.0」，但並無移工適用的如越語、印尼語、英語及泰語等外語版，移工團體質疑，雖然推出口罩網購，但無論健保快易通App、口罩購買網站均無移工適用的外語版，也沒有方便移工付</t>
  </si>
  <si>
    <t>新北市法制局抽驗市售11款抗菌布口罩，結果有2件不符合國家抗菌標準，8件商品標示不符規定，至於甲醛及可遷移螢光劑檢測則全部合格。其中不符合國家抗菌標準的廠商1家在新北已要求下架，另1家在北市，已移由北市政府</t>
  </si>
  <si>
    <t>新冠肺炎肆虐全球，全球累積141萬人喪命，各國恐將停辦跨年晚會，不過台灣疫情控制得當，跨年晚會照常舉行，但屆時勢必數十萬人群聚一起，恐將形成防疫破口，也讓曹西平在臉書呼籲：「停辦一次跨年又會如何？」不過</t>
  </si>
  <si>
    <t>新冠肺炎疫情持續延燒，避免可能的群聚感染，屏東基督教醫院與國小防疫中心宣導學校仁愛國小合作，安排畢業後第1年的住院醫師前往學校及社區宣導正確防疫知識，趁勢培訓社區防疫小尖兵。9位分別來自成大醫院、奇美醫</t>
  </si>
  <si>
    <t>新冠肺炎疫情以來，各家診所業績「雪崩式」減少，尤以耳鼻喉科及牙科最多，跌了5成以上，基層診所反映，防護相關設備不足，無法因應未來大規模社區傳播。台灣麻醉科醫學會理事長陳坤堡指出，他親眼看到很多醫師，在</t>
  </si>
  <si>
    <t>2020東京奧運因為新冠肺炎大流行從今年7月延到明年7月23日，但是疫情至今尚未受到控制，也依舊影響許多國際賽事進行，不過國際奧會（IOC）副主席柯提斯（John Coates）表示，不論有沒有新冠肺炎疫情，東京奧運明年仍</t>
  </si>
  <si>
    <t>過去2周，美國確診案例暴增近百萬，這數字比整個6月還要多，也意味著美國距離疫情完全控制仍言之過早，且正如川普總統所言，情況在好轉之前，會先變得更糟糕。在23日，美國確診人數可望跨過4百萬大關。依照約翰霍普</t>
  </si>
  <si>
    <t>摩爾投顧分析師鐘崑禎表示，台股17日盤中一度逼近具有長線投資意義的10年均線，隨即吸引不少低接買盤進場，終場下跌278.14點，跌幅明顯縮小，緩步止跌的跡象浮現。個股方面，本周納入投資組合的元大美債20正2，受惠</t>
  </si>
  <si>
    <t>美國衛生及公共服務部部長亞歷克斯·阿札爾（Alex Azar）今天率團訪台，這是及1979年以來訪台層級最高的美國內閣官員，阿札爾在台灣時間下午五點左右已經抵達松山機場，下飛機後由AIT處長酈英傑等人迎接，阿札爾也向</t>
  </si>
  <si>
    <t>全台陸續出現接種AZ疫苗後時間關連性的猝死案件，台中市累計至21日已有12例；21日再傳出有一名66歲洗腎男子清晨被發現無呼吸、心跳，送醫不治，此外，潭子另名86歲老婦跌約上午8時在家中跌倒，救護人員到場已無生命</t>
  </si>
  <si>
    <t>巴基斯坦總統艾維今天在推特發文說，他在接種2019冠狀病毒疾病（COVID－19）第1劑疫苗後，驗出了病毒陽性反應。艾維（Arif Alvi）推文說：「我已接種過（第1劑）疫苗，但要到一週後再次接種（第2劑），才會產生抗體</t>
  </si>
  <si>
    <t>一名曾接種過高端疫苗的嘉義大學生，近日在通勤途中昏倒。指揮中心今天證實，該名大學生曾在九月十日接種高端疫苗，十六日在騎車途中昏倒，目前醫師研判為右側缺血性腦中風，正在加護病房搶救中，個案現已通報進不良</t>
  </si>
  <si>
    <t>美國總統川普周四在新冠肺炎簡報會中發火，當《華盛頓郵報》（The Washington Post）記者駱克（Philip Rucker）問及，美國國土安全部（U.S. Department of Homeland Security）科學技術局代理局長布萊恩（William Br</t>
  </si>
  <si>
    <t>國內疫情趨緩，儘管防疫2級警戒11月2日不會調降，但管制措施將大幅鬆綁。行政院長蘇貞昌今天宣布，11月2日起，KTV可以不用戴口罩，看電影、搭客運與雙鐵都開放飲食，集會也不再受人數限制，而八大行業也分階段規劃鬆</t>
  </si>
  <si>
    <t>行政院副院長陳其邁在臉書大談口罩實名制的流行病學基礎，他說，若國內防疫工作不夠落實，則依此等比級數累計增加，只要傳遞9次，確診人數就會來到26萬人，將造成非常可怕的後果。陳其邁說，在流行病學中，有個常用</t>
  </si>
  <si>
    <t>大陸陝西省衛生健康委員會4日表示，截至4日8時，全省確診的245例病例，已治愈出院218例，治愈率88.9％。陝西先後修訂完善醫療救治診療方案和流程圖，制定執行新冠肺炎病例轉運工作方案、重型及危重型患者轉診工作方</t>
  </si>
  <si>
    <t>張上淳遭爆2個醫師兒在本月4日、14日分別赴美遊玩，但由於上個月政府就針對醫護人員出國做出限制，加上近日疫情持續擴大，許多確診者都是出遊返國人士，引起不少人質疑。對此張上淳表示，預定14日出國的兒子已取消行</t>
  </si>
  <si>
    <t>中央流行疫情指揮中心今(31)日公布國內新增6例境外移入COVID-19確定病例，自美國(案1026)、緬甸(案1027)、印尼(案1028及1029)、衣索比亞(案1030)及孟加拉(案1031)入境。指揮中心表示，案1026為本國籍70多歲男性，長</t>
  </si>
  <si>
    <t>《美聯社》5日報導，隨著印度變種病毒株(首次發現於印度)在中國大陸橫流，大陸代價高昂的封鎖與隔離戰略正面臨嚴峻的挑戰。考量到2022年北京不但要舉辦冬奧，該年年底領導人也面臨更替，習近平勢必希望能持續保持經</t>
  </si>
  <si>
    <t>美國藥廠雷傑納隆（Regeneron Pharmaceuticals）11日（周四）宣布，用於預防與治療新冠肺炎的抗體藥物已在全美多處地點的患者進行測試，此為新冠肺炎抗體雞尾酒療法在美國首度進入臨床實驗。一旦試驗成功，雷傑納隆</t>
  </si>
  <si>
    <t>中央流行疫情指揮中心9日公布國內新增16例COVID-19境外移入確定病例；另確診個案中無新增死亡。指揮中心說明，今日新增16例境外移入個案，為11例男性、5例女性，年齡介於10多歲至50多歲，分別自美國(案16800)、越南(</t>
  </si>
  <si>
    <t>新冠肺炎疫情擴散，歐亞美洲都受到嚴重衝擊，如今病毒更將觸手延伸至非洲。當地時間3月20日，我前邦交國布吉納法索繼國會副議長龔保雷病逝後，宣布4名部長同日確診新冠肺炎，目前該國已累計40例確診。綜合陸媒報導，</t>
  </si>
  <si>
    <t>新冠病毒肆虐全美，迫使42個州都下達禁足令，讓95%的美國人口處於半封鎖狀態。雖然美官方文件指出居家防疫時間不宜輕易鬆綁，但包括共和黨與民主黨執政內的數州民眾開始「坐不住」，認為禁足時間太長，近日甚至出現</t>
  </si>
  <si>
    <t>對於目前台灣疫情面臨嚴峻的局面，國民黨台北市議員王鴻薇翻出民進黨立委范雲在去年3月間還主張拍攝抗疫成功的紀錄片。王鴻薇爆氣說，目前局面就是施壓3+11的范雲造成的，團結防疫不代表忘記范雲的責任，提名范雲的</t>
  </si>
  <si>
    <t>面對美國川普政府一再指責陸隱瞞疫情，並揚言調查可能是病毒起源的武漢病毒研究所，陸官媒連日反擊，除了先前陸中央電視台連兩日指責美國國務卿蓬佩奧有「四大罪」之外，陸《人民日報》也於4月30日晚發布《這10個追</t>
  </si>
  <si>
    <t>新冠肺炎疫情持續蔓延，預防停課不停學，台中市教育局建置線上教學系統， 台中市霧峰區率先響應，號召企業團體捐贈平板電腦，益生獅子會響應20日捐贈30台，協助霧峰區國中小弱勢學生於停課期間，仍可在家持續學習，</t>
  </si>
  <si>
    <t>新冠肺炎已經攻陷歐洲多國，其中又以義大利疫情最為嚴重！擔憂歐元區經濟恐將受到重創，投資者押注歐洲央行（ECB）7月降息的機率已攀升到50％。隔夜與遠期Eonia利率的利差，多被外界視為觀察投資者如何預期ECB利率曲</t>
  </si>
  <si>
    <t>新冠肺炎疫情擴散至歐美地區，全球股市慘遭恐慌拋售，市場專家表示，台股受股災影響的同時，擁有籌碼面、技術面優勢，且2月營收利多較去年成長的個股，展現十足抗疫情力道，包括南電、泰鼎-KY、原相、展旺等16檔可做</t>
  </si>
  <si>
    <t>新冠肺炎疫情升溫，中央疫情指揮中心１日起建議民眾採安全社交距離，人與人間隔１公尺，但在人群聚集地仍有民眾未聽勸，台南市長黃偉哲昨晚會同台南市消防局通訊義消中隊在夜市等人群上空操作無人機吊掛大聲公宣導防</t>
  </si>
  <si>
    <t>新冠肺炎嚇跑外資。據金管會5日發布最新統計，僑外資與陸資在2月共淨匯出38.967億美元（約合新台幣1,182億元），創半年來單月最大淨匯出，2月底僑外資及陸資淨匯入餘額為2,109.928億美元，即還有近新台幣6.4兆元的外</t>
  </si>
  <si>
    <t>歐盟最近放寬多個地區入境旅遊限制，包括香港，港府昨宣布為使港人便利出行，決定放寬抵港檢疫期，只要符合3個條件，包括已完成接種新冠疫苗並過14日、病毒檢測無確診、驗出有抗體，即可將酒店檢疫期可縮減至7日，30</t>
  </si>
  <si>
    <t>全球紛紛開打第3劑COVID-19疫苗，針對國內第3劑接種細節，衛福部傳染病防治諮詢會預防接種組（ACIP）今天開會討論，專家已達共識，將由指揮中心指揮官陳時中決議，預計明天記者會公布。COVID-19（2019冠狀病毒疾病）</t>
  </si>
  <si>
    <t>台灣東洋藥品3日傍晚臨時宣布，BNT與政府難有一致性共識，未能如期代理新冠疫苗，加上之前衛福部長陳時中表示不會編列公費購買大陸疫苗，可能導致台灣沒有疫苗可用。對此，有網友批評，「陳時中害慘國人，還要唱卡拉</t>
  </si>
  <si>
    <t>指揮中心最快可能在11月上旬開放AZ混打BNT，一度傳出第二劑AZ的棄打潮。對此，前台大感染科醫師林氏璧表示，國外研究顯示AZ混打mRNA疫苗的確會有較好的抗體表現，但疫苗保護力能維持多久也很重要，目前看來mRNA疫苗</t>
  </si>
  <si>
    <t>好心肝診所被踢爆取得1000多劑AZ疫苗，除醫事人員外，還開放志工施打，遭北市府開罰200萬元，取消合約資格，而中央流行疫情指揮中心昨也表示，將由司法單位徹查，還原真相。沈寂一天後，肝病防治學術基金會今發出800</t>
  </si>
  <si>
    <t>大陸國家衛健委12日公布，11日新增81例新冠肺炎確診病例，其中61例為本土病例，江蘇占38例，湖北10例，湖南7例，河南和雲南各3例。上月底剛遇暴雨侵襲的河南鄭州市，本輪疫情未見底，不少鄭州市民希望疫情能夠早日結</t>
  </si>
  <si>
    <t>美國國務卿蓬佩奧3日在美國廣播公司（ABC）節目上表示，有「大量證據」顯示，新冠肺炎疫情始於中國大陸武漢的一個實驗室。蓬佩奧在節目中說：「我可以告訴你們，有大量證據顯示這（新冠肺炎）來自武漢的那個實驗室。</t>
  </si>
  <si>
    <t>陸俄陸路邊境口岸人員通道在8日晚間已都已臨時關閉。當中包含俄羅斯濱海邊疆區與陸方間波格拉尼奇內—綏芬河、克拉斯基諾—琿春、波爾塔夫卡—東寧三對陸俄公路客運口岸關閉。通過陸俄陸路邊境輸入大陸的新冠肺炎確診病</t>
  </si>
  <si>
    <t>北韓領導人金正恩17日宣布，北韓已經成功撐過這次新冠肺炎威脅，締造境內「零確診」紀錄，但西方懷疑其隱瞞疫情。南韓媒體引述知情人士爆料，北韓至少有3人因新冠肺炎遭槍斃，包括一名確診病例。北韓自大陸爆發疫情</t>
  </si>
  <si>
    <t>台灣防疫繳出亮眼成績單，不過《紐約時報》（New York Times）2日刊文指出，當世界許多國家都在進行封鎖時，台灣人的生活正常到「詭異」的程度，文章點出台灣很早就開始鎖國，而且嚴格執行隔離政策，是疫情控制得當</t>
  </si>
  <si>
    <t>新北市2名居家檢疫失聯者已經找到1人郭富文，新北市長侯友宜19日受訪時指出，新北目前有4316名居家檢疫者，絕大多數都相當遵守規定，他也體諒這些人都很苦悶、很痛苦，市府可提供生活各種協助，但只要失聯者故意趴趴</t>
  </si>
  <si>
    <t>根據知名NBA記者史坦報導指出，NBA費城七六人與NHL紐澤西魔鬼隊決定針對年薪超過5萬美元的高階主管減薪，幅度高達20%，七六人成為NBA第一支減薪的球團。據了解這個減薪計畫從4月15日至6月底為止，減薪對象為球團管理</t>
  </si>
  <si>
    <t>新冠肺炎在多國蔓延，投資人擔憂疫情影響經濟衰退，美股28日早盤跌逾千點，本周已跌約4000點，連7個交易日下挫，28日南韓、日本及中國大陸等亞太七大股市全跌入修正領域；美股道瓊工業指數連日恐慌，開盤再度大跌約8</t>
  </si>
  <si>
    <t>新冠肺炎期間賽事延期或取消，國家隊選⼿仍在國家運動訓練中⼼內專⼼備戰，21日下午藉著訓練空擋，⽬前世界排名第8的桌球⼀姊鄭怡靜，與世界排名21的跨欄⼀哥陳傑破天荒交流，雙⽅當起彼此的教練，將⾃⼰的專業傾囊相授。鄭怡</t>
  </si>
  <si>
    <t>歷經一波三折，第二批武漢包機昨晚終返台，共有361人返台。國民黨團首席副書記長林奕華說，兩岸應在此次包機模式基礎上，盡速磋商第三批返台包機名單，讓欲返台者提前準備；國民黨立委鄭正鈐表示，政府應基於人道考</t>
  </si>
  <si>
    <t>因應近期新冠肺炎疫情日趨嚴峻，奇美醫學中心配合台南市政府規定，為加強防堵疫情，降低感染風險，自即日起至04月30日止，除加護病房、安寧病房等有特殊探視需求，且經醫師醫療專業評估後，有其急迫性、必要性者之外</t>
  </si>
  <si>
    <t>全球頂尖科學家正在與時間賽跑，加速研發新冠疫苗。哈佛大學團隊最新研究指出，新冠肺炎可能像季節型流感一樣傳播，如果立即取消社交疏離措施，可能使疫情惡化，社交疏離措施必須持續至2022年。這段期間，病毒可能突</t>
  </si>
  <si>
    <t>恆春日前有民宿包棟遊客，不僅不戴口罩、更群聚喧嘩，引來當地居民不滿，屏東縣政府率隊稽查，掌握投宿旅客來自彰化，將依依傳染病防治法開罰。當地民眾將整起事件影像公布，痛罵遊客不戴口罩又在住宅區群聚，居民在</t>
  </si>
  <si>
    <t>因應新冠肺炎疫情延燒，台南市衛生局斥資40萬打造首座貨櫃採檢屋設立於傳染病應變醫院-衛生福利部台南醫院，減輕前線急診檢疫人員負擔、解決民眾就醫久候及改善戶外採檢環境品質，貨櫃屋採檢站為戶外獨立採檢空間，</t>
  </si>
  <si>
    <t>新冠肺炎肆虐，包含陸生在內，境外生多已表明留台過新年，學子透露確實很想家，每晚都與家人視訊，只能以網路視訊互吐思念，遙遙無期的歸途，讓他們備感煎熬，另也有極少數境外生堅持返鄉過年，卻又無法接受往返隔離</t>
  </si>
  <si>
    <t>新冠肺炎疫情引發各國封鎖邊境，讓新加坡意識到糧食依賴進口所造成的問題。■Coronavirus-related border closures show that dependence on the outside world for food could spell trouble.人口近600萬人的新加坡</t>
  </si>
  <si>
    <t>本土疫情嚴峻，新北市今新增44例本土確診，確診個案不斷降低。新北市長侯友宜表示，根據市府做的交通量預警機制表，國道、公車、台鐵、高鐵運量都較上周大幅上升，他提醒，大家想要透透氣是人性，但請大家忍耐，用網</t>
  </si>
  <si>
    <t>南投縣27日新增1例確診個案6762，是草屯鎮65歲男性，26日主動到草屯中山里社區篩檢站，快篩結果陽性，經PCR篩檢陽性確診，已住院隔離治療，尚無不適症狀。另外，中央配發AZ疫苗1800劑已送達，將以醫護及警消為優先施</t>
  </si>
  <si>
    <t>因應2022年1月農曆春節國人返台，指揮中心預估明年返台人數將更勝2021年，中央流行疫情疫情指揮中心副指揮官陳宗彥1日宣布，在不調整檢疫14天及7天自主健康管理情況下，推動春節期間新的檢疫措施。陳宗彥指出，重點</t>
  </si>
  <si>
    <t>新冠肺炎疫情延燒，尋求相對穩定收益需求下，及預期各國進一步寬鬆，亞洲高收益債持續受到資金青睞，根據EPFR統計，資金續大幅買超亞高收債，成為資金避風港，有利布局亞高收債基金，掌握這波行情。日盛亞洲高收益債</t>
  </si>
  <si>
    <t>日前新增的新冠肺炎確診案277，被踢爆是交通部觀光局主任祕書之子，這名高官非但在3/20翹班前往機場接送，還要求觀光局駐機場人員隨行接待「喝咖啡、聊是非」，造成後續案269、案299的感染。先不論翹班接送返國兒子</t>
  </si>
  <si>
    <t>日本國內29日新冠肺炎的單日新確診人數達1071人, 首度破1千人。原本唯一零確診的岩手縣29日也首次出現2位確診患者，其中位是40多歲的男性。東京都29日有250人確診，東京已連續21天確診數超過100人，累計確診人數達1</t>
  </si>
  <si>
    <t>自50年代活躍爵士樂壇的美國爵士鋼琴大師艾利斯．馬沙利斯（Ellis Marsalis），  日前因新冠肺炎逝世，享壽85歲。艾利斯曾於2015年訪台，在兩廳院夏日爵士派對上為樂迷帶來鋼琴四重奏演出。艾利斯出身紐奧良，為爵士</t>
  </si>
  <si>
    <t>美國藥廠吉立亞公司的「瑞德西韋（Remdesivir）」藥物被認為可能是有效治療新冠肺炎的藥，國家衛生研究院今宣布，繼完成毫克級的合成後，今天進度超前，完成了公克級合成，讓藥物研發的進展往前邁向一大步。國衛院臉</t>
  </si>
  <si>
    <t>「＋0」又破功！台灣今天新增一例新冠肺炎境外移入個案，患者是一位來自墨西哥的本國籍男子，目前國內累積共448例確診者，還有兩名未出院。中央流行疫情指揮中心醫療應變組副組長羅一鈞表示，國內新增1例境外移入COV</t>
  </si>
  <si>
    <t>為因應疫情升溫，北市14日緊急啟用4個快篩站，而中央流行疫情指揮中心15日也宣布，北市聯合醫院中興院區快篩站共發現46個陽性、剝皮寮快篩站則找到16人，總篩檢人數525人，陽性率有10％左右，引起全國震驚；投訴人指</t>
  </si>
  <si>
    <t>日本放寬邊境管制，並宣布若有完整接種日本認可的3種疫苗（BNT、AZ或莫德納），入境隔離期間可從10天縮短為3天；但因日本不承認台灣的疫苗接種證明，引發國內網友熱議、甚至論戰，有批踢踢網友譏諷「真是台日友好？</t>
  </si>
  <si>
    <t>教育部今(21)日公布最新全國確診學生人數，已連續3天沒有新增案例，累計全國學生確診個案維持在754人。根據教育部最新統計，自4月20日到9月20日下午5點半，共有754名學生確診新冠肺炎，其中721名是本土案例，33名境</t>
  </si>
  <si>
    <t>新冠肺炎何時會消失？近日確診病例又增加是否是疫情反彈？大陸防疫專家、中國科學院院士鍾南山對這些熱點問題一一回應。他指出，不要指望疫情全部消失；境外輸入病例近日雖多但非疫情反彈。鍾南山稱，大陸的新冠肺炎</t>
  </si>
  <si>
    <t>香港第三波新冠肺炎疫情持續惡化，單計8小時就有108例確診！香港衛生防護中心傳染病處主任張竹君19日表示，有關確診數字是由18日下午4時至凌晨12時計算，引發各界關注。對此，中文大學醫學院呼吸系統科講座教授許樹</t>
  </si>
  <si>
    <t>台灣在對抗新型冠狀病毒的戰役中表現突出，備受他國推祟，連現任國光科技董事長、前衛生署長詹啟賢也高度讚賞，認為政府和防疫官員警覺性高、反應明快，民眾也能充分配合遵守防疫措施，養成良好的衛生習慣。不過，他</t>
  </si>
  <si>
    <t>黃明志日前因應新冠肺炎疫情，無奈取消本月二場的「鐵漢柔情」系列演唱會，對於各國近期疫情措施，黃明志不僅力讚台灣政府防疫完善，還怒飆髒話嗆世界衛生組織WHO：「這次台灣防疫跟應變能力都太強大！比起那個什麼</t>
  </si>
  <si>
    <t>英國科學家19日針對新冠肺炎展開最新研究，這回讓曾確診新冠肺炎並痊癒者再度接觸病毒，以了解痊癒者是否對病毒免疫。今年2月英國成為全球第一個實行「人體挑戰試驗」的國家，號召全國健康志願者參與人體試驗，在封</t>
  </si>
  <si>
    <t>展開新的一天，中時新聞網帶您看看，世界發生了哪5件大事。【1】北京爆發另一波新冠肺炎疫情，世界衛生組織（WHO）認為事關重大正在調查源頭。【2】美中緊張關係似乎出現緩和跡象，美國已證實，將與大陸互相放寬旅遊</t>
  </si>
  <si>
    <t>美國疫情再創紀錄！12月9日3214人因新冠肺炎送命，住院人數達10.7萬，雙雙締造單日新高。日本和南韓確診數也暴增。美國食品暨藥物管理局（FDA）10日將討論輝瑞／德國BioNTech研發的疫苗，預料將可望獲准緊急使用，但</t>
  </si>
  <si>
    <t>外傳北市府即將展開萬華區血清抗體研究，台北市長柯文哲今日證實此事，並說該研究要查3件事，包括社區中是否藏有許多黑數，民眾確診、打疫苗後的抗體變化，以及台灣是否該追加購買第三劑疫苗，也承諾周五將請研究計</t>
  </si>
  <si>
    <t>新冠肺炎衝擊產業，經濟部規劃待疫情舒緩後推出酷碰券、振興抵用券刺激消費，其中酷碰券需先消費才享有折抵，被立委批評政策不食人間煙火，傳出經濟部有意調整方案，是否有考慮改發現金或消費券，經濟部長沈榮津今表</t>
  </si>
  <si>
    <t>伊朗衛生部發言人賈汗普爾3月9日稱，伊朗一省份出現集體酒精中毒事件，已造成20人死亡。中毒者為了預防新冠肺炎而誤飲假酒。據大陸《澎湃新聞》引述伊朗半官方媒體《法爾斯通訊社》3月9日報導，賈汗普爾表示，伊朗胡</t>
  </si>
  <si>
    <t>台灣鋼鐵集團旗下特殊鋼大廠榮剛材料（5009）9日公告，3月份自結合併營收為新台幣8.41億元，雖較去年同期減少10.17％，但創今年來新高，累計1至3月自結合併營收為22.66億元，較去年同期減少12.55％。榮剛表示，新冠</t>
  </si>
  <si>
    <t>《美聯社》7日報導，根據最新統計顯示，美國新冠疫情再次重返2020年冬季激增期的關鍵點，目前每日平均新增確診人數皆破10萬。令人憂心的是，2020年美國歷經9個月才破10萬大關，如今6週內就重返此一節點，反映出Delta</t>
  </si>
  <si>
    <t>台灣疫苗還在拚第1劑接種覆蓋率，但台北市萬華運動中心卻推出「打第3劑疫苗可免費游泳1個月」的優惠，但國內截至14日僅有48％的1劑覆蓋率、4.5％的2劑覆蓋率。台北市長柯文哲表示，製作創意廣告的委外廠商本意是想諷</t>
  </si>
  <si>
    <t>最近新冠肺炎疫情肆虐，不少運動賽事宣布延期或取消，中華民國網球協會關心選手以及進場觀賽民眾的健康，除了在正常舉行的賽事訂立完整防疫規則之外，更特別製作「網球防疫大作戰」影片加強宣導重要防疫觀念，提醒選</t>
  </si>
  <si>
    <t>為防治新冠肺炎疫情，法務部矯正署針對全台各監所收容人採取強制傳染病感染管制措施，自今年1月1日到2月11日，共計隔離170名收容人犯，迄今沒有發現任何感染個案，目前還有19名收容人仍繼續隔離中。法務部長蔡清祥表</t>
  </si>
  <si>
    <t>國內暴增206例本土案例，確診人數再創下單日新高。指揮中心公布，206例當中，新北市佔97例最多，以板橋區32例最多、台北市為89例，其中58例分布在萬華。指揮中心表示，今日新增206例本土病例，為90名為男性、116名女</t>
  </si>
  <si>
    <t>台股今開低走高，儘管權值股熄火，資金流向航運、生醫、宅經濟等族群，在題材股點火下，指數盤中兩度黑翻紅，終場台股收漲32.33點、報在12795.46點、成交量為2126.79億元；台股周線收連9紅、本周指數漲32.66點。權值</t>
  </si>
  <si>
    <t>據NHK報導，受疫情影響，位於千葉縣的東京迪士尼樂園及迪士尼海洋宣布自29日起臨時休園至3月15日。該公司表示，暫定於3月16日恢復營運，但「將與政府有關單位密切溝通後再行宣布」；大阪環球影城也於迪士尼宣布休園</t>
  </si>
  <si>
    <t>國內今天新增2例新冠肺炎確診，均為境外移入，中央流行疫情指揮中心將於下午2點召開記者會，由發言人莊人祥說明最新疫情。截至目前國內累計742例確診，分別為650例境外移入，55例本土病例，36例敦睦艦隊及1例不明；</t>
  </si>
  <si>
    <t>新型肺炎疫情重創觀光業，在景氣寒冬之際，高雄田寮花季飯店逆向操作，祭出促銷方案，推出「2020花季愛您」湯屋優惠活動，活動期間2月20日至3月20日間，原價要2500元高級湯屋，只要2020就可享受，另體恤旅遊業辛苦，</t>
  </si>
  <si>
    <t>南韓大邱市在20日出現新冠肺炎的超級傳播者，根據南韓當局的調查結果指出，這名超級傳播者為第31例確診病患61歲女性，她在3周內至少接觸數百人，而她所屬的教會「新天地」1001名成員都要實施居家隔離。根據《韓聯社</t>
  </si>
  <si>
    <t>國內疫情嚴峻，國人關注疫苗取得進度，民進黨立院黨團總召柯建銘昨晚於臉書表示，5月時自己和美國加州共和黨籍眾議員金映玉（Young Kim）聯絡，並希望美方能提供疫苗，金映玉回應，台灣應該被列為美國提供疫苗的優先</t>
  </si>
  <si>
    <t>新冠肺炎疫情嚴峻，國防部協助「口罩國家隊」生產口罩，竟爆發監守自盜弊情。後備指揮部中校李志交、上士張政陽，涉嫌利用督導新北市某工廠生產外科、醫用口罩機會，A走至少6000片口罩，檢調懷疑2人對外販售，涉嫌貪</t>
  </si>
  <si>
    <t>新冠肺炎重創全球經濟，領頭羊美國更在28天內，一口氣損失2千2百萬個工作機會。正當各州預備重啟經濟之際，聯邦參議院21日無異議表決通過，總額達4840億美元（約台幣14.7兆元）的新冠肺炎危機追加救助法案，以協助受</t>
  </si>
  <si>
    <t>新北市一名家住三重的30多歲男子昨清晨被警方查獲，違反居家檢疫規定到北市忠孝東路某夜店狂歡，新北衛生局從重罰處100萬，新北市長侯友宜今(23)表示，「只要你(居家檢疫者)踏出門口，一定罰你，如果到人多不通風的</t>
  </si>
  <si>
    <t>新冠肺炎（COVID-19）疫情全球升溫，我國全力防堵疫情擴散，今（20）中央流行疫情指揮中心說明最新進度，記者會重點如下：◎今日新增2例新冠肺炎確診案例，2例皆為境外移入。截至目前為止，國內共累計422例確診，6例</t>
  </si>
  <si>
    <t>本土疫情來勢洶洶，金融業確診案頻傳，現在連警衛也受波及；台北富邦銀行證實，昨接獲通報，位於台北市萬華區的桂林分行代班警衛確診，除進行全行舍消毒外，也同步安排分行全體行員進行快篩，慶幸的是，全體行員的檢</t>
  </si>
  <si>
    <t>中央流行疫情指揮中心宣布全國疫情警戒第三級延至6月14日，指揮中心副指揮官陳宗彥表示，為防堵疫情擴散，也延長全國各地宗教寺廟場所暫不進入、各縣市暫停公祭，到6月14日，請民眾能多體諒。陳宗彥今天上午在指揮中</t>
  </si>
  <si>
    <t>國內疫苗短缺逾300萬人等不到第2劑莫德納，650萬人沒有AZ第2劑可打，合計近1000萬人的「疫苗孤兒」，政府將提供另一選擇混打高端。台中市長盧秀燕16日表示，此事要慎重並聆聽民意，市府不反對疫苗混打；但要有科學根</t>
  </si>
  <si>
    <t>國台辦15日頒布支持台企11條，展現大陸繼續加深兩岸經濟合作的態度，會上國台辦主任劉結一的講話，港媒直言透露五點玄機。劉結一15日在助力台企11條暨台商參與新基建政策說明會上發表講話。劉結一表示，「疫情對兩岸</t>
  </si>
  <si>
    <t>和鑫董事長馬維欣是金融業出身，隨著華新麗華集團跨足科技業，曾任彩晶董事長、現任和鑫董事長，近年更因為跨業投資，進軍飯店、文創產業，在科技業中是很特別的例子。馬維欣管理風格犀利、乾脆，講究數字管理，展現</t>
  </si>
  <si>
    <t>新冠肺炎疫情肆虐全球，東京奧運能否如期舉辦還在未知數，但美國男籃教練、勇士教頭科爾表示，已向總教練帕波維奇討論過，仍將持續備戰，但疫情難防，想要有效控制非常不容易。根據美國媒體報導，科爾目前已返回聖地</t>
  </si>
  <si>
    <t>疫情嚴峻，新北市今日再增三重及新莊熱區防疫中心，新北市長侯友宜今早視察2熱區防疫中心作業情形，被問到是否於5月28日解決三級警戒？侯友宜回應，「狀況不樂觀，民眾要有長期抗戰的準備」。雙北本土疫情激增，台北</t>
  </si>
  <si>
    <t>北部某醫院昨晚傳出疑似新冠肺炎感染事件，引發民眾焦慮，由於指揮中心尚未說明情況，一早民眾就到被傳有院內感染的醫院官網查詢，導致該醫院官網當機，直到今下午1時多，點進該醫院網站後，網頁不僅一直轉圈圈，最</t>
  </si>
  <si>
    <t>美國約翰斯霍普金斯大學發布的實時統計數據顯示，截至北京時間3月16日8時33分，全球新冠肺炎累計確診病例已超過16.7萬例，其中大陸以外地區累計確診病例超過8.6萬例。另據大陸國家衛健委官方網站16日通報，截至3月15</t>
  </si>
  <si>
    <t>受到新冠肺炎疫情(COVID-19)導致農曆春節延後復工影響，光寶科(2301)2月合併營收為86.7億元，月減23%，年減20%，在大陸各廠區返崗率陸續提升與大陸以外廠區全力調度生產支援下，光寶科預估，3月整體出貨與營運將優於</t>
  </si>
  <si>
    <t>在8日召開的廣州市疫情防控新聞發布會上，廣州市衛健委副主任陳斌表示，6月7日0時至24時，廣州新增10例新冠肺炎確診病例。此外，還有4例無症狀感染者轉為確診病例。在7日新增的10例中，9例在白鶴洞封閉區，1例番禺區</t>
  </si>
  <si>
    <t>日系外資針對台塑化(6505)出具最新報告指出，由於煉油利潤和石化產品的價差逐漸恢復，將有利於台塑化，故將台塑化評等從中立調升到買進、目標價由74.6元調升到113元。日系外資表示，受益於煉油利潤和化學產品的價差</t>
  </si>
  <si>
    <t>對於總統蔡英文7日開線上記者會，呼籲今年端午節拜託大家「愛家鄉就留在原地，愛家人也請不要移動」，意外引爆民怨，PTT八卦版好幾篇貼文、每篇上百筆留言表達不滿，竟未見到1450護航文，的確少見。行政院宣布延長防</t>
  </si>
  <si>
    <t>根據路透社的報導，新冠肺炎在歐洲國家造成嚴重疫情，法國衛生部今天證實境內新冠肺炎確診案例增至1191例；英國衛生部也說，境內確診增至319例。路透社報導，法國衛生部同時通報，境內因新冠肺炎死亡人數增加2例，累</t>
  </si>
  <si>
    <t>新冠肺炎疫情延燒，新北市長侯友宜訂下今年招商1500億元目標不變，為吸引廠商提早投資，侯友宜16日表示，包括沙崙園區、台北港產專區與汐止長安段3招商案將提供3個月租金減半優惠，吸引廠商投資。侯友宜也喊話中央放</t>
  </si>
  <si>
    <t>為了解蔬菜、水果的攝取量，與壓力知覺量的關係，澳洲伊迪斯科文大學研究團隊，針對逾8,000名參與者進行問卷調查。結果發現，每天吃至少470克蔬菜與水果的參與者，壓力知覺水平約下降10%。隨著新冠肺炎在台灣重燃疫</t>
  </si>
  <si>
    <t>大陸科興疫苗對於防範新冠肺炎究竟有沒有用？台大公衛學者張維容今天透過第四期疫苗效益評估方法分析，發現在智利每增加1％的科興疫苗施打，不但無助降低疫情發生，還可能會增加3％的新冠肺炎個案。張維容所使用的這</t>
  </si>
  <si>
    <t>新冠肺炎疫情延燒，中央流行疫情指揮中心今公布新增21名死亡案例，最年輕只有30多歲，最年長則是90多歲。專家諮詢小組召集人張上淳說，大部分死亡案例都有潛伏疾病，今只有1名50多歲案例沒有潛伏疾病。今日新增21例</t>
  </si>
  <si>
    <t>針對來勢洶洶的新冠肺炎疫情，高雄市長韓國瑜20日在交通局長鄭永祥陪同下，前往鳥松區倫永計程車衛星大車隊訪視其準備的防疫措施外，業者向韓市長反映，農曆春節過後生意掉快一半，收入受到影響，希望市長協助紓困，</t>
  </si>
  <si>
    <t>日本捐124萬劑AZ疫苗給台灣，台南市長黃偉哲3日晚間率先透過臉書宣布，「在台南日本人優先施打疫苗」，被質疑與中央流行疫情指揮中心公布接種順序不符，黃偉哲說，中央並未反對，且這是民間友善象徵，這批疫苗，台南</t>
  </si>
  <si>
    <t>降息風吹來，新台幣看似愈存愈薄，但你或許不知道，新台幣一點都不弱！光是最近1個月，新台幣對英鎊、澳幣、紐幣、加幣，至少都有6％以上升幅，漲得可凶，如果要趁便宜撿些外幣囤著，可別錯過機會。新冠肺炎掀起降息</t>
  </si>
  <si>
    <t>長庚大學新興病毒感染研究中心，近日在科技部駐澳大利亞科技組的促成下，成功與澳洲蒙納許大學生物醫學研究所展開合作，將就抗寄生蟲藥物「伊維菌素(Ivermectin)」抑制新冠病毒的有效性進行研究，以共同研發新型抗病</t>
  </si>
  <si>
    <t>世界衛生組織（WHO）秘書長譚德塞，日前在記者會指遭台灣惡意攻擊，甚至受到種族歧視，不僅引發全球民眾不滿，甚至連署要他下台，對此董事長樂團成員林大鈞則PO文痛批：「世界不能揭穿惡人的謊言嗎」?新加坡《聯合早</t>
  </si>
  <si>
    <t>新冠肺炎疫情延燒，不少大型活動因此停擺，其中一年一度大甲鎮瀾宮媽祖遶境活動也受疫情影響，大甲鎮瀾宮基金會董事長顏清標日前表示衛福部仍要做出專業判段，遶境活動在未禁止前仍照常舉行。實際走上街頭詢問民眾的</t>
  </si>
  <si>
    <t>世衛日前更新指引，指新冠疫苗及流感疫苗可以同日接種。香港大學感染及傳染病中心總監何栢良今（25日）表示，兩種疫苗可分開在兩隻手接種，且若同時接種，流感疫苗所產生的抗體比分開接種高出2倍。大陸已展開18歲以</t>
  </si>
  <si>
    <t>台灣新冠肺炎COVID-19疫情不斷升溫，今天新增2例，為國內累積第27例第28例，為北部 80多歲男性，和其50多歲的兒子，父子兩人都沒有旅遊史，但其最小的兒子因工作頻繁往返大陸，過年期間也曾和有大陸旅遊史的人有聚餐</t>
  </si>
  <si>
    <t>大陸國家衛健委高級別專家組成員、中國工程院院士李蘭娟表示，有些國家提出所謂「「群體免疫」的觀點，這是對老百姓極不負責任的做法。大陸疫情已經趨緩，如果到3月20日前後，武漢新增病例如果歸零，再過2周後，就可</t>
  </si>
  <si>
    <t>新北市板橋區一名新冠肺炎確診者陳小姐因共居的的柯基犬「仔仔」罹癌急需就醫，但她因被隔離無法帶愛犬出門就醫，致電新北市動保處求助，動保處隨即派員接送仔仔就醫，再將牠安全送回，解決目前居家隔離陳小姐的困擾</t>
  </si>
  <si>
    <t>新冠肺炎疫情嚴重衝擊澎湖觀光，遊客量減半、住房率暴跌，澎湖縣政府振衰起敝搶救觀光，祭出旅館業房屋稅調降等優惠，縣長賴峰偉更信心喊話「現在遊澎湖，正好」。即將邁入澎湖觀光旺季，怎料新冠肺炎席捲而來打落谷</t>
  </si>
  <si>
    <t>2020年8月4日美國科學家雜誌記者巴拉努克（Chris Baraniuk）撰寫了一篇健康類文章，特別提到最近在世界各地研究新冠肺炎的科學家們一次又一次地發現了一個重複出現的現象。那就是：從未接觸過新冠病毒的健康者血液樣</t>
  </si>
  <si>
    <t>台灣每3人就有1人鼻子過敏！現在正值好發季節，日前有一位居家檢疫者誤以為流鼻水是鼻過敏症狀而不以為意，後來擴大採檢之後才發現感染新冠病毒，近來的敦睦艦隊群聚感染事件中，也有士兵誤以為是過敏性鼻炎發作而到</t>
  </si>
  <si>
    <t>台灣本土連續34天零確診昨破功，北市南港中研院P3實驗室，一名家住新北市的女研究員在試驗中不慎染疫確診，各界關心是否可能比照過去板橋社區封樓，新北市衛生局長陳潤秋表示，女研究員住處是單獨進出門戶，目前匡列</t>
  </si>
  <si>
    <t>難怪湖人球星「小皇帝」詹姆斯那麼希望NBA趕緊找出復賽方案了！根據《看台報告》3日報導，假如NBA本季剩下例行賽全部因為新冠肺炎疫情取消，詹皇不只每場比賽少了40萬美元(約台幣1201萬元)，甚至還要把領到的錢退給</t>
  </si>
  <si>
    <t>中央流行疫情指揮中心今天公布最新疫苗接種後不良事件通報，昨日共新增9件接種疫苗後的死亡個案，其中有7例接種AZ、1例接種莫德納、1例接種高端，目前全國累積817例接種疫苗後死亡個案，仍以接種AZ疫苗後死亡的個案</t>
  </si>
  <si>
    <t>全球新冠疫情略有緩和趨勢，各國為解決邊境開放後的安全疑慮問題，聚焦「疫苗護照」概念如何實施。沈富雄昨(19日)在政論節目中反問衛福部長陳時中，等到全球多國邊境啟封、拿疫苗護照要來台灣的時候，「那你還固守目</t>
  </si>
  <si>
    <t>新冠肺炎不僅威脅國人生命健康安全，也影響著每個人的生活習慣，在台灣戶外空間也需配戴口罩的情況下，醫師呼籲切勿戴著口罩運動，以免發生危險。●戴口罩運動易加重負擔　不論有氧或靜態都不宜！胸腔內科/重症醫學黃</t>
  </si>
  <si>
    <t>行政院長蘇貞昌今下午舉行紓困振興記者會，首先對於紓困亂象道歉，並要求衛福部簡化流程，由中央負責審查，基層免責。衛福部長陳時中表示，防疫與福利本來就是衛福部重要的一環，擴大紓困方案有缺失沒注意到，造成困</t>
  </si>
  <si>
    <t>台灣疫情爆發，目前台灣最需要的是疫苗。但是外傳有人在阻擋購買國際大廠疫苗，甚至不讓民間自購，是為了炒股。如今衛福部疾管署已與高端及聯亞兩家國產疫苗廠簽約，各採購500萬劑。淡江大學全球發展學院院長包正豪</t>
  </si>
  <si>
    <t>台灣本土個案狂炸，已連續6天單日破百例，台北市立聯合醫院陽明院區胸腔內科主治醫師蘇一峰在臉書分享確診者的年齡統計表，指出這波感染者中，60歲以上的人佔了三分之一，由於老年人重症比率較高，因此我國新冠重症</t>
  </si>
  <si>
    <t>全家便利商店(5903)2月合併營收為60.94億元，月減12.94%，年增6.17%，由於進入3月，抹茶季相關新品上市將成為話題重點，且鮮食冷凍新品、母親節預購展開下的網購冷凍食品、防疫概念日用品主題行銷活動、疫情商機下的</t>
  </si>
  <si>
    <t>美國平均單日染疫死亡人數再度突破2,000人，為6個月以來首度又跨過這個悲慘的門檻。根據約翰霍普金斯大學彙整的數據，截至本周二，美國呈報的新冠病毒染疫死亡人數7日平均值為2,031人。儘管新增感染病例數趨於平穩，</t>
  </si>
  <si>
    <t>眼看美國新冠肺炎疫情再度惡化，蘋果25日又宣布佛羅里達州14家先前恢復營業的門市再度關閉，自上周以來重新關閉的美國門市已達32家，令外界擔心美國疫情惡化速度超乎想像。受到銀行股下跌及耐吉財報拖累，美股周五早</t>
  </si>
  <si>
    <t>新北市長侯友宜預告，一旦幼兒園確診者是Delta病毒，將立即取消餐廳內用，台北市長柯文哲7日表示，若是遇到Delta病毒，會再檢視一遍啟動警戒的標準與定義，但不用製造恐慌，不要看到1例Delta病毒就地球毀滅，別那麼</t>
  </si>
  <si>
    <t>今年指考生物科一口氣有6題跟新冠肺炎相關，創下單一時事出最多題的紀錄！補教老師說，今年生物科考得很深、很細，比去年難，預估頂標81分，比去年降1分。補教老師游夏表示，過去單一時事頂多出個1、2題，但今年新冠</t>
  </si>
  <si>
    <t>口罩自由買賣後，若不追求特殊色，民眾其實可在許多地方買到口罩，有網友好奇發問，現在還會去領實名制口罩嗎？引發熱議，釣出許多人喊+1，綜合網友的回應發現，仍繼續領取的原因是擔心第二波疫情出現，因此還不能鬆</t>
  </si>
  <si>
    <t>台灣這波疫情爆發至今，累計321人死亡，其中35人為到院前死亡，佔11.8%，中央流行疫情指揮中心醫療應變組副組長羅一鈞表示，快樂缺氧通常並無前兆，氧氣濃度都很低，症狀嚴重時再送醫通常都已經太遲。另外，林口長庚</t>
  </si>
  <si>
    <t>法國地區衛生機構表示，地中海沿岸的一個裸體度假勝地暴發嚴重的新冠肺炎。 據《每日郵報》報導，測試結果顯示，大約100名遊客感染新冠病毒。上周一，在非常受天體主義者歡迎的cap d'agde度假村發現38例新冠病毒確診</t>
  </si>
  <si>
    <t>國內出現接種疫苗後最年輕的死亡個案，中央流行疫情指揮中心今天宣布，一名年僅24歲的男性，無慢性病史，9月11日接種AZ疫苗後，9月29日被發現在家身亡，另外昨天也接獲117件疫苗不良事件通報，包含3例死亡、70件嚴重</t>
  </si>
  <si>
    <t>停泊在日本九州長崎港維修中的大型郵輪歌「詩達大西洋號」（Costa Atlantica）繼船上1名外籍船員確診感染新冠病毒後，還有人出現發燒等症狀，57名密切接觸者經病毒篩檢後又有33人確診。船上只有工作人員，沒有乘客。</t>
  </si>
  <si>
    <t>幼兒園群聚感染累計16例確診，新北強化二級警戒7日至21日，今天網路上也流傳一份停課名單，新北市長侯友宜今主持疫情記者會表示，停課名單是不實，故意造成大家恐慌，將依《傳染病防治法防治》送交警察局偵辦，最高</t>
  </si>
  <si>
    <t>仲琦(2419)上月營收創下109年新高，累計計109全年度自結合併營收達102.8億元，已經連三年突破100億元大關。仲琦109年12月自結合併營收為12.66億元，較108年同期成長42%，亦較去年11月成長2%，再創109年新高；累計109</t>
  </si>
  <si>
    <t>好萊塢確診再添一例，26歲女星瑞秋麥修斯（Rachel Matthews）當地時間16日晚間在IG自曝上週她確診新冠肺炎，目前正隔離治療中，她詳細記錄自己染病的過程，將症狀表現公開，希望能夠幫助到其他人。瑞秋麥修斯曾為《</t>
  </si>
  <si>
    <t>中央流行疫情指揮中心今（26日）公布國內新增304例COVID-19確診病例，其中本土302例中包括連江縣1例案5774，該名27歲女性確診個案本月13日搭機抵達馬祖，21日搭機回台，24日因失去嗅覺在屏東就醫確診，目前在台治療</t>
  </si>
  <si>
    <t>網傳高雄鳳山某大樓29日下午傳出有住戶確診，大批住戶緊急被召回採檢。衛生局會同警方前往封樓並替住戶快篩。衛生局在防疫記者會上證實該訊息，強調該大樓確實出現一名陽性個案，目前已清查並召回該大樓60戶、150多</t>
  </si>
  <si>
    <t>雙北疫情持續升溫，新北聯合醫院板橋院區社區篩檢站今下午2時啟動，居住板橋區、有萬華高風險區活動或接觸史者優先；新北市長侯友宜今主持疫情記者會表示，目前板橋確診人數比較多，快篩站整備已經就緒，此外新莊區</t>
  </si>
  <si>
    <t>在新冠肺炎、油價崩跌、全球面臨經濟衰退等黑天鵝衝擊下，今年來金融市場相當不平靜，震盪幅度已達2008年金融海嘯水準，投資人投資困難度大幅提升。投信法人分析，新興短期高收益債具有「短天期低波動」及「較佳息收</t>
  </si>
  <si>
    <t>國際突破性感染頻傳，根據中央流行疫情指揮中心統計，國內的境外移入個案中，共有12人完整接種滿14天仍染疫，其中3人感染的是印度變異株（Delta）。醫療應變組副組長羅一鈞說，全台7月2日開始推動入境3採，當時至今</t>
  </si>
  <si>
    <t>新冠肺炎疫情緊張，第一線醫護警消工作量暴增還得承受高壓，有一名消防人員在臉書上不滿地表示，開防疫巴士接送確診者與消防任務根本無關，要消防局不要什麼工作都延攬給弟兄，更控訴，「若弟兄確診越來越多，哪個局</t>
  </si>
  <si>
    <t>國內新冠肺炎在連續6天無新增個案後破功，一次增加3名境外移入確診。其中案431、432是一對夫婦，從西非到法國轉機返台，機上空服員爆料，兩人早在上機前就告知喉嚨痛，機上更是狂吃喉糖，試圖止咳減緩喉嚨不適。案43</t>
  </si>
  <si>
    <t>近日新冠肺炎疫情延燒。美國總統川普表示，只要伊朗開口求援，美國已準備好援助他們對抗2019冠狀病毒疾病（COVID-19）。外媒報導，川普2月29日在華府附近召開的年度保守政治行動會議上表示：「如果我們能夠幫助伊朗</t>
  </si>
  <si>
    <t>新冠肺炎肆虐全球，已奪走超過30萬條人命，疫苗何時研發成功，成為對抗這波疫情的關鍵。英國與美國團隊14日公布初步成果，他們對6隻恆河猴注射疫苗後，猴子體內產生新冠病毒抗體，有效抑制病毒的破壞與增生能力。這</t>
  </si>
  <si>
    <t>日本捐贈台灣124萬濟AZ疫苗下午抵台，國民黨前主席朱立倫表示，由衷感謝日本政府，在台灣最需要幫助的時刻幫忙台灣，後續更期待有更多國際的協助，讓急需疫苗的台灣能夠早日脫困，同時也感謝許多民間團體與企業紛紛</t>
  </si>
  <si>
    <t>新北今天完成校園BNT疫苗施打，新北市教育局表示，今有8女6男共14人送醫，其中27日施打送醫者有4人、28日施打為5人，29日施打為1人、30日施打為4人，狀況主要為胸悶、頭痛、四肢無力、發燒，其中11人已回家休養，截</t>
  </si>
  <si>
    <t>新北市府衛生局今證實，當初搭載秘魯返台租孫的防疫計程車司機住在新北，中央下午已通知地方要求司機前往採檢，目前結果尚未出爐。據了解，該名司機當天將祖孫載回屏東時，祖孫兩人有在台南的關廟休息站下車上廁所。</t>
  </si>
  <si>
    <t>國內海軍敦睦艦隊爆發新冠肺炎疫情，累計共24官兵染疫，其中有3名軍官居住在台中，中市府緊急公開足跡後，有網友仔細看完資訊發現，其中一名官兵早在13日出現症狀，但卻還是見了外婆、女友等人，讓人直呼太誇張。台</t>
  </si>
  <si>
    <t>因為新冠肺炎全球爆發，疫情肆虐下限制了許多自由，尤其疫情曾經飆升的國家，更是痛失許多生命，南韓就包含在其中，在一片戒慎恐懼中，南韓演藝圈今出現喜悅的光芒，《皇后的品格》中，飾演皇后卞賢真的女星申高恩，</t>
  </si>
  <si>
    <t>重症病房內的暖流！一位50多歲的新冠肺炎重症男由北部轉到中港澄清醫院專責加護病房治療，經14天的治療順利拔管轉普通病房，並經肌力訓練後出院返回北部的家。PCR轉陰也剛好是拔管日，院方出動7名人力協助病患換新衣</t>
  </si>
  <si>
    <t>國內今天新增2例新冠肺炎境外移入個案，9天下來已累計高達22例確診，中央流行疫情指揮中心為因應「新冠肺炎疫情」，於今天14：30召開臨時記者會，由莊人祥發言人說明。指揮中心統計，截目前國內累計104,019例新型冠</t>
  </si>
  <si>
    <t>來自大陸國家衛生健康委員會的資料顯示，截至10月10日24時，大陸31個省區市和新疆生產建設兵團已連續56天無新增新冠肺炎本土確診病例和疑似病例，大陸度過十一長假報復式旅遊的防疫考驗。不過11日上午山東青島市卻罕</t>
  </si>
  <si>
    <t>依疫情指揮中心公告，第11期Covid-19疫苗預約將於今起開放第一劑BNT預約，明日起開放第二劑AZ預約，符合本期BNT預約資格約有118萬人、AZ約有101萬人。本次特別於開放疫苗施打資格「預先查詢」功能，讓民眾能先查詢是</t>
  </si>
  <si>
    <t>新冠肺炎境外移入確診病例上揚，中央流行疫情指揮中心已宣布禁止高中以下師生出國。鑑於南部國立大學傳出確診病例後，連帶引發2所國立大學多名師生停課，台南市長黃偉哲18日建議中央，應盡快將大學師生納入出國禁令</t>
  </si>
  <si>
    <t>立法院今日下午於立院議場針對600億「新冠肺炎紓困振興特別預算案」召開朝野協商，經各黨討論後，同意紓困預算案，將在3月13日(下周五)院會完成3讀。立法院長游錫堃今日主持協商會議，並邀請各黨共同討論，國民黨團</t>
  </si>
  <si>
    <t>滯留俄羅斯96名國人前天抵台，在機場初步檢疫後發現9人過去2周出現症狀，其中2人腹瀉，1人呼吸道症狀加上嗅覺異常，6人出現呼吸道症狀。這9名國人都被安排採檢，採檢結果為陰性，其餘87人也接續被安排採檢，採檢結果</t>
  </si>
  <si>
    <t>美國國會準備祭出重大紓困方案，緩解新冠肺炎疫情對經濟的衝擊，市場充滿樂觀，美股在週二(24日)大反彈，道瓊飆漲11%，創下了1933年以來最高的單日漲幅。根據路透社的報導，道瓊工業平均指數上漲2,112.98點，或11.37</t>
  </si>
  <si>
    <t>自2019年底開始COVID-19疫情全球蔓延，越來越多研究發現新冠病毒與部分新冠疫苗與中風有關。兩位台灣腦中風學會理事，北榮神經內科腦血管科主任李怡慧與北榮神經內科主治醫師紀乃方，分享照護過COVID-19患者，以及CO</t>
  </si>
  <si>
    <t>外傳此次BNT來台過程，府院方面曾做出延後班機等要求，總統府發言人張惇涵今天表示，該則報導並未向總統府查證，且內容充滿不實臆測，總統府表達嚴正抗議，並呼籲相關媒體妥為查證，各界勿以訛傳訛，傳遞錯假訊息。</t>
  </si>
  <si>
    <t>我國採購新冠疫苗進度確定延後，衛福部長陳時中今坦言，原先將於一月八日簽約採購的五百萬劑疫苗，談判時程確定延後，至於COVAX平台上的疫苗採購，至今也未決定好品牌。陳時中曾在1月6日宣布，5百萬劑疫苗最慢將於8</t>
  </si>
  <si>
    <t>苗栗縣近期爆發移工群聚，波及數家電子廠，苗栗縣政府為此禁止全縣移工外出，要求只能上下班，其餘時間都得在家，已超越3級警戒的要求。中央流行疫情指揮中心表示，已經提醒苗栗縣要歸回到3級警戒的標準執行。中央流</t>
  </si>
  <si>
    <t>盛群(6202)今年在去美化、產能擁擠以及疫情商機帶動下，營運動能強勁，全年營收將可突破50億元關卡，目前除樂觀看好第四季淡季不淡外，明年訂單能見度也高，今股價逆勢抗跌走揚，早盤後股價黑翻紅，大漲逾2%，帶量站</t>
  </si>
  <si>
    <t>美國新冠疫情愈演愈烈，白宮貿易顧問納瓦羅近日批評大陸「用致命的、武器化病毒攻擊美國」，但美國還是「一帆風順」。納瓦羅12日接受福斯新聞（Fox News）採訪時說：「我不認為這是巧合，在大陸經濟下滑的第一年，也</t>
  </si>
  <si>
    <t>嘉義縣長翁章梁4日在嘉義縣社會局長蕭英成陪同下，前往嘉義縣朴子市敏道家園了解防疫情形，翁章梁指出，在社福機構、安養中心服務的對象免疫力相對較弱，相關防疫也更重要，平日家屬或善心人士都會前來園內，包含工</t>
  </si>
  <si>
    <t>伊朗鄰國巴林王國（Bahrain）今（24）日出現第1起新冠肺炎確診病例，使得先前積極防堵疫情蔓延國內的巴林防疫破功。</t>
  </si>
  <si>
    <t>敦睦艦隊28名官兵確診新冠肺炎，敦睦艦隊支隊長陳道輝少將被調離現職。陳道輝接受立委電話質詢時表示，「我在此用生命保證，我絕對沒有隱瞞任何疫情」。陳道輝是不是有難言之隱？有粉專認為，陳道輝現在還在維護長官</t>
  </si>
  <si>
    <t>國內外新冠肺炎新增確診病例激增，點燃經濟復甦之路可能受阻的擔憂，以及市場為財報利空消息預做準備，周五日股創下1周新低。終場日經225指數收跌1.06%，為22,290.81點，創下自7月2日來新低。東證一部指數收跌1.42%</t>
  </si>
  <si>
    <t>因應春節返國隔離居家檢疫民眾大增，內政部政務次長陳宗彥3日視察台南市政府警察局防疫電子圍籬系統工作情形，希望警政第一線同仁在明年1月底春節專案結束前多辛勞，但也不要造成民眾困擾，一起守護邊境、社區安全，</t>
  </si>
  <si>
    <t>澳洲人口最多的新南威爾斯州，29日新增1218例本土確診，寫下全國單日新高紀錄。維多利亞州首府、也是澳洲第二大城墨爾本，原定封鎖期限到下月2日(周四)，但當局宣布將延長封鎖，不過尚未發布要持續多久時間。州長安</t>
  </si>
  <si>
    <t>苗栗電子廠新冠肺炎疫情連環爆，也受牽累的智邦科技（2345）10日再添28名確診員工，讓總確診人數追高至41人，10日晚間智邦也針對外籍移工停工帶來的影響做一說明，強調6月產能不變，然因部分停工影響，月產量將因而</t>
  </si>
  <si>
    <t>國內疫情即將在下周7月27日降級，不少民眾殷殷期盼可以下水清涼消暑，中央流行疫情指揮中心指揮官陳時中宣布，開放潛水活動，但泳池仍不開放，其他水域活動則是有條件開放。陳時中表示，因為潛水時有水肺，全身包緊</t>
  </si>
  <si>
    <t>由於美國食品暨藥物管理局(FDA)11日已批准輝瑞大藥廠與德國生技公司的冠狀病毒疫苗緊急授權；負責疫苗研發的首席顧問施勞威13日宣布，輝瑞疫苗全美配送自同日展開，逾600個地點14日起便能陸續收到疫苗，預計2021年3</t>
  </si>
  <si>
    <t>疫情趨緩，疫情指揮中心昨(4日)宣布，維持二級警戒至18日不降級，但口罩政策將逐步鬆綁，有網友好奇詢問，「如果口罩政策鬆綁，你還會戴口罩嗎？」貼文一出引起鄉民論戰。根據中央流行疫情指揮中心的公告指出，今(5</t>
  </si>
  <si>
    <t>安盛生(6734)規劃在今年第四季推出安必測新型冠狀肺炎智能抗原快篩(PixoTest POCT COVID-19 Antigen Test)與數位健康通行證(PixoHealth Pass)。安盛生科目前正與國際合作夥伴規劃臨床測試，預計於第4季進行取證送審</t>
  </si>
  <si>
    <t>5月中新冠肺炎本土疫情爆發後，名嘴朱學恒送4盆花籃到疾病管制署，附上卡片批評政府「爾俸爾祿，民膏民脂」等語，遭熱心民眾告發涉嫌侮辱公署。台北地檢署認為，疾管署防疫作為攸關人民權益可受公評，朱是告誡為官者</t>
  </si>
  <si>
    <t>台灣這波疫情爆發至今，不少人生計受影響，行政院祭出「紓困4.0」，針對有需要的民眾核發補助。近日有民眾在網路分享申請紓困補助，結果竟不符合資格，原因是「申請人入監」，令他傻眼氣得大罵「我人還在這好端端的</t>
  </si>
  <si>
    <t>2020年新冠肺炎肆虐全球，還有無數知名人士喪生，都讓不少人直呼「2020怎麼了」、「去你的2020」，期望早點邁入2021年，但不少知名預言家對此悲觀，表示2021依舊會是「黑暗年」，還會出現更大災難。曾預言今年會有疫</t>
  </si>
  <si>
    <t>正值美陸因新冠病毒疫情齟齬加深之際，華府近期在國際上展開挺台參與世界衛生組織（WHO）活動相關宣傳，邀請多國一同支持讓台灣參與WHO即將舉辦的世界衛生大會（WHA）。不過據《外交政策》雜誌透露，北京也對此發起</t>
  </si>
  <si>
    <t>今天中央流行疫情指揮中心記者會上，有外媒問如何做到，同時關心還在武漢的台商狀況，陳時中坦言，台灣防疫因為有健全的健保以及資訊力量，因此防疫還算「穩住」，但大陸其他疫區仍有其他需要被救援的人，會持續關心</t>
  </si>
  <si>
    <t>新冠肺炎持續在全球大爆發，菲律賓累計確診人數已達3,660例，共造成163人死亡。菲律賓總統發言人帕內洛（Salvador Panelo）5日發表聲明，總統杜特蒂（Rodrigo Duterte）將捐出「一個月的薪水」，以幫助國內對抗疫情</t>
  </si>
  <si>
    <t>政府近日偵破多起大陸網軍以臉書人頭帳號，在新冠疫情期間散播疫情相關的假消息。陸委會在今日進行回應。陸委會發言人邱垂正表示，大陸社群網站微博等平台網民的利用大量的臉書、人頭帳號、粉絲專頁跟 Line帳號進行</t>
  </si>
  <si>
    <t>行政院長蘇貞昌今拍板新冠肺炎紓困草案後，旋即趕往立法院向正在舉行黨團大會的民進黨立委致意。蘇貞昌說，武漢肺炎疫情嚴峻，政院今天通過防疫與提振產業的特別條例，盼立院支持在最快時間通過。他也強調，政府會透</t>
  </si>
  <si>
    <t>紐約市長白思豪，28日宣布全球引頸期盼的好消息！他表示6月的第一或第二個禮拜，紐約可望進入重啟的第一階段，一步步按照紐約州擬定的指導守則進行。白思豪在每日例行簡報會表示，現在該是紐約客「因為他們的努力，</t>
  </si>
  <si>
    <t>根據疫情指揮中心資料顯示，雙北的家戶傳播率大約在40%~45%，台中也有三分之二的確診者是因為家庭群聚所感染。國泰醫院感染科醫師崔可忠建議，依照風險高低來決定家中環境的消毒頻率。「如果幾乎都沒出門，外出地點</t>
  </si>
  <si>
    <t>行政院長蘇貞昌今天中午在臉書上發文表示，又有一批政府自購的AZ疫苗即將到貨，大約59.55萬劑，預計今天下午3點40分抵台，這是4天內的第3批疫苗到貨。中央流行疫情指揮中心指揮官陳時中指出，這是我們雙邊購買的疫苗</t>
  </si>
  <si>
    <t>5月12日是護理師節，新冠肺炎爆發逾4個多月，第一線醫護人員穿梭前線打仗，除體力負荷外，1天更得洗上幾十次手部消毒，造成肌膚呈現亁癟手皺。蓋婭社企挺防疫募集護手霜今（12）日各致贈100條護手霜給彰化基督教醫院</t>
  </si>
  <si>
    <t>美股上市的大陸知名線上視頻業者愛奇藝，27日美股盤後發表2019年第四季和全年未經審計的財報。值得注意的是，在會員服務業務力撐半壁江山下，愛奇藝2019年第四季營收與淨虧損表現均優於市場預期。特別是受到新冠肺炎</t>
  </si>
  <si>
    <t>2020年4月20日，5月美西德州小型輕原油期貨在結算日當天一夕暴跌，出現史上首次的負值，這代表賣方必須向買方支付金錢才能將手中的原油脫手。而造成原油市場如此慘烈的主因為，新冠肺炎導致全球石油需求大減，石油產</t>
  </si>
  <si>
    <t>台中市議員施志昌表示，顏清標董事長將此次所節省下來的費用，包含遊覽車、餐食、住宿等，捐贈新台幣三千萬元給疫情指揮中心，並且要求衛福部給全台統一停辦宮廟活動的標準，這等於把自身的難題與輿論壓力試圖丟還給</t>
  </si>
  <si>
    <t>行政院會通過「中央政府嚴重特殊傳染性肺炎防治及紓困振興特別預算案」，台中市長盧秀燕3日表示，中央因應新冠肺炎疫情編列600億特別預算，要求各局處能留意掌握中央各部會研擬的相關草案及資訊，當這筆經費分配到各</t>
  </si>
  <si>
    <t>聯發科(2454)法說公布第三季財報亮眼、第四季也將淡季不淡，加上對2021年展望也持續樂觀，6家外資對聯發科出具最新研究報告指出，大多對聯發科給予正面肯定，5家維持買進或優於大盤評等，僅一家日系外資維持中立評等</t>
  </si>
  <si>
    <t>新冠疫苗死亡案件持續傳出，新北市23日再添6人，最年輕是板橋56歲男性洗腎患者，新北市衛生局表示，民眾有疑義通報新北市衛生局都會將相關資料上傳疾管署通報系統，至於個案死亡原因是否與疫苗有關，由中央「預防接</t>
  </si>
  <si>
    <t>中央流行疫情指揮中心日前針對全國11處景點發出國家級警報，其中台南遭到點名，讓台南市長黃偉哲認為是亂槍打鳥。對此，行政院長蘇貞昌表示，政府此舉是要提醒大家，但相關作法可以更精進。對於蘇的回應，黃偉哲再度</t>
  </si>
  <si>
    <t>據陸媒19日報導，大陸新疆維吾爾自治區衛生健康委同日發出最新通報，自18日12時至24時，新疆維吾爾自治區（含新疆生產建設兵團）增加新冠肺炎確診病例13例以及新增無症狀感染者18例，所有病例均在烏魯木齊市，目前全</t>
  </si>
  <si>
    <t>文化大學傳出大倫館宿舍4名住宿學生確診新冠肺炎，文化大學教務長方元沂今(2)日回應，宿舍為4人一室雅房，校方擔憂衛浴共用恐有疑慮，因此校方今日目標完成館內345名同學快篩，而快篩陽性學生則依規定隔離與治療。文</t>
  </si>
  <si>
    <t>我駐日代表謝長廷19日偕代表處同仁及橫濱辦事處處長張淑玲等人在橫濱港候船室等候及並高舉我國國旗迎接下船的5位國人。代表處表示，5位國人於下午2時前（台北時間1點前)先後下船，他們看到代表處人員舉國旗歡迎，激</t>
  </si>
  <si>
    <t>南韓女星尹恩惠今（9）日爆出確診新冠肺炎，本人也在IG發文，以一張全黑畫面並親口證實染疫，特地向粉絲們報平安，「幸運的是我的情況很好，沒有任何嚴重症狀」；從尹恩惠的敘述中得知，似乎是和她同居的友人身體不</t>
  </si>
  <si>
    <t>新冠肺炎疫情還在延燒，今天就是國中、小開學日，各校如臨大敵，不斷在事前進行演練如何量測體溫，要是發燒如何安置處理等動線。基隆市明德國中校長沈俊光準備開學禮，讓人眼前一亮，其中包含一人一瓶的75％酒精及口</t>
  </si>
  <si>
    <t>中央流行疫情指揮中心今(2)日表示，昨(1)日國內新增1,013例新型冠狀病毒肺炎相關通報，截至目前累計33,733例(含29,755例排除)，其中339例確診(今日新增案330至339)，分別為291例境外移入及48例本土病例。確診個案中5</t>
  </si>
  <si>
    <t>後疫情時代來臨，高雄市府發起「暖心相守挺青年」活動，高雄市長韓國瑜12日表示，疫情之後，憂心今年畢業季後青年恐無工作機會，市府幫青年就業路超前部署，邀請高雄在地優質企業釋出逾500個職缺。另外青年局也在5月</t>
  </si>
  <si>
    <t>新冠肺炎從武漢蔓延到歐洲、美洲，台北經營管理研究院長陳明璋昨日指出，陸美貿易戰已讓大陸經濟增速放緩，現在這頭經濟「灰犀牛」遇上疫情「黑天鵝」，將導致企業倒閉浪潮、系統性金融風險陡升；陳明璋預測，大陸首</t>
  </si>
  <si>
    <t>印度新冠肺炎疫情慘烈，在印度經商的跨國和本地企業紛紛提供財務或物資援助，或是重新調派人力，致力保護員工安全。根據印度衛生部數據，印度5日新增確診案例達382,315例，已連續12日單日新增病例超過30萬人，全國累</t>
  </si>
  <si>
    <t>63歲林姓男子8日自大陸返台，於新北市板橋區防疫旅館內居家檢疫，今（15日）下午被發現猝死於浴缸旁，林男無明顯外傷，曾有中風紀錄，警方初步排除他殺，詳細死因待檢警進一步釐清。據悉，林男8日自大陸返台，8日至1</t>
  </si>
  <si>
    <t>北市內湖的壹電視電視台7日傳出一名劉姓攝影師猝死陳屍廁所，昨（8日）晚採檢結果出爐，經過PCR檢測，死者生前確診新冠肺炎，年代新聞台主播張雅琴和劉姓攝影不在同一棟大樓辦公，也未合作，但部分新聞攝影棚會共用</t>
  </si>
  <si>
    <t>新冠肺炎疫情擴散以來，金融市場波動劇烈，美股重挫觸發熔斷機制，油價單日崩跌也創下1991年以來單日最大跌幅，VIX指數也隨之飆破50％，市場出現恐慌性賣壓，資金轉往公債避險，美債殖利率也持續下滑，因此新興市場</t>
  </si>
  <si>
    <t>台化(1326)今日舉辦股東會，由副董事長洪福源親自主持，今年在新冠肺炎衝擊，以及美中貿易衝突未歇下，塑化產業持續面臨嚴峻的挑戰，他強調，台化也只能嚴肅面對因應市場的變化，另外，台化今也通過配發現金股利3.8</t>
  </si>
  <si>
    <t>中央流行疫情指揮中心11日宣布爆發感染源不明的本土案例，證實台灣發生社區感染，近日各醫院新冠肺炎疫苗施打門診也都額滿，台北市立萬芳醫院表示，近期的預約門診全都額滿，疫苗門診是採預約制，需在2周前預約，萬</t>
  </si>
  <si>
    <t>台灣疫情拉警報，單日爆增180例確診，根據疾管署「全國本土病例地理分布圖」顯示，去年疫情爆發至今累計344例本土個案，目前共6縣市亮紅燈，分別是桃園市、新北市、台北市、宜蘭縣、台中市以及昨日「由橙轉紅」的彰</t>
  </si>
  <si>
    <t>北京市疾病預防控制中心副主任龐星火19日表示，18日北京市新增報告境外輸入新冠肺炎確診21例，共涉及6國、8個航班。龐星火指出，21例境外輸入確診病例的來源增多，涉及6個國家。西班牙、英國各7例，另4國為境外輸入</t>
  </si>
  <si>
    <t>（9日03：30更新）北市內湖區某電視台攝影棚攝影師7日被人發現陳屍在廁所馬桶，家屬一度以為是酗酒緣故，不過，檢警採檢後送驗，今傍晚結果出爐，該攝影師新冠肺炎篩檢呈現陽性，當初協助相驗的員警，已經急赴醫院快</t>
  </si>
  <si>
    <t>中國大陸病毒專家石正麗警告，要是全球不群策群力，預防可能的傳染病爆發，那目前席捲全球的致命新冠肺炎病毒，在人類很快就會面對的傳染病中，可能只是冰山一角。石正麗告訴「中國環球電視網」（CGTN），人類要是想</t>
  </si>
  <si>
    <t>英國新冠肺炎疫情在政府未積極遏制病毒傳播，也未實施大規模檢測的鬆散做法之下，確診人數節節攀高。根據《衛報》從衛生部門取得的一份內部文件顯示，預計英國未來12個月都會受疫情影響，直到2021年春季。文件並做出</t>
  </si>
  <si>
    <t>台北市面對新冠肺炎疫情，市立聯合醫院的病床相當吃緊，傳出市長柯文哲希望能和非聯醫體系醫院調用病床，卻遭到拒絕，市府認為《傳染病防治法》有授權地方政府徵用，如果再有醫院不配合，不排除採強制手段。柯文哲18</t>
  </si>
  <si>
    <t>根據中央流行疫情指揮中心統計，新冠肺炎初期症狀以咳嗽最多，3日有醫師提出警告，從一項猴子細胞實驗中發現，止咳藥水中的常見成分「Dextromethorphan」會加速新冠病毒的複製。陽明大學助理教授、胸腔重症醫師蘇一</t>
  </si>
  <si>
    <t>跨年夜，台北市、桃園市靠「天網」，揪出有自主健康管理者違反參加大型集會的規定，雖中央疫情指揮中心已正名為「電子圍籬2.0」，強調非對全民監控，但仍引發爭議。對此，「宅神」朱學恒表示，還是支持把居家檢疫時</t>
  </si>
  <si>
    <t>磐石艦新冠肺炎感染者之一是雲林縣民，密切接觸者有8人，19日第一次採驗結果全是陰性，衛福部疾病管制署昨（24日）要求二採，甫引進「聚合酶連鎖反應儀及自動核酸萃取儀」的台大雲林分院緊急協助採驗，昨晚化驗結果</t>
  </si>
  <si>
    <t>新冠肺炎疫情全球發燒，金門鄉親也是人心惶惶。縣府今（21）日專稿說明2名居家隔離、39名居家檢疫者現況，澄清外界不實傳言。縣長楊鎮浯提醒鄉親切勿再以訛傳訛，如散布未經證實的疫情謠言，縣府將依〈傳染病防治法</t>
  </si>
  <si>
    <t>全國火化遺體數激增，殯葬人員也吃不消。新北市三峽火葬場「三峽昇華園」為消化大量新冠肺炎遺體，原本夜間休息不火化，6月起改為24小時不打烊運作，16名工作人員分三班制負責火化，甚至還有1天火化110具以上遺體，</t>
  </si>
  <si>
    <t>啟碁(6285)今日舉辦法人說明會，董事長謝宏波認為，隨著新冠肺炎疫情舒緩，5G依舊是各國政府會著力的一塊，啟碁5G營收占比今年約3~5%，明年希望有翻倍成長、上看7~10%，另外，由於美中貿易戰恐無法在短期結束，故今</t>
  </si>
  <si>
    <t>台北市13日新增9例本土確診個案，台北市長柯文哲表示，萬華區上周仍有新增36例，先前批發市場專案大規模PCR篩檢、施打疫苗後，15日起就可看出是否有效擋住，請大家拭目以待，另外北市除了市場感染，比較麻煩的是家戶</t>
  </si>
  <si>
    <t>新北市確診人數持續攀增，今日累計465個確診案例；新北市長侯友宜今主持防疫會議表示，新北市擴大匡列的量很龐大，採檢的量也很龐大，這段期間新北市的確診數一定是愈來愈多，但大家不要怕多，只怕沒有抓出來，「因</t>
  </si>
  <si>
    <t>一名確診者今（6日）在我是板橋人臉書社團留言說，自己是一名確診者，因自己有去萬華人與人的連結，害母親、胞兄染疫，母親5月19日住院治療，於6月1日病歿，是人生的痛！留言也吸引網友幫他加油打氣，但留言目前已刪</t>
  </si>
  <si>
    <t>國內超商都有賣地瓜，但一名超商店員無奈表示，客人挑選時總是要用手把地瓜捏過一輪，讓他得常常提醒客人「旁邊有夾子」。貼文一出引起網友熱議，直呼「我地瓜連皮一起吃耶，以後不敢買了」，時值新冠肺炎疫情侵襲全</t>
  </si>
  <si>
    <t>第六輪國產高端疫苗於23日開放施打，截至目前（26日）已出現4起猝死案件，其中2人死因推斷為「主動脈剝離」，是否跟接種高端疫苗有關？感染科、心臟科醫師紛紛認為，兩者並無因果關係，只是剛好在接種後發生主動脈剝</t>
  </si>
  <si>
    <t>中央流行疫情指揮中心今（23日）公布新增287例本土COVID-19確定病例，另有170例本土個案校正回歸上周各日個案，新北市至今已有27處可篩檢，新北市長侯友宜今（23日）表示，三軍總醫院明（24日）將加入板橋機動篩檢站</t>
  </si>
  <si>
    <t>SEMI（國際半導體產業協會）公告最新北美半導體設備出貨報告，今年4月份設備製造商出貨金額止跌回升達22.619億美元，年增率連續七個月維持正成長。SEMI全球行銷長暨台灣區總裁曹世綸指出，新冠肺炎疫情及地緣政治風</t>
  </si>
  <si>
    <t>這波新冠肺炎疫情來得又快又急，加上「快樂缺氧」的特殊徵兆，許多患者會在尚無不適的狀況下，被醫護人員告知需要插管，因此產生畏懼、抗拒的心理，恐致延誤治療。●新冠肺炎插管  病人拔管轉病房台北慈濟醫院為收治</t>
  </si>
  <si>
    <t>普力生化科技公司4日公布國防醫學院實驗室檢驗報告，該公司產品「普力600二氧化氯抗菌錠」對抗新冠病毒可達99.99％以上，普力生技今更與國防醫學院簽署產學防疫研發合作，也捐贈公司產品與研究設備，一盡軍民共同抗</t>
  </si>
  <si>
    <t>雖然新冠疫情在美仍未有明顯下降趨勢，美國總統川普為了救經濟，堅持將在近期重啟國門，讓部分疫情已受控的州得以恢復正常生活。不過為了安全重啟經濟，美國疾病管制與預防中心（CDC）特別草擬在此階段的防疫方針，</t>
  </si>
  <si>
    <t>好萊塢巨星湯姆可魯斯(Tom Cruise)正在拍攝知名系列動作電影《不可能的任務》最新第7集，該片不僅由阿湯哥主演，他還擔任監製，製片方也投注鉅額資本，因此讓他背負不小的壓力，但《不可能7》開拍以來曲折不斷，前些</t>
  </si>
  <si>
    <t>國內疫情持續擴大延燒，全台大專校院紛改採線上遠距教學，國立台南護專目前仍維持實體授課，學生為此罵翻天，在臉書「黑特南護」直指學校「不要再賭了好嗎？」校長黃美智今表示，考量市府未宣布停班停課，在兼顧防疫</t>
  </si>
  <si>
    <t>基隆市長林右昌今日說明，基隆市65至67歲市民（原住民55至57歲）第二劑莫德納疫苗施打作業，預計於25日至27日採取集中施打，符合資格市民這幾天會陸續收到市府發送的通知單。林右昌表示，基隆為了幫65至67歲（原住民</t>
  </si>
  <si>
    <t>伊林娛樂藝人劉倩妏，最近總是戴著護目鏡，引來不少側目，還有人以為她是為了防疫才自我保護如此周全。其實是她之前拍哭戲常常被隱形眼鏡影響，甚至曾為拍戲戴變色瞳孔放大片，眼前完全看不到，差點從高處摔下。剛好</t>
  </si>
  <si>
    <t>新冠肺炎疫情當頭，警察全力投入監控協查居家隔離、檢疫對象，防疫情破口。但最近1個多月，全台已發生5件金融機構搶案，其中2件持槍。犯罪學者說，疫情導致經濟蕭條，歹徒可能缺錢鋌而走險，為防治安因疫情出現破口</t>
  </si>
  <si>
    <t>近期我國爆發上千起新冠本土個案，中央流行疫情指揮中心將全國到28日以前列為三級警戒，但中研院研究員何美鄉表示，就算阻斷傳播鏈做的再好，5月28日後也不可能可以回到過去的生活，「可能要等到打完疫苗才會回去」</t>
  </si>
  <si>
    <t>新冠肺炎疫情帶動口罩需求，各式各樣的口罩應運而生。英國精品品牌Burberry就在近日宣布推出單價90英鎊（約台幣3,600元）的經典格紋布口罩，成為全球第一家跨入口罩時尚的精品大廠。Burberry在20日宣布，即將上市的</t>
  </si>
  <si>
    <t>苗栗》立法院副院長蔡其昌赴國家衛生所研究慰勉新冠肺炎研究努力貢獻謝明俊／苗栗報導立法院副院長蔡其昌，11上午親自前往竹南國家衛生研究院，對合成瑞德西韋的研究團隊給予嘉勉，同時見證藝術家黃騰輝特別為了國衛</t>
  </si>
  <si>
    <t>據美媒《國會山莊》報導，國務卿蓬佩奧（Mike Pompeo）的太太蘇珊（Susan Pompeo）已在本月初確診新冠，比國務院在16日宣布蓬佩奧曾因接觸新冠肺炎人士自主隔離的時間還要更早。報導稱，目前蓬佩奧檢測仍為陰性，但</t>
  </si>
  <si>
    <t>新冠肺炎疫情衝擊商圈買氣，也讓第一線醫護人員備感艱辛，宜蘭大學園藝系3年級學生曾品均邀約畢業學長林聖翔開著自己經營的披薩窯烤車到陽明大學附設醫院門口，現烤50份總價值超過萬元的披薩贈送給醫院醫護人員，表</t>
  </si>
  <si>
    <t>聯亞疫苗EUA審核結果未通過，指揮中心指揮官陳時中指出是聯亞的中和抗體效力差，是未通過的主因。然而，胸腔暨重症醫師黃軒表示，不想重症、死掉，需要的不只是抗體，而是T細胞的反應，直言「中和抗體檢測多好、多高</t>
  </si>
  <si>
    <t>雲朗觀光與嘉義縣新港農會為共同推動提振國產農產品，旗下飯店將於12月中起陸續於各館客房擺放「黑娘媽」黑豆茶包，讓住宿房客可以免費品嘗台灣黑豆茶的好滋味。雲朗觀光集團擁有「君品酒店」、「雲品溫泉酒店」、「</t>
  </si>
  <si>
    <t>新北市政府宣布板橋區新埔國小預防性停課3天，新北市議員劉美芳今（8）日與新埔國小家長會長高玉素表達支持，讓疫情遠離校園。劉美芳表示，這一波的疫情來洶洶，甚至有Delta入侵的疑慮，顯示開學季的開始，就有病毒</t>
  </si>
  <si>
    <t>新冠肺炎疫情衝擊國內經濟，政府推出多項紓困方案協助民眾度過困難時期，但許多繁雜手續引發不小民怨。新北市長侯友宜視察汐止區公所表示，中央防疫又要紓困很辛苦，大家要共體時艱，侯強調，個體發放只是解燃眉之急</t>
  </si>
  <si>
    <t>疫情嚴峻掀疫苗搶打，但至今台灣僅有71萬劑AZ疫苗。無黨籍立委傅崐萁今天再次呼籲行政院長蘇貞昌，儘速開放民間企業與地方政府採購疫苗，民間與地方絕對有能力來承擔，唯有疫苗才能讓台灣成為全世界最安全的地方，台</t>
  </si>
  <si>
    <t>新北市板橋區某幼兒園群聚基因定序確定為Delta病毒，因為有不少學生居住在隔離的社區或是有相關接觸，新北今天增加13個學校、3170名學生停課，新北市劉和然表示，因接觸學生PCR都為陰性，明日3170名學生將全數復課。</t>
  </si>
  <si>
    <t>本土疫情多點爆發，中央流行疫情指揮中心今（14日）宣布新增29例本土確診，其中16例確診與萬華區茶藝館有關。「草莓姐姐」簡皎竹今日也在臉書抒發身為一個母親且又住在疫情爆發的萬華的心情，更在看到眾多網友留言鼓</t>
  </si>
  <si>
    <t>總統蔡英文今天(2日)在疫情指揮中心指揮官、衛福部長陳時中陪同下，視察指揮中心，她坦言，這段時間，有時很害怕接到陳時中的電話。蔡英文表示，疫情指揮中心每天開記者會，應該是收視率最高的時候。她可說是一喜一</t>
  </si>
  <si>
    <t>國發會今（27日）發布2020年元月景氣報告，景氣燈號綜合判斷分數為25分，月減2分，為連續第三個月亮出代表景氣穩定的綠燈。國發會表示，景氣同時指標續呈上升，惟領先指標連續2個月緩跌，顯示景氣回溫暫時受不確定因</t>
  </si>
  <si>
    <t>今年5月因新冠肺炎確診遭隔離在雙和醫院的洪姓男子，持刀攻擊3名護理人員，檢方起訴後，新北地方法院裁定羈押，他不服提抗告，台灣高等法院認定他犯罪嫌疑重大，且有逃亡及反覆實施同一犯罪之虞，駁回抗告，裁定羈押</t>
  </si>
  <si>
    <t>新冠肺炎疫情爆發後，在西醫尚無專門針對這一新型病毒特效藥的背景下，中醫藥當時發揮了重要作用。大陸國家主席習近平近日於考察時指出，經過抗擊新冠疫情等重大傳染病後，對中醫藥的作用有了更深的認識，未來要進一</t>
  </si>
  <si>
    <t>新北某幼兒園群聚案已累計29人確診，外界猜疑埃及爸就是這起事件的傳染源。前台大醫院感染科醫師林氏璧表示，目前還未確認裝修工人夫婦的病毒基因序列，是否與幼兒園相同，裝修工人在9月1日發病，但他是在8月12至14</t>
  </si>
  <si>
    <t>新冠肺炎病毒肆虐全球，造成百業蕭條，不只飯店、旅行社接連關門，許多人也被迫放無薪假，造成不小的經濟壓力，為提供保戶彈性的資金運用需求，新光人壽推出「防疫關懷」台幣保單借款專案，線上、線下借款優惠利率分</t>
  </si>
  <si>
    <t>劉品言常在社群網站與粉絲分享日常生活，向來敢說敢言的她突然在Instagram限時動態寫下「接下來是一篇真心抱怨文，廠商們莫慌，朋友們別怕」，接著便分享網購內衣的心路歷程，不禁感嘆大胸女孩挑選內衣時的困擾。劉</t>
  </si>
  <si>
    <t>世界衛生組織(WHO) 總幹事譚德塞在記者會上表示，新冠肺炎與季節性流感存在4個重要區別，它相比季節流感的差異包括：1.新冠病毒傳染力較流感低；2.引發病情較嚴重；3.目前還無針對新冠病毒的疫苗與療法；4. 流感不可</t>
  </si>
  <si>
    <t>高中以下學校2月25日開學，因新冠肺炎疫情日益嚴峻，許多學生家長憂心忡忡，擔心校園爆發群聚感染，危害子女健康，教育部不應猶豫，應立即宣布開學日再往後延。目前各大學因應防疫作為，大多把開學日延至3月2日，避</t>
  </si>
  <si>
    <t>治療新冠傳出好消息，巴西近日的千人實驗發現又有一款老藥可降低死亡發生，是一款名為氟伏沙明（Fluvoxamine）的抗憂鬱症老藥，陽明醫院胸腔科醫師蘇一峰指出，該研究指出可減少新冠感染後死亡風險達9成，並獲Nature</t>
  </si>
  <si>
    <t>新冠肺炎疫情蔓延，準備因應旺季來臨的觀光業首當其衝，高雄遊覽車業界已傳出有兩、三家業者司機放無薪假、出車率僅剩1成，計程車業者業績也狂掉5至7成，大家都希望政府能伸出援手補貼，協助他們度過考驗。高市遊覽</t>
  </si>
  <si>
    <t>東京奧運倒數81天，由於新冠肺炎疫情仍未受到控制，東奧組委會要醫療院所派遣500位護理師在東奧期間幫忙，此舉引起護理人員不滿，認為政府竟然在接近疫情爆發臨界點之際，還無視國內防疫。據了解，東京奧運需要1萬名</t>
  </si>
  <si>
    <t>世界衛生組織（WHO）發言人賈撒列維克（Tarik Jasarevic）今天表示，關於南韓中部大邱市一帶發生新冠病毒「群聚」感染，世衛正與南韓保持密切聯繫。南韓昨天通報20起2019年冠狀病毒疾病（COVID-19，武漢肺炎）新增感</t>
  </si>
  <si>
    <t>我國採購疫苗截至六月底，帳面上共花新台幣67億，但實際上目前卻只花10億元購買國際疫苗。衛福部長陳時中今天指出，到現在都還在講疫苗價格的，覺得有點居心叵測，因為疫苗價格在合約中已寫得清清楚楚，就是保密事項</t>
  </si>
  <si>
    <t>新冠肺炎全球肆虐，高齡者更是感染發病死亡的高風險族群，長輩的防疫絕對不能輕忽。台南市政府社會局為讓關懷據點能持續照顧長輩，特別強化據點防疫物資及宣導防疫觀念，希望避免發生群聚感染。社會局表示，台南市積</t>
  </si>
  <si>
    <t>據大陸《央視》引述伊朗媒體報導，伊朗衛生部副部長哈利其(Iraj Harirchi)確診感染新冠病毒，已接受隔離，目前情況良好。據伊朗伊斯蘭通訊社25日報導，哈利其在其社交媒體證實了這一說法。他表示，24日晚上的測試顯</t>
  </si>
  <si>
    <t>國內新冠肺炎疫情升溫，中華郵政公司宣布5月20日起導入簡訊實聯制系統，即起在全台1299間郵局營業場域實施。中華郵政表示，除配合中央流行疫情指揮中心各項防疫措施，實施營業場所量測體溫、佩戴口罩外，亦提高整體</t>
  </si>
  <si>
    <t>台北市信義區確診數升高，永利市場11日爆出1名菜販確診，市場封市3天急清消。台北市副市長黃珊珊表示，這名確診攤商一開始疫調還沒有說實話，北市府花兩天調閱資料，還動員警察調監視器，才讓攤商吐實，發現攤販先生</t>
  </si>
  <si>
    <t>海基會26日上午表示，已協調華航班機，於29、30日晚，從上海飛桃園，送滯留湖北的國人返台。不過湖北省台辦26日晚表示，滯留台胞希望可就近從武漢飛回台灣，若兩岸共同執飛，各飛兩班，本周內就可將申請搭乘的800多</t>
  </si>
  <si>
    <t>廣東官方「健康廣東」微信公號16日公布，6月15日0至24時，廣東省無新增本土確診病例和本土無症狀感染者。廣東省獲批首批60萬支重組亞單位新冠疫苗已經到粵。該疫苗是由中國科學院微生物研究所和安徽智飛龍科馬生物製</t>
  </si>
  <si>
    <t>伊林娛樂名模殷琦嫁給台中高明精機總經理張仕育，婚後幸福。近日新冠肺炎疫情緊張，政府趕著擴建口罩生產線，背後仰賴「工具機國家隊」投身奉獻，殷琦25日對外表示老公也投身其中，支援組合製作口罩的機器，「在這不</t>
  </si>
  <si>
    <t>長榮機師染疫案成為第2起Delta變異株入侵社區疫情。醫師周百謙分析，雙北、桃園人口密集，室內聚集機會多，比起先前屏東疫情控制難度更高，並考驗全民防護措施是否落實。長榮有3名機師與1名機師之子確診COVID-19（20</t>
  </si>
  <si>
    <t>昨日大聯盟主席曼佛雷德(Rob Manfred)說雖然希望能在5月開季，不過仍不排除縮短賽季。大聯盟與大聯盟球員工會達成協議，針對因為新冠肺炎疫情而產生的年資、薪水、選秀的問題，一一討論解決，預計明日各隊老闆簽名同</t>
  </si>
  <si>
    <t>台灣本土昨增401例確診，各縣市公布確診者足跡，醫藥粉專「MedPartner 美的好朋友」發現，案6755非常值得表揚，個案在5/10和家人去萬華某餐廳吃飯，5/17發現該餐廳有人確診，便與家人去醫院自費快篩，當時的結果雖是</t>
  </si>
  <si>
    <t>摩洛哥突宣佈鎖國，傳出大陸曾想派包機接回台灣旅行團，居間處理者為前總統府發言人李佳霏。外交部部長吳釗燮表示，我們沒有感受李小姐替大陸施壓，但大使館已接收到大陸希望接回台灣的事宜，此舉屬於統戰。因此，駐</t>
  </si>
  <si>
    <t>上午10時，北京全城防空警報鳴響，大陸國家主席習近平等國家領導人向大陸新冠肺炎疫情犧牲烈士和逝世同胞默哀3分鐘。習近平、李克強、栗戰書、汪洋、王滬甯、趙樂際、韓正、王岐山等大陸黨和國家領導人來到中南海懷</t>
  </si>
  <si>
    <t>新冠肺炎疫情蔓延未見趨緩，全台百貨業亦積極往線上搶客，包括新光三越線上網購從美妝類擴展至3C家電、超市與婦嬰用品等達3000項，而SOGO百貨則以防疫用品為主力，上線流量在近期均有數倍成長。三年前新光三越電商平</t>
  </si>
  <si>
    <t>美西華盛頓州29日出現感染源不明的首例死者，是一名50多歲男病患，原本就有嚴重健康問題。但該州陸續出現至少4起不明感染源的確診個案，讓專家擔心，這已符合社區傳染定義。此外，該州一個長照中心出現一名醫護人員</t>
  </si>
  <si>
    <t>大陸《環球時報》4日報導，大陸8月3日0-24時新增本土確診病例71例、無症狀感染者15例，顯示疫情依舊嚴峻。北京大學第一醫院呼吸和危重症醫學科主任王廣發表示，大陸這一輪疫情有三個主要的「暴發點」，一是南京-張家</t>
  </si>
  <si>
    <t>新冠肺炎疫情在歐美蔓延，許多城市陸續進入封城或半封城狀態，想要維持正常營運又擔心疫情衝擊的企業，在家遠距工作（Telework）成為新的模式，並帶動雲端運算及資料中心龐大商機，筆電及伺服器供應鏈接單暢旺，成為</t>
  </si>
  <si>
    <t>台北市今無本土病例，北市衛生局說明，新增4例境外移入，從美國、烏克蘭、菲律賓入境。衛生局也提醒學生，沒有在校園接種，也未1922預約平台登記的學生，聯合醫院仁愛院區10月16日上午加開BNT門診，可以前往接種。有</t>
  </si>
  <si>
    <t>美國面臨第二波新冠肺炎疫情持續升高危機，根據國家廣播公司（NBC）的統計，周三單日新增確診人數飆破4萬大關，來到逾4.5萬，創下新高紀錄。近來相當強勢的美股受此利空襲擊應聲大跌，那斯達克綜合指數更失守1萬點大</t>
  </si>
  <si>
    <t>央視新聞報導，今天（25日）召開的北京市第247場新冠肺炎疫情防控工作新聞發佈會上，北京市政府新聞發言人徐和建表示，近期大陸多地相繼發生疫情，北京陸續發現京外關聯和本地病例，疫情形勢嚴峻複雜，首都面臨的疫</t>
  </si>
  <si>
    <t>行政院長蘇貞昌今天一早到台南市仁德區視察三爺溪排水治理情形，被問到藍營批他說全台逾910萬人施打疫苗是大內宣，數字根本沒那麼多，蘇貞昌沒回應數字，只說當全世界因變種病毒而疫情再起，台灣70天內將疫情控制在</t>
  </si>
  <si>
    <t>新冠肺炎疫情全球肆虐，人心惶惶，腦麻孩子口罩用量約是一般人的2倍，庫存不敷使用，嘉義市婦聯會主委、前嘉義市議長蕭淑麗9日代表捐助500個口罩及2萬元防疫基金給嘉義市腦麻協會，她說，這是拋磚引玉，希望有更多人</t>
  </si>
  <si>
    <t>新冠肺炎疫情持續擴大，全球經濟前景籠罩陰霾，費城半導體指數連跌四個交易日之後，已較前次波段高點大跌近12％，意味著費半指數已進入修正。26日早盤反彈1.8％。費城半導體指數25日收盤重挫3.06％，創下2008全球金</t>
  </si>
  <si>
    <t>新冠病毒仍在美肆虐，至今已確診破百萬、並造成5.8萬人死亡，超越越戰陣亡人數。面對此一數據，美國總統川普28日卻樂觀地表示「疫情最糟糕的日子已過去了」，暗示重啟全國經濟的時機即將來到。據美《國會山莊》報報</t>
  </si>
  <si>
    <t>為了防止新冠肺炎疫情擴散而實施的封鎖措施，迫使經銷商關閉商店，並導致生產與銷售中斷，歐洲4月新車銷售崩跌。歐洲汽車製造商協會公布，4月歐盟新車登記數較去年同期暴跌76.3%，較3月的年減55%進一步惡化。歐洲大</t>
  </si>
  <si>
    <t>鼠年新春全球金融市場受到中國大陸新冠肺炎（COVID-19）的突襲，主要國際股市紛紛重挫，也打亂了台股多方新春紅盤衝關12,682點的步調，台股加權指數一度回測半年線支撐。雖然現階段相關疫情的訊息仍不斷擾動人心，但</t>
  </si>
  <si>
    <t>香港出現狗被確診新冠肺炎的首例！新冠肺炎確診者、香港女富豪周巧兒的愛犬，之前經香港漁農自然護理署兩次病毒測試，發現其口腔及鼻腔樣本呈弱陽性反應，成為世界首例。頭條日報網4日報導，香港漁護署曾徵詢港大、</t>
  </si>
  <si>
    <t>本周美國又有新的州不顧公共衛生專家的警告，準備解除為控制疫情實施的限制舉措，而白宮預計4月的失業率將達到16%或更高。科羅拉多、密西西比、明尼蘇達、蒙大拿和田納西州將加入嘗試重啟經濟的行列，而這些州沒有衛</t>
  </si>
  <si>
    <t>民進黨副秘書長林飛帆近日PO出自己在廚房切雞肉的「防疫生活」照，表示疫苗已陸續到位，也呼籲民眾沒事宅在家。未料鄉民完全不領情，紛紛大酸「這就是月薪9萬的廚房嗎」、「15萬(劑疫苗)又開始吹了」、「殺雞取暖？</t>
  </si>
  <si>
    <t>大陸國新辦今（21日）舉行有關科技創新支撐疫情防控記者會，大陸科學技術部副部長徐南平表示，最快的疫苗將於4月下旬左右，申報臨床試驗。大陸新冠肺炎確診與死亡人數持續攀升，日前，大陸科研團隊宣佈疫苗已經開始</t>
  </si>
  <si>
    <t>新冠肺炎疫情蔓延全球，全台至15日累積確診達59人，連江縣政府加強防疫措施，進醫療院所須進行手部消毒、配戴口罩及量測體溫等步驟，但卻傳出有民眾不配合情況。對此，衛生福利局長謝春福強調，屢勸不聽者，將依違反</t>
  </si>
  <si>
    <t>敦睦艦隊22日再新增1例屏東籍確診個案，至今屏東累積5名官士兵確診，屏東縣政府接獲防疫中心通報後，隨即啟動相關疫調，足跡新增屏東家樂福新屏店，業者已在第一時間閉館全館消毒。屏縣府衛生局指出，目前敦睦艦隊屏</t>
  </si>
  <si>
    <t>綠營議員連署召開臨時會，要求高雄市長進議會報告防疫政策及紓困措施，然而，海軍敦睦艦隊群聚感染，高雄防疫風險升溫，議員態度出現轉折，有人認為應如期開臨時會、有人認為可轉視訊質詢、也有人建議臨時會取消，5</t>
  </si>
  <si>
    <t>中國汽車工業協會（簡稱中汽協）4日表示，2021年1月大陸汽車業銷量預計為254萬輛。由於2020年初新冠肺炎疫情爆發導致基數較低，加上與當前各家車企積極促銷，使得當月銷量年增大幅成長至31.9％。而2020年1月份，大陸</t>
  </si>
  <si>
    <t>根據日媒統計，截至今天上午10時30分止，日本全境含鑽石公主號郵輪的武漢肺炎病例共有894例，其中有51人重症；死亡人數加總鑽石公主號4人及境內感染死亡3人共7人。日本放送協會（NHK）報導，日本政府厚生勞動省表示</t>
  </si>
  <si>
    <t>國發會副主委鄭貞茂30日表示，國發基金管理會今通過「受新冠肺炎影響新創事業投資要點」，凡受此波疫情影響的新創事業，可自即日起至今年9月底前提申請，國發基金審查通過後可給予6個月的營運資金。鄭貞茂表示，針對</t>
  </si>
  <si>
    <t>去年4月，美國國務卿蓬佩奧宣稱中美貿易戰爭不只是貿易，而且是科技、甚至是整體「文明的對抗」；從此之後，敏銳的觀察家就到處可以看到這兩大文明之間的尖銳對抗。今年是庚子年。春節過後，新冠肺炎在武漢爆發。2月</t>
  </si>
  <si>
    <t>香港氣質女歌手施匡翹上月中確診新冠肺炎，隨即被安排住院治療，而她直到8月14日出院，足足花了24天才恢復健康，遭踢爆是因為不配合用藥，才會拖長住院時間，被說是「最壞的榜樣」。有名為「現役Dirty Team醫生」的</t>
  </si>
  <si>
    <t>交通部觀光局為落實強化與地方政府觀光施政意見雙向交流，25日邀請縣市政府觀光首長召開座談會，就新冠肺炎疫情對觀光產業衝擊的相關紓困方案進行討論。其中，紓困方案已進入法制作業程序，振興方案則將聚焦內旅遊、</t>
  </si>
  <si>
    <t>新型非洲變種病毒Omicron來勢洶洶，為提高民眾疫苗施打率，屏東縣政府與縣內百貨公司合作，廣設施打站，加上屏東火車站及家樂福等增設疫苗施打站，縣府呼籲民眾盡早接受疫苗施打，以提升自身保護力。首位在屏東太平</t>
  </si>
  <si>
    <t>昨日新增334例本土案例，及256例校正回歸，全台僅剩台東縣沒有確診者。據疾管署「全國本土病例地理分布圖」顯示，今年以來已累計3691人確診，雙北為重災區，其中以新北市1786人最多，其次為台北市1407人、桃園市177</t>
  </si>
  <si>
    <t>新型冠狀病毒引起的肺炎（COVID-19）席捲全球，影響本國企業及農漁民日常營運與資金調度。全國農業金庫配合政府訂定產業紓困、振興方案，減低受疫情衝擊業者負擔，協助本國企業及農漁民渡過難關。全國農業金庫應新冠</t>
  </si>
  <si>
    <t>3月30日是大陸中小學生安全教育日，大陸地震局當天組織推出《居家防疫期間如何做好地震安全準備》影片和《疫情期間中小學生地震安全知識圖解》，旨在抗疫期間共同提高中小學生地震安全意識和能力。《疫情期間中小學</t>
  </si>
  <si>
    <t>因新冠狀病毒感染確診與死亡病例持續激增，義大利宣布隔離措施擴及全國。義大利總理孔蒂（Giuseppe Conte）周一宣布，義大利倫巴底（Lombardy）行政區的封城措施將擴大至全國。義大利全國人民除了工作必要或緊急情況</t>
  </si>
  <si>
    <t>敦睦艦隊磐石艦爆發群聚感染，傳出行政院早在4月9日會議拍板，要求國防部發給國軍人員一天一片口罩，然而，國防部拖到17日才宣布國軍每人每天一片口罩政策，隔天便爆出官兵確診。國民黨立委林奕華質疑國防部早知情，</t>
  </si>
  <si>
    <t>新冠肺炎肆虐，眾志成城同心抗疫之際，卻有人假冒防疫人員，騙入民宅綑綁屋主洗劫財物，警方據報很快逮捕這名可惡強盜，並由法院速審速決判刑坐牢11年。據大陸中央電視台報導，南京市一名男子上月11日，正是武漢地區</t>
  </si>
  <si>
    <t>「印度神童」阿南德又有恐怖預言，他在16日發表的最新影片中揭露，包括印度、美國、日本及英國等4國可能爆發新一波疫情，至於疫情何時好轉？可能要等到2023年4月以後，全球才會逐漸解封。阿南德在16日發表的YouTube</t>
  </si>
  <si>
    <t>先前外交部已宣布在3月21日前，以免簽方式等入境台灣的外籍人士，不需額外申請即可延長30天停留期限，停留天數不得超過180天。外交部於3月時公布，因全球新冠肺炎疫情仍未有明顯趨緩，且各國國境及飛航限制也未傳解</t>
  </si>
  <si>
    <t>為防止居家檢疫者亂跑，新北市加強KTV、夜店臨檢，此外，針對其他人潮擁擠、密閉空間，是否也會加強查察，侯友宜表示，私人場所有很多可以去了解，不是只有KTV、夜店，有一些場所也會評估，原則上用道德勸說方式，讓</t>
  </si>
  <si>
    <t>新冠疫情持續已超過一年，近日又爆發群聚感染，是否因受疫情影響產生焦慮和憂鬱的情緒，進而影響自己的判斷力？根據2020年12月發表於《eLife》期刊的一項研究指出，當混亂的事情愈多，患有臨床焦慮或憂鬱症的人就愈</t>
  </si>
  <si>
    <t>新冠肺炎疫情延燒，民眾繃緊神經做好防疫工作，日前全台出現口罩荒，行政院6日所推新制「口罩實名制」上路後，不少民眾抱怨買不到，一罩真的好難求。日前新北市有名客運司機，看到上車乘客沒有配戴口罩，便主動提供</t>
  </si>
  <si>
    <t>大陸周三（23日）公布新增10宗新冠肺炎確診病例，全部為境外輸入，廣東通報最多的4宗，患者分別由印尼及孟加拉入境後確診。雖然大陸疫情已受控制，但中國工程院院士、傳染病學家、國家衛健委高級別專家組成員李蘭娟</t>
  </si>
  <si>
    <t>CBA球星林書豪對新冠肺炎疫情發表心聲，呼籲起身對抗種族歧視，更為亞裔身分感到驕傲。但因他使用「新冠病毒」，及在大陸參加職籃運動，便引來部分網友灌爆他的臉書，指責「人民幣的味道！你慢慢奶啦！」、「武漢肺</t>
  </si>
  <si>
    <t>美國新冠疫情最嚴重的莫過於紐約州，在3月時，一位母親先被感染，結果將病毒帶回家，造成17個小孩也被感染，好在一個月來陸續恢復，母親說「這真是最可怕的經驗！」住在紐約州門羅縣的布特妮（Brittany Jencik），含</t>
  </si>
  <si>
    <t>新冠肺炎延燒到東北亞，連歐洲、美洲也遭殃，投資人恐慌情緒加溫，美股道瓊重挫1031點，台股今天一開盤就大跌逾百點，一度失守半年線，但隨即跌幅收歛，開盤1個小時後，指數小漲12點、來到1萬1547點，成交量已破867</t>
  </si>
  <si>
    <t>國內新冠肺炎疫情趨緩，帶動新竹零售業買氣，新竹遠東巨城購物中心人潮回流及業績表現亮眼，五一勞動節當天業績較去年同期成長36%，今年三天連假更較去年有五成的成長，包括美妝香氛、流行服飾、3C家電表現亮眼之外</t>
  </si>
  <si>
    <t>隨著美國總統拜登宣布6月底前將向國外提供8,000萬劑新冠肺炎疫苗，白宮更於3日宣布將先釋出2,500萬劑疫苗，而台灣也在接受的名單之中。對此，美國在臺協會(AIT)4日發布新聞稿，指出美國民眾不會忘記一開始身處新冠肺</t>
  </si>
  <si>
    <t>本土疫情嚴峻，外籍移工不能成為防疫破口。市議員陳淑華指出，台中市移工人數高達10餘萬人為全台第二多，目前台中市只有兩個工業區及中科園區在快篩，萬一未快篩工業區出現案例將容易失控。市府強調，台中還有園區屬</t>
  </si>
  <si>
    <t>隨著大陸CBA在20日迎接本季復賽，林書豪即將領軍北京首鋼迎戰遼寧隊，豪哥也在IG貼出閉眼沉思照片，更寫，「CBA球季今天重啟，但此時感受格外不同，復賽意義遠大於打球，這代表身為人類的我們，對抗後新冠時期下一步</t>
  </si>
  <si>
    <t>新冠肺炎疫情擴散，出門戴口罩已成全民習慣，但民眾黨立委高虹安質疑，對比1月底到3月中的口罩總數與分配量發現，有7600萬口罩不翼而飛，對此中央疫情指揮中心指揮官陳時中記者會上回應，指出這些口罩會用來作為14天</t>
  </si>
  <si>
    <t>第24例新冠肺炎確診個案，為北部一名60多歲的女性，近2年皆無出國旅遊史，發病29天才確診，讓該病例的潛伏期引發各界熱議，而ICU醫師陳志金則在臉書解釋，潛伏期是被傳染後出現，這之間的時間。ICU醫陳志金在臉書上P</t>
  </si>
  <si>
    <t>陸媒報導，四川成都一治癒者出院，10日後複檢出核酸陽性，確認二次感染！據《央視》報導，2月19日，四川成都望江錦園出現一治癒10日後回家隔離的新型冠狀病毒患者，目前該患者和家屬都送至醫療機關治療。今日（21日</t>
  </si>
  <si>
    <t>國產聯亞疫苗沒有通過緊急授權EUA，關於國內參加聯亞第二期人體臨床試驗的3800多名受試者接下來該怎麼辦？衛福部長陳時中表示，將依照受試者意願，協助安排接種其他疫苗，可以打其他廠牌，也可以等聯亞第三期臨床試</t>
  </si>
  <si>
    <t>新冠肺炎疫情除了衝擊旅行社、飯店業、航空產業外，還有一群在第一線帶陸客團的華語導遊也大受衝擊，面臨無團可帶的窘境。華語導遊改做洗碗工、代購謀生或參加勞工局職涯訓練等度難關。他們寫信到總統府及行政院陳情</t>
  </si>
  <si>
    <t>台北市環南市場出現41人群聚，中央流行疫情指揮中心今傍晚6點30分起，提早發出8萬多則警示簡訊，提醒曾前往該市場的民眾接受採檢。警示簡訊內容如下：[疫情警示]如您曾至環南市場，且6月8日之後曾有發燒、呼吸道症狀</t>
  </si>
  <si>
    <t>新北市板橋快篩站截至昨日篩檢497人，陽性個案達24例，陽性率4.8％，新北市長侯友宜表示，今天除了增加三站，其實在萬華事件後，就已要求17個急救責任醫院展開篩檢，因為板橋地區因為確診個案多，才馬上再增加一個篩</t>
  </si>
  <si>
    <t>全球新冠肺炎疫情持續升溫，帶動宅經濟商機起飛，傳出Sony將大幅調升預計在今年底開賣的次世代遊戲機PS5，且調升幅度最高上看5成，據悉，鈺太(6679)為PS5的MEMS麥克風晶片獨家供應商，隨著Sony調高生產計劃，鈺太下</t>
  </si>
  <si>
    <t>台灣新冠肺炎疫情在北部醫院已出現內疑似院內感染，成大醫院1日宣布大幅縮短探病時間，提升防疫規格，一般病房探視從每天開放12個半小時，大幅縮短至1小時，成人與小兒加護病房每天僅開放半小時。燒燙病房的探視縮短</t>
  </si>
  <si>
    <t>全球正逐步走出新冠肺炎陰霾，台灣政府的振興措施亦有功效，國泰金控21日發布9月國民經濟信心調查，有84.9％的受訪者認為今年台灣經濟成長率可在1％以上，即鐵定「保一」，最多比率即28％是估年長1.5~1.75％；但對20</t>
  </si>
  <si>
    <t>美國總統川普急著讓學校在秋天全面復課，日前更語出驚人，指出孩童和父母被關在家裡悶出「精神創傷」，甚至「快死了」（dying）。英國《每日郵報》（Daily Mail）報導，川普近期疾呼讓學校在秋季復課，不過全美第二</t>
  </si>
  <si>
    <t>全球半導體產能拉警報，高通資深副總裁暨CDMA事業部營運長陳若文今表示，原先就預期5G升級潮對於晶片的需求更勝4G，但突然殺出來的2020年黑天鵝「新冠肺炎」究竟是擴大缺口或是收歛缺口，仍有很大的想像空間，畢竟半</t>
  </si>
  <si>
    <t>全球新冠肺炎疫情可望因各國加速開發疫苗獲得控制，電商龍頭-富邦媒(8454)卻遭逢賣壓，市場擔心今年受惠疫情宅經濟需求業績高成長的富邦媒可能因疫情漸除而成長力道趨緩，今天盤中股價逆勢大跌逾5%，失守650元關卡，</t>
  </si>
  <si>
    <t>工業電腦廠融程電（3416）今（27）日召開股東常會，通過2019年財報、盈餘分配及資本公積現金發放案，決議以盈餘配發2元、資本公積配發1元，合計配息3元。展望今年營運，面對新冠肺炎疫情的嚴峻挑戰，公司仍將審慎因</t>
  </si>
  <si>
    <t>近期因新冠肺炎疫情無解，多項農畜產品銷路受阻，包含花卉、雞、鴨等產業團體都對前景感到憂心，農委會今天表示，已在本月預先盤點疫情對農業部門所造成的可能影響，並啟動完整應對措施，目前農產品的價格仍穩定，呼</t>
  </si>
  <si>
    <t>忍不住想投資。資本市場行情居高不下，帶動投資型保單買氣從谷底回升，9月壽險投資型保單銷售逾345億元，占當月新契約保費的51.77％，應是2008年金融海嘯之後，再次出現單月投資型保單占率破五成。投資型保單是壽險</t>
  </si>
  <si>
    <t>中央流行疫情指揮中心17日晚間召開記者會，針對16日確診新冠肺炎的白牌車司機死亡案例也回溯到一名浙江台商。中央流行疫情指揮中心指揮官陳時中強調，由於浙江台商檢驗為陰性，所以未來將透過血清檢驗試劑，來確認是</t>
  </si>
  <si>
    <t>台灣境外移入個案驗出首例哥倫比亞變異株，北市副市長黃珊珊證實，個案於昨天（13日）在台北劍潭安心檢疫所驗出，將謹慎看待此新興變異株。針對哥倫比亞變異株現身台灣，毒理權威招名威教授分析，該病毒與英國、南非</t>
  </si>
  <si>
    <t>新冠肺炎如SARS（嚴重急性呼吸道症候群）一樣會留下肺部纖維化後遺症！指揮中心專家諮詢小組召集人、台大副校長張上淳昨表示，目前國內第1起案例有較明顯的肺炎症狀，經電腦斷層檢查發現肺部有一點纖維化，出院時，</t>
  </si>
  <si>
    <t>兒童感染新冠肺炎比例雖然遠低於成人，且重症死亡率低，但造成的危害仍不容小覷。目前國內12歲以下兒童尚無疫苗可打，而12至17歲BNT第2劑暫緩接種，感染科醫師提出5項理由，建議兒童族群仍須接種疫苗。林口長庚醫院</t>
  </si>
  <si>
    <t>世界衛生組織（WHO）與臉書、微軟等科技大廠合作舉行黑客松（hackathon），鼓勵開發者創造帶來社會影響力的軟體方案，旨在解決當前COVID-19（新冠肺炎）疫情挑戰。上周末德國政府即舉辦一場48小時的防疫黑客松，逾80</t>
  </si>
  <si>
    <t>度假租屋網站Airbnb執行長切斯基（Brian Chesky）在疫情過後認清旅遊市場將從此改變，也重新思考公司的核心價值，決定回到最初創業的根本，那就是全心投入創造個人專屬的的當地住宿體驗。今年2月切斯基剛從加州棕櫚</t>
  </si>
  <si>
    <t>本土疫情延燒，世界各地受到變種病毒影響，除了確診個案與死亡比例大幅上升，醫療能量也受到極大考驗，台大公衛學院指出，三級警戒自5月15日實施以來的確讓確診個案數降低，專責病房數需求也會下降，但是因應變異病</t>
  </si>
  <si>
    <t>台灣這波疫情5月中旬爆發時，澳洲西澳大學流行病學專家Zoë Hyde在推特評論，台灣曾是防疫成功案例，但因太過自滿，導致社區大規模感染，時隔2個多月，Zoë Hyde於8月7日再度發文提及台灣，改口大讚台灣「幾個月前面臨</t>
  </si>
  <si>
    <t>繼昨天Jolin來了(連續9天0確診)，今天則是「伊林」(連續10天0確診)達陣，國內連10天沒有新增病例。指揮官陳時中也表示，有關129名印度返台民眾，目前無後送就醫者，全員持續於集中檢疫所密切健康監測，另外馬爾地夫3</t>
  </si>
  <si>
    <t>中央流行疫情指揮中心今（25）日宣布，公眾集會活動「室內超過100人、室外超過500人」建議停辦。文化部發布新聞稿表示，考量藝文活動參與人數眾多，為免長時間近距離接觸，降低可能的傳播風險，針對所屬機構及行政法</t>
  </si>
  <si>
    <t>受到新冠肺炎疫情衝擊，公司無預警歇業，波及勞工生計！台中市政府勞工局為保障勞工權益，主動於大型勞資爭議調解程序中，提供歇業事實認定相關資料，近2年已受理認定158家事業單位，並協助約790位勞工向勞動部勞工</t>
  </si>
  <si>
    <t>台北市員警臉書PO文，指上月底處理一起在家死亡案，因死者死前發高燒，通知衛生單位遭「甩鍋」，衛生局不派員到場行政相驗，推給司法相驗，引發檢改團體「劍青檢改」質疑，8日呼籲指揮中心勿坐視檢察官司法相驗案件</t>
  </si>
  <si>
    <t>「新冠狀肺炎COVID-19」疫情延燒，讓全球至少150國出現確診案例，搞的人心惶惶，但對於病毒究竟起源自何處，至今說法眾說紛紜。但近期有美國的研究所協同多個國家進行研究武漢肺炎病毒株的基因序後發現，這種病毒並</t>
  </si>
  <si>
    <t>「全國抗擊新冠肺炎疫情表彰大會」今天上午在北京人民大會堂舉行，旺旺集團北京首席代表、全國台企聯常務副會長林天良表示，很榮幸代表所有『旺旺人』出席。旺旺一直秉持著回饋社會的理念，參與兩岸各項救援行動！兩</t>
  </si>
  <si>
    <t>34歲英國男星羅伯派丁森（Robert Pattinson）雖因《暮光之城》系列走紅，但也花了很長時間才藉獨立製片電影甩掉發光吸血鬼的形象，他在上映中的新片《天能》正式回歸主流大片，飾演穿針引線的男配角卻搶走男主角約翰</t>
  </si>
  <si>
    <t>再增1確診！中央流行疫情指揮中心今（10日）宣布，新增1例境外移入個案，下午2時將由發言人莊人祥召開臨時記者會說明個案相關事宜。根據指揮中心資料，我國新冠肺炎目前累計病例有496例確診，分別為404例境外移入病</t>
  </si>
  <si>
    <t>一連串新冠肺炎候選疫苖臨床試驗的好消息，以及歐盟成員國領袖接近就新冠紓困復甦計畫達成協議帶來提振，周一歐洲股市盤中由跌轉升。周一收盤，泛歐Stoxx 600指數上漲0.75%，為375.51點，歐元兌美元站上逾4個月新高</t>
  </si>
  <si>
    <t>中央流行疫情指揮中心7日下午2點公布嘉義縣新增1位新冠肺炎確診案例，嘉義縣長翁章梁7日線上疫情記者會中指出，該案11541是73歲男性，是大林泡茶群聚中早餐店的爸爸，原先採檢為陰性居家隔離中，6日因喉嚨痛送醫採檢</t>
  </si>
  <si>
    <t>新冠肺炎〈COVID-19〉的疫情持續升溫，各國也積極投入疫苗與藥物的開發，還有不少人針對自己的專業提出防疫小撇步，像是俄羅斯一名性學專家日前就在自己的課程中提出一項論點，認為透過性愛、高潮可以達到防疫的效果</t>
  </si>
  <si>
    <t>新冠肺炎疫情未歇，各國紛紛投入疫苗研發。中央流行疫情指揮中心昨透露，我國日前已向國際疫苗廠支付部分訂金，目標是要取得1000萬劑的新冠疫苗。若再加上向COVAX採購的疫苗，至少有近1500萬劑的疫苗在手中。何時到</t>
  </si>
  <si>
    <t>新冠疫情衝擊全球，醫護人員堅守第一線，不僅辛苦且需承擔巨大風險。日本厚生勞動省24日宣布，將向每名醫護人員發放最高20萬日圓（約新台幣5.5萬元）慰勞金；在加護病房照顧重症患者的人員，薪資可能增至目前的3倍。</t>
  </si>
  <si>
    <t>為宣導居家隔離檢疫不要趴趴走，內政部小編今天在臉書貼出心跳示意圖，原先是正常心跳，收到罰單後一陣錯亂，接著心跳停止，有網友留言，然後呢？然後他就死掉了內政部今天仿心跳貼出應隔離檢疫者到夜店趴趴走，然後</t>
  </si>
  <si>
    <t>民進黨內大小派系的競合令人咋舌，新系身為最大派系，其中的山頭更是動見觀瞻。今年二月初，賴清德宣稱以「個人身分」低調赴美出席華盛頓一年一度的「全美祈禱早餐會」，但因他的「準副總統」身分格外敏感，隱含著「</t>
  </si>
  <si>
    <t>荷美公司（Holland America Line）旗下遊輪「威士特丹」號（Westerdam）因為受全球新冠肺炎疫情蔓延影響，陸續遭5個港口拒絕，在海上漂流了兩星期，終於獲准停靠柬埔寨。柬國總理洪森14日在沒戴口罩的情況下，親自前</t>
  </si>
  <si>
    <t>桃園市長鄭文燦5日直言，大家要有心理準備三級管制可能延長，學習適應生活中感受到的不便，「假設什麼都一樣就不叫三級管制！」，社會活動要降到1成，適應戴口罩、不聚會、沒聚餐的日子，「適應一個人靜靜的幸福！」</t>
  </si>
  <si>
    <t>香港新冠肺炎確診人數近日不斷飆升，衞生防護中心表示，今(20)日激增48例確診，再創單日新高。其中新增的病患絕大部分是國外返港人士及他們的緊密接觸者，包括8名留學生，其他確診人士大多由歐美地區旅遊返回。據《</t>
  </si>
  <si>
    <t>新北市今新增確診3人，分布在永和、板橋、土城區各1人，新北市長侯友宜表示，這3人CT值都超過30以上，不具傳染力；針對三峽個案，新北也已同時啟動血清抗體檢驗，10人結果都是陽性，代表都是舊案，新北在這段期間，</t>
  </si>
  <si>
    <t>新冠肺炎疫情持續影響智慧型手機供應鏈，在主要生產工廠復工進度不明確、人力返崗比例偏低，以及物流運輸中斷等因素下，供應鏈恢復狀況不如預期，推估影響時間將達1至3個月，預計到三月下旬才會回復到正常水平。有鑑</t>
  </si>
  <si>
    <t>新冠肺炎今年初爆發，全球已有超過600萬人確診，甚至有30多萬人因此喪命。印尼安全統籌部長馬富（Mohammad Mahfud）日前卻將新冠病毒比擬為叛逆的妻子，強調若無法控制兩者，就與他們並存，而這番言論曝光後也引發極</t>
  </si>
  <si>
    <t>傳美國擬擴大華為禁令，再加上蘋果公司對新冠肺炎提出財務預警，台股護國神山台積電成外資提款機，18日遭大賣40,790張，股價大跌2.87％、收322元，市值蒸發2,463億元，市場緊盯新冠肺炎低點312元的支撐力。儘管台積</t>
  </si>
  <si>
    <t>衛福部草屯療養院精神科醫師沈政男參考國外研究提出，打兩劑AZ的保護力幾乎等於零，因此打了也是白打，這樣的說法引起討論，不少醫師看了直呼，這樣說法根本是在誤導民眾。而台北市立聯醫陽明院區胸腔內科醫師蘇一峰</t>
  </si>
  <si>
    <t>新冠肺炎疫情彰化縣昨兩日已15例確診，16日晚間又傳出陸續有學生確診，不少家長憂心校園群聚，希望彰化縣政府宣布停課未果，乾脆直接幫小孩請假，縣府教育處統計，全縣9萬3千名中小學生，17日共計有1.1萬人請假，超</t>
  </si>
  <si>
    <t>新冠肺炎來勢洶洶，1月30日行政院下令徵調口罩，第一波醫療人員優先的配給方案，看似周全但漏洞不少，從基層診所、醫療前線的清潔工、洗衣工、保全、住院病患、密閉空間的司機等，許多「高危族」被遺忘！「在前線，</t>
  </si>
  <si>
    <t>全球央行自去年來積極降息，有利於新興市場重展雄風，儘管近期受疫情衝擊出現短線整理，然而新興市場具備價值面、基本面和資金面等三大優勢，此次回檔反而為日後上漲積蓄動能，一旦疫情緩和，預料會成下一波國際資金</t>
  </si>
  <si>
    <t>三立電視台9日晚間接獲通報有2員工確診，立刻做大樓清消，10日上午安排該樓層所有員工PCR篩檢，台北市副市長黃珊珊今在臉書表示，三立該層所有員工都是PCR陰性。黃珊珊指出，10日接到三立電視台副總的電話，她與聯合</t>
  </si>
  <si>
    <t>國內今(17)日又新增333起本土個案，其中雙北確診數最多，面對本土病例狂飆，不少民眾好奇，雙北為何還不宣布封城？一名住在加拿大的台灣人表示，加國已經經歷過三度封城，他以過來人經驗指出，人民自覺自律的效果絕</t>
  </si>
  <si>
    <t>新冠肺炎在亞洲各地引發擔憂，自上周起大陸境外病例急增之後，全球市場瞬間墜入悲觀氣氛，由美股帶頭下挫，據統計美股基金單週淨流出177.4億美元居全球之冠，連帶也讓今年以來備受看好的全球新興市場股票，在上周淨</t>
  </si>
  <si>
    <t>美國因為武漢肺炎病逝的人數打破50萬大關，拜登總統今晚將帶領點燃燭光，為病故者默哀，並宣布全美聯邦機構降半旗5天，拜登也將發表談話。2019冠狀病毒疾病（COVID-19，武漢肺炎）爆發一年多來，全美累積確診病例超</t>
  </si>
  <si>
    <t>國內今日新冠肺炎本土、死亡個案都+0，新增8例境外移入確定病例，其中6人突破性感染，接種廠牌為莫德納、BNT及AZ。今日新增8例境外移入個案，為5男、3女，年齡介於10多歲至40多歲，分別自印尼(5例，案16713、案16716</t>
  </si>
  <si>
    <t>高雄市今日0確診，9日將在三大科學園區啟動企業快篩，預計7天完1萬多名移工快篩。社區快篩執行迄今，尚未驗出陽性個案。陳其邁強調，落實疫調、匡列並確實隔離8成接觸者，就能有效控制擴散。高市企業快篩9日將在三大</t>
  </si>
  <si>
    <t>全國防疫警戒升至三級後，疫情指揮中心要求外出必須戴口罩，否則最重可罰1.5萬元，但「開車要不要戴」反成民眾困擾。由於各縣市標準不一，指揮中心將於今天召開的全國防疫會議中，訂出指引供外界遵守。指揮中心發言</t>
  </si>
  <si>
    <t>台灣連續52天無本土疫情，中央流行疫情指揮中心宣布餐飲、休閒娛樂業有條件解封，但高雄市政府5日表示，仍不允許逐桌敬酒、自助取餐仍有清消限制，與中央稍不同調。KTV最快傍晚5點可復業，從業人員接種未達6成者將比</t>
  </si>
  <si>
    <t>新冠肺炎疫情打亂日本房市前景，有專家指出，都市的中古屋可能大跌二至三成，原本乏人問津的郊外住宅，則可能重新受到矚目。■Shop prices in prime locations in Tokyo and Osaka that had held firm for more than</t>
  </si>
  <si>
    <t>桃園市7日新增1本土案例，桃園市長鄭文燦表示，新增案15882為居家隔離對象，他是特殊交友圈外溢的確診年長夫妻的家人，3日已經匡列隔離，當時1採陰，但後來發燒6日2採後確診，CT值20。新增確診者是日前特殊交友圈確</t>
  </si>
  <si>
    <t>新冠肺炎持續肆虐全球，昨天全球確診人數突破700萬，台大公衛學院昨公布香港皇家研究院最新研究顯示，曾經感染SARS一樣會感染新冠肺炎，提醒民眾，即使台灣大解封，在國際疫情未結束前，仍要維持洗手、戴口罩、保持</t>
  </si>
  <si>
    <t>聯發科(2454)法說報喜，釋出今年營運仍會有合理成長的訊息，8家外資也對其出具最新研究報告，多看好第二季起大陸的5G智慧機訂單將開始發酵，且一路延續到下半年，但在新冠肺炎疫情下，新興市場的4G晶片出貨恐成隱憂</t>
  </si>
  <si>
    <t>科技部南科管理局針對新冠肺炎後疫情時代，超前佈署打造精準健康產業鏈， 並配合政府六大核心戰略產業之「生物及醫療科技產業」，展現階段性成果。展示成果包括目前最受矚目的 COVID-19 核酸檢測試劑（泉沂）、全球</t>
  </si>
  <si>
    <t>內政部長徐國勇宣布暫時取消全國性酒測，臺灣酒駕防制社會關懷協會理事長陳喬琪5日晚間表達嚴正抗議 ，指酒駕造成的殺傷力，絕對比新冠肺炎病毒來的更立即與危險，一秒鐘就會要人命對於酒駕防制團體批評，徐國勇強調</t>
  </si>
  <si>
    <t>本土疫情肆虐，各行各業經濟受嚴重波及，可行政院提出的紓困4.0方案卻平息不了民怨，如行政院日前為緩解打工族停班壓力，再拍板投保薪資2萬3100元以下的兼職時薪人員，可領取1萬元生活補貼，但消息曝光後，隨即引來</t>
  </si>
  <si>
    <t>在新冠肺炎疫情持續延燒的非常時期，星展銀行（台灣）積極投入，以實際行動協助防疫，除提供客戶多元數位金融服務，讓客戶免出門即可輕鬆完成所需交易外，近來也貼心推出法定傳染病補償保險金保障，陪伴貴賓客戶度過</t>
  </si>
  <si>
    <t>新冠肺炎疫情持續升溫，屏東確診人數增至3人，居家檢疫也來到720人，其中屏東市就占255人，基層民政人員除本身業務外，也擔當起第一線防疫工作，屏東縣政府為此以失智手環為發想，開發「平安手環」，輔助加強追蹤功</t>
  </si>
  <si>
    <t>北市松山區某國中出現1確診個案，並有他校學生曾與確診者接觸，因此，松山區已有2校預防性停課，北市教育局為防止疫情擴散，緊急勸導周邊18間補習班，建議今晚課程改採線上教學，環保局也將在今晚到周邊消毒。台北市</t>
  </si>
  <si>
    <t>全國升三級警戒，進出營業、公共場所等都必須實施實聯制。不過最近有民眾發現，有店家張貼於門口的QR Code遭不肖人士更換，民眾不知情掃描後，造成荷包大失血，內政部警政署也在臉書宣導，提醒民眾傳送實聯制簡訊前</t>
  </si>
  <si>
    <t>新冠肺炎疫情蔓延，民眾怕群聚感染不敢搭乘遊覽車，造成日月潭團客大幅減少，有時1天不到10輛遊覽車，但仍有許多民眾自行開車出遊，散客一日遊和住宿受影響幅度較小；但遊艇因屬群聚空間，載客量則明顯減少。日月潭</t>
  </si>
  <si>
    <t>金門金城鎮公所今（9）日宣布因受新冠肺炎疫情影響，決定取消一年一度的〈金門迎城隍宗教文化觀光季〉活動。至於傳統的「香路」遶境及祭祀活動是否照常舉行？則尊重廟方自行安排。文化部指定為國家重要民俗，已有340</t>
  </si>
  <si>
    <t>全台連續7天本土確診病例破百，其中以新北市累計895例最多，新北市議員張志豪今（22日）再度爆料，中和區一家9口有5人確診，雖3人已經送醫，但尚有許姓父女確診等待救治，女兒才年僅6歲，他相當憂心防疫能量崩解，盼</t>
  </si>
  <si>
    <t>國內昨爆發首起院內感染，各醫院提升入院管制規定，新北市衛生局表示，新北市立聯合醫院三重院區作為應變醫院，即日起每1名住院病人限1名訪客探病，探病時間為上午11點11點半，以及晚間7點至7點半，且住院病人僅能有</t>
  </si>
  <si>
    <t>台灣本土疫情爆發，且在《彭博社》「全球防疫韌性」排名中，跌至第44名，是全球參與評比國家的末段，對此，國民黨台北市議員王鴻薇指出，台灣防疫吊車尾，對比台灣時常拿來做為對手比較的韓國，卻是位居前10名，只能</t>
  </si>
  <si>
    <t>中央流行疫情指揮中心指揮官陳時中31日傍晚旋風式造訪台中，第二站抵達曾受敦睦艦隊疫情波及的台中一中商圈，並表示「這個地方很安全，大家放心來玩，不用擔心」。對此，歷史學者王丰諷刺道「你快走下祭壇退乩了你還</t>
  </si>
  <si>
    <t>俄羅斯近日新冠肺炎疫情大爆發，目前我國旅居俄羅斯僑民約百餘人，其中約有30至40名國人想提早返台，外交部亞西及非洲司司長楊心怡今天表示，日航25日將有一班撤離日僑的班機，可為台灣民眾保留約50個機位，駐俄代表</t>
  </si>
  <si>
    <t>北市信義警分局有員警爆料，北市一名8旬翁在家死亡，疑有新冠肺炎症狀，衛生局卻不到場做行政相驗，警方只好報請檢察官司法相驗，確認死者染疫，痛批衛生局甩鍋。對此北市副市長黃珊珊7日表示，刑事局去年的SOP說這</t>
  </si>
  <si>
    <t>26歲凃姓男子於今年1月25日新冠肺炎爆發之際，在嘉義縣太保市住處，以手機連結網際網路，登入臉書社群網站張貼「嘉義嘉基已經確診一例武漢肺炎」的不實訊息，是全台首樁傳播疫情謠言者，嘉義地檢署13日偵結聲請簡易</t>
  </si>
  <si>
    <t>在外交部與駐印度代表處安排下，與世界台灣商會聯合總會等台商組織協商後，決定租用華航專機於5月4日晚間7時在新德里搭載南亞的台商與台僑返台。根據駐印度代表處先前的初步統計，包括印度、孟加拉等地共200多名台灣</t>
  </si>
  <si>
    <t>中研院研究助理（案16816）染疫，中央流行疫情指揮中心指揮官陳時中今天指出，該實驗室內包括桌面、門把都有驗出病毒。兩位國內感染科專家聽聞此事皆表示不解，直言「病毒不可能出現在這些地方」，恐怕是操作上沒有</t>
  </si>
  <si>
    <t>基隆市日前因小吃店群聚案，上演「萬華茶室2.0」，中央繼撥給基隆1700劑後，如今再撥2100劑。基隆市長林右昌4日上午在線上記者會表示，2100劑將優先給5項人員，包括診所及地區醫院的非醫師人員、長照機構人員（含復</t>
  </si>
  <si>
    <t>在一個多月來新冠肺炎疫情擴散期間被各地方政府封閉的省際公路客運，以及城市公共交通、軌道客運，在近期已有多數陸續恢復營運。此舉除顯示大陸新冠肺炎的疫情已漸趨穩定，也是為了封城多時之後，必須因應城市內居民</t>
  </si>
  <si>
    <t>日月光投控（3711）法說會對2020年第二季營運釋出樂觀展望，但坦言下半年不確定性仍高、訂單能見度偏低，對市況及營運展望暫不評論。外資出具最新報告，雖因應下半年能見度偏低，將目標價區間自67～90元略微縮減至67</t>
  </si>
  <si>
    <t>世界衛生組織（WHO）5日表示，有報導稱法國在去年12月就出現了新冠肺炎病例，比先前認為的時間更早，「這不令人意外」，並敦促各國調查其他早期疑似病例。世衛發言人林德梅耶在日內瓦的簡報會上說，有關法國的報導，</t>
  </si>
  <si>
    <t>義大利是新冠肺炎的死亡人數最多的國家，截至周一已經有超過6,000個死亡病例。然而在疫情正值嚴峻之際，連續幾天以來的新增病例數字開始下降，對於未來疫情的走勢忽然露出一絲曙光，專家認為最黑暗的高峰期，或許已</t>
  </si>
  <si>
    <t>南韓SM娛樂男子天團「東方神起」出道10多年來，除了團體在2009年因合約問題而鬧出風波外，允浩始終潔身自愛，形象非常正向陽光，不料近日卻爆出他違反韓國防疫聚餐時間規定，事後更被媒體爆出去的是非法酒店，遭臨檢</t>
  </si>
  <si>
    <t>新冠肺炎疫情蔓延之際，歐美股市卻未受影響頻創高點，台股繼續軋空並守穩月線、季線。市場專家表示，疫情未止穩前，股市表現強者愈強，可注意元月營收表現佳，且兼具技術面與籌碼面優勢的個股，計有技嘉、敦泰、寶雅</t>
  </si>
  <si>
    <t>由《雙子殺手》特效團隊傾力打造，繼《ID4星際終結者》後又一科幻災難片《末日異戰》，繼在俄羅斯吸金近10億台幣票房後，上週末在台正式上映，在肺炎疫情衝擊下，首週末3天全台票房近200萬，勇奪全台票房冠軍，《末</t>
  </si>
  <si>
    <t>萬華地區疫情嚴峻，率先設置四間篩檢站，北市府也採用快篩方式釐清感染者，但中央流行疫情指揮中心今天重申，無症狀者若接受快篩，會有較高的偽陽性，建議還是接受兩次採檢才能較準確的抓出個案。指揮中心發言人莊人</t>
  </si>
  <si>
    <t>新冠肆虐，病毒殺紅了眼！又一個歐洲國家剛剛被確認，因新冠死亡人數超過大陸.它是西班牙，目前死亡人數已經超過了3434人，成為繼義大利後，被新冠奪走人命最多的國家。西班牙衛生部門剛剛發布的數字顯示，星期二又</t>
  </si>
  <si>
    <t>台中28日本土零確診，境外移入1例（案15726），為一名64歲的印尼台商，在印尼確診後搭醫療專機返台治療，目前收治在北部一家負壓隔離病房。市長盧秀燕表示，統計至今日上午，全市施打第一劑人數已正式「突破80萬大關</t>
  </si>
  <si>
    <t>新冠肺炎蔓延全球超過1年，變種病毒頻傳，台灣自5月中旬以來的本土疫情，就是和在英國被發現的Alpha變異株有關。已有醫師提出警告，現在要擔心的是在印度被發現的Delta變異株，「傳染力更強，甚至會在地自我進化，極</t>
  </si>
  <si>
    <t>世界衛生組織總幹事譚德塞在世界衛生大會(WHA)上說，專家們尚未發現對現有疫苗和藥物有效性構成威脅的新冠病毒新菌株，但是病毒變異的情況不斷改變，不能保證目前疫苗有效的狀況不會改變，各國應該設法在9月之前為至</t>
  </si>
  <si>
    <t>中華隊在近日東奧賽場上不斷有好消息傳回台灣，並大篇幅佔據新聞版面。在此同時，26.5萬劑高端疫苗竟默默通過檢驗並取得封緘證明，萬事俱備只欠開打。對此，資深媒體人趙少康批評，趁著全民瘋奧運，蔡政府防疫不力的</t>
  </si>
  <si>
    <t>新冠肺炎在歐美持續升溫，帶動居家辦公、遠距教學等需求大增，NB市場大好，一路暢旺到年底，義隆(2458)也看好在此熱潮下，第三季營收逐月成長，今股價掀起反彈，開高走高，漲幅一度逾2%，站回5日線、周線。受到疫情</t>
  </si>
  <si>
    <t>生華科（6492）宣布新藥CK2抑制劑Silmitasertib（CX-4945）在抗新冠肺炎的臨床進展有重大突破。全美國最大的醫療體系之一Banner Health日前主動聯繫，表達運用新藥Silmitasertib在新冠肺炎患者治療上之合作意願，雙</t>
  </si>
  <si>
    <t>南韓天團EXO成員Xiumin（金珉錫，김민석）近期參與音樂劇演出，原先接受PCR檢測呈現陰性，但昨（4）日身體出現不適，再度檢測後今（5）日收到新冠肺炎確診消息；Xiumin所屬經紀公司SM娛樂聲明中表示，EXO其他成員和相關</t>
  </si>
  <si>
    <t>新北今日出現首度的0確診，新北市長侯友宜今在防疫說明會上說，面對疫情要學會謙卑、嚴陣以待，更要小心翼翼，「一天的零，不代表之後都是零」。侯說，要每天檢視疫情哪些沒做好？全力以赴，希望每個腳步都是穩定的</t>
  </si>
  <si>
    <t>台北市長柯文哲今天在臉書爆出，北市衛生局今接到疾管署通知，有兩位市民可能接觸感染屏東這波染疫民眾。新北市府衛生局今也證實，當初搭載祕魯返台租孫的防疫計程車司機住在新北，中央下午已通知要求司機前往採檢，</t>
  </si>
  <si>
    <t>因應北農爆出群聚感染，為嚴防其萬一出現破口，新竹市政府22日起連續兩天啟動全面快篩，針對新竹果菜批發市場員工、承銷人及攤商快篩，22日先對40名果菜公司員工快篩均為陰性，今天上午再對攤商做檢測，已有近6成攤</t>
  </si>
  <si>
    <t>本土疫情升溫，中央流行疫情指揮中心今（21）再宣布新增312例本土個案，指揮官陳時中坦言，現在疫情已經「多頭燒」，週末將至，呼籲民眾應減少外出，避免群聚。對此，網卻一面倒表示，「別太高估台灣人」。本土確診</t>
  </si>
  <si>
    <t>羅馬尼亞職業女網前世界球后哈麗普（Simona Halep）準備參加比賽，不過目前許多國家對於防止新冠肺炎另一波傳染，依舊採取嚴格的防疫措施，8月份的義大利帕勒摩女子公開賽，因為義國政府對於來自羅馬尼亞、保加利亞</t>
  </si>
  <si>
    <t>受疫情影響，許多人減少到醫院，不讓疫情影響治療，中國附醫乳房外科醫護以直播節目取代病友聚會，每次門診動輒數百位病患的乳癌權威劉良智，甚至為此獻上個人直播處女秀，他直言，透過網路科技空中衛教，並即時解決</t>
  </si>
  <si>
    <t>新冠肺炎疫情持續延燒，而台灣宗教盛事「大甲媽祖繞境」，預計將在下個月19號開始，然外界擔心如此高人數的群聚活動，恐成為防疫缺口，認為需為民眾安全考慮停辦與否，然鎮瀾宮董事長顏清標卻喊話：「媽祖會保護大家</t>
  </si>
  <si>
    <t>新冠肺炎疫情中斷全球人員流動，航空業首當其衝，鑑於疫情尚未趨緩，長榮航面對一年高達195.9億元人事成本終於也扛不住了，17日對內宣布專案無薪事假與放寬「留職停薪」申請規定，長榮航希望員工與公司攜手度過營運</t>
  </si>
  <si>
    <t>第74屆「世界衛生大會」（WHA）即將於下周一以視訊方式召開，13個友邦以WHO會員國身分，分別向WHO幹事長譚德塞（Tedros Adhanom Ghebreyesus）提案要求邀請台灣以觀察員身份參與WHA，至於未提案的巴拉圭也為我方致函</t>
  </si>
  <si>
    <t>中央流行疫情指揮中心今公布國內新增2例境外移新冠肺炎病例，分別自菲律賓及美國入境，其中菲律賓20多歲女子是集中檢疫期滿後，自費採檢才確診，另一名美國入境的本國籍30多歲男子則是居家檢疫期間發病，採檢後確診</t>
  </si>
  <si>
    <t>全球新冠肺炎單日新增病例才創新高，一名義大利傳染科醫生卻表示，他相信新冠病毒正在減弱，而且，最終不需要疫苗，也能自行消失。《紐約郵報》（New York Post）引述英國《週日電訊報》（Sunday Telegraph）報導，</t>
  </si>
  <si>
    <t>台灣新冠肺炎目前共有26例確診案例，台北市長柯文哲屢屢喊話中央公布確診者的居住地點，且稱「不知道」北市是否有確診者。有網友整理衛福部公開資訊，統計目前台北市確診者共７人，是全台最多。這名網友稱，自己是台</t>
  </si>
  <si>
    <t>新冠肺炎疫情延燒，前中職兄弟象總教練江仲豪亦受到影響；他所任教的北京「北方工業大學」請他先留在台灣，24日開學後在網路上布置教學課程即可，暫時不用回校。這是他擔任北工大「棒球指導」（等同外聘教授）第14個</t>
  </si>
  <si>
    <t>新北市確診數量今日11人，重回2位數，侯友宜表示，這11人扣除3人是居家隔離確診，6人與北農與環南市場還有北市醫療機構與職場有關，另有1名是父母傳給小孩，還有1人感染源不明，該確診者在北市工作，近日都在居家辦</t>
  </si>
  <si>
    <t>首波BNT疫苗施打對象為12至17歲在籍學生，嘉義縣日前發出1萬6629分接種意願書調查，今回收確認書，有93％學生有意願接種，且全數同意在校接種，嘉縣衛生局表示，造冊後將依照各校排定時間，自23日至10月20日分批進入</t>
  </si>
  <si>
    <t>國光生技子公司安特羅(6564)開發的Speedy新型冠狀病毒抗原快速檢驗試劑正式取得歐盟CE-IVD認證，得於歐洲市場銷售，將積極進軍海外市場。國際新冠肺炎疫情持續延燒，至今未減緩，歐美不少國家準備啟動新一波的封鎖動</t>
  </si>
  <si>
    <t>新冠肺炎疫情波及消防、警政機關，北市萬華警分局西門町派出所2名陳姓員警，其中1名陳員本月19日施打過AZ疫苗後，因曾確診者有過接觸，遭匡列隔離，得知消息當晚陳員即到剝皮寮快篩，採檢結果為陰性，但23日卻接到通</t>
  </si>
  <si>
    <t>豆府（2752）、莫凡比、鬍鬚張等8家餐飲業者組成「8國聯軍」抗疫聯盟，推出「聯名居家套餐7日組」搶攻「自煮宅商機」。業者表示，聯盟洽談10天便成軍，初期目標每周銷售100～200組、首階段銷售達1000組，若反應良好</t>
  </si>
  <si>
    <t>新竹縣27日新增一名確診者案15701，為住在竹北市的30多歲男性，為新北市確診個案15604的接觸者，據了解為特殊交友圈傳播，與確診者案15604曾在台北市接觸，新竹縣政府也立即匡列其室友4人，採檢目前均為陰性。案1570</t>
  </si>
  <si>
    <t>全球新冠肺炎疫情風險在各國啟動解封、恢復經濟活動後再次升溫，加上國際貿易戰亦重新陷入緊繃狀態，眾多不確定因素交錯持續推升金價走高，8月黃金期貨於7月1日收盤價達每盎司1800.5美元，創2011年9月以來近9年新高</t>
  </si>
  <si>
    <t>國內疫情延燒不斷，連帶讓疫苗議題備受關注。對此，有多年國際貿易經驗的自營商李宗穎，在網路提醒各界，國際商業談判有許多不為外人知的眉角，何況疫苗當前已經是戰略物資，所以別再濫發仇恨、唱衰的言論，這只會挑</t>
  </si>
  <si>
    <t>第11輪疫苗預約原定明天（13日）中午截止，中央流行疫情指揮中心今(12)日晚間表示，預約時間將延長至明天下午6點止，並宣布增加開放「10月6日前意願登記BNT疫苗之44歲民眾」，預約時間僅8小時，自明天上午10點起至晚</t>
  </si>
  <si>
    <t>新冠肺炎疫情日趨嚴峻，宜蘭縣長林姿妙今（14）日宣布，即日起宜蘭縣禁止縣內各宗教團體舉行繞境廟會等活動，跨縣市的進香活動全部取消或延後，如果是外縣市要進入宜蘭縣進香甚至繞境，縣府將會駁回路權申請，並通知</t>
  </si>
  <si>
    <t>心悅(6575)Pentarlandir新藥執行編號SNB011 COVID-19向台灣衛福部申請臨床試驗，據衛福部「多國多中心藥品臨床試驗計畫審查程序」，此申請案將可循快速通道審查途徑。心悅生醫董事長暨執行長蔡果荃教授指出，該公司P</t>
  </si>
  <si>
    <t>美國醫療研究團隊開始進行新冠肺炎疫苗的臨床試驗，16日在美國重災區華盛頓州展開第一批病患注射，疫苗研發進度領先全球。根據美聯社報導，華盛頓研究中心(Kaiser Permanente Washington Research Institute)於16日</t>
  </si>
  <si>
    <t>中央流行疫情指揮中心今（25日）表示，秘魯返台祖孫確診病毒基因定序檢出「Delta變異株」，為因應Delta變異株於全球日益擴散且其傳播力高，因此自6/27日零時起（抵台時間），從印度、英國、秘魯等7國入境旅客將全面</t>
  </si>
  <si>
    <t>台灣防疫成績有目共睹，26日、27日都沒有新增確診病例，海軍敦睦艦隊病例停留在31例。不過，網友也好奇，這些海軍官兵4月14、15日放假後，不少人直奔摩鐵、和女友約會，但至今仍沒傳出這些接觸對象有人確診。國內連</t>
  </si>
  <si>
    <t>交通部觀光局表示，自4月16日起發布觀光產業紓困2.0方案，提供營運及薪資補貼申請，截至5月14日止已核撥41.6億元，將持續加速核撥補助，協助業者共度難關，並呼籲業者盡早在受理期限內提出申請。新冠肺炎疫情延燒全</t>
  </si>
  <si>
    <t>在第一線採訪的新聞從業人員陸續傳出死亡後確診新冠肺炎的案例，民進黨立委林楚茵昨在立法院質詢NCC主委陳耀祥，應該將媒體人員也列入疫苗施打名單，陳耀祥表示，已經行文疾管署列入第一線新聞人員，努力爭取希望納</t>
  </si>
  <si>
    <t>新冠肺炎疫情爆發近2年，民眾人心惶惶，新北市宗教團體出錢也出力，總計捐助新北市府2億1080萬元防疫基金，並提供物資與人力。新北市長侯友宜9日頒發230面獎牌給96家績優宗教團體，感謝各宗教團體無私大愛。侯友宜致</t>
  </si>
  <si>
    <t>5G毫米波、開放式網路平台以及新PC為後續10年科技產業3大亮點，5G毫米波2035年整體市場規模上看13.2兆美元，在日本樂天的登高一呼下，開放性的網路平台也成為網通業後續重要風向球，高通資深副總裁暨CDMA事業部營運</t>
  </si>
  <si>
    <t>國內今天又增加一例新冠肺炎患者，為境外移入確診，為台灣第507例確診個案，中央流行疫情指揮中心將於下午2點召開記者會，說明最新疫情。中央流行疫情指揮中心昨天(19日)一次公布國內新增3例境外移入確診，為菲律賓</t>
  </si>
  <si>
    <t>印度變種病毒Delta肆虐全球，中央流行疫情指揮中心一直遭外界質疑為何不入境全面PCR篩檢，今天指揮官陳時中拍板，7月2日開始入境一率普篩，且都是採檢三次，入境一次PCR、隔離檢疫期間以家用快篩一次、隔離期滿前再</t>
  </si>
  <si>
    <t>高端疫苗混打政策上路，外界質疑安全性未經證實，不同疫苗接種恐加重不良反應。衛福部長陳時中今天赴立法院社福及衛環委員會備詢，被立委蔣萬安詢問此事時多次表示「專家無異議通過」。陳時中今天多次被問及高端疫苗</t>
  </si>
  <si>
    <t>5月中旬，一名新冠肺炎確診孕產婦在台北慈濟醫院團隊的幫忙下，插管後進行剖腹產，所幸母嬰均安。疫情嚴峻時刻，讓不少孕產婦開始擔憂：「我能打疫苗嗎？」、「我該打什麼疫苗？」婦產科醫師說可以，不過建議孕產婦</t>
  </si>
  <si>
    <t>台中市議會民進黨團16日與5大產業代表召開記者會，黨團副書記長黃守達說，現在市府提岀紓困9箭全部射歪，特邀請商圈、遊覽車、餐廳、旅宿業等5大產業舉行記者會；建議市府應加緊腳步做好配套，才不會到市府依然一場</t>
  </si>
  <si>
    <t>高雄一名69歲的婦人10月15日接種第二劑莫德納後陸續出現紅疹，多次就醫未緩解，20天後主動脈剝離，至今仍在加護病房，家屬不滿醫院未通報不良反應。高雄市衛生局表示，衛生局已於11月8日協助個案通報不良反應系統，</t>
  </si>
  <si>
    <t>新冠肺炎(COVID-19)爆發至今，全球受衛生危機影響，許多國家實施鎖國政策、要民眾待在家不要出門，而疫情源頭被認為是因為「吃野味」，不過日前越南一處市場，被發現仍持續販售活體野味，現場環境髒亂、蒼蠅四處飛，</t>
  </si>
  <si>
    <t>武漢仍因新冠病毒疫情持續封城，為平息武漢民怨，浙江政壇出身的中共中央政法委祕書長陳一新於8日臨危受大陸中央命令南下湖北整治。中央政法委並於近日公開了陳一新與武漢各區一把手的「群聊記錄」，陳一新向武漢官</t>
  </si>
  <si>
    <t>因伊朗、南韓與義大利疫情急速升高，美國聯邦疾病管制與預防中心（CDC）周二告訴美國民眾，應開始為新型冠狀病毒疫情的境內傳播預做準備。新冠肺炎將打擊全球成長的擔憂使金融市場陷入劇烈震盪，周二美股爆量重挫，</t>
  </si>
  <si>
    <t>過去7個月，雲南瑞麗連續爆發疫情，至今已4度採取封閉嚴管措施，在「長期封城」的影響下，瑞麗的工廠停工、商業停業、貿易停擺，當地人只能默默承受巨大的壓力。有陸媒報道指，當地有居民數月來歷經近百次核酸檢測，</t>
  </si>
  <si>
    <t>繼上周二台灣出現首例出院後復陽案例，指揮中心專家諮詢小組召集人張上淳今再宣布，另外有3名個案出院後又復陽，均是有症狀回診才發現，但他強調病毒到後期基本上不具傳染力，呼籲外界不要將感染者標籤化。張上淳指</t>
  </si>
  <si>
    <t>新冠肺炎疫情升溫，全球多地都為了提高防疫層級鼓勵在家工作(work from home, WFH)，讓各地湧現遠距辦公需求，也讓不少線上會議、團隊協作工具成為討論焦點，其中視訊軟體 Zoom 就是其一。然而在大量使用者湧向 Zoom</t>
  </si>
  <si>
    <t>佳世達(2352)公佈3月合併營收為新台幣145.96億元，較去年同期成長0.9%，較上月成長33.3%，創同期新高。累計2020年1~3月合併營收為新台幣392億元，較去年同期減少1.6%。佳世達表示，雖有新冠肺炎(Covid-19)衝擊亞洲供</t>
  </si>
  <si>
    <t>雲林縣北港鎮公所與北港朝天宮針對4月香盛期，規畫一系列防制新冠肺炎疫情與登革熱消毒計畫，繼16日白沙屯媽祖到北港進香後，接下來還有彰化南瑤宮進香、北港媽祖遶境，加上天氣逐漸炎熱，為了避免2種疫情同時暴發，</t>
  </si>
  <si>
    <t>路透社報導，美國總統川普將於美東時間晚間9點發表全國演說。據白宮消息人士透露，川普可能藉此宣布美國進入「國家級災難」，以便加速籌措對抗疫情所需資金。路透社引述美政治新聞網站《Politico》，根據《斯塔福德</t>
  </si>
  <si>
    <t>先前曾在社群媒體上高調痛批老媽幫川普工作「毀了自己一生」，前白宮顧問凱莉安．康威（Kellyanne Conway）外型亮眼但性格嗆辣的女兒克勞蒂亞（Claudia Conway）4日宣布自己也感染了新冠肺炎，值得注意的是，克勞蒂</t>
  </si>
  <si>
    <t>大聯盟官方10日公布2021年球季賽程，例行賽開季時間設定為(美國時間)4月1日，特別是全聯盟都在同一天開季，這將是1968年以來首見。其實大聯盟2018年就想要全體同步開季，因有些球場下雨而失敗。今年則是毀在新冠疫情</t>
  </si>
  <si>
    <t>3月陸續將有許多媽祖進香活動，對於是否延期或停辦，引發高度關注。苗栗縣長徐耀昌26日表示，媽祖是慈悲的，不要因為廟會，若萬一有漏洞造成恐慌，得不償失，到時候把責任歸屬於媽祖也不對。26日徐耀昌指出，防疫是</t>
  </si>
  <si>
    <t>繼昨(19日)傳出韓國36歲男星文智允驟逝後，又傳出參加《臉贊時代》的32歲男星李治熏（又譯李治訓）也因急性敗血症過世。BJ Seya稍早在直播透露李治熏幾天前就喊不舒服，急診室以控制疫情為由，第一時間拒收，確認不</t>
  </si>
  <si>
    <t>國內新冠肺炎患者陸續康復出院，但近期卻出現了出院後又復陽的4名案例。醫師表示，新冠肺炎確診者出院後，病毒量已相當低，因家屬是患者長時間接觸的人，在出院後的7天自主管理期間，應避免過度接觸，若沒有獨立的衛</t>
  </si>
  <si>
    <t>義大利新冠肺炎疫情已近乎失控狀態，日前確診病例被伊朗超越後，8日報告單日新增1247例，累計已達5883例，再度超越伊朗的5823例。該國聯合執政的民主黨黨魁津加雷蒂(Nicola Zingaretti)亦在臉書發表視頻表示，他已被</t>
  </si>
  <si>
    <t>新竹縣22日新增一個確診個案，為竹東某長照機構的長期住民，在經歷第5次採檢後確診，新竹縣長楊文科表示，竹東鎮2機構自有人確診後，採取2天採檢一次。另外，新竹縣的孕婦即日起可於東元綜合醫院、中國醫藥大學新竹</t>
  </si>
  <si>
    <t>歐陸44國全數被新冠肺炎疫情「入侵」，金管會統計，到今年1月底，國內銀行、保險及證券對歐洲曝險金額達新台幣4兆9,190億元，比去年1月增加2,118億元。據銀行局統計，國銀在歐洲共有十處據點，國銀對歐洲授信金額到</t>
  </si>
  <si>
    <t>美網女雙頭號種子茉蘭登諾維奇(Kristina Mladenovic)、芭波絲(Timea Babos)的組合因為新冠肺炎疫情而遭「淘汰」。開賽幾個小時之前茉蘭登諾維奇才接到隔離通知，她是法國同胞帕爾雷(Benoit Paire)的7位接觸者之一，</t>
  </si>
  <si>
    <t>中央流行疫情指揮中心今(9)日表示，考量國內疫情趨於穩定及參酌其他國家之防疫措施調整經驗，經與相關單位溝通討論及評估後，宣布自8月10日至8月23日維持疫情警戒標準為第二級。中央流行疫情指揮中心副指揮官陳宗彥</t>
  </si>
  <si>
    <t>新冠肺炎疫情延燒，民眾對加工食品需求上升，搶購民生物資風潮出現，宅經濟題材熱燒，食品族群今日由統一(1216)大漲8%領軍衝鋒，搭上台股大漲列車，佳格(1227)緊跟在後漲幅高達7.8%，多頭士氣如虹，興泰(1235)、中華</t>
  </si>
  <si>
    <t>刑事局偵查第一大隊日前接獲衛福部通報，PTT網站有人張貼「新冠肺炎已經定名為SARI」的不實訊息案，警方立刻展開偵辦，循線查出PTT網站用戶、39歲郭姓男子真實身分，發現郭嫌係接獲友人傳送上述疫情訊息後，未經詳實</t>
  </si>
  <si>
    <t>台中今傳出首例施打高端疫苗後死亡的個案，中央流行疫情指揮中心今天證實，此個案為先前就已通報的案件，是一名四十一歲的男性，本身有高血壓、糖尿病、甲狀腺亢進病史，9月6日死亡後已進行解剖，但詳細結果不方便公</t>
  </si>
  <si>
    <t>去年此時我曾寫過一篇文章〈一月的啜泣〉，當時新冠肺炎剛起，中國疫情大爆發，小年夜武漢封城，接著是廣東、溫州都成重災區，每天感染和死亡人數都增加3成以上，搶口罩已成日常。那時還不知是否會蔓延世界，而今世</t>
  </si>
  <si>
    <t>IC通路商文曄（3036）2019年全年淨利25.3億元，每股盈餘（EPS）4.32元，董事會通過盈餘分配案，預計提撥現金股利16.45億元，若以目前在外流通普通股數計算，每股現金股利2.78元，亦改寫四年來新高，若以14日收盤價38</t>
  </si>
  <si>
    <t>經過一個多月的抗疫，大陸28日本土病例「零新增」，新增的33例病例均為境外輸入病例。目前大陸僅剩1地為高風險地區，另有17個中風險地區。據大陸國家衛健委通報，大陸28日新增境外輸入病例包括雲南17例、上海5例、天</t>
  </si>
  <si>
    <t>受新冠肺炎肆虐導致全球能源消費銳減，加上沙烏地阿拉伯與俄羅斯為爭奪市占、大舉向市場傾銷石油，北美石油生產商在苦無買家下被迫關閉油井。面臨取消的訂單不斷增加，美國石油業者Texland Petroleum最近決定關閉旗</t>
  </si>
  <si>
    <t>新加坡商克雷多生醫（Credo Diagnostics Biomedical Pte. Ltd）專注於傳染性疾病定點照護檢測方案，在新冠肺炎疫情爆發兩個月內完成克雷多微特COVID-19檢驗試劑（VitaPCR SARS-CoV-2 Assay）研發，子公司「泉創生醫</t>
  </si>
  <si>
    <t>台積電、鴻海及慈濟近日完成購買BNT疫苗，傳出最近就會進貨，中央流行疫情指揮中心指揮官陳時中表示，（BNT）疫苗很有可能會來，但時間與劑量還不明確，疫苗是很多人的努力，無論是民間或政府等努力，大家都全力協助</t>
  </si>
  <si>
    <t>BNT疫苗最快9月登台，國內施打疫苗年齡可望降至12歲，產險公司超前部署，多家產險公司陸續下修疫苗險投保年齡，國泰、和泰、新安東京海上產險等，抱持防疫不設限態度，已進一步取消投保年齡下限，不論學生、嬰幼兒身</t>
  </si>
  <si>
    <t>受到油價崩跌，流動性風險以及新冠肺炎疫情於歐美地區快速蔓延的影響，3月份中國滬深300以及創業板指數均下跌9％～12％，且基於海外疫情以及流動性風險影響歐美地區經濟成長率，中國股市以內需如民生消費以及基礎建</t>
  </si>
  <si>
    <t>新冠肺炎從大陸武漢爆發後重創歐洲，科學家對於新冠肺炎病毒陸續有了更多的發現，根據英國研究顯示，有76.5%的重症患者體重過胖，警告2/3的英國人都屬於新冠肺炎的高風險群！根據英國「威廉李德商業媒體集團」旗下的</t>
  </si>
  <si>
    <t>中央流行疫情指揮中心今(29)日表示，針對昨(28)日公布之案33，衛生單位進一步調查其日本旅遊期間(17至22日)之行程，其中2月17日於富山縣高山，18日於岐阜縣高鷲滑雪公園，19日於富山縣並搭乘JR雷鳥特急號(金澤至大阪</t>
  </si>
  <si>
    <t>疫苗預約系統有漏洞！一名男網友已經打完2劑疫苗，但還是可以登記疫苗接種意願，這樣的狀況讓他忍不住吐槽，貼文引起網友熱議，不少人狠酸原PO，讓他委屈直呼，身為工程師看到系統漏洞點出來說，結果被酸爆，國家真</t>
  </si>
  <si>
    <t>新冠肺炎疫情延燒近2年，疫情中心指揮官陳時中昨回顧抗疫經過，坦言在部立桃園醫院、諾富特飯店造成的社區傳播時「跌了一跤」，短時間內確診數破萬，但靠著醫護人員的努力守下。近期疫情趨緩，昨國內本土再度0確診，</t>
  </si>
  <si>
    <t>今日新國會開議，國是論壇首先登場。國民黨立委陳以信表示，防疫視同作戰，為落實居家隔離、檢疫，應於「嚴重特殊傳染性肺炎防治及紓困振興特別條例」中增列科技監控的法律授權，並經由法院審查，加強管制接受居家隔</t>
  </si>
  <si>
    <t>新冠肺炎疫情延燒，北市某高中因出現2名確診病例，宣布全校停課至27日。該學校一名學生在論壇上PO文表心聲：「不只肺炎會殺人」，控訴綠媒不實報導，直說「病毒恐怖 某些媒體更恐怖..」。一名網友在匿名論壇《Meteor</t>
  </si>
  <si>
    <t>本土疫情嚴峻，新北本土確診病例今增加177人，校正回歸146人。新北市長侯友宜今招開應變會議時表示，校正回歸從22日至今已有6天，幾乎每天都在校正回歸，但許多確診者都來抱怨，稱接獲確診速度太慢，地方作業有空窗</t>
  </si>
  <si>
    <t>居家辦公、遠端教育帶起的PC風潮將一路延伸到第三季，連帶讓金氧半場效電晶體（MOSFET）需求同步大增，不過供應鏈透露，國際IDM大廠因疫情影響產能仍未完全恢復，使訂單出現移轉至杰力（5299）、大中（6435）、尼克</t>
  </si>
  <si>
    <t>新冠肺炎疫情持續延燒，娛樂產業首當其衝，屏東縣政府為協助業者度過難關，決定主動調降4至6月的查定稅額，降幅達到30％，首波暫訂持續3個月，將視情況決定是否延長，估計縣內共有950家業者受惠，金額約在200萬元。</t>
  </si>
  <si>
    <t>新冠肺炎（COVID-19）全球疫情急速蔓延，許多國家確診數字呈現值限上升狀態，我國疫情雖稍有增長，但相較之下，病情控管相對樂觀，且處於穩定可控。有民眾就質疑我新冠肺炎確診數恐有做假之嫌，學他國做法，一旦疫情</t>
  </si>
  <si>
    <t>香港日前宣布將BNT輝瑞疫苗接種年齡降至12歲。香港公務員事務局局長聶德權今（10日）公布，政府提供3個途徑，包括學童自行到疫苗網頁預約、為學校特別預約安排到社區中心接種，以及到學校提供外展服務，預計全香港12</t>
  </si>
  <si>
    <t>國內新冠疫情大爆發，已經連續多日新增破百確診病例，在前線的醫院人員也冒著風險堅守崗位，主持人吳淡如也分享婦科醫師王樂明的經歷，當時他替一名確診的產婦接生，儘管成受感染的高風險，他最擔心的卻是寶寶的健康</t>
  </si>
  <si>
    <t>花蓮青年新創基地今天揭牌，成為全台唯一24小時由公布門提供的青創進駐空間，縣長徐榛蔚兌現青年政策，今天也在現場舉辦就職2週年活動，除了對政績侃侃而談，特別提到爭取青年創業資源，打造青年相互交流的場域並建</t>
  </si>
  <si>
    <t>金門防疫再升級，縣府今（30）日起實施出入管制，員工及洽公民眾均需量測體溫。首日趕上班出現「小塞車」狀況，在即時分流和調整作業後，一切尚稱順利，也未發現有人發燒。縣府今起實施出入管制，僅可由大門進出，側</t>
  </si>
  <si>
    <t>中國大陸北京再度爆發新冠肺炎疫情，連續多天出現確診病例，至今已經新增79例，讓當局啟動「戰時狀態」。而今（15）日北京市疾控中心副主任龐星火表示，一名新增的病例竟有關節不適的症狀。綜合陸媒報導，龐星火15日</t>
  </si>
  <si>
    <t>隨著天氣日漸高溫，新冠病毒疫情趨緩，防疫人員又開始擔憂登革熱大爆發。奇美醫學中心醫療團隊最新研究發現，高齡、低血壓、咳血、糖尿病與長期臥床為登革熱患者5大死亡危險因子，症狀超過3項以上，死亡率更高達4成5</t>
  </si>
  <si>
    <t>基隆某醫院傳出人員確診，基隆市長林右昌證實，確診者是行政工作人員，非醫護人員，不屬於院內感染，目前匡列50人採檢，48人陰性，2人等待檢驗報告。據了解，醫院昨天立即封閉1出口進行消毒作業，並將所有急診室醫護</t>
  </si>
  <si>
    <t>新冠肺炎疫情近來趨緩，義大利影壇最近整理2020年春季最賣座電影，由義大利導演佛森歐茲派克所執導的新片《幸運女神》奏捷奪冠。該片由華納兄弟製作及發行，去年底在義國上映，今年二月底票房已達820萬歐元（約台幣2</t>
  </si>
  <si>
    <t>雖然美國總統川普防疫期間一再搶盡鏡頭，加上集中火力砲轟大陸，但防疫成效「有目共睹」，至今不但確診與死亡人數皆排名全球首位，更於27日死亡人數突破10萬大關，讓他的民調與篤定代表民主黨拜登民調差距一截。而據</t>
  </si>
  <si>
    <t>保加利亞總統辦公室今天表示，副總統依奧托娃（Iliana Yotova）確診2019冠狀病毒疾病（COVID-19，武漢肺炎），她僅有輕微症狀，健康狀況大致良好。總統辦公室聲明也提到，保加利亞總統拉德夫（Rumen Radev）經檢測，</t>
  </si>
  <si>
    <t>新冠肺炎疫情不斷擴散，3月25日2名自美國返台的高中留學生，回到花蓮住家後原本應該落實14天自主居家檢疫，沒想到卻外出買蚵仔煎，更高調在IG發文大嗆網友。遭民眾檢舉後，2人各被開罰10萬元罰鍰，無辜的蚵仔煎店家</t>
  </si>
  <si>
    <t>美國總統川普14日說，將暫停金援世界衛生組織（WHO），以進行60－90天的調查，看它究竟是如何因應新冠肺炎疫情大流行的。他指控WHO，對疫情嚴重處置失當，並隱瞞了病毒的擴散，甚至說「人人都知道發生了什麼事」。不</t>
  </si>
  <si>
    <t>正逢美國總統大選年，加上美國國內新冠疫情仍未見明顯下降趨勢，讓總統川普一再抨擊國內政敵與國際組織及競爭對手，藉此轉移民眾目光。不過，美前國家安全顧問賴斯表示，雖然在選舉期間美國總統候選人藉由大陸問題打</t>
  </si>
  <si>
    <t>新冠肺炎疫情延燒不歇，各單位嚴陣以待、不敢鬆懈，台北市長柯文哲今（23）日表示，目前台灣確診26例，需要追蹤的人數也越來越多，但還是有人在入境時留下假資料，留下假名「胡析延」，導致北市府要追蹤的時候，查無</t>
  </si>
  <si>
    <t>《中時新聞網》精選5件不可不知的國際大事，帶讀者掌握今（6）日的國際新聞重點。【1】新冠高燒不退！英國首相強生驚傳入院新冠病毒陰影持續在唐寧街10號揮之不去！日前才因又出現新冠徵狀，二度在家自主隔離的英國</t>
  </si>
  <si>
    <t>美國國務院旅遊領事事務局今日在推特發表啟人疑竇的推文，呼籲在海外的美國人儘快回國，不要延後返國日期，「可能很快地所有交通工具將會無法使用。」此一訊息顯示，美國大多數機場可能會在近期停止對外航班往來，滯</t>
  </si>
  <si>
    <t>客家精神，以刻苦勤儉聞名，連疫苗都不意外！昨（5）日，新竹縣竹北市衛生所在臉書PO出施打AZ疫苗的情況，但數字卻讓網友看了霧煞煞，怎麼樣都對不起來，因為醫護人員明明領用1790劑疫苗，接種卻高達1955人。原來這</t>
  </si>
  <si>
    <t>威士特丹號郵輪遭5國拒絕靠岸，今(13)日終於在柬埔寨暫時落腳。指揮中心指揮官陳時中表示，我方和各個國家討論後初步決定，該郵輪包含乘客、船員。非本國籍者，都不得到台灣入境、轉機。威士特丹號郵輪(MS Westerdam</t>
  </si>
  <si>
    <t>苗栗縣近日向全縣移工下達禁足令指出，除了上下班外其餘的時間一律禁止外出，引發外界非議，苗栗在地民間團體「苑裡掀海風」共同創辦人劉育育表示，此政策無非種族歧視，也讓許多縣民憂心忡忡，「根本是以恐懼包裝歧</t>
  </si>
  <si>
    <t>新冠肺炎疫情衝擊旅宿業，高雄福華飯店腦筋得快，搶搭「異地辦公」話題，推出「遠端辦公室」專案，將飯店客房變成獨立辦公室，已有大型會計師事務所洽談合作。此外，福華大飯店集團推出「我OK，我來住」長住專案，提</t>
  </si>
  <si>
    <t>新冠肺炎疫情在歐洲有捲土重來之勢，愛爾蘭為此祭出相對嚴苛的防疫措施。但就在內閣敲定進一步在全國加強限制的第二天，農業部長卡里利卻帶頭違反規定。他在21日宣布請辭，表示自己損害了全國上下為防堵疫情所做的努</t>
  </si>
  <si>
    <t>新冠肺炎今新增2 例境外移入，分別為案381及案382，其中案381為1名20多歲月性，其亦於3月30 日同搭已確診10例的華航班機，目前這班華航班機已有11位確診。另1名案382為於2月16日至3月29日與案378(妻子)一同至印尼探</t>
  </si>
  <si>
    <t>高端疫苗23日在桃園36個社區接種站開打，其中大有國中接種站有2人施打後身體不適，47歲畢姓男子接種後頭暈想吐、血壓升高，急送醫目前留院觀察中，另一名30歲賽姓美籍女，打完後當場倒下，巨大聲響嚇壞現場所有人，</t>
  </si>
  <si>
    <t>在新冠肺炎疫情衝擊下，歐盟領袖21日在氣氛火爆的峰會中，終於達成7500億歐元（約25兆台幣）的經濟刺激協議。據《每日郵報》（Daily Mail）與《衛報》（The Guardian）21日報導，在這場馬拉松式的火爆會議中，歐盟領</t>
  </si>
  <si>
    <t>新冠肺炎持續延燒，在行政院長蘇貞昌領軍下，台灣防疫成果受到國際讚揚。有網友預測，蘇貞昌會是2024民進黨總統候選人。PTT鄉友貼文指出，看這個樣子，2024總統是蘇貞昌，現在疫情做得這麼好，國民黨這樣下去，要怎</t>
  </si>
  <si>
    <t>因應新冠肺炎疫情升溫，台中市政府教育局宣佈19日起至本學期結束前，全市高中職以下校園場地除出借國家考試、檢定考試及影響學生升學權益的活動外，全面暫停對外開放；教育局強調，希望社區民眾共體時艱，利用社區其</t>
  </si>
  <si>
    <t>衛福部長陳時中6日表示，目前亞洲在中國外約有六千多例，有歐洲四千多例，中東有三千多例，很快歐洲疫情將會往上發展，陳時中預測，歐洲的確診案例數量，可能超過亞洲案例數，新冠肺炎的世界流行已經不可免！陳時中</t>
  </si>
  <si>
    <t>日本山梨縣一名未滿1歲女嬰3月31日心肺機能停止，被送往山梨大學附屬醫院急救，經病毒檢測確診為新冠肺炎，目前情況不樂觀，仍在集中治療室觀察中。目前有接觸到這名女嬰的醫護人員，必須進行居居家隔離。《產經新聞</t>
  </si>
  <si>
    <t>台東縣新冠肺炎31日零確診，這是從25日台東縣出現首例本土病例至今，首度「嘉玲」，不少台東鄉親獲知，都鬆了一口氣，不過縣長饒慶鈴說，抗疫還在持續進行中，請大家千萬不要鬆懈，目前台東縣本土確診人數為14人。縣</t>
  </si>
  <si>
    <t>防堵新冠病毒竄入社區，凡歸國旅客、確診者或確診者接觸者，皆須住進防疫旅館進行居家檢疫。一位自國外返台的女網友近日剛結束14天檢疫，未料防疫旅館櫃檯竟向他透露，館內非確診者和疑似個案都混住一起，不但住在同</t>
  </si>
  <si>
    <t>國內疫情趨緩，本土病例今(12)日再度加零，指揮中心昨天已宣布，全國醫院慢性病房有條件開放探病，隨著警戒措施逐漸放寬，外界好奇外出何時才能不用再戴口罩？專家表示，終於走到這一天，相信只要疫苗覆蓋率達七成以</t>
  </si>
  <si>
    <t>中央流行疫情指揮中心今(29)日公布國內新增1例境外移入新冠肺炎病例(案442)，為20多歲男性，今(2020)年2月赴俄羅斯就學，5月25日晚間(台灣時間5月26日凌晨)與其他95名國人集體搭機至日本轉機返台。指揮中心指出，個</t>
  </si>
  <si>
    <t>國內今天新增10例新冠肺炎確診病例，有8例境外移入，其中案333女子日前跟老公一起赴丹麥探親，回台後出現疑似症狀，一採陰性後症狀不見好轉，二採竟由陰轉陽。中央流行疫情指揮中心指揮官陳時中下午在記者會中指出，</t>
  </si>
  <si>
    <t>中央流行疫情指揮中心今日公布國內新增1例境外移入新冠肺炎病例，為30多歲台籍女性，1月至菲律賓工作，曾於6月下旬出現發燒、嗅覺喪失等症狀，於當地就醫並檢出新冠肺炎陽性，經住院治療後症狀改善，並兩度採檢結果</t>
  </si>
  <si>
    <t>新冠肺炎（COVID-19）肆虐全球，南韓的疫情也持續升溫，從8月以來每天都增加3位數的確診者，疫情蔓延的相當迅速。日前韓媒爆料有部份確診病患在醫院對護理師提出不合理要求，「最美變性人」河莉秀聞此訊，特別發文砲</t>
  </si>
  <si>
    <t>德國生技公司BioNTech與美國輝瑞藥廠（Pfizer）共同研發的新冠肺炎疫苗BNT162b1在早期臨床試驗獲得正面結果，讓實驗對象產生的病毒抗體多過新冠肺炎痊癒者，是繼Moderna、CanSino Biologics、Inovio後，第四款早期臨</t>
  </si>
  <si>
    <t>7月進入最後一周，也將是這個夏季最具關鍵性的一周，包括蘋果公司在內，今年帶領美股從3月谷底一路反攻的科技股巨星將於本周公布財報，聯準會（Fed）本周召開為期兩天的貨幣政策會議，美國國會將為新冠肺炎疫情衝擊</t>
  </si>
  <si>
    <t>台灣一名50多歲男子近期前往澳門，被檢出印度變異株（Delta）。中央流行疫情指揮中心表示，該男今年2月中到5月8日待在印度，來台後進行14天檢疫，曾3次採檢都是陰性。由於男子在澳門檢出Ct值32，且IgM陰性、IgG陽性</t>
  </si>
  <si>
    <t>國內再度本土零確診，新冠肺炎疫情有明顯降溫，外界好奇對各產業的限制是否有再鬆綁可能？中央流行疫情指揮中心指揮官陳時中回應，哪些地方能再鬆綁，下周會向社會說明，而要再降級的話，大方向會是全國一起降級，不</t>
  </si>
  <si>
    <t>測試大廠京元電（2449）受惠於新冠肺炎疫情帶動的伺服器、筆電及平板等相關晶片需求湧現，醫療相關晶片測試急單大增，加上中國5G基地台及WiFi 6等新基建相關晶片測試訂單續強，帶動4月合併營收衝上25.85億元，連續兩</t>
  </si>
  <si>
    <t>受到新冠肺炎衝擊，梅西百貨（Macy’s）與服飾商GAP等零售業者宣布，數萬名員工自本周起將開始放無薪假。新冠肺炎疫情導致美國商業活動銳減，非必要性商店被迫暫時關閉防疫，零售商業績飽受衝擊，產業恐掀倒閉潮。研</t>
  </si>
  <si>
    <t>新冠肺炎在伊朗疫情日益惡化，截至13日已有11364起確診、514死，為大陸境外疫情最嚴重的地區。根據官方電視台13日報導，伊朗軍方下令，安全部隊將在24小時之內清空伊朗全國所有街道，並將對所有公民進行新冠病毒檢查</t>
  </si>
  <si>
    <t>近期中國新冠肺炎爆發，導致鄰近國家如香港出現口罩之亂，且民眾還紛紛搶購衛生紙與糧食，近日有一段錄音檔流出，內容是指新加坡貿易與工業部長陳振聲向基層解說國家如何處理口罩策略時，竟暗諷香港人瘋搶口罩的行為</t>
  </si>
  <si>
    <t>今年春節提前使得2月工作天數正常，卻意外面臨新冠肺炎疫情攪局，多空夾擊中逆勢大增，甚至創下歷史新高的個股，短線易獲資金青睞，包括是方（6561）、勤凱（4760）、熱映（3373）及鈊象（3293）等4檔個股。根據統計</t>
  </si>
  <si>
    <t>美國新冠肺炎確診人數已超越中國，成為全球感染人數最多的國家。我國也出現多例由美國移入的確診案例，例如案192，即是在美國急診時被診斷是「B型流感」，返台後自行到院篩檢，卻檢診為新冠肺炎。美國先前因新冠肺炎</t>
  </si>
  <si>
    <t>衛福部長陳時中26日宣布，因應本土疫情持續嚴峻，宣布強化新冠肺炎第三級疫情警戒的五大管制。請全國民眾持續落實遵循，與政府共同努力，嚴守社區防線。相關強化措施及裁罰如下：一、民眾外出時應全程佩戴口罩，一經</t>
  </si>
  <si>
    <t>東京奧運將要延期到2021年7月23日，大韓體育會聲明尊重主辦方決定，但他們男足國家隊可能叫苦連天。奧運男足成員有U23限制(23歲以下, 1997年1月1日之後出生)，延後1年可能讓他們超齡，特別是韓國還有兵役問題。韓國U</t>
  </si>
  <si>
    <t>新冠肺炎全球擴散，台灣目前因為防疫動作確實且超前部屬，仍尚未出現社區傳播的狀況，但是近日多起因境外移入而出現的感染者，造成國人人心惶惶。對此，中時新聞網發起網路投票，徵詢網友們對於「台灣是否應跟進外國</t>
  </si>
  <si>
    <t>新冠肺炎疫情趨緩，全台大解封。台南市長黃偉哲7日出席公開活動時，雖然已經沒有戴口罩，但卻還是要「逆時中」一下，除要求台南市舞廳、酒店繼續維持實名制一段時間，也希望第一線櫃檯人員、公車司機仍需戴口罩。黃</t>
  </si>
  <si>
    <t>新冠肺炎肆虐全球，歐美地區淪為重災區，近來頻傳排華、歧視亞裔事件，美國總統川普將新冠病毒改稱為「中國病毒」（Chinese Virus）更像是在這波排外風潮上煽風點火。外交部昨晚表示，確實有聽聞華人在海外遭遇言語</t>
  </si>
  <si>
    <t>新冠肺炎疫情衝擊產業，新北市補足中央政策，推出「好來工作」計畫，供民眾就業的迫切需求，吸引405人申請，目前已有291人上工，新北市長侯友宜27日前往三重社福中心，關心首波民眾工作狀況；受疫情影響失業近半年的</t>
  </si>
  <si>
    <t>受新冠肺炎疫情影響，新北市暫時銀髮俱樂部和社區照顧關懷據點的開放和活動，為讓長者在家仍能持續運動，保持身體健康，提升免疫力，新北市府透過13家有線電視業者拍攝「防疫動健康、大家一起來」教學影片，今（1）</t>
  </si>
  <si>
    <t>因應新冠肺炎疫情，各地景點實施人流管制，太魯閣國家公園即日起實施停車場減半管制措施，有遊客繞了幾圈沒停車位，就離開，但多表示配合，不覺得不方便，另，縣府做出最新決定，配合中央疫情指揮中心規定，花蓮東大</t>
  </si>
  <si>
    <t>國內連續發生3起機師突破性感染，正當社會防堵破口之際，卻傳出其中1名確診機師未誠實回報身體狀況，還外出與人聚餐，今遭到航空公司開除。交通部民用航空局局長林國顯表示，已打電話給華航與長榮的董事長，請他們立</t>
  </si>
  <si>
    <t>中央流行疫情指揮中心今（25）日表示，自8月23日至8月29日完成第一劑高端疫苗接種之民眾，公費疫苗預約平台預計於9月27日提供接種第二劑，屆時符合預約資格或收到簡訊提醒者即可預約接種。另若有出國急迫性須於第一</t>
  </si>
  <si>
    <t>蔡政府取得疫苗牛步，指揮中心指揮官陳時中說，先專注完成鴻海、台積電採購1000萬劑BNT專案，太多單位自購會引發困擾。藍委賴士葆表示，陳的說法彷彿欲幫國家取得戰略物資疫苗的團體，是來亂的或博取名聲，且和蔡英</t>
  </si>
  <si>
    <t>電源管理IC廠致新（8081）股利政策出爐，預計每股將配發9.5元，配發現金創新高，配發率超過七成，現金殖利率達4.92％。法人預期，致新第一季合併營收將有望持續受惠於遠端辦公／教育熱潮推動的筆電、面板電源管理IC</t>
  </si>
  <si>
    <t>520吸引大批戀人登記成為夫妻，八德戶政事務所有73對新人登記，其中有法國丈夫為愛遠赴台灣。也有機場地勤、桃園醫院護理師夫妻在疫情期間勇敢站上第一線，20日在眾人祝福下，成為彼此的另一半。八德區25歲新人張巧</t>
  </si>
  <si>
    <t>由於多國紛紛質疑中方提供的新冠肺炎確診與死亡數字，英國政府已將中國大陸排除在新冠肺炎疫情的比較名單外。據《每日郵報》（Daily Mail）25日報導，就在國際社會日益懷疑北京隱瞞疫情之際，這對中方無異是打臉。先</t>
  </si>
  <si>
    <t>立法院再添確診案例，立法院交通委員會召委、民眾黨立委邱臣遠稍早透過影片證實，內政部移民署國會同仁昨被通知確診，據悉，該員5月13日曾到立法院交通委員會參與政府採購法審查，目前已通知辦公室同仁異地辦公，並</t>
  </si>
  <si>
    <t>南台灣中型建商泰嘉開發，去年營收39億元，年增30％，面對「新冠肺炎」肆虐，在80％以上的大型活動取消之際，泰嘉13日仍然舉行「員工聚餐」，泰嘉董事長呂金發指出，此波疫情造成全球金融市場波動劇烈，難免會影響市</t>
  </si>
  <si>
    <t>儘管紐約州新冠肺炎死亡人數已破萬，但州長古莫（Andrew Cuomo）認為，「最糟的已經過去」，住院人數似乎進入高原期，單日新增死亡人數為671名，大約是一周來的最低數字。據BBC新聞網14日報導，美國東部6州州長已開</t>
  </si>
  <si>
    <t>貨櫃航運歐洲線運價在第四季高角度大漲93.79％，上周更以2,091美元／TEU（20呎貨櫃），再創新高價。適逢年底歐洲線合約價簽訂期限，預期將調漲23％，對長榮而言是利多不斷，長榮表示，10艘專營歐洲線2.4萬TEU貨櫃船</t>
  </si>
  <si>
    <t>繼亞東醫院、高雄仁惠醫院後，今日國內新增1起院內感染事件，中央流行疫情指揮中心醫療應變組副組長羅一鈞說，台北市某血液透析中心，1名洗腎病患確診後，4名接觸者快篩檢出陽性，目前11名工作人員、67名病患都在隔</t>
  </si>
  <si>
    <t>備戰開學防疫，新北市三重區集美國小特別祭出4台海關等級熱感應儀，置於警衛室前，量測訪客體溫，另更每月斥資5萬元，租用1台醫用「直立式測溫儀」，為校內數百位教職員工量體溫，並規劃15道量體溫通道，讓學生一一</t>
  </si>
  <si>
    <t>新冠肺炎患者多以趴臥姿勢治療，引起許多人好奇，對此英國ICU醫拍片解釋，仰躺時體內器官易壓迫肺部，導致缺血和缺氧，駐美醫師也在臉書發文表示，病患俯臥血氧就會上升，效果非常好。英國ICU醫生丹尼爾斯（Ron Dani</t>
  </si>
  <si>
    <t>防疫警戒27日起降為二級，民眾回歸工作崗位，餐廳除北北宜外開放內用，民眾對於疫情傳播仍有疑慮，聯新國際醫院首席副院長許詩典認為，解封之後預期民眾可能一窩蜂上餐廳或出遊，可能不利於疫情掌控，首要仍是戴緊口</t>
  </si>
  <si>
    <t>隨新冠肺炎疫情快速升溫，民眾黨昨日呼籲行政院應換掉中央流行疫情指揮中心指揮官陳時中，改由行政院長蘇貞昌接手主導。對此，蘇貞昌今上午赴立院接受總質詢前表示，台灣在集體努力下被全世界肯定，讓全世界終於分出</t>
  </si>
  <si>
    <t>桃園中壢一家坐落於中平商圈的40年老字號建國自助餐，家常又實惠的餐點風格是許多上班族、學生族的共同回憶，疫情影響，建國自助餐自5月宣布暫停營業後時隔2個月，5日宣布復業，16日卻又宣布7月底將關門大吉，讓不少</t>
  </si>
  <si>
    <t>新冠肺炎疫情嚴峻，嘉義縣阿里山南三村（山美、新美、茶山）日前舉行pa’momxtx祈福儀式，山美社區發展協會理事長安榮進表示，這是相當傳統的儀式，上次舉行是SARS時，這次因新冠肺炎疫情，隔17年再次舉辦，希望能將</t>
  </si>
  <si>
    <t>513全台大停電才過4天，17日晚間再度無預警停電，正值氣象局發布高溫資訊，30度高溫許多人家裡瞬間沒冷氣吹，再加上今天本土病例爆增3百多例，PTT網友一片哀號禍不單行：「熱到要死」、「真的以為自己是住在第三世界</t>
  </si>
  <si>
    <t>封測大廠超豐電子傳出群聚染疫狀況，目前確診人數來到14人，超豐昨（8日）晚發布重訊說明此次事件，緣由為1名新進移工隱匿發燒症狀，並透過吃退燒藥、冰水洗臉等方式躲避體溫量測，導致公司無法在第一時間發現異常。</t>
  </si>
  <si>
    <t>新冠肺炎居家防疫措施嚴重打擊加拿大就業市場，加國在兩個月間流失300萬個工作機會，換言之，短短60天便將過去15年增加的工作全數抹去。■Combined with the March results,Canada has now shed more than three mill</t>
  </si>
  <si>
    <t>敦睦艦隊27人感染新冠肺炎，外界質疑國防部隱匿疫情，究責聲浪不斷。台北市長柯文哲22日表示，這是危機，出問題該檢討就檢討，正直誠信是很大的文化，但現在不是燒女巫的時候，應把問題先處理完，要罵再罵；另外針對</t>
  </si>
  <si>
    <t>雲林縣一位媽媽21日接種AZ疫苗後，當晚回家餵2個月大女嬰母乳，隔天凌晨卻發現女嬰已無呼吸心跳，送醫急救後不治，令家屬無法接受。對此，醫療粉專「美的好朋友」指出，目前全世界尚未出現接種後餵母乳導致嬰兒猝死</t>
  </si>
  <si>
    <t>裕融企業公司新臺幣60億元聯貸案於6月28日簽約，由華南銀行擔任統籌主辦暨額度管理銀行，臺灣銀行為文件管理銀行。本案原以新臺幣50億元推出，因各銀行參貸踴躍，超額認購達2.1倍，最終以新臺幣60億元結案，顯見各銀</t>
  </si>
  <si>
    <t>北市松山區一間加強版防疫專責旅館，27日中午驚傳一名確診者猝死在房間內，經警方調查無外力介入後，將由衛生局通知醫生開立死亡證明書，以行政相驗結案，至於是否因新冠肺炎病逝，仍待相關單位確認釐清。據了解，死</t>
  </si>
  <si>
    <t>彰化縣一名女保險業務員為了衝業績推防疫保單，與水果盤商妻子去吃完喜酒後染疫，被彰化縣衛生局通知遭匡列隔離當天下午，竟還到客戶家拜訪簽保單，不僅害公司遭罰60萬元，彰化縣衛生局也證實，將會依違反《傳染病防</t>
  </si>
  <si>
    <t>針對磐石艦爆發疫情，蔡英文總統今天表示，國防部嚴德發部長已向她自請處分。「我告訴他，目前最重要是確保整體國軍防疫與疫調工作，用最高標準盡速進行」，她要求嚴德發應持續調查，釐清問題癥結，並將調查的階段結</t>
  </si>
  <si>
    <t>衛福部立桃園醫院爆群聚感染至今，不少民眾擔憂疫情恐要大爆發。台大醫院婦產科名醫施景中在臉書分析，跟國外相比，台灣跟疫情失控的距離，「其實還差得非常遠」，但他並非要大家盲目的樂觀，而是希望大家能與再一起</t>
  </si>
  <si>
    <t>新冠肺炎疫情持續延燒，近日有人在通訊軟體上流傳說基隆廟口有攤販中鏢新冠肺炎，基隆廟口主委謝文賢於12日跳出來痛批「這個謠言傷害非常的大，廟口整個生意掉了5成以上」，並提出懸賞10萬元來追捕在網路上造謠的人</t>
  </si>
  <si>
    <t>中央流行疫情指揮中心今(7)日公布國內新增12例確診，分別為8例本土及4例境外移入；另確診個案中無新增死亡。指揮官陳時中補充，幼兒園新增5例，3名家長，1名幼兒園學童，另一名則為幼兒園染疫學童的一歲妹妹，整起群</t>
  </si>
  <si>
    <t>越南新冠肺炎疫情升溫，雖然去年曾一度成功遏阻病毒擴散，但今年4月因Delta變種株肆虐全境，導致病例急遽增加，其中越南的商業樞紐胡志明市平均每天就有241人染疫死亡，當地一名網友更在臉書上傳一段醫護人員從民宅</t>
  </si>
  <si>
    <t>大陸國家衛健委17日公布前一日新增42例新冠肺炎確診病例，本土疫情終趨緩，病例降至個位數6例，江蘇和湖北各新增3例。近日疫情嚴峻的江蘇省揚州市疫情也逐漸緩和，但為徹底阻斷病毒傳播鏈，揚州17日展開第11次大規模</t>
  </si>
  <si>
    <t>台北市長柯文哲日前宣布打疫苗免費，引發中央、地方搶功爭論，據中央預算編列預算內容，追加預算中並非接種服務，卻聲稱全部免費。對此，柯文哲怒嗆，對付新冠肺炎，沒有像對付柯文哲這麼用心。提高民眾接種疫苗意願</t>
  </si>
  <si>
    <t>北京日報用戶端30日報導，大陸國家傳染病醫學中心主任、復旦大學附屬華山醫院感染科主任張文宏30日出席第三屆中國醫師公益大會時表示，未來大陸和全世界都接種疫苗後，人們還是應該盡量減少聚集，在室內擁擠的地方盡</t>
  </si>
  <si>
    <t>校園接種BNT疫苗規劃，新北市於7日發送接種意願書給17萬名高、國中學生家長，新北市教育局表示，目前正調查彙整中，15日將完成回收家長意願書及疫苗造冊，預計自22日起開始接種。新北市教育局指出，市府已媒合23間醫</t>
  </si>
  <si>
    <t>以大陸、香港為主要銷售市場的石斑魚產業，在新冠肺炎後嚴重衝擊石斑魚市場。民進黨立委邱志偉18日邀請農委會漁業署副署長林國平南下永安區與漁會及漁民座談表示，儘管漁業署將提供半年免息的貸款紓困，但邱志偉認為</t>
  </si>
  <si>
    <t>宜蘭縣今天（30日）新增1例，累積縣內已有67人確診，新增的案7854是參加金樽餐廳喜宴後確診者的同住者，喜宴群聚確診已達15人（其中有3人為外縣市），但宜蘭縣確診型態仍是與雙北有關者22例最多，南澳鄉碧候村的擴大</t>
  </si>
  <si>
    <t>心血管疾病位居國人十大死因第2位，且台灣進入高齡化社會，年紀越大、共病越多，常見的共病因子如糖尿病、高血壓性疾病、腎臟相關疾病，皆位居十大死因之列。萬一國內新冠肺炎疫情再起，心血管疾病患者更亟需接種疫</t>
  </si>
  <si>
    <t>長期居住在香港的潘迎紫分享在香港防疫近況，過年前爆出新冠肺炎，因香港和大陸相通，所以香港很快便開始有確診病例，政府機構關門，大家也都在家辦公，她則是在家忙股市操盤。香港官方呼籲民眾盡量待在家，她形容自</t>
  </si>
  <si>
    <t>有無良人力仲介公司因宿舍有移工確診，在6月4日、5日私自將同處宿舍32位移工送往竹市一般旅館，旅館業者察覺不對勁後通報，新竹市政府調查發現，32名移工竟已有6人PCR陽性確診，市長林智堅震怒，批仲介公司可惡至極</t>
  </si>
  <si>
    <t>湖口鄉一處移工宿舍9日下午驚傳有移工快篩陽性，該宿舍為大智國際人力仲介有限公司，為了隔離曾與確診者有接觸的移工，上月底自苗栗將39人遷往位於湖口鄉的居家檢疫宿舍，新竹縣政府勞工處前往了解，確認該宿舍為合</t>
  </si>
  <si>
    <t>近日網路流傳「日本捐贈給台灣的124萬劑AZ疫苗已過期」、「日本要給台灣更多、但台灣不要」，綠委劉世芳、羅致政、黃世杰今日召開記者會表示，這是經過變造的錯誤訊息，沒想到藍營的新竹縣副縣長陳見賢竟惡意傳遞，</t>
  </si>
  <si>
    <t>新冠肺炎來勢洶洶！美國確診數全球最高，達37萬，死亡數破1.1萬人！美國總統川普7日推文表示，世衛組織（WHO）防範新冠肺炎疫情有欠失當，提供錯誤建議。川普斥責世衛「真的搞砸了」，他也提出，將會檢視WHO拿了大筆</t>
  </si>
  <si>
    <t>新北幼兒園群聚案延燒，指揮中心8日公布7例確診案，都是新北市，北市＋0，台北市長柯文哲表示，中央說新北幼兒園跟機師的基因定序不一樣，證明Delta已潛入社區，且不只一條線，是存在好幾條感染源，北市現在疫調小組</t>
  </si>
  <si>
    <t>TPK-KY宸鴻（3673）因為提列資產減損，2019年第四季意外轉虧，自結稅後虧損為9,800萬元，每股虧損為0.24元。總經理謝立群表示，目前返工人數滿足訂單需求，估計疫情對於2月產出有二～三成影響，3月降至二成以內，4月</t>
  </si>
  <si>
    <t>口罩實名制2.0第一波預購結束，指揮中心醫療應變組副組長羅一鈞19日表示，共有117.8萬人預購，呼籲預購民眾要在21日前完成繳費，第二波預購將接續於25、26日限時兩天上網登記，同樣有700萬片，未來更將一周一周執行</t>
  </si>
  <si>
    <t>《空軍雜誌》（Air Force Magazine）22日報導，美國空軍戰術戰機2021財年的任務執行率（mission capable rates）全面下滑，除A-10「疣豬」（Warthog）攻擊機外，F-22、F-35、F-16、F-15都無法倖免。《空軍雜誌》指出</t>
  </si>
  <si>
    <t>為了解睡眠習慣、疲勞與新冠肺炎罹患風險的關係；約翰霍普金斯大學彭博公共衛生學院研究團隊，針對來自6個國家的2,884名高風險醫護人員，進行為期2個月的網路調查。結果發現，夜間睡眠每增加1小時，罹患新冠肺炎的風</t>
  </si>
  <si>
    <t>新冠肺炎疫情擴散，彰化華新醫材配合政府口罩徵用，日夜趕工製作口罩來供應防疫需求，為增加產能，擴廠新設3條生產線，未來1天約可生產60萬片口罩，為填補新設產線的人力缺口，18日華新在彰化縣勞工處的協助下舉辦徵</t>
  </si>
  <si>
    <t>中央流行疫情指揮中心今公布國內新增7例新冠肺炎確診案例，分別為6例境外移入及1例本土個案，本土個案感染源待釐清。截至目前，國內共累計355名確診案例。本土個案為40多歲男性(案352)，近期無出國史，3月30日出現發</t>
  </si>
  <si>
    <t>中央流行疫情指揮中心今(25)日表示，日本政府提供第五批50萬劑AstraZeneca(AZ)疫苗於今日下午運抵桃園國際機場，並在完成通關程序後，直接運送至指定冷儲物流中心進行後續檢驗封緘作業。本批疫苗效期至110年11月26日</t>
  </si>
  <si>
    <t>中央流行疫情指揮中心14日公布新冠肺炎第53例確診病例在新竹縣後，網路開始出現患者目前在東元醫院隔離醫治的假訊息，新竹地檢署接獲疫情應變專組平台通報後偵辦，18日迅速偵結，經告訴人東元醫院同意，以緩起訴處分</t>
  </si>
  <si>
    <t>《完全娛樂》22日熱鬧舉辦《YouTube訂閱突破兩百萬》慶功記者會，節目主持人林思宇（宇宙）、夏和熙、林宥嘉、YouTuber這群人的茵聲、展瑞、董仔皆開心站台。夏和熙相信該節目很快就會超過三百萬訂閱，他也透露達三</t>
  </si>
  <si>
    <t>滯留湖北的彰化鄰長夫妻，10日搭乘第2批武漢包機，在林口檢疫所完成居家檢疫14天後，25日返回溪湖鎮，看到迎接他們的84歲老母親，眼淚流下來，想起歷經了大陸封城，瀰漫死亡恐懼，吃到了麻油麵線、雞蛋，就是這個台</t>
  </si>
  <si>
    <t>新冠肺炎疫情延燒，各種假訊息充斥，造成民眾恐慌，政府修法嚴懲提高罰責外，各警察機關更全力查察，幾乎天天有績效，藉以遏止假訊息擴散，阻礙防疫工作，警政署長陳家欽疾呼司法機關應盡速偵處審結，共同防堵假訊息</t>
  </si>
  <si>
    <t>半導體測試介面廠精測（6510）受惠5G商用化前的供應鏈備料需求顯現，2020年首季營收表現持穩高檔，表現符合預期，第二季營運續看升。今（6）日不畏大盤劇烈震盪，股價開高後走揚，最高上漲4.34％至746元，早盤維持逾</t>
  </si>
  <si>
    <t>據伊朗官方媒體周四報導，伊朗教士哈迪·霍斯羅沙希(Hadi Khosroshahi)在庫姆死於新冠肺炎。報導稱，在伊朗伊斯蘭革命后，霍斯羅沙希一直擔任伊朗駐梵蒂岡大使。</t>
  </si>
  <si>
    <t>據日本放送協會(NHK)報導，日本奧運大臣橋本聖子當地時間3日表示，根據東京與國際奧會之間的協議，東京奧運會可以在2020年內進行延期。《中新網》報導說，橋本聖子被問及東京奧運會是否會延期舉辦時，橋本表示，「主</t>
  </si>
  <si>
    <t>高雄21日無新增新冠肺炎本土確診個案，但有一名IKEA宜家家居高雄店的前員工，在16日返回馬來西亞出境時，被採檢為陽性，高市府獲報後，緊急匡列225位相關接觸者，並展開清消作業，目前接觸者快篩、PCR檢驗全數均為陰</t>
  </si>
  <si>
    <t>《中時新聞網》精選5件不可不知的國際大事，帶讀者掌握今（18）日的國際新聞重點。【1】	台防疫佳能否進WHA大會？WHO給答案了近期接連遭受美國總統川普砲轟的世界衛生組織（WHO）18日一改先前避談台灣防疫成績，首次</t>
  </si>
  <si>
    <t>新冠肺炎疫情延燒，新北市瑞芳區的蝙蝠洞公園也大受影響，因傳新冠肺炎疫情與蝙蝠有關，不少遊客走訪東北角旅遊的時候，特別迴避蝙蝠洞一帶。台灣蝙蝠學會指出，新冠病毒是否從蝙蝠感染到人體，還需研討，但蝙蝠學會</t>
  </si>
  <si>
    <t>新冠肺炎造成口罩荒，台灣實施的口罩實名制讓藥局外總是大排長龍，但近日人潮已逐漸緩和。全國公務人員協會榮譽理事長李來希卻直指，排隊領口罩的多半是老年人，「年輕人在家等口罩，真是太殘忍了」。此話意外引來網</t>
  </si>
  <si>
    <t>中央流行疫情指揮中心公布，昨（2日）新增13起疫苗接種後死亡事件，其中8例為接種AZ後死亡，另5例為接種莫德納後死亡。指揮中心發言人莊人祥表示，8例接種AZ後死亡事件，年齡介於40至92歲之間，於接種後6至34天發生</t>
  </si>
  <si>
    <t>三重客運藍38公車的6名公車駕駛曾搭載新冠肺炎第32例外籍女看護，經公司給予14天有薪防疫假後，6人健康狀況良好，本月初順利復工，直呼「幸好工作時都有戴口罩！」新北市交通局長鍾鳴時大讚，感謝這6名防疫英雄的努</t>
  </si>
  <si>
    <t>精選《中時新聞網》5件不可不知的國際大事，帶讀者掌握今天(2月14日)的國際新聞重點。【1】疫情忽然飆升 全因武漢改變檢測方法當市場樂觀認為新冠肺炎的疫情逐漸和緩之際，新增感染病例和死亡人數忽然間又再度飆高。</t>
  </si>
  <si>
    <t>隨著數位化時代來臨，人們的生活型態也在改變，再加上近期新冠肺炎（COVID-19）疫情衝擊，餐點外送的市場蓬勃發展。也因為工作時間彈性、進入門檻低等特性，只要有手機與機車就可以外送，故吸引越來越多年輕族群投入</t>
  </si>
  <si>
    <t>美國運動用品公司Under Armour（UA）第一季虧損超出預期，且受新冠肺炎全球大流行影響，旗下門市幾乎全部關閉，看衰本季營收將銳減50%～60%。周一UA收盤重挫9.72%，報9.01美元，盤中一度跌11%。Under Armour公布，第</t>
  </si>
  <si>
    <t>苗栗縣電子廠感染風暴擴大，全台各科技園區加強防疫警戒，中科篩檢站7日完成演練，開始接受園區企業預約，中科管理局表示，園區內企業先評估，如具有相對高風險的員工或同住家屬可由各廠線上預約進行篩檢，以服務園</t>
  </si>
  <si>
    <t>枋山鄉楓港、善餘2村30日解封，縣府允許店家、市集營業讓居民恢復正常生活，但多數店家仍維持停業狀態，菜巿場沒有一攤有開，居民說，村內最大的魚販、肉販、菜販都被匡列隔離中，沒人賣菜生活還是很不便，除了2家傳</t>
  </si>
  <si>
    <t>台北地院繼3名法官助理確診新冠肺炎後，又有1名在民事庭服務的女職員，疑被家人感染也確診。據悉，院內有接觸的10多名同仁已被衛生單位匡列、通知居家隔離，北院並通知第二層接觸者居家辦公，自主健康管理，以防感染</t>
  </si>
  <si>
    <t>台中市4日新增7例本土確診個案，3例為梧棲區家庭感染，該家族父女都在同一藥局工作，另2例為清水區家庭感染，其餘2例為零星個案，此外，市府並已掌握1例尚未編號案例，均已匡列相關接觸者，相關足跡史也已加強清消。</t>
  </si>
  <si>
    <t>民進黨今舉行線上中常會，蔡英文總統在會中表示，他們也注意到，近期的疫苗施打，有些對特權以及施打效率的質疑。她要強調，中央明定的接種順序，是經過專家討論，考量公共衛生和維持社會穩定需求的結果。她表示，也</t>
  </si>
  <si>
    <t>中央流行疫情指揮中心今(27)日召開記者會，一媒體提問有確診者因飲食問題大鬧隔離病房。對此，指揮官陳時中表示，沒收到此訊息，但住醫院不是住旅館，病患要分清楚。據傳有財經界大老的外籍媳婦，在隔離期間因不習慣</t>
  </si>
  <si>
    <t>花蓮縣國、高中生今起陸續開打BNT疫苗，41所學校、1萬5683名學生同意在校接種，四維高中打頭陣，1003位學生造冊，959位願意接種，接種意願高達9成6，學生一早在醫療團隊引領下，依班級前往體育館接種，所幸目前尚未</t>
  </si>
  <si>
    <t>新冠肺炎疫情在東南亞發酵，全球最大橡膠至成品生產國馬來西亞受到重創，相關產品如橡膠手套、保險套等都受到影響，其中，全球最大的保險套製造商商康樂公司（Karex Bhd）被迫停產一個月，全球保險套供應進入告急狀</t>
  </si>
  <si>
    <t>新加坡跨部門抗疫工作小組負責人黃循財今天（15日）下午在新聞發布會上宣布，將進一步擴大入境管制措施。根據中國大陸《央視》報導，新加坡宣布從16日23時59分起，近期有包括文萊、柬埔寨、印度尼西亞、老撾、馬來西</t>
  </si>
  <si>
    <t>新冠肺炎在全球肆虐的當下，非洲日前爆發70年來可怕的蝗災，可怕的是第二波的蝗災又再度侵襲，數量約是前一波的20倍。美聯社報導，非洲受到第二波蝗災的侵襲，高達數十億隻的沙漠蝗蟲入侵，比起對抗新冠病毒，對抗蝗</t>
  </si>
  <si>
    <t>供應北京80%農產 新發地爆疫情6月11日以來，北京發現的新增新冠肺炎確診病例，活動軌跡均指向新發地農產品批發市場。新發地市場是北京最大、世界交易規模居前的專業農產品交易市場。根據其官網2019年數據，新發地市</t>
  </si>
  <si>
    <t>大陸遼寧省5月中出現本土病例，經過半個月的努力，31日11時起，遼寧省內全域均已恢復為低風險地區。據瀋陽市統籌推進新冠肺炎疫情防控和經濟社會發展工作指揮部疫情防控綜合組消息，從5月31日11時起，瀋陽市和平區順</t>
  </si>
  <si>
    <t>中央流行疫情指揮中心以家長陳情小男孩不敢戴粉紅色口罩去學校，指揮官陳時中五人全部戴起粉紅色口罩示範。國民黨今天也「順時中」，把臉書粉絲專頁的黨徽大頭貼戴上粉紅色口罩，表示「顏色不重要防疫才重要」，結果</t>
  </si>
  <si>
    <t>新冠肺炎疫情肆虐全球，日本國內確診人數大幅攀升，日本同志網紅「拓也哥」也被爆疑似感染，不僅連續4天發燒，還一度燒到40度，目前則在加護病房治療中。拓也哥本月初在社群分享一張體溫計的照片，只見上面標示高燒3</t>
  </si>
  <si>
    <t>美國總統川普6日戴著「讓美國持續偉大」的競選帽，到亞特蘭大視察疾病管制暨預防中心（CDC），但川普此行名為提振當局對治新冠肺炎疫情的士氣與信心，卻管不住自己的大砲嘴，左批死對頭「美國有線電視新聞網」（CNN</t>
  </si>
  <si>
    <t>屏東東港安泰醫院3日施打疫苗大出包，錯把88名要打莫德納第2劑的長輩打成AZ，至今有8人因發燒、肌肉痠痛掛急診，當中4人返家、4人留觀；對此，該院榮譽院長蘇清泉4日中午出面致歉，將針對與該88人同一批施打疫苗的共</t>
  </si>
  <si>
    <t>英國首相強森，將在當地時間今天下午5點（台北時間5月1日凌晨零點）起，出席政府的新冠肺炎疫情簡報會。這是強森重返工作崗位後，第一次帶領官員參加簡報。他開場便表示，英國已經「過了疫情的頂峰，」他並提到，英</t>
  </si>
  <si>
    <t>新北幼兒園群聚感染持續擴大，昨晚北市教育局緊急通知，南港某國小和幼兒園也要預防性停課，據了解，是2名學生曾在8月和案16142出遊，自行向校方、教育局通知與確診者有接觸；校方回應指出，立即調查該名學生7日請假</t>
  </si>
  <si>
    <t>新冠肺炎疫情重創美國經濟，未來失業率恐直逼大蕭條水準，讓各界擔憂美國經濟是否走入大蕭條，不過白宮貿易顧問納瓦洛（Peter Navarro）昨（11）日澄清，美國現階段狀況根本不是大蕭條，當時大蕭條歷時約10年，現在</t>
  </si>
  <si>
    <t>第10輪BNT昨緊急加開對象，開放在9月29日前登記意願的61至63歲民眾打第一劑，於今日限時8小時預約打疫苗，符合資格者可以在今天上午10點起至下午6點登入疫苗平台預約打疫苗，這批民眾預計可在10月10日至10月14日接種</t>
  </si>
  <si>
    <t>澎湃新聞28日報導，中國科學院微生物研究所官方微信27日發布消息稱，由中國科學院微生物研究所和智飛龍科馬聯合研發的新冠重組蛋白疫苗在北京落地開打。來自該疫苗研發基地中科院微生物所的部分科研工作者在海澱區的</t>
  </si>
  <si>
    <t>台大公衛學院教授林先和，分析台灣1、2月1043個確診病例接觸者，發現新冠肺炎本土病例，在出現症狀早期、甚至症狀出現前就有高傳播力，因此純靠症狀篩檢不夠，需更廣泛防治手段。他建議可能要從確診者症狀出現前2天</t>
  </si>
  <si>
    <t>新冠肺炎持續延燒，有醫界認為，到了夏天疫情就會趨緩，但馬偕小兒科人氣醫師黃瑽寧指出，新冠肺炎和流感較相似，在亞熱帶地區一年四季都會有案例，除非高緯度國家才有差異，加上又有無症狀感染者，他悲觀表示，恐怕</t>
  </si>
  <si>
    <t>台中市第12期疫苗，包括BNT、AZ與莫德納3種疫苗將開打，市長盧秀燕19日在市政會議表示，這是場艱困而挑戰的接種階段，高達50萬劑前所未見，AZ、BNT與莫德納同時開打，要特別謹慎不能出錯，注意錯開施打的地點和疫苗</t>
  </si>
  <si>
    <t>上周行政院正式授權台積電洽購500萬劑原廠BNT疫苗，對此，分析師陸行之在個人臉書上條列4點分析指出，台積電不出手這個死結打得開嗎？郭董事長會不知道台積電能推一把嗎？並認為，原來台積電不是不出聲，而是低調、</t>
  </si>
  <si>
    <t>美國總統川普周三宣布，數據顯示美國已經度過新冠肺炎疫情的高峰期，他將在周四的新聞發布會上宣布重啟經濟的新準則。川普表示：「我們已經度過新增病例的高峰期，這非常令人振奮」。美國疾病管制與預防中心（CDC）</t>
  </si>
  <si>
    <t>受新冠肺炎疫情影響，富士康自農曆年結束後仍未完全復工，不過路透社今（12）日引述消息人士指出，富士康目標大陸工廠在2月底以前復工50%，3月復工率升至80%。路透社報導，一名消息人士引述富士康董事長劉揚偉訂下的</t>
  </si>
  <si>
    <t>台灣今天新增26例死亡個案，其中有一例為100多歲女性，6/6出現咳嗽症狀、6/7入院篩檢，3天後就不幸死亡。中央流行疫情指揮中心發言人莊人祥也證實，102歲是目前年紀最大的確診患者。中央流行疫情指揮中心今公布，新</t>
  </si>
  <si>
    <t>行政院千億挺就業的防疫紓困方案沒有打動在野黨，反而要求發現金的呼聲四起。政務委員龔明鑫今天引用美國前聯邦準備理事會主席柏南奇談話，佐證現行紓困方向正確，龔明鑫說，發現金不合情也不合理，比發消費券還糟。</t>
  </si>
  <si>
    <t>新冠肺炎疫情趨緩，桃竹苗校園戶外空間與場地，都將重新開放，桃園和竹縣6月1日起開放，最晚宣布的苗栗提早至本周末開放，讓社區民眾可以散步、運動。新冠肺炎疫情爆發以來，各縣市政府為維護學童健康安全，全面暫停</t>
  </si>
  <si>
    <t>受新冠肺炎疫情波及，嘉義縣至今已有5家業者申請無薪假，人數達246人，行業別包括機械廠、飯店、餐廳等，由於近日社會局頻頻接到業者詢問電話，加上工業區早傳出不少外籍移工被要求調整工時或減班休息，實際休無薪假</t>
  </si>
  <si>
    <t>「一片雲有多重？泡麵為什麼是捲的？」這些科技冷知識的答案，都在今夏最夯的「解密科技寶藏－未來考古」互動科技展！「解密科技寶藏」在臺北花博園區流行館開幕以來，已吸引超過近萬人次參觀，親身體驗疫情過後最熱</t>
  </si>
  <si>
    <t>從舊曆年開始，新冠肺炎NCP逐漸蔓延全球，台灣地區目前疫情雖控制不錯，但仍須料敵從嚴，國中小停課至2月25日開學，台中市南屯區各里不少里長也自主比照辦理，原社區課程也都延後，看疫情情況再復課，以防堵疫情擴散</t>
  </si>
  <si>
    <t>本土新冠肺炎疫情趨緩，送件申請上櫃家數明顯增加，櫃檯買賣中心亦積極推展戰略新板，櫃買中心董事長陳永誠表示，今年戰略新板有機會達到5家以上，申請上櫃家數目標22家，審慎樂觀朝目標前進，全年有機會達標。今年5</t>
  </si>
  <si>
    <t>台灣新冠肺炎疫情控制得當，衛生福利部部長陳時中因此躍升「防疫男神」，人氣水漲船高、各界邀約不斷，甚至登上知名男性時尚雜誌。陳戴起時下最流行的黑色粗框眼鏡搭配合身黑色針織衫與風衣，展現有別以往的時尚風格</t>
  </si>
  <si>
    <t>美國抵押貸款銀行協會（Mortgage Bankers Association，MBA）發布調查顯示，新冠肺炎爆發使得失業人口激增，美國家庭財務大受打擊，使得愈來愈多人依據紓困法案提出緩繳房貸或減少繳款的申請，目前已有超過200萬屋主</t>
  </si>
  <si>
    <t>國內疫情趨緩，中央流行疫情指揮中心指揮官陳時中今天表示，有關餐飲、夜市平時管理和戰備的指引，都會一波一波推出來，也會督導各單位，若能確實做到，就會在7月12日疫情持續往下時先開放。7月12日後會不會開放內用</t>
  </si>
  <si>
    <t>紐西蘭持續102天的零確診在11日破功，日前新增4例社區感染病例，4名病例都來自奧克蘭社區的同一家庭內，令人感到恐慌的是，該家庭近期並沒有海外旅遊史，也不清楚他們的感染源頭。目前奧克蘭當地已經進入三級警戒狀</t>
  </si>
  <si>
    <t>首批93萬劑BNT疫苗，今天清晨7時許，順利運抵桃園國際機場；立法院副院長蔡其昌上午到台積電參訪接受媒體訪問表示，感謝台積電對國家所作的貢獻，自購的疫苗將陸續到貨，對於防疫有很大的貢獻，他要求政院9月底前只</t>
  </si>
  <si>
    <t>新冠肺炎疫情升溫，台北市長柯文哲30日抱怨，中央這段時間讓太多在國外的台人回來，北市目前居家檢疫民眾多達1萬900多人，已接近檢查能量範圍，他呼籲中央要與地方協調，若超過可容受量，恐怕要崩盤了，此外，柯強調</t>
  </si>
  <si>
    <t>據大陸國家衛健委網站今天消息，31個省(自治區、直轄市)和新疆生產建設兵團（8月1日0—24時）報告新增確診病例98例，其中境外輸入病例43例(雲南16例，北京4例，福建4例，內蒙古3例，江蘇3例，陝西3例，上海2例，山東2</t>
  </si>
  <si>
    <t>全球新冠疫情持續延燒，據Worldmeter網站統計，截至昨晚，全球確診人數已突破2700萬，其中逾88萬人死亡。美國海軍「雷根號」航空母艦二度傳出有官兵「中鏢」；印度則再次打破紀錄，1天內新增9萬人確診，最快今天就會</t>
  </si>
  <si>
    <t>公費疫苗預約平臺第12期第一階段預約於昨（20日)截止，第12輪第1階段莫德納第2劑符合預約資格為62萬6911人，但僅約18萬人完成預約，不過施打過首劑的資深女星譚艾珍，登記時發現不符合預約資格，讓女兒歐陽靖急得在</t>
  </si>
  <si>
    <t>台中市12歲以上尚未施打疫苗者大概有25萬人，近期出現變種病毒Omicron，引起全民恐慌，為鼓勵台中市民施打第1劑疫苗，市長盧秀燕今天在市議會宣布，從下週一（13日）起，台中市施打第1劑疫苗的民眾，可獲得200元禮券</t>
  </si>
  <si>
    <t>對於萬華兩處新冠肺炎快篩站的陽性率高竟高達10%一事，國民黨立委賴士葆表示，這樣的結果很嚇人，而談到疫苗採購，他感嘆，不免讓人痛心疾首；他也表示，蘇貞昌不久之前才說台灣沒有施打疫苗的急迫性，相較於如今的</t>
  </si>
  <si>
    <t>新冠變異株Omicron入侵多國，莫德納執行長昨（30）日預期疫苗效力下降、而且「不會好到哪裡」引發市場恐慌，不過同一時間，以色列衛生部長卻表示現有疫苗對Omicron有效，以色列媒體公開的初步數據也顯示，輝瑞/BNT疫</t>
  </si>
  <si>
    <t>國內出現首宗安養機構的護理人員確診事件，該護理人員第一次就醫時，並沒有採檢，直到十天後，才採檢確診。國內有專家建議，應對長照機構工作者全面採檢，指揮中心指揮官陳時中今天回應表示，已著手研擬，將針對醫護</t>
  </si>
  <si>
    <t>新冠肺炎自五月份擴大以來，已經造成一萬多人確診，五百多人死亡的案例，醫療量能一度緊繃，全國中醫師聯合會副秘書長陳博淵認為，在等待疫苗的同時，中西醫合力治療，有機會緩解症狀，縮短陽性轉陰性的時間，改變目</t>
  </si>
  <si>
    <t>滙豐13日表示，該行將大陸今年首季GDP增長預估從5.8％下調至4.1％，而全年GDP增長預估從5.8％下調至5.3％，原因在於新冠肺炎疫情造成的影響，據路透報導，滙豐表示，大陸旅遊、貿易、供應鏈和其他行業已經開始感受到</t>
  </si>
  <si>
    <t>新冠肺炎疫情蔓延全球，日前蔡依林（Jolin）攜手陳奕迅（Eason）合唱英文公益單曲《Fight as One》，用歌聲向全球醫護致敬，卻因MV畫面中有外國小孩舉著「感謝China」標語片段，引發爭議。「館長」陳之漢也發文狂酸</t>
  </si>
  <si>
    <t>行政院長蘇貞昌今（22）日表示，針對受新冠肺炎疫情衝擊的企業及個人紓困已超前布署，包括中低收入戶與弱勢、計程車與遊覽車司機、自營業者及受創業者員工等對象，本周將有90萬人領到紓困現金，強調是發給有需要的人</t>
  </si>
  <si>
    <t>大陸國家衛健委宣布，截至7日，大陸全國高風險地區清零，中風險地區下降到3個。同時，對中秋國慶假期是否可以外出旅行、疫苗接種情況如何等問題，大陸國務院聯防聯控單位指出，在假期期間，不提倡聚集和聚會，尤其是</t>
  </si>
  <si>
    <t>國內疫情嚴峻，但仍有民眾學不乖，持續進行群聚活動。今（8日）晨，高雄市一棟大樓就傳出麻將聲，新興警方獲報後，隨即前往臨檢，發現6人群聚中有5人未戴口罩，於是趕緊蒐證，查扣現場麻將、塑膠籌碼，向衛生局舉報</t>
  </si>
  <si>
    <t>北京市衛生健康委員會周日（14日）公布，市內上周六（13日）再新增36宗本地新冠肺炎病例、無症狀感染者1例。連續56天沒有出現本土新冠肺炎病例後，大陸首都北京市2天內新增7宗本土病例，光12日就確診6例，另有46人為</t>
  </si>
  <si>
    <t>假如這個爆料屬實，只能說籃網球星杜蘭特的恢復能力太驚人了！先前公開坦承自己確診新冠肺炎的杜蘭特，27日被《TNT》資深記者伊格爆料，杜蘭特不僅已經恢復健康，甚至狀態回到昔日巔峰時刻，假如NBA今天復賽，他可以</t>
  </si>
  <si>
    <t>新冠肺炎疫情肆虐全球，擔任防疫指揮官的衛福部長陳時中，為了防疫每天行程滿檔，也讓知名主播張雅琴呼籲立委放過陳時中，反遭名嘴羅友志痛批是「政大之恥」，對此張雅琴在昨天播報新聞時再度開嗆。張雅琴表示曾提及</t>
  </si>
  <si>
    <t>全台新冠肺炎疫情不斷擴大，包括台北、新北、宜蘭、基隆都有確診者，引爆全國恐慌。衛福部長陳時中12日在記者會上表示，「過去擔心疫苗打不完，但如今卻是擔心打不夠」，對此，國民黨立委賴士葆表示，自己服務處接到</t>
  </si>
  <si>
    <t>新冠肺炎疫情正在全球蔓延，嚴重衝擊全球經濟。香港中華廠商聯合會（廠商會）近日發表一份研究報告警告，疫情恐會連環衝擊有緊密合作關係的亞洲區經濟體，而香港為亞太區重要的貿易樞紐及供應鏈管理中心，貿易中轉業</t>
  </si>
  <si>
    <t>大甲媽9天8夜的遶境行程，決定延期了！大甲鎮瀾宮剛剛宣告，「全體董監事會昨晚召開會議，我們決議尊重專業，將今年的大甲媽遶境進香延期舉辦全力支持政府的防疫工作。」鎮瀾宮預定上午11時召開記者會說明。大甲鎮瀾</t>
  </si>
  <si>
    <t>國際股市恐慌賣壓未歇，拖累台股連五日回檔，波段下跌1,562點，法人指出，隨著疫情持續升溫，目前已有多國實施關閉實體店面，市場擔憂歐美感染人數爆發，對終端消費影響將逐步顯現，操作上建議聚焦有業績支撐，營運</t>
  </si>
  <si>
    <t>有糖尿病史者若染上新冠肺炎，死亡率極高，但現在想投保醫療險又恐怕來不及。南山人壽16日指出，其先前推出的外溢型糖尿病弱體保單，已取消30天的疾病等待期，且有一年六次門診保險金，讓保戶定期回診檢測血糖及生活</t>
  </si>
  <si>
    <t>新冠肺炎疫情延燒，花蓮縣議會今召開第19屆第7次臨時會，民進黨議員莊枝財提出緊急提案，主張疫情嚴峻，建議暫緩第7次、8次臨時會以及五月的定期會，獲得許多議員附議，議長張峻敲槌定案，創下全台首例暫緩定期會，</t>
  </si>
  <si>
    <t>我國接連幾天染疫確診人數破百，萬華區成為疫情熱點，甚至遭外界標籤化。世新大學社會心理系副教授詹昭能認為，國際間已將COVID-19稱為新冠病毒，我官方與部分媒體還是稱之為「武漢肺炎」，政府有意無意灌輸民眾採取</t>
  </si>
  <si>
    <t>新冠肺炎肆虐全球長達近2年，而台灣守了1年多的平靜生活，也在上個月被猛爆出的本土疫情打破，全台進入三級警戒已經超過3週，雖然確診數下降，但每天的死亡數字仍是讓人聽了心驚，而藝人賈永婕為此熱血跳出來，號召</t>
  </si>
  <si>
    <t>美國、新加坡、香港曾透過監測汙水系統追查社區感染來源，衛福部長陳時中證實國內汙水監測系統也偵測到新冠病毒。陳時中今天表示，目前發現兩處汙水檢測的Ct值為33~37，這些病毒不具有傳染性，但顯示出蒐集到汙水的</t>
  </si>
  <si>
    <t>中央流行疫情指揮中心宣布19日起限制所有非本國籍人士入境，事前申請核准者才予放行，並將印尼、越南、菲律賓及泰國等移工來源國列為旅遊疫情建議第三級警告，配合勞動部訂定「入境移工居家檢疫計畫書」；台中市政府</t>
  </si>
  <si>
    <t>食品藥物管理署昨日宣布，首批高端疫苗共26.5萬劑已完成審查檢驗，並核發封緘證明書，消息一出引發討論。一名網友發現，衛生福利部疾病管制署官網的疫苗簡介，高端也悄悄上線。原PO昨（2）日於PTT八卦板爆卦指出，進</t>
  </si>
  <si>
    <t>台北市22日起將入校替青少年施打BNT疫苗，北市原要校方將殘劑繳回醫院，但市議員王欣儀砲轟市府浪費，何不就地讓未接種AZ疫苗的教職員施打？北市副市長蔡炳坤表示，北市為避免浪費，只要不超過開瓶後6小時保存期限，</t>
  </si>
  <si>
    <t>宜蘭縣昨（26日）新增2個確診案例，其中一例是南澳鄉碧候村女子，父母在當地開雜貨店，女子返鄉後確診。由於該店是村民常聚的場所，宜蘭縣衛生局派員進駐，進行全村約6、700人普篩。晚間傳出有村民對雜貨店叫囂罵三</t>
  </si>
  <si>
    <t>台北市知名高級酒店的公關小姐「潔西」日前驚傳新冠肺炎確診，發病期間仍去上班，消息傳出引起台北酒店業恐慌，還讓全國酒店、舞廳一律停止營業，不止如此，政府為防疫出現破口，要求該名確診女公關上班的酒店，要提</t>
  </si>
  <si>
    <t>利率急速，國際板債券也爆贖回潮。金管會17日公布，今年到本月16日為止，已有40檔國際板債券提前贖回，金額共達160.44億美元（約合新台幣4,853億元），比去年同期的3檔債券贖回金額1.28億美元，金額爆增124倍以上。</t>
  </si>
  <si>
    <t>我國疫情持續嚴峻，原本5月中旬時，每日PCR檢驗量能僅有2萬7000餘件，中央流行疫情指揮中心指揮官陳時中表示，經過整備後，每日通報數從6534件提升至3萬228件、PCR檢驗量能從2萬7682件提升至8萬307件、社品篩檢站從3</t>
  </si>
  <si>
    <t>為關懷保戶，並協助民眾度過新冠肺炎疫情衝擊，中華郵政公司對壽險保戶與房貸客戶提供多項關懷服務措施。一、放寬理賠措施，中華郵政銷售之日額型住院醫療保險商品，對於被保險人因新冠肺炎住院所生之日額型住院醫療</t>
  </si>
  <si>
    <t>日本J1聯賽昨日拉開帷幕，揭幕戰湘南海洋主場2-3不敵浦和紅鑽。此役湘南BMW平塚競技場的球票幾乎被搶購一空，有15000名球迷到現場觀戰，並且絕大多數都佩戴口罩。大陸網民對此極表佩服：「日本人真不怕呀！」而且「</t>
  </si>
  <si>
    <t>為加強防堵新冠肺炎疫情，降低社區感染風險，台南市麻豆新樓醫院配合台南市政府規定，24日起除加護病房有特殊探視需求，一般病房全面禁止探病。麻豆新樓醫院表示，住院病人每日可有一人登記陪病，於院內活動須配戴「</t>
  </si>
  <si>
    <t>敦睦艦隊疫情再擴大？台南市長黃偉哲視察封館消毒後今天重新開業的新光三越新天地，暗示台南未來２周沒有鬆懈本錢，防疫專線昨天接獲400多通相關諮詢電話，顯見民眾恐慌心態，他也坦言，擔憂後續可能有相關個案發生</t>
  </si>
  <si>
    <t>連假後的疫情是否樂觀？據統計目前的採檢量每日近2000例，但個案數相對少，中央流行疫情指揮中心指揮官陳時中表示：「民眾確實不用太恐慌，但小心仍是好的」。現階段也正好可好好查一查過濾一下過去的案例，境外移入</t>
  </si>
  <si>
    <t>大專校院首例！中原大學16日緊急宣布，下周二（24日）起全校含研究所都採取「類非同步遠距教學」，且取消期中、期末考。台大也宣布4月6日起百人以上課程遠距教學。中原大學下周二起含研究所全部課程改採「類似非同步</t>
  </si>
  <si>
    <t>新冠疫情重創全球，各國經濟數據都大幅下挫，中國大陸4月份工業品出廠價格下降，降幅為4年來最大。大陸專家分析稱，新冠疫情導致國內外需求都受到壓抑，即便是疫情受到控制，經濟活動恢復後也不會出現V型反彈，國內</t>
  </si>
  <si>
    <t>衛福部桃園醫院爆發群聚感染，精神科醫師蘇偉碩先前就建議疫情指揮官陳時中，應考慮下令鎖國一週。如今影響持續擴大，昨（24）日更緊急下令5000人強制居家隔離，加上南非與美國又有境外移入病例。對此，蘇偉碩再次諫</t>
  </si>
  <si>
    <t>台灣在去年12月31日從社群網路得知武漢發生7例非典型肺炎案例並接受隔離治療，同日以電子郵件通報世界衛生組織(WHO)，由於通報信中未明說「人傳人」，然而有提及病患正在進行隔離治療，希望WHO提高警覺，要求其提供</t>
  </si>
  <si>
    <t>大陸新冠肺炎確診病例雖已出現下降的趨勢，但武漢當地似乎並未停止「人傳人」。大陸抗SARS專家鍾南山18日強調，武漢內外的危重病人情況其實差不多，武漢並非發生病毒變異，應是一下子病人太多，得不到很好的照顧；85</t>
  </si>
  <si>
    <t>日本各地仍閙口罩荒，網上卻仍有不少人高價轉賣。日本政府要求網購公司加以控管，禁止高價轉賣，但上有政策下有對策，無論網購公司如何控管，不肖業者仍有漏洞可鑽，繼續賺災難財。日本《週刊文春》電子報訪問到哄抬</t>
  </si>
  <si>
    <t>新冠肺炎社區感染爆發是決定地區是否大流行的關鍵，疫情才會達到頂點，頂點後才有下來的希望。台灣到底有沒有社區感染爆發？官方與醫界的看法是有分歧的，官方一向只承認有零星社區感染，醫界則強烈懷疑早已有社區感</t>
  </si>
  <si>
    <t>新冠肺炎疫情擴散全球，外界關注東京奧運能否於今年夏天如期舉行，相較於日本政府重申不會延期，路透社引述2名熟知內情的消息人士指出，東京奧運主辦方正在悄悄規劃奧運延期的可能方案。一名親近東奧組委會的匿名日</t>
  </si>
  <si>
    <t>(17:40更新，補入HTC回應)新冠肺炎(COVID-19)疫情升溫，台灣到底守不守得住這一波境外移入疫情？中央流行疫情指揮中心資訊組組長簡宏偉在今(18)日下午的疫情中心記者會中宣布，針對高科技數位防疫，讓檢疫追蹤能更精</t>
  </si>
  <si>
    <t>英國阿斯特捷利康公司（AstraZeneca）昨（29）日宣布，將在今年稍後向美國申請AZ疫苗的藥證，不過他們也不預期之後會在美國被大量施打，強調拿到藥證能夠提升AZ的重要性。綜合路透社、印度《商業標準日報》（Busines</t>
  </si>
  <si>
    <t>新冠肺炎疫情延燒，大台北地區僅基隆市仍維持「0確診」，市長林右昌25日在市政會議宣布取消今年基隆市中小學聯合運動會開、閉幕式活動，接下來如2020基隆童話藝術節、市府幹部策勵營等活動，都會延期辦理，等到疫情</t>
  </si>
  <si>
    <t>新冠肺炎的接觸傳染，加上政府宣導，多數國人為防止人傳人，減少外出及外食機率。由於疫情仍未看到終點，民眾對未來不確定的恐慌，有人是在家裡囤放物資。對此農委會農糧署表示，「無驚」。歡迎民眾多買，盡量買，存</t>
  </si>
  <si>
    <t>敦泰(3545)今(11)日法說會，因亞洲疫情趨緩，全球供應鏈逐步回穩，又受惠於智慧型手機傳統旺季，敦泰第3季IDC及各項手機及平板電腦相關產品出貨放量，市佔率快速提升，推升單季營收成長達38.16億元，季增37.9%，年增</t>
  </si>
  <si>
    <t>基隆市政府日前公布3間醫院設置快篩站，但昨天又說僅基隆市立醫院進行快篩，讓民眾霧煞煞，對此，衛生局長吳澤誠親自說明，基隆原有4個篩檢站，皆可進行PCR檢測和快篩，而市立基隆醫院新成立的篩檢站，是專責快篩，</t>
  </si>
  <si>
    <t>台灣防疫已進入積極備戰新冠病毒社區感染的新時期。目前新冠肺炎病人已可以在台灣本土生產，不再仰賴「進口」，因此失去了診斷病人的最好憑藉，無法再以旅遊史辨識病人，感染者會無聲無息地鑽到你身邊。此時的防疫政</t>
  </si>
  <si>
    <t>新冠病毒肺炎正在全球迅速擴散，世界各國正加速研製治療的特效藥與疫苗。據美國有線電視新聞網(CNN)報導，由 IBM 集團研發、配備AI人工智慧能力的超級電腦高峰(Summit)，已經分析了數千種藥品配方，並辨識出其中77種</t>
  </si>
  <si>
    <t>新冠肺炎疫情全球蔓延，許多國家出現口罩短缺的狀況，而日本財務大臣卻在近日的參院預算會議上說，就算出錢，也沒有口罩，台灣網友對此在PTT上貼文指出2關鍵，隨即引發網友熱議。根據日本《共同社》報導，新冠肺炎的</t>
  </si>
  <si>
    <t>新冠肺炎肆虐，防疫物資瘋搶，在眾人抵擋災禍之際，選秀節目《以團之名》出身的新星黃智博竟行「口罩詐騙」不法取財140萬，遭警方逮捕，事發後他身分被揭露，也遭公司解約，昨黃智博親姊在微博po文道歉並解釋前因後</t>
  </si>
  <si>
    <t>蝦毀，用振興3倍券就能創業做老闆？！位於台中市北區東光路近太原路口的大台中環保市集因應市地重劃、擴大營業，因應政府715發放振興券，祭出振興券專屬頭家專案，讓攤商可以用振興券抵攤租，此外場內所有攤商都收振</t>
  </si>
  <si>
    <t>新冠肺炎病毒肆虐，全球超過40億人口遭禁足。隔離或宅在家防疫的日子不好過，為了排解苦悶的生活，應該怎麼辦？可以透過app線上買花布置住家，室內設計app也大受歡迎。南韓《韓國先驅報》報導，春天到了，百花齊放，</t>
  </si>
  <si>
    <t>新冠肺炎疫情延燒，台灣確診病例連日暴增，昨(18日)更是一口氣新增23例，也引發民眾恐慌，晚間紛紛到各大賣場如好市多、全聯、家樂福等瘋搶民生物資。一名網友貼出自家LINE群組長輩所傳的訊息，不少人一看訊息傻眼，</t>
  </si>
  <si>
    <t>專業TPU機能布暨成品廠八貫(1342)1月營收雙增，八貫預計隨著醫療及戶外訂單需求持續暢旺，加上去年底因缺櫃的出貨遞延，預估首季營運將成長，第二季業也將持續向上。八貫1月合併營收1.57億元，較去年同期成長15.37%</t>
  </si>
  <si>
    <t>新冠病毒究竟何時進入美國？新證據會說話，加州檢測3具遺體發現，早在2月6日就有第1起死亡案例，比之前公布的日期整整早3周，不只病毒入境得比預期更早、感染人數更多，美國CDC也警告冬季還有一波疫情，對美國的防疫</t>
  </si>
  <si>
    <t>2020年美國重回零利率且推出無限QE，利差交易有利之後熱錢回流亞洲與大陸，加上分析師預估新興市場可望領先成熟市場復甦，投信法人預期皆有利新興短期高收益債漲升行情；就布局時點來看，由於新冠肺炎病毒的影響，新</t>
  </si>
  <si>
    <t>桃園市44歲溫姓男子上月23日接種高端疫苗，25日工作時卻送醫不治。溫男解剖時，詢問法醫「是否能加驗免疫螢光反應及血小板第4凝血抗體？」卻遭拒絕。桃園地檢署回應，已向法醫研究所轉達死者家屬希望，但此為法醫研</t>
  </si>
  <si>
    <t>行政院秘書長李孟諺今（7）日公布行政院長蘇貞昌的新年賀卡和福袋。李孟諺表示，今年以牛年的諧音，希望新的一年可以「牛」轉乾坤、牛來好運。卡片上還有一個轉輪，寫著政院過去一年六大施政成果。李孟諺指出，過去</t>
  </si>
  <si>
    <t>高市觀光局為振興國旅市場，6月主打「城市探險月」，推出野外祕境探險、自然生態探索、城市風格冒險3大主題，以及海上重帆體驗、斯巴達障礙賽等7項活動，多元遊程包山又包海，感受高雄不同風貌，鼓勵民眾走出戶外，</t>
  </si>
  <si>
    <t>海軍磐石艦是台灣目前疫情破口，是否會造成封城？前衛生署長楊志良直指，磐石艦事件再多來兩件，我們就被衝破了。楊志良在政論節目《少康戰情室》中表示，全球兩個最安全的地方，一個是大陸湖北武漢，另一個就是台灣</t>
  </si>
  <si>
    <t>等不及政府紓困方案，台中市一周爆三家大型飯店、餐廳結束營業，管仲管理顧問公司總經理胡智鈞指出，這波疫情衝擊下，大家都在苦撐，承租、租金高以及做宴會為主的這類餐旅業最危險，但他認為在這時退場，經營者面對</t>
  </si>
  <si>
    <t>新冠肺炎疫情持續，奇美醫療體系包括奇美醫學中心、柳營奇美醫院、佳里奇美醫院，統計5月15日至6月30日，執行新冠病毒核酸檢驗超過3萬1000件民眾接受新冠病毒核酸檢測PCR。奇美醫學中心依受檢者屬性分類，預約分流3</t>
  </si>
  <si>
    <t>新冠肺炎重創觀光產業，交通部提出44億元立即紓困方案、54.5億元投入復甦及振興，另配合前瞻計畫2.0投入300億元將觀光產業升級與轉型，行政院稍早已拍板。在觀光產業立即紓困方案，包含：陸客團提前離境，補助旅行社</t>
  </si>
  <si>
    <t>Delta病毒來勢洶洶，中央流行疫情指揮中心日前宣布6/27零時起，自任一國家入境，都要入住防疫旅館，若來自7個高風險國家則要住進集中檢疫所，有民眾陳情希望打過2劑量疫苗，可以開放返家居家檢疫，指揮官陳時中表示</t>
  </si>
  <si>
    <t>蔡英文總統今天宣布暫停520總統就職活動籌辦工作，只要疫情仍有疑慮，520就職將不會舉辦大型群眾活動。對此，總統府也召開記者會，表示為全力防控新冠肺炎，保留最大彈性，來因應疫情的變化。總統府發言人丁允恭表示</t>
  </si>
  <si>
    <t>美國年輕族群確診比例攀升，其原因指向印度變異株（Delta）傳染力增強、年輕族群施打比例較低等。台灣近期經歷以年輕族群為主的幼兒園群聚感染，學者提出美國研究指出，在無法落實NPI的族群身上，藉由篩檢仍能有效防</t>
  </si>
  <si>
    <t>為了防止失聯移工成為防疫破口，內政部長徐國勇上午在立法院提出研議「擴大自行到案專案」，徐國勇僅初步提出免收容，或者將罰款降到最低最低等誘因。不過，韓國政府卻更有魄力，迅速宣布給予外籍非法勞工自願免責離</t>
  </si>
  <si>
    <t>台灣維持了1年多的平靜日常生活，終究爆出了本土疫情，新冠肺炎感染情況一波接一波，不但雙北深受影響，原本勉強壓下確診數的中南部，如今又出現Delta病毒株進入南台灣，美女主播吳宇舒對於現況也不禁感嘆，真的是看</t>
  </si>
  <si>
    <t>近日本土疫情趨緩，中央流行疫情指揮中心宣布7月13日起各縣市微解封，全國三級警戒觀察至7月26日，不過毒理學權威招名威卻對三級解封表示不樂觀，坦言「要有心理準備」。招名威建議中央應先制訂「再警戒」的標準，解</t>
  </si>
  <si>
    <t>雲林縣部分長者因對AZ疫苗有疑慮，改打肺炎鏈球菌疫苗，導致肺炎鏈球菌疫苗大缺貨，雲林縣北港媽祖醫院表示，肺炎鏈球菌疫苗無法防治新冠肺炎，只能減低感染後的重症機率，建議長者還是以施打新冠疫苗為優先考量。雲</t>
  </si>
  <si>
    <t>行政院會上午通過勞動部提報新冠肺炎因應措施，無薪假勞工參與短、中、長期各項計畫分別最高可領到3萬4800元到4萬2760元不等補貼，最高不超過原投保薪資，也就是說，無薪假勞工有機會領回原投保薪資3個月。政院紓困6</t>
  </si>
  <si>
    <t>對美國務卿蓬佩奧指稱美國對世界衛生組織(WHO)抗疫捐助遠遠超過中國一事，大陸外交部發言人華春瑩回應稱，中國對此沒有任何攀比的想法，到目前美國承諾要向中國等一些國家提供的抗疫援助卻「一個子兒都沒見到」，這</t>
  </si>
  <si>
    <t>雙北防疫三級警戒，新北市環保局表示，14日全市24小時大清消後，環保局持續由各區清潔隊進行轄區每周一次全區清消，直到三級警戒解除；環保局提醒民眾，外出倒垃圾務必戴好口罩並保持安全距離，保護自已也保護清潔人</t>
  </si>
  <si>
    <t>精選《中時新聞網》5件不可不知的國際大事，帶讀者掌握今天(3月3日)的國際新聞重點。【1】世衛： 境外新增案例是大陸的9倍 集中在四大國WHO總幹事譚德塞對於韓國、義大利、伊朗、日本這四個國家最為憂心，說明今天在</t>
  </si>
  <si>
    <t>衛福部長陳時中昨天說明，中央與地方官員造冊約3萬人打疫苗，地方官員達93.6％。提報人數彰化縣8723人是第一名，彰化縣長王惠美今天在防疫說明會上，再次公開說明，並向7899位鄰長們直說拍謝，指出縣府依中央規定將</t>
  </si>
  <si>
    <t>製鞋大廠豐泰(9910)2019年稅後純益62.31億元，年增18.39%，每股純益為8.48元，董事會通過每股擬配息4元、配股2元。受新冠肺炎疫情影響，運動品牌產品銷售下滑難以避免，首季業績是否出現衝擊，值得留意。據目前的訂</t>
  </si>
  <si>
    <t>新北市板橋某幼兒園教保員確診，今日又新增8名幼兒與1名家長確診。新北衛生局今公布確診老師相關足跡，老師在上月底至本月初時，經常搭乘捷運板南線，往返頂埔站和新埔站，另外也曾經在上月29日抵達板橋環球購物中心</t>
  </si>
  <si>
    <t>擔心坐月子太貴？為使新產婦在防疫期間享受五星級月子中心服務，新寶產後護理之家督導長黃琦惠透露，6月30日前入駐，試營運期間，不限房型、入住天數，全面58折優惠。新寶產後護理之家可遠眺觀音山、淡水河景觀，採</t>
  </si>
  <si>
    <t>新冠肺炎疫情越演越烈，就算有維持好社交距離、戴上口罩，還是有可能會被感染，在美國明尼蘇達州的一場喪禮，共有50多人參加，全程都有配戴口罩且有維持社交距離，但其中仍有30人先後感染新冠肺炎。根據明尼蘇達州當</t>
  </si>
  <si>
    <t>疫情指揮中心昨日表示，第三劑最快於1月1日開打，對象以高危險和高接觸風險族群優先，一般民眾也可自行評估接種。對此台大家醫科醫師何忠祐表示，接種完整兩劑疫苗6個月後，保護力都會下降，若前兩劑皆是打AZ的族群</t>
  </si>
  <si>
    <t>基隆市七堵區一名年約70歲陳姓婦人7月初施打第一劑莫德納疫苗，約一周後出現急性腦栓塞不良反應，送醫後立即進行動脈取栓手術，一度失去意識送入加護病房，婦人目前雖已恢復意識，但左側肢體仍無力，持續在醫院復健</t>
  </si>
  <si>
    <t>新冠肺炎衝擊，中央提出600萬元紓困專案，民進黨彰化縣團17日指出，至今都沒有看到彰化縣政府的紓困計畫；彰縣府示則強調，防疫不分藍綠、紓困更需團結，將成立整合單一窗口，縣府並推出幸福圓夢貸款計畫，辦理農業</t>
  </si>
  <si>
    <t>資策會產業情報研究所（MIC）表示，由於新冠肺炎疫情帶動換機潮提前，預估今年全球筆電出貨將達1.7億台、成長達6％，其中台灣筆電出貨估成長達7.9％，雙創近5年新高。不過，由於換機潮提前，預估明年全球筆電出貨將</t>
  </si>
  <si>
    <t>美國疫情再陷惡化，特別以「陽光地帶」的南部州最為嚴峻，不僅佛羅里達州創下全美各州單日新增確診最多的15,299起紀錄後，加州13日也傳出單日新增8,358起確診、23死，讓加州州長紐森當日再次對該州祭出室內活動限制</t>
  </si>
  <si>
    <t>楊冪、趙又廷、迪麗熱巴主演的仙俠神劇《三生三世十里桃花》6日起將重回中天娛樂台，陪伴觀眾渡過防疫非常時期。該劇播出至今在網路平台創下近530億次的驚人點播數字，不但讓楊冪再添一部代表作品，更讓男主角趙又廷</t>
  </si>
  <si>
    <t>台灣本土新冠肺炎疫情嚴峻，在短短兩週內感染人數近7,000 人，不過中央流行疫情指揮中心今天表示預測病毒傳播力的Rt值下降，表示高峰已過，本土疫情即將趨緩，國民黨立委林思銘指出，台灣篩檢能量不足，社區無症狀感</t>
  </si>
  <si>
    <t>為有效防範新型冠狀病毒疫情蔓延，台東縣政府今日正式函文通知各鄉鎮市公所，建議轄內各原住民族部落今年度歲時祭儀停辦或延後辦理，視疫情規劃辦理情形，掌握部落自發性的祭儀及活動，並應訂定相關應變機制，以做好</t>
  </si>
  <si>
    <t>新冠肺炎疫情升溫，夜市是否營業受矚目；南投縣副縣長陳正昇表示，因在最新的疫情中，南投縣目前尚未有確診案例，且緊鄰的台中市，也尚未全面禁止夜市設攤，基於縣市聯防，因此南投縣暫不關閉夜市，後續將視疫情狀況</t>
  </si>
  <si>
    <t>案6348太平區58歲牧場男員工，5月15日曾至南投草屯東方紅時尚會館按摩，21日出現症狀、25日採檢確診。案6349太平區58歲工廠男員工，5月16日曾至桃園旅遊，22日出現症狀，25日就醫採檢，26日確診；案6350北區23歲日本</t>
  </si>
  <si>
    <t>新冠肺炎疫情激勵運動休閒商機，且中、美兩大市場同步進入第四季消費旺季，包括宏遠（1460）、喬山（1736）、岱宇（1598）等15檔運動休閒概念股股價響叮噹。15檔5日股價走揚的運動休閒概念股，包括宏遠、喬山、岱宇</t>
  </si>
  <si>
    <t>新冠肺炎疫情延燒，繼首列社區感染白牌車司機後，又新增確診北部一名60多歲婦女找不到感染源，這名婦女近2年未出國，卻在1月22日發病，當時台灣尚未對大陸採取任何入境限制，學者表示，顯示病毒可能早就進入台灣。根</t>
  </si>
  <si>
    <t>台股啟動大跌後反彈，儘管新冠肺炎本土疫情仍在延續中，研究機構仍專注在超跌電子股基本面上，看好元太（8069）擴產幅度再增加，受惠節能趨勢推升需求，以及全新（2455）身為網通趨勢與大陸去美化主要受惠者，分別給</t>
  </si>
  <si>
    <t>苗栗竹南電子廠爆發員工群聚感染，7日新增確診人數略有下降，共45例，包括外籍移工28例，本國17例，顯示受共同上班群聚影響，使得本國員工感染狀況增力。其中京元電共有44例確診，包括外籍移工27例，本國17例，京元</t>
  </si>
  <si>
    <t>屏東縣將於15日啟動大規模疫苗接種，縣府為首批接種的85歲以上長者推出貼心服務，凡符合接種資格的長照、獨居、輪椅身障、重大傷病等長輩，都能使用復康巴士、小黃公車及長照專車免費接送，有需要的民眾可事先打電話</t>
  </si>
  <si>
    <t>很難想像媽祖該不該照常遶境祈福能扯出這麼多口水，難道是繼還沒下戲的口罩之亂，接著上檔媽祖遶境戲碼？媽祖早已成仙，哪在乎是否遶境祈福，關心的應是人間不要因此而耽誤了防疫大事吧！新冠肺炎的應對其實並不複雜</t>
  </si>
  <si>
    <t>台中市65歲以上，第一劑接種AZ疫苗的長輩，15日起開始施打第二劑，市長盧秀燕14日在市政會議中表示，里鄰長分送疫苗注射通知單到家，長者依照指定時間、地點接種，學校已開學，這次快打站2.0，地點不在學校，提醒長</t>
  </si>
  <si>
    <t>台灣時隔253天後再度出現一例本土病例，外界也相當關心跨年等相關活動是否照常舉辦，而新北市觀光旅遊局今(22日)率先宣布，即日起，停止耶誕城內所有戶外集會型活動，並不再受理申請，避免疫情擴大。消息一出後，許</t>
  </si>
  <si>
    <t>新竹市政府14日宣布「施打莫德納就送200禮券」場次再加開2天，15日、16日上午8至11時、下午3時至晚間7時，包含第1、2、3劑都可施打、免預約，直接至中正市場疫苗施打站接種莫德納疫苗，打完現場就送200元全聯禮券。</t>
  </si>
  <si>
    <t>從大陸選秀節目《創造101》和《歌手2019》受關注的香港女歌手許靖韻，當年更以「容祖兒」師妹被看好，近日因工作前往大陸，得先住飯店自我隔離14天，沒想到卻遭其他房客投訴。許靖韻在各大音樂節目嶄露好歌喉之後，</t>
  </si>
  <si>
    <t>【1】美西南數州染疫飆升 前景堪憂隨著美國各州重啟經濟活動，新冠肺炎疫情在多達20個州有升溫跡象，其中亞歷桑納州、佛州、加州19日新增確診病例創單日新高。美國南部和西部幾個州感染率飆升令人擔憂，尤其川普總統</t>
  </si>
  <si>
    <t>最近大陸提供製氧機給印度遭到抱怨趁機漲價後，近年來從官方到民間持續大小衝突不斷的中印關係又有新話題。據媒體報導，印度一家媒體在推特上發文呼籲調查新冠病毒起源，搭配了一張大陸國旗圖片，但將其中的大五角星</t>
  </si>
  <si>
    <t>權威醫學期刊《刺胳針》（The Lancet）日前發布一項最新研究，新加坡專家發現，新冠病毒出現1個名為「Sars-CoV-2」的變種，最早出現在大陸武漢，再傳入新加坡及台灣，其感染症狀較典型的新冠肺炎輕微，研究變種病毒</t>
  </si>
  <si>
    <t>伊朗媒體援引國會副發言人米思理的聲明稱，目前有23名伊朗議員的新冠病毒檢測結果呈陽性，目前所有國會議員參與民間活動全部暫停。根據中新網引述美聯社報導，伊朗最高領袖柯梅尼3日下令軍隊協助政府衛生部門防控新</t>
  </si>
  <si>
    <t>鑽石公主號郵輪爆發聚感染，當時與遊客接觸的基隆54名計程車司機被居家隔離，另有5名登船4天查驗船上旅客身分的基隆港國境大隊移民官也終於平安解禁，何姓移民官受訪直呼，大家在疫情爆發前一天就下船，「真是太幸運</t>
  </si>
  <si>
    <t>新北市猴硐貓村是國際知名的賞貓景點，新北市動保處配合防疫，減少群聚染疫風險，猴硐貓公所籌備處至5月28日暫不對外開放，場館封閉期間，為讓愛貓民眾能遠距關心貓咪，動保處提供智能賞貓影像，定期於官方IG更新貓</t>
  </si>
  <si>
    <t>對台灣民眾來說，疫情爆發後，搭捷運和公車等大眾運輸工具戴口罩，早已成日常生活一部分，但在英國顯然不是。英國的英格蘭地區，直到今天才強制規定，搭乘地鐵，巴士，長途客運，火車，飛機，渡輪時，臉上都必須遮蔽</t>
  </si>
  <si>
    <t>新冠肺炎疫情延燒，使民眾瘋搶口罩，政府因此祭出口罩實名制，每人每7天可購買2片口罩。全國公務人員協會榮譽理事長李來希昨貼出排隊購買的口罩，直呼口罩顏色、品質不一，並質疑口罩分裝的衛生問題。李稍早再度貼文</t>
  </si>
  <si>
    <t>雲朗觀光與嘉義縣新港農會合作，自12月中起，雲朗旗下各飯店陸續在各館客房提供「黑娘媽」黑豆茶包，除了提振且推廣國產農產品，也讓房客免費體驗品嘗台灣黑豆茶的好味道。雲朗觀光集團旗下擁有：君品酒店、雲品溫泉</t>
  </si>
  <si>
    <t>大聯盟本周末宣布取消2020年全明星賽！總裁曼佛雷德(Robert Manfred)感謝地主洛杉磯道奇的配合與理解。同時聯盟公布第一波新冠肺炎檢驗結果，3185位受測者有38人染病，其中31人為球員，擴及19支球隊。首屆明星賽在19</t>
  </si>
  <si>
    <t>NBA名人堂球星魔術強生(Magic Johnson)本周重回CNN談論他29年前(1991年11月)震驚籃壇的感染HIV(愛滋病毒)新聞，「這跟新冠病毒不同，但是非裔美國人同樣都成為主要受害者。」魔術強生說：「當我宣布感染HIV時，大家</t>
  </si>
  <si>
    <t>行政院今（2）日舉行臨時院會，院長蘇貞昌親率14名相關部會閣員出席記者會，說明整體1兆500億紓困方案。不少民眾相當關心振興折扣券，經濟部長沈榮津表示，酷碰券（coupon）主要是希望能刺激消費，每人每月上限1000</t>
  </si>
  <si>
    <t>全台今日開始實施第12期疫苗施打，不過指揮中心擬定AZ混打BNT疫苗的消息傳出後，開始有民眾詢問醫院取消施打疫苗。對此，新北市衛生局長陳潤秋表示，新北第12期第一階段有48.3萬開出，今早每個地方施打率都很高，像</t>
  </si>
  <si>
    <t>「寶瓶星號的朋友們大家好，我是衛生福利部部長，我們可以回家了。」2月8日，衛生福利部長陳時中親自率領檢疫人員登上「寶瓶星號」郵輪，針對船上較高風險、可能感染2019年新型冠狀病毒（又稱武漢肺炎）的128名旅客</t>
  </si>
  <si>
    <t>世界衛生組織（WHO）日前將武漢肺炎正名為新冠肺炎，所謂的武漢病毒也改稱為新型冠狀病毒，今(12日)黃安發文，認為此舉十分有智慧，認為若不改名，世界上所有人聽到武漢就想到病毒，太虧了。黃安說，日前WHO將武漢肺</t>
  </si>
  <si>
    <t>中央流行疫情指揮中心今(8)日表示，考量國內檢驗量能，及民眾因緊急情況、工作等因素，已於5月29日放寬自費檢驗適用對象，有檢驗需求者可至指定院所進行自費檢驗，以取得相關檢驗證明文件。另基於人道考量，並依國內</t>
  </si>
  <si>
    <t>美國新冠狀病毒感染病例數持續以驚人速度飆升，美股繼上周大漲後，周日夜盤美股期貨走跌。目前，道瓊指數期貨下跌266點或1.24%，標普500指數期貨跌1.4%，那斯達克指數期貨跌1.29%。此外，因新冠肺炎全球大流行疫情惡</t>
  </si>
  <si>
    <t>雙北進入第三級警戒，台北市萬華區爆發新冠肺炎疫情，北市府也宣布，鄰近萬華的老松國小、龍山國小、雙園國小及螢橋國小等4校，也自今起至23日止停課一周，而昨晚台北市萬華區「光仁小學暨附設幼兒園」昨晚深夜也在</t>
  </si>
  <si>
    <t>台灣職業女網一姊謝淑薇帶著近兩周於WTA巡迴賽杜拜站、杜哈站女雙奪冠的氣勢，加入今年聯邦盃亞大區一級賽事中華女網隊，因為新冠肺炎疫情人心惶惶，謝淑薇也「高規格」自我健康管理，透露都戴N-95口罩，也避免全隊</t>
  </si>
  <si>
    <t>新冠肺炎在全球爆發大流行，美股僅花21天就從歷史新高下跌超過20％進入熊市，全球經濟活動暫緩，市場何時才會觸底？野村投信表示，短期市場將持續波動，亦不排除再往下探底，但在各國央行及政府支持下，可將金融體系</t>
  </si>
  <si>
    <t>新冠肺炎疫情持續升溫，中央流行疫情指揮中心18日宣布，19日零時起美國、加拿到、澳洲及紐西蘭4國旅遊疫情建議提升至「第三級」，自第三級國家及地區入境者必須進行14天居家檢疫。出身美國德州的袁詠琳（Cindy）表示</t>
  </si>
  <si>
    <t>自從今年年初疫情爆發後，新冠肺炎肆虐全球，目前為止確診人數已經突破2300萬人，死亡人數也突破80萬人。根據《法新社》報導指出，目前新冠肺炎在全球已經造成2300萬3079人感染，其中有80萬人因此染病身亡。而拉丁美</t>
  </si>
  <si>
    <t>台灣新冠肺炎疫情仍嚴峻，每天都有人確診病逝。臺大醫院昨日收治一名到院前死亡的患者，檢驗屍體後，確定感染新冠肺炎。據了解，該名患者為三重某診所的醫師，7天前曾接種AZ疫苗，研判因隱形缺氧導致死亡。該名死者</t>
  </si>
  <si>
    <t>雲林縣今（23日）再增2例新冠肺炎確診案，住西螺的23歲男性（案4019）、東勢鄉86歲老婦（案4222），全縣達6例，都是家屬互相傳染。案4019年輕人，其父是昨日確診的西螺45歲男、有萬華旅遊史男性；案4222老母是被新北</t>
  </si>
  <si>
    <t>日本迄周日下午止確診達773人，死亡4例。其中東京都確診達29人。位於東京的國際著名的吉卜力美術館，就以新型肺炎疫情爆發為由，宣布從周二開始封館直到3月17日止，已購買2月和3月入場券民眾將獲得退費。這次封館主</t>
  </si>
  <si>
    <t>新冠肺炎再度出現本土個案，是確診的外籍機師在台外出時的接觸者。對於疫情升高，蔡英文總統及行政院長蘇貞昌連日來密切關切並指示各部會積極提出因應作為。交通部長林佳龍近日來與相關單位會商後，今（22）日於交通</t>
  </si>
  <si>
    <t>新光三越台北南西店周年慶今正式開跑，上午9點就聚集排隊人潮，11點正式營業湧入數千名民眾；新光三越表示，南西店週年慶開打，首次遇上中秋連假首日，民眾扶老攜幼、不用擔心是上班時間要遮遮掩掩，預估單日人潮破1</t>
  </si>
  <si>
    <t>台灣新冠肺炎疫情嚴峻，醫護人員工作量遽增，撥打電話叫救護車也會比平常來得晚。日前，台南一名男子表示，女兒因發高燒，只好趕緊到附近的診所看診，沒想到才剛到到診所，女兒突然熱痙攣，並陷入昏迷，診所醫師見情</t>
  </si>
  <si>
    <t>「路透社」報導，丹麥20日又通報2起接種阿斯特捷利康公司（AstraZeneca）疫苗後，出現血栓症狀的案例，且其中1人不幸死亡。目前全球有多國已暫停接種AZ疫苗。根據報導，丹麥首都哥本哈根公立醫院主管當局表示，本次</t>
  </si>
  <si>
    <t>為管控新冠肺炎疫情傳播，防疫中心限制陸配子女入台政策24小時內4次髮夾彎。兩岸婚姻協調促進會會長鍾錦明表示，政府將兩岸人民關係規定得很細，很多事情不能一刀切下去，否則只會怨聲載道。台灣學者龐建國呼籲，蔡</t>
  </si>
  <si>
    <t>台灣疫情升溫，今（12日）一口氣新增16例本土確診案例，包括台北、新北、宜蘭、基隆4縣市都出現染疫者，面對疫情本土疫情爆發，女神徐若瑄就在臉書感嘆：「為了我們愛的人，好好的活著是目前最重要的事」，同時，美</t>
  </si>
  <si>
    <t>國內本土病例數近日逐步下降，外界關注是否要進入「社區清零階段」？衛福部長陳時中1日認為，現在要先控制疫情，雖看到病例數「緩步下降」，但台灣沒有樂觀本錢，未來14天「緊縮過日子」才能有好的防疫成果，完整執</t>
  </si>
  <si>
    <t>全球觀光界受到新冠肺炎疫情衝擊近2年，國際組織預估2024年才能恢復疫情前榮景，2021台北國際旅展（ITF）今日於南港展覽館登場，雖然規模不如以往，但仍有40多個國家地區來參展，總統蔡英文表示，這顯示各國已逐漸恢</t>
  </si>
  <si>
    <t>小編精選《中國時報》5件不可不知大事，帶讀者掌握今天（11日）新聞重點。【1】抗疫曙光 中研院找到10倍強效抑制劑新冠肺炎疫情在全球蔓延，中研院生化所研究員梁博煌團隊，從上百種化合物中，篩選出新冠病毒主要蛋</t>
  </si>
  <si>
    <t>職業網球進入紅土賽季，本周ATP蒙地卡羅大師賽已經開打，男單世界第2、大會第2種子麥維德夫（Daniil Medvedev）今天因為新冠肺炎病毒篩檢呈陽性反應，立刻退出比賽、進行隔離。麥維德夫首輪輪空，但在第二輪賽事之前</t>
  </si>
  <si>
    <t>全台7月27日起疫情警戒降至2級，部分縣市已經有條件開放餐廳內用。對於無法自行用餐的小小孩，是否也需要梅花坐？中央流行疫情指揮中心指揮官陳時中表示，因為平常就在餵小孩，帶小小孩出門可以坐在一起。至於婚宴的</t>
  </si>
  <si>
    <t>盧森堡政府今天表示，感染2019冠狀病毒疾病（COVID－19）的貝特爾（Xavier Bettel）總理情況「嚴重但穩定」，將繼續住院2－4天。貝特爾現年48歲，是歐洲國家年輕一輩的領導人之一。總理辦公室的一名消息人士透露，他</t>
  </si>
  <si>
    <t>新冠肺炎疫情升溫，國內死亡人數已達149人，據昨日媒體民調，有6成不滿政府防疫表現。綠委許智傑今日表示，政府從去年8月就積極採購疫苗，但當時台灣疫情不嚴重，國際藥廠都將疫苗先分給重災區，希望民眾可以諒解。</t>
  </si>
  <si>
    <t>新冠肺炎疫情延燒，為了宣導新冠病毒防疫的正確觀念，及鼓勵所有站在第一線防疫工作人員，社團法人台東縣南迴健康促進關懷服務協會方舟教室舉辦「寶貝你很繪」繪畫比賽，藉由繪圖的方式，不僅發揮小朋友對於防疫情形</t>
  </si>
  <si>
    <t>疫情爆發後宅經濟熱潮加溫，加上政府好幾波的紓困助漲電商業務，美國裝運用紙箱呈現供不應求，並已連番漲價，每噸報價已飆到785美元的歷史新高，4月份很可能進一步上漲。根據美國紙箱協會的統計，美國廠商2020年瓦楞</t>
  </si>
  <si>
    <t>美國知名主持人艾倫狄珍妮(Ellen DeGeneres)，其脫口秀節目《艾倫秀》聞名全球，她作風風趣機靈，加上長期為弱勢及LGBTQ族群發聲，因此幽默溫暖的形象深植人心，沒想到近日遭節目工作人員群起投訴，指她毫無通知就找</t>
  </si>
  <si>
    <t>大陸央視新聞報導，香港特區政府宣布，繼先前收緊台灣、新加坡的入境防疫措施，從3日起，將加強對從大陸、澳門等地抵港人士的檢測要求。提高檢測次數及頻率。港府表示，在從大陸或澳門抵港的人士中，按「回港易」計</t>
  </si>
  <si>
    <t>高雄龍頭百貨漢神巨蛋8樓櫃姐染疫，迄今查無源頭，原本業者在大清消後，預計明(24)日重新營運，但網路上一片罵聲。業者今（23）日深夜緊急發出公告表示，配合政府防疫政策，為維護員工及民眾健康，自即日起至5／28暫</t>
  </si>
  <si>
    <t>台北市今（2日）新增29例本土個案，其中環南市場群聚案，2783人檢出41例陽性，中央第三度派出醫療應變組副組長王必勝擔任聯合前進指揮所指揮官。對此，王必勝坦言，從過去經驗中，「本位主義」的堅持常讓防疫上出現</t>
  </si>
  <si>
    <t>新冠肺炎衝擊大陸，但也催生「宅經濟」爆發成長。數據分析商統計，大陸2月前兩周蘋果公司（Apple）平台的手機應用程式（APP）周均下載量超過2億次，較去年周平均值大幅成長40%。疫情也讓大陸遊戲製造商的數量激增，</t>
  </si>
  <si>
    <t>大陸陸續公布3名來自台灣的新冠肺炎確診案例，國台辦說台灣防疫有漏洞。防疫指揮官陳時中今天受訪時乾笑兩聲，說有沒有漏洞大家心知肚明，不過任何的情報我們都會予以重視。台灣不斷傳出有入境他國或其他地區確診案</t>
  </si>
  <si>
    <t>新冠肺炎疫情延燒，口罩供給成為防疫重中之重，「口罩實名制」上路讓各大藥局忙翻天，中央疫情指揮中心指揮官、衛福部長陳時中提出，研擬請「社工」支援口罩包裝、販售人力。對此，時代力量立委王婉諭昨(18)日表示，</t>
  </si>
  <si>
    <t>隨各國陸續祭出疫苗邊境管制，美國即將上路的入境新規定，也未將高端疫苗列入允許入境條件。對此，衛福部長陳時中今在立院表示，預防接種諮詢委員會確定下周二或三將召開，屆時將針對打完高端後，能否與其他疫苗混打</t>
  </si>
  <si>
    <t>7月27日起全台降二級警戒，各地方政府也表態將逐步開放餐廳內用，宜蘭縣將於8月3日起解除禁內用規定，北市府今（30日）也坦言將視疫情發展，最快下周二（3日）開放餐飲業內用。對此，毒理專家招名威也樂觀其成，認為</t>
  </si>
  <si>
    <t>中央流行疫情指揮中心29日公布國內新增23例COVID-19確定病例，分別為13例本土及10例境外移入，其中台北市有2例本土、1例境外移入。北市衛生局29日下午召開記者會，指出北市知名甜點店個案（案16087）除到台北市，還</t>
  </si>
  <si>
    <t>台灣鬧疫苗荒，AZ和莫德納不夠打，因此第六輪疫苗接種將開放高端上場。對此，中華民國防疫學會理事長王任賢呼籲大家，別落入政府的圈套！並呼籲打了首劑莫德納的人，不要在疫苗空窗期去打高端，因為打高端就像是打入</t>
  </si>
  <si>
    <t>大陸駐日本大使館官網今天稱，近日透過中國深圳華大基因科技有限公司和深圳市猛獁公益基金會，緊急向日本國立傳染病研究所，捐贈一批新冠病毒核酸檢測試劑盒。據《中央社》報導，陸使館官網並未披露核酸檢測試劑的具</t>
  </si>
  <si>
    <t>國產疫苗進入二期臨床試驗的解盲階段，聯亞生技8日先完成3000多名核心受試者的血液樣本採集，準備送去第三方公正單位進行抗體反應、安全性等檢查，估計兩周後就會有結果，另一方面聯亞生技也證實，首批將交付政府的2</t>
  </si>
  <si>
    <t>就在網路與外媒持續質疑大陸病毒研究機構洩漏實驗動物病原，因而導致新冠肺炎疫情之際，大陸農業農村部、教育部等7個部門大張旗鼓聯合發布通知，要求加強動物病原實驗室安全管理，任何單位和個人未經批准不得從事高</t>
  </si>
  <si>
    <t>台北信義區百貨再傳有專櫃人員確診，新光三越台北信義新天地A4昨（30日）晚被通知有專櫃人員確診，目前已匡列6名密切接觸者，今A4暫停營業一天，全面進行清消，明天恢復正常營業。台北市衛生局今日公布2名確診足跡，</t>
  </si>
  <si>
    <t>第十輪疫苗意願登記今午截止！目前確定由AZ與高端上場，符合資格者為50至64歲已打完第一劑AZ滿10周以上的民眾；以及打完第一劑高端滿4周者。而《中時新聞網》也整理出何時可接種、接種AZ和高端後常見的副作用等常見</t>
  </si>
  <si>
    <t>莫德納疫苗超搶手，昨開放第五輪莫德納疫苗預約施打，截至下午1時就有32萬3000人完成預約，佔符合資格者的62.8％，莫德納開打也有許多民眾想搶殘劑，對此，新北張博揚小兒科診所醫師則表示，想搶莫德納殘劑的人要想</t>
  </si>
  <si>
    <t>中國大陸消息稱，國務院副秘書長、中央指導組成員丁向陽20日在武漢表示，湖北武漢疫情防控形勢盡管有好的跡象和積極變化，但仍然十分嚴峻。從醫療救治上說，現有3萬多名患者在醫院救治，其中重症患者8000多人，危重</t>
  </si>
  <si>
    <t>台肥董事長人事案大轉彎，日前大股東農委會改派代表人農委會副主委陳添壽取代原董事長康信鴻，原訂12日召開臨時董事會接任董事長，不過11日公告，改公股董事由台肥總經理黃耀興接任，農委會指出，新冠肺炎疫情升溫，</t>
  </si>
  <si>
    <t>國光生技昨日宣布，已成功產生候選疫苗，經小鼠動物實驗，發現小鼠抗體反應優異，預計今年第三季能獲准開始第一期人體臨床試驗，希望最快明年冬天就能展開量產，讓台灣民眾優先施打。疫情指揮中心對此表示樂觀其成，</t>
  </si>
  <si>
    <t>貢寮豐珠中學生態農場的蛋雞接連暴斃死亡，校方擔心為禽流感，通報新北市政府動保處立即趕赴現場進行臨床診斷與採樣送檢，後經畜衛所檢驗後，還好只是家禽傳染性支氣管炎，動保處獸醫為雞隻進行雙價活毒疫苗、點眼補</t>
  </si>
  <si>
    <t>（勤業眾信聯合會計師事務所投資管理產業負責人黃海悅。圖／勤業眾信提供）近期新冠肺炎（COVID-19）疫情延燒，衝擊全球供應鏈和經濟，各產業開始思考應對之道。對金融服務業來說，疫情所造成的中國消費內需下滑、供</t>
  </si>
  <si>
    <t>健康江蘇今（12日）發布，8月11日0-24時，江蘇新增本土確診病例38例（南京市報告1例；揚州市報告37例），15例為輕型，23例為普通型。以上病例均在定點醫院隔離治療。新增出院病例2例（均為本土確診病例）。7月20日至</t>
  </si>
  <si>
    <t>清明連假由於許多景點湧入人潮，連假後的14天是關鍵，根據自然期刊《Nature》最新發布的一篇論文指出，新冠肺炎病毒原來在症狀不明顯，幾乎無症狀的發病前5天，病毒量可到達最高峰，甚至比SARS的高峰高出1000倍。對</t>
  </si>
  <si>
    <t>台灣近日開始施打，美國捐贈的莫德納疫苗，中央流行疫情指揮中心提及，美國捐的這批疫苗，每罐可以打14個人，但有醫護反應，有時候抽完13劑之後，最後一劑無法抽滿0.5cc，對此，發言人莊人祥表示，打13人也沒關係，</t>
  </si>
  <si>
    <t>新冠肺炎疫情持續延燒，病毒是否會透過眼睛感染引起討論，彰化眼科醫師強調，眼睛的結膜部分也屬於黏膜組織，跟口腔、鼻腔內的黏膜一樣，確實可能成為病毒侵入人體的途徑，提醒民眾用常用手碰觸搓揉眼睛，勤洗手，若</t>
  </si>
  <si>
    <t>新冠肺炎持續攀高，全國增加到322例，彰化縣也一連再添兩例，第15例20多歲男性，留美返台，追蹤接觸人數多達11人，採居家檢疫；第16例30多歲英國留學生，同住家人接觸6人，彰化縣居家檢疫、隔離人數累計也飆到2961人</t>
  </si>
  <si>
    <t>瑞基(4171)成功開發新冠肺炎檢測試劑，市場看好防疫商機，多頭力挺表態，今日股價跳空開高，盤中衝上漲停板78.2元，隨後雖遭打開，但漲幅仍在9%以上。瑞基已成功開發出適用於實驗室使用的qPCR(Real-Time PCR)試劑，</t>
  </si>
  <si>
    <t>國內新冠肺炎防疫再傳捷報，台灣今（28日）再度無新增確診個案，締造連續3天零確診，此外也達成國內連續16天無本土確診成績。不只有指揮中心送龜苓膏慶祝，網上也一片歡聲雷動，慶祝「嘉玲（+0）」又出現了！同時，</t>
  </si>
  <si>
    <t>華爾街的賣壓持續未完，道瓊指數兩天跌逾1,900點，台股26日開在11,468.6點，隨後跌幅擴大逾百點，力守11,400點關卡，蘋概三王皆臉綠。美國CDC警告美國民眾，為新冠狀病毒肺炎在美國蔓延做好準備，引發美股賣壓湧現，</t>
  </si>
  <si>
    <t>新冠肺炎在大陸第一波的疫情有趨緩跡象，但日、韓、義等國才剛進入疫情升溫期，甚至有多國已出現首宗死亡病例。香港公衛專家指出，如出現1起死亡案例，代表背後有100名感染者，更坦言還可能有第二波爆發疫情；疫情在</t>
  </si>
  <si>
    <t>新冠肺炎疫情延燒，嘉義縣政府今2日召開第5次「因應嚴重特殊傳染性肺炎」跨局處會議，縣長翁章梁指示，務必建立起民眾進入公共場所，做好消毒工作的正確觀念，並要求公家機關提供手部消毒液，讓洽公民眾做好消毒，同</t>
  </si>
  <si>
    <t>新冠肺炎肆虐全球近兩年，新冠疫苗接種率雖普遍提升，卻也不斷傳出「突破性感染」，即接種新冠疫苗後仍確診，大陸多地近期已展開施打第三劑新冠疫苗「加強針」。大陸疾控中心免疫規劃首席專家王華慶今（24日）表示，</t>
  </si>
  <si>
    <t>《最後生還者(The Last of Us)》由頑皮狗團隊(Naughty Dog)開發，遊戲內容大受好評，因此續集《最後生還者 第II章》也讓玩家相當期待，不過受新冠肺炎影響，物流問題造成延後推出，不過讓頑皮狗團隊崩潰的是，網路上</t>
  </si>
  <si>
    <t>亞系外資針對半導體產業出具最新看法，認為隨著美國等解封在即，液晶電視、筆記本電腦下半年需求也有減緩的聲音，但資料中心重啟建設，伺服器需求上升，且目前IC設計廠庫存仍低，點名首選個股台積電(2330)、聯發科(2</t>
  </si>
  <si>
    <t>新冠肺炎的疫情不斷升溫，但網路上有不少謠言，造成民眾無謂的恐慌，紛紛跑至賣場掃貨，無論是衛生紙還是泡麵，只要上架後就立刻被掃光。對此，有全聯的工讀生在網路上透露賣場「慘況」，直呼這景象比中元節還誇張！</t>
  </si>
  <si>
    <t>為了加緊防控心冠肺炎疫情，解放軍出動了運-20大力支援，成為各方矚目的焦點。新浪軍事網指出，最近大飛機發動機終於傳來好消息，第一款陸製渦扇-18可能在2020年量產，象徵中方自製大飛機發動機開始進入實用階段。成</t>
  </si>
  <si>
    <t>五大電信公司正加速5G基礎網路建設，希望在年底看到第一波4G升5G的換機潮。神腦國際表示，真正帶動4G用戶升級使用5G服務的時間點，還需要再花一點時間蘊釀 ，雖然下半年有機會看到換機潮，但5G用戶及相關商機爆發成</t>
  </si>
  <si>
    <t>一項由美國國立衛生研究院（NIH）主導的血液分析研究顯示，早在2019年聖誕節，美國可能就已經有新冠肺炎病例，比2020年1月中旬美國通報首例確診的時間點還要早了半個月。美國的第一起新冠肺炎案例究竟始於何時？目前</t>
  </si>
  <si>
    <t>知名YouTuber團體「含羞草日記」的草爺（江治緯），被爆今(10日)凌晨與鳳梨吳泓逸開直播，被線上近萬名網友發現草爺竟與10多位友人在室內喝酒群聚，而且都沒有戴口罩，令鳳梨尷尬退出直播。稍早草爺也在IG為不良示範</t>
  </si>
  <si>
    <t>中國疾控中心官方網站周三發表一篇周報，評估如果中國採取外國的防疫策略，每日新增確診可能達到數十萬例，其中如果採用美國防疫，中國每日新增將超63萬例。文末提到，世界上許多國家都因過於自信地以為病毒傳染力會</t>
  </si>
  <si>
    <t>劉真22日晚間22時病逝台北榮總，她的追思靈堂設在龍巖會館，25日下午14時22分開放弔唁，喪禮會以佛教儀式進行。24日早上，大批媒體守在劉真的追思靈堂外頭，目前未見辛龍及劉家人的蹤跡，據悉，辛龍今強忍悲傷，為愛</t>
  </si>
  <si>
    <t>NBA聯盟昨日向30支球隊發出通告，賽季停擺期間球員可以離球隊所在的城市，但必須事先獲得球團的同意，並且提供每日行程，在與任何人接觸前都要保持距離，然而聯盟這項決定卻沒有包含各隊的國際球員，因為這些球員目</t>
  </si>
  <si>
    <t>酒店女公關確診引起客人緊張，中國醫藥大學兒童醫院兒童感染科主任黃高彬表示，性器官接觸不會傳播新冠病毒，但親吻、擁抱等行為恐提升傳染風險。指揮中心早期也曾說，許多案例是與家人親密接觸後傳染的。北市知名酒</t>
  </si>
  <si>
    <t>新冠肺炎疫情全球升溫，為了避免病毒快速傳播，全球正在宣導「安全社交距離」的重要性，但是英國一項新研究發表後，人與人之間的社交距離恐怕又要改變了！該研究顯示，在咳嗽時，病毒最遠可傳達6公尺；打噴嚏時，最</t>
  </si>
  <si>
    <t>新冠肺炎疫情席捲全球，連長壽漫畫《島耕作》系列主人翁，都無法逃過染疫風險！在2月10日發售的漫畫雜誌《Morning》最新一話中，島耕作吃下辣味咖哩，卻出現無法感受味覺的症狀，引起讀者熱議，猜測漫畫中已73歲高齡</t>
  </si>
  <si>
    <t>統振(6170)11月營收雙增，順利站回3億元大關，展望未來，統振看好台商回流將推動外籍移工需求的人數增加趨勢明確，對於統振營運將提供正面助益。統振11月合併營收為3.13億元，受惠於能源事業、流通事業之業績齊步成</t>
  </si>
  <si>
    <t>新冠肺炎疫情持續延燒，新竹市長林智堅4日至伯大尼老人養護中心視察，檢視長照機構防疫措施，包括接送長輩的車輛、出入機構防護措施等，他並宣布發放1萬5000片口罩給長照機構長輩使用，加強長輩的健康防護工作。林智</t>
  </si>
  <si>
    <t>台灣已經連續超過1個月沒有新冠肺炎本土感染病例，隨著疫情明顯趨緩，各項防疫的規定也逐漸解禁，宜蘭縣長林姿妙15日宣布，全縣所有的社區照顧關懷據點即日起恢復桌遊、室內運動等社區相關活動課程，以鼓勵各社區的</t>
  </si>
  <si>
    <t>新冠肺炎疫情延燒，中央流行疫情指揮中心18日公布台灣新增23例確診案例，連續4天打破單日新高，加上前天累計的77例，確診人數已達100例。疫情指揮中心指揮官陳時中表示，新增案例中，有3人風險較高。其中，1名法國人</t>
  </si>
  <si>
    <t>大甲媽遶境首度遇上疫情攪局，輿論多建議停辦，鎮瀾宮臉書粉絲頁也湧入網友留言一面倒支持停辦。媒體對此詢問顏清標，他四兩撥千金回應「你們自己討論就好了，不要政治化，媽祖是大家的，不是董監事的，不要一竿子打</t>
  </si>
  <si>
    <t>新北市長侯友宜今（6日）主持防疫會議記者會表示，端午節將至，上周起即要求自治會配合管控所，至6月5日已開出325張稽查單，動員3600人次端午節前加強稽查。侯友宜說，今天看起來確診個案有下降，但沒有大幅下降，還</t>
  </si>
  <si>
    <t>展開新的一天，中時新聞網帶您看看，世界發生了哪5件大事：【1】雖然死亡人數續增，但美國多州已迫不及待解封，放寬社交距離限制，而據權威模式估算，美國的死亡人數將倍增。【2】由於新冠肺炎疫情肆虐，全球反陸情</t>
  </si>
  <si>
    <t>新竹市政府繼新竹國軍醫院設立篩檢站之後，第二個篩檢站將設在新竹科學園區，26日下午市府偕同竹科管理局及醫院代表前往竹科會勘，尋找適宜的設立地點，竹科管理局也證實選定地點後，會在一、兩周內盡速搭建完畢，後</t>
  </si>
  <si>
    <t>義大利佛羅倫斯大學分析43名30到60歲罹患過新冠肺炎男性精液樣本，研究顯示康復後有25%男性的精子數量較低，20%是「空包彈」的無精症，高於全球男子無精症的比例，對此指揮中心表示，染疫後身心壓力的確會影響生理功</t>
  </si>
  <si>
    <t>西班牙加泰隆尼亞自治區政府主席托拉（Quim Torra）今天表示，自己對2019冠狀病毒疾病（武漢肺炎）檢驗結果呈陽性，他會在一棟政府大樓內自主隔離。路透社報導，加泰隆尼亞政府副主席阿拉岡尼斯（Pere Aragones）昨</t>
  </si>
  <si>
    <t>目前台北、桃園、台中、台南、高雄等五都已公布今年2月份買賣移轉資料，由於今年春節在1月份，2月的工作天數相對多，因此今年2月與去年同期相比皆大幅增加，台北年增64.7%、桃園年增72.2%、台中年增70.9%、台南年增4</t>
  </si>
  <si>
    <t>從上周五開始武漢、湖北解禁，不再採包機形式返台，改成自行搭機，返台後集中檢疫14天。中央流行疫情指揮中心今指出，目前已有12名台商返台。指揮中心表示，12名台商中有1位是5月9日返台、昨天有11位，分別送往南、</t>
  </si>
  <si>
    <t>新冠肺炎疫情嚴峻，桃園市社會局宣布，除關懷據點已於本周一停辦，老人會春遊及參訪觀摩活動、長青學苑也暫緩，身心障礙證明到期可依法展延60天，人民團體如任期屆滿需改選，可依法申請延期3個月，避免成染疫破口。</t>
  </si>
  <si>
    <t>我國在今年5月中旬爆發多起新冠肺炎群聚案，因為當時醫療量能不足，指揮中心當時決議，無症狀或輕症確診個案解除隔離治療後，要再進行數日的居家隔離，但有不少勞資雙方詢問此期間有假可請嗎？或是要用自己的假？勞</t>
  </si>
  <si>
    <t>南韓人氣女團TWICE台灣成員周子瑜，日前和隊友視訊分享近況，才知道她已低調返台，目前正在居家檢疫中，而她的媽媽也證實子瑜3日就回來了，既然配合政府防疫，就把隔離14天當休息，並透露她在家的行程。因為新冠肺炎</t>
  </si>
  <si>
    <t>中國重慶智飛生物製劑公司27日宣布，他們所研發的重組蛋白新冠肺炎疫苗，經第3期臨床試驗顯示，對預防新冠肺炎的保護力達81.76％，對Delta變種病毒株也有77％的保護力。具體實驗數據方面，澎湃新聞報導，公告稱智飛</t>
  </si>
  <si>
    <t>不畏新冠肺炎（COVID-19）疫情，經濟部加工出口區管理處挺就業，每月徵才服務不間斷，高雄及台中園區將分別在14日、以及29日，舉辦現場徵才活動，共釋出242個職缺，此次徵才廠商包括華新科技、台虹科技、光頡科技、</t>
  </si>
  <si>
    <t>本周星座運勢星座專家許睿光老師提醒，太陽落在雙魚座，海王星是雙魚座的守護星，所以這周很有可能會有新冠肺炎的好消息。水星在持續逆行的時間，老師也提醒可以繼續處理過往沒有處理好的事情，比如帳單。這周也有可</t>
  </si>
  <si>
    <t>因應新冠肺炎傳播社區化，並提升檢驗案件數，疫情指揮中心規畫，近日將在各縣市設立167家採檢院所，主要為一般、中度級急救及非急救醫院，或經地方衛生局指定醫院或衛生所，以便診所醫師將疑似病患轉至採檢所進行進</t>
  </si>
  <si>
    <t>新冠肺炎疫情爆發至今，新北宣布因染疫確診往生者的市民，發放慰問金10萬元給往生者家屬，多名北市議員力促市府跟進，近期也傳出跟進消息，總計有247人受惠，北市副市長蔡炳坤證實，昨日民間捐款委員會已通過此決定</t>
  </si>
  <si>
    <t>華新（1605）2019年因認列投資寶德損失16.8億元、鎳避險損失10億元等，2019年EPS為0.95元，創近四年新低，27日董事會決議每股配發現金股利0.5元。華新大陸南京華新城D地塊第三期住宅已獲南京市政府列為優先取得銷售</t>
  </si>
  <si>
    <t>台灣基進立委「3Q哥」陳柏惟今（24）日在立院質詢行政院長蘇貞昌時指出，我們邀請香港人來台灣當兵，有三個好處：第一，他比我們年輕；第二，他比我們更討厭大陸；第三，可以增加我們勞工人數。可否考慮這件事情？陳</t>
  </si>
  <si>
    <t>高雄市左營某藥局遭檢舉對外以每片10元高價銷售醫用及外科口罩，1個月就賣出21萬多片，獲利數十萬，疑涉哄抬價格及囤積防疫物資。調查局日前約談藥局負責人林姓藥師，已依違反《傳染病防治法》、《嚴重特殊傳染性肺</t>
  </si>
  <si>
    <t>先前一口氣宣告包含杜蘭特在內4名球員確診新冠肺炎的籃網，至今相當「詭異」尚未公布其他3名確診籃網球員姓名，連帶害到籃網球員飽受外界歧視了嗎？籃網前鋒威爾森錢德勒就在19日發推控訴，自己遭到大樓管理員擋在門</t>
  </si>
  <si>
    <t>新冠肺炎疫情在歐洲大爆發，阿聯酋航空今天宣布，台北往返杜拜的航線明天起暫時停飛，正密切觀察情勢發展，期待盡早恢復航班。阿聯酋航空發言人表示，因應台灣疾管署頒佈的入境檢疫規定，阿聯酋航空將自3月16日起暫</t>
  </si>
  <si>
    <t>新冠病毒不斷變種，讓各國急於提高疫苗保護效力，包括追打第三劑或混打不同廠牌疫苗，精神科醫師沈政男綜合各國研究及實驗結果，揭露疫苗保護力最強組合，第一名是AZ混打莫德納，第二名為兩劑莫德納，第三名是AZ混打</t>
  </si>
  <si>
    <t>美國總統川普與世界衛生組織之間的糾葛逐漸加深，自WHO秘書長反嗆川普將公衛問題政治化後，川普10日再次重批WHO以大陸為中心並在下周對WHO做出宣布，暗示川普政府將大砍其援助經費。而外媒也透露除了砍經費之外，川</t>
  </si>
  <si>
    <t>高端疫苗二度加開預約已於今（24）日下午6時截止收單，根據中央流行疫情指揮中心統計，兩天共有15萬2871人完成預約，佔符合預約資格人數73.24%，剩下5萬多名額沒人打。第六輪高端疫苗於8/23、8/24兩日增開8/16以後新</t>
  </si>
  <si>
    <t>新冠疫情衝擊，位在「海嘯第一排」的旅遊業哀鴻遍野，今年國外旅遊市場較無機會發展，業者轉而搶攻國旅市場，隨著疫情趨緩，高雄旅行社與航空公司、飯店合作，將人往花蓮、澎湖送，民眾詢問度高，但未能彌補雪崩式的</t>
  </si>
  <si>
    <t>蘋果代工大廠和碩集團昨天（16日）接到衛生單位通知，一名員工無症狀感染，採檢陽性，還在釐清是陽性還是偽陽性，尚未確診，正遵照醫囑隔離，據了解該名員工是為了出差去採檢，若確認染疫，將是繼科技大廠大立光、印</t>
  </si>
  <si>
    <t>新冠肺炎疫情逐漸趨緩，中央流行疫情指揮中心表示，國內昨無新增病例，已經連續第4天沒有新增病例，29天沒有本土病例，另確診個案新增1例死亡(國內第7例死亡)。對此，捧紅不少大明星的名經紀人夏春湧表示，真正的考</t>
  </si>
  <si>
    <t>新冠肺炎（COVID-19）疫情肆虐全球，美國在第二波疫情爆發後十分慘烈，目前已有5萬多例確診，名列全球第3。但一名男子卻因為在享受森林裡享受與世隔絕的生活，而完全不知道新冠肺炎的存在，甚至連NBA傳奇球星過世消</t>
  </si>
  <si>
    <t>新冠肺炎（COVID-19）疫情持續延燒，台灣7日公布凌晨0時起港澳來台旅客需要居家檢疫14天的防疫措施。一名台灣網友表示，和妻子從芬蘭度完蜜月要回台灣，因為要在香港轉機，所以需要居家檢疫14天，25日正好是第14天，</t>
  </si>
  <si>
    <t>大陸國家衛健委新聞發言人米鋒24日在國務院聯防聯控機制新聞發布會上表示，當前，國外疫情持續蔓延，加上季節因素，容易引發疫情傳播擴散。10月17日以來，大陸出現多點散發本土疫情，呈快速發展態勢，一周之內已波及</t>
  </si>
  <si>
    <t>全球疫情嚴峻，台灣努力防堵，無奈就是有居家檢疫或隔離民眾不顧罰緩，硬是違反規定出門趴趴走，令全台深陷恐慌之中。更可惡的是，法務部執行署日前調查發現，一名蔡姓女子遲未繳清10萬元罰金，執行署人員登門催繳時</t>
  </si>
  <si>
    <t>幾個月前，資本市場最關注的焦點無非是中國與美國之間的貿易摩擦。沒想到現在全球的焦點都放在新冠肺炎疫情，鮮少有人會再提起中美貿易戰這個議題。防疫講究「超前部署」，那麼對於積極型與風險承受能力比較高的投資</t>
  </si>
  <si>
    <t>「秋冬防疫專案」今12月1日起正式上路，進入8大類高感染傳播風險場所需強制戴口罩，未戴口罩經勸導不聽者，將開罰3千至1萬5千元。此外，防疫期間違規亂丟口罩者，第一次遭北市環保局查獲，罰鍰將加重為3600元，再犯</t>
  </si>
  <si>
    <t>歐洲聯盟執行委員會主席范德賴恩(Ursula von der Leyen)5日在推特上宣布，由於其日前(9月29日)出席的一場會議中，與會者有人確診感染新冠肺炎。根據現行防疫法規，其將自主隔離至6日早晨。這是繼歐洲理事會主席米歇</t>
  </si>
  <si>
    <t>自巴西出現新冠肺炎病例後，成為南美洲首起確診病例，引起高度關注。而在巴西和英國的研究人員研究下，已完成首例病例的病毒基因定序，發現與最初在大陸武漢發現的病毒株基因密碼，已經有三處不同點。根據已存有關於</t>
  </si>
  <si>
    <t>新冠肺炎疫情持續延燒，金門縣府今（25）日成立計程車、遊覽車消毒站，目標是防疫做到「零死角」滴水不漏，嚴防交通工具成為移動傳染源。副縣長黃怡凱專程赴機場訪視計程車、遊覽車消毒站消毒作業，提醒業者及司機要</t>
  </si>
  <si>
    <t>自 2019 年底在中國大陸武漢爆發，而至今疫情持續升溫的新冠肺炎(NCP)疫情，重挫全球航空、旅遊等產業；不僅如此，也因為多品牌的供應鏈都位於中國大陸境內，受疫情影響延後年節後復工時間，牽一髮動全身，影響了包</t>
  </si>
  <si>
    <t>新冠肺炎疫情持續升溫，但不只新冠肺炎值得擔心，台南市政府衛生局11日宣布新增1例境外移入登革熱病例，截至目前已累計4例，4例均為本國人士到東南亞旅遊、工作後，返國發病，衛生局呼籲民眾務必要落實環境孳清，避</t>
  </si>
  <si>
    <t>新冠肺炎流行已逾一年，不僅感染人數攀升，重症患者的再住院率和死亡率也是怵目驚心。英國萊斯特大學與英國國家統計局，針對47,780位第一波出院的新冠肺炎患者追蹤後發現，其中29.4%的患者再度入院就醫，而有12.3%病</t>
  </si>
  <si>
    <t>台灣疫情迅速擴大，金門防疫全面超前部署，縣府今天再敲定5大因應措施，進一步強化校園防疫，即起持續進行至6月8日，確保師生的健康。縣府教育處擬訂的5大防疫措施如下：一、禁止校外人士進入校園（含周間與周末），</t>
  </si>
  <si>
    <t>基隆市今天新增1例死亡個案，是逸嘉養護中心住民，目前累計308例、27人死亡，據以計算致死率達8.76％。中央流行疫情指揮中心公布，今日新增1例死亡個案，案13852為80多歲男性，是逸嘉養護中心住民，有慢性病，因與其</t>
  </si>
  <si>
    <t>雖然宅在家、減少出門最能達到防疫效果，但是天氣不錯的時候，總還是會想要出門走走。到戶外空曠處騎單車、跑步，總比在街上走路好多了吧？一項非正式研究提出觀察看法，建議民眾在運動時，也該保持適當的安全距離，</t>
  </si>
  <si>
    <t>英國首相強生確診感染新冠肺炎10天後，已證實於5日（周日）住院，唐寧街發言人強調這是「預防措施」，因首相仍有持續症狀。此外，由於新冠肺炎疫情爆發，使得投資人在3月自英國基金撤離數十億英鎊，失血規模遠超出近</t>
  </si>
  <si>
    <t>原訂3月28日舉行的2020 美利達.瑪吉斯盃彰化經典百K單車自我挑戰活動，因應新冠病毒的防疫考量而決定延期至10月24日舉辦。主辦單位公告說明活動延期的相關配套措施如下：延期後的活動內容維持不變，活動會場、騎乘路</t>
  </si>
  <si>
    <t>新冠肺炎疫情延燒歐美，33歲英國男星勞勃派廷森（Robert Pattinson）接棒班艾佛列克（Ben Affleck）出任新一代的《蝙蝠俠》宣布停拍，震撼好萊塢。該片從1月開始在倫敦籌拍，並計畫至利物浦拍攝，如今不敵疫情局勢，</t>
  </si>
  <si>
    <t>新冠肺炎疫情肆虐，許多國家宣布停課防疫，臉書粉專「空屋筆記-免費的自由」分享，在全球英文老師社團的留言來看，全世界僅剩6國還沒停課，台灣也在其中，引發網友熱議，台灣學生應該也不敢相信，自己竟是全球唯六還</t>
  </si>
  <si>
    <t>韓國疾病管理本部周二上午宣布，新型冠狀病毒感染確診病例新增131人，累計確診病例達7,513例。死亡病例新增3人，累計死亡病例達54人。此外，完全康復並解除隔離的人數增加81人，迄今治癒總人數為247人。</t>
  </si>
  <si>
    <t>大陸網紅「蛇精男」劉梓晨多次進廠維修，以大眼、挺鼻、錐子臉誇張五官走紅，不過近來微博更新停留在12月9日，未料神隱31天後再度發文，竟是透露自己罹患新冠肺炎，讓他無奈表示：「不知道做錯了什麼」。蛇精男透露</t>
  </si>
  <si>
    <t>指揮中心指揮官陳時中自從新冠肺炎疫情爆發以來，已有4個多月沒休息，19日總統蔡英文親自拜訪衛福部，並意外曝光陳時中的辦公室，沒想到，不少網友看到後心疼表示，「看到這張立刻泛淚」。蔡英文今前往衛福部送上「</t>
  </si>
  <si>
    <t>中央流行疫情指揮中心公布昨新增2例接種後死亡事件，分別為接種莫德納和高端疫苗。另外，歐盟將急性多發性神經炎增列為AZ疫苗接種後「極罕見不良反應」，指揮中心發言人莊人祥表示，目前國內不分疫苗廠牌約有10個案</t>
  </si>
  <si>
    <t>新冠肺炎本土疫情未歇，中央流行疫情指揮中心今公布最新檢驗量能，指揮官陳時中表示，平日檢驗的量能可以達到4萬7848件，若量能全開，一天可檢驗8萬件，比起以前最大的量能2萬7600多，已經擴大很多。根據統計，目前</t>
  </si>
  <si>
    <t>近一個多月來，新冠肺炎（COVID-19）疫情在全球擴散，造成金融市場動盪不安。除了主要股市跌聲連連外，債市亦明顯波動，外匯市場也無法置身事外。隨著疫情與主要國家財政與貨幣政策的動態發展，市場的風險偏好狀態亦</t>
  </si>
  <si>
    <t>中央流行疫情指揮中心今（27日）宣布重開公費疫苗預約系統，但不少「莫粉」仍期盼莫德納疫苗再度開打，至於第五輪有沒有機會開放莫德納疫苗，指揮官陳時中回應，進貨量難以掌握，如果問有沒有可能，當然是有可能，但</t>
  </si>
  <si>
    <t>大聯盟因新冠肺炎疫情全部停擺，洋基是首支確定全員留在春訓基地的球隊，15日球員展開首日非正式春訓，多半進行守備及內野訓練、室內投打練習，雖然不開放媒體及球迷進場，不過美媒仍訪問到洋基板凳教練門多薩（Carl</t>
  </si>
  <si>
    <t>民進黨立委羅致政今日表示，不論是COVID-19的中文翻譯要如何稱呼，都是個別的說法，不需要因為行政院長蘇貞昌都講武漢肺炎而過度解讀，雖上月蘇揆不滿意度民調高過滿意度，但長期以來滿意度都在4成以上，且都高過滿</t>
  </si>
  <si>
    <t>日本新冠肺炎感染患者出院5週後仍聞不出尿布的臭味。1名37歲的女患者向媒體披露自己在治療期間的經歷，出現症狀起2周後的4月10日，她在日記上寫著，一度從醫院轉往輕症患者下榻的飯店，才經過不到半天，就被醫師宣判</t>
  </si>
  <si>
    <t>新冠肺炎疫情爆發過後，全球近30個城市展開血清抗體篩檢，彰化縣是全國第一個大規模篩檢，縣府和台大公共衛生學院、彰基等合作，針對確診個案及接觸者、居家檢疫、防疫人員、居家關懷、長照據點長者及工作人員等，展</t>
  </si>
  <si>
    <t>確診者屢傳失去嗅覺和味覺，截至昨日，目前台灣已有32例個案有此症狀，前和平醫院急診室主任張裕泰表示，當年護理師感染SARS康復後卻失去嗅覺，至今都未恢復。指揮中心也將此症狀列入通報條件。截至昨日台灣有32例確</t>
  </si>
  <si>
    <t>新冠肺炎疫情在全球來勢洶洶，有潔癖且自稱患有「細菌恐懼症」的美國總統川普提供私藏防疫祕方，他說只要像他一樣，拚命洗手，沒事別碰扶手，聽到有人打噴嚏就逃走，就可決戰病毒於體外。他還抱怨，外界過於誇大新冠</t>
  </si>
  <si>
    <t>新冠肺炎疫情日益嚴重，全球如臨大敵，尤其熱門旅遊國家，在防堵疫情與自由開放度之間拔河，例如日本，即使官方表現得自信輕鬆，然在地民眾的反應卻是相當真實的，女星林韋君上周到日本關西一帶旅遊，就親眼見識到這</t>
  </si>
  <si>
    <t>新冠肺炎來勢洶洶，由於開學日不同於以往增加防疫的工作，平鎮警分局執行「護童專案」，即時增派警力至各校門口協助校方測量體溫時的交通秩序，以確保學童的安全，平鎮國中校長羅新炎表示，大家都很關心疫情，這次開</t>
  </si>
  <si>
    <t>雲林縣北港工藝坊4日舉辦鼠年特展「人喜盛世，心有所鼠」，25名工藝師以鼠年為主題創作木雕、紙塑等作品，主辦單位希望藉由各領域工藝師齊聚一堂打造鼠年氛圍，同時邀民眾抗疫期間欣賞藝術創作「賞藝抗疫」。新冠肺</t>
  </si>
  <si>
    <t>敦睦艦隊磐石艦確診24名新冠肺炎，國防部副部長張哲平今天在司法法制委員會答詢時證實，磐石艦有337位軍士官兵，其中70人看診71次，且其中有5人發燒。中央疫情指揮中心下午記者會表示，發燒5人中經過三個實驗室進行</t>
  </si>
  <si>
    <t>疫情嚴峻，台中市長盧秀燕7日宣布，從9日開始，市府就會要求市民朋友或者是遊客，搭乘大眾運輸系統的時候，要強制戴口罩；乘客如果不戴口罩，會先行勸導，勸導不聽，即開罰3000元到1萬5000元。盧秀燕今日上午在市政</t>
  </si>
  <si>
    <t>新冠肺炎疫情讓全球體育賽事停擺，但台灣體壇這個周末很熱鬧，從學生聯賽到職業賽事都有比賽讓運動迷熱血一下，昨天全球唯一開打的職棒中華職棒31年例行賽相當受到矚目，國內外投注網站都熱鬧滾滾。昨在台中洲際棒球</t>
  </si>
  <si>
    <t>台股多頭明燈台積電（2330）不但守穩季線也即將收復30日跳空缺口，帶動台股11日大漲89.97點，漲幅0.78％，收在11,664點，新冠肺炎最恐慌的衝擊已經過去，11日共有219檔11日股價已經超越20日收盤價，跨過新冠肺炎缺口</t>
  </si>
  <si>
    <t>加州州長紐森周二將宣布加速解除防疫封鎖，在開放零售、製造、物流與休閒公共場所後，再新增餐廳開放現場用餐。已長時間封鎖的民眾開始逐步恢復正常生活，洛杉磯民眾更早於周末就按耐不住湧上街頭，表達對自由嚮往。</t>
  </si>
  <si>
    <t>昨天才宣布零個案，中央流行疫情指揮中心指揮官陳時中今宣布，國內新增2例新冠肺炎境外移入病例，分別為60多歲女性(案394)及20多歲女性(案395)，均自美國返國。指揮中心指出，案394於1月22日至美國探親，3月30日搭乘</t>
  </si>
  <si>
    <t>韓國疾病管理本部周五上午宣布，新型冠狀病毒感染確診病例新增518人，累計確診病例達6,284例。死亡病例新增7人，累計死亡病例達42人。由於國內疫情持續快速升高，防護型口罩嚴重短缺，為了確保口罩穩定供應與平均分</t>
  </si>
  <si>
    <t>華裔女星白靈在《墮胎師》中深刻詮釋遊走法律邊緣的「墮胎手」，以此片入圍第57屆金馬獎最佳女主角獎，定居洛杉磯的她將出席金馬頒獎典禮盛會，因此早早來台，要先挺過隔離這一關，對個性活潑大膽愛熱鬧的白靈來說，</t>
  </si>
  <si>
    <t>食藥署今天核發26萬劑高端疫苗封緘證明書，讓指揮中心現在共有61.4萬劑高端疫苗可放入第六輪公費疫苗預約平台進行使用。衛福部長陳時中表示，高端疫苗今起開放預約後，已有24萬人完成預約，約佔整體符合資格60萬名對</t>
  </si>
  <si>
    <t>友訊經營權之爭，公司派對上市場派，上周更延燒到明泰董座大位，明泰大股東佳世達也宣布，擬以每股30元收購明泰，收購明泰最多10.3萬張股，即19%的明泰股權，屆時佳世達持有明泰股將上看42.8%，明泰(3380)今以24.35</t>
  </si>
  <si>
    <t>因應嚴重特殊傳染性肺炎疫情加溫，新北市政府農業局輔導轄內取得許可登記證的休閒農場，皆配合強化三級防疫政策自主停業，後續農業局將協助休閒農場業者向中央爭取紓困補助措施。由於嚴重特殊傳染性肺炎(COVID-19)疫</t>
  </si>
  <si>
    <t>新冠肺炎全球持續延燒，台灣疫情今（17日）卻再度傳出佳績，不但國內新增確診案例連2日「+0」，更是單周內第3度零確診，讓累積確診數維持在395例。不過前衛生署長楊志良卻感到擔心，表示台灣人體內普遍沒有抗體，加</t>
  </si>
  <si>
    <t>中央流行疫情指揮中心昨天宣布，國內新冠肺炎零確診。根據統計，上次零確診發生在1月25日，至今已相隔18天，也是農曆牛年來第一次+0。截至目前，國內共累計937名確診案例，分別是821例境外移入、77例本土病例、36例</t>
  </si>
  <si>
    <t>對於台灣新冠疫情延燒，而目前疫苗卻只有71萬劑AZ疫苗，以及明天到貨的15萬劑莫德納疫苗，引發民眾怒火，前氣象主播李富城也在臉書怒稱，「還要死多少台灣同胞，政府才會給我們疫苗？」台灣今天本土疫情再創新高，過</t>
  </si>
  <si>
    <t>大立光(3008)公布2月合併營收為36.72億元，月減10.66%，為108年2月以來單月新低，但亦是歷年同月新高，大立光表示，由於新冠肺炎疫情市場變化較大，目前看起來3月拉貨動能會比2月好，但客戶訂單是否修正仍待觀察。大</t>
  </si>
  <si>
    <t>小編精選《中國時報》5件不可不知大事，帶讀者掌握今天（12日）新聞重點。【1】境外移入確診產子 醫護如臨大敵中央流行疫情指揮中心昨天公布國內新增2例自菲律賓境外移入新冠肺炎病例，其中一名菲律賓籍30多歲女性（</t>
  </si>
  <si>
    <t>幾番論辯再幾番互踢皮球，大甲鎮瀾宮終於決定延期舉行媽祖遶境進香活動，就防疫角度看，這是應當之舉，相信媽祖也不希望信徒冒生命危險進香，並且把危險散播給更多人。問題是，如此簡單明白的一件事，蔡政府卻不敢出</t>
  </si>
  <si>
    <t>我國採購新冠疫苗有譜，最快明年第一季就能取得至少460萬劑的疫苗，每劑訂金10.5美元（約新台幣300元），疾管署副署長莊人祥今天證實，我國已向COVAX支付訂金，依照COVAX的採購規則最少能取得該國人口10％的疫苗，因</t>
  </si>
  <si>
    <t>美國、歐洲新冠肺炎疫情趨緩，不過隨著復工，各國紛紛警告，第二波疫情勢不可擋，英美專家更表示，伴隨流感季來臨，今年冬季的新冠肺炎疫情將更加兇險。路透社報導，美國疾病管制暨預防中心主任芮斐德（Robert Redfi</t>
  </si>
  <si>
    <t>考量國內疫情已趨緩並且穩定控制，經與相關單位溝通討論及評估後，疫情指揮中心4日宣布，10月5日至10月18日維持疫情警戒標準為第二級，調整相關規定及原則說明如下：一、符合主管機關防疫管理規定得開放，請遵循相關</t>
  </si>
  <si>
    <t>俄羅斯媒體11日晚報導，韓國名導金基德因新冠肺炎引起併發症，已在拉脫維亞一家醫院病逝，享年59歲，震驚外界。韓國媒體隨後指出，金的友人向金基德家人確認後，證實死訊，並稱「家屬也是11日才接到他死亡的消息」。</t>
  </si>
  <si>
    <t>2020年1月15日，中美兩國簽署第一階段貿易協議，讓雙方持續兩年的緊張關係獲得緩和。正當外界以為中美關係即將好轉，新冠肺炎疫情卻改變了這一切，「港版國安法」更進一步讓中美關係跌至冰點，「新冷戰」儼然成形，</t>
  </si>
  <si>
    <t>金門縣府在尚義機場建置的快篩站，昨天因中央撤銷「快篩令」公告遭到拆除，但縣府今天下午馬上架設全國機場首座可自動對到站旅客量測額溫和全面性消殺病菌的「智慧安全防疫門」（清消門）。楊鎮浯縣長強調，防疫工作</t>
  </si>
  <si>
    <t>新型冠狀肺炎疫情升溫，南投縣政府公告「自助選物販賣機店」（夾娃娃機）暫停營業至5月28日，仍有許多業者繼續插電營業，南投警分局配合防疫政策，查獲7家，埔里警分局查獲1家，依《傳染病防治法》移交主管機關裁罰</t>
  </si>
  <si>
    <t>「如果老人不想打疫苗就不要擋路，請指揮中心盡快開放讓年輕人打。」北市聯醫忠孝院區主治醫師陳昶宇罕見說出重話，坦言目前國內疫苗施打速度太慢，不少人對疫苗的心態又在挑三揀四，這讓陳昶宇忍不住直呼，病毒可不</t>
  </si>
  <si>
    <t>作為一位成就非凡的女性領導者，同時還必須扮演好母親、妻子、女兒與媳婦等角色，電通行銷傳播集團台灣執行長唐心慧（Jennifer Tang），在出版了《人生，我選擇以上皆是》的第一本暢銷書之後，最新著作《人生有所謂</t>
  </si>
  <si>
    <t>東京奧運再兩天就要正式開幕，目前世界各國的好手們都陸續抵達了日本東京，準備迎接這盛大的體育賽事，而本次奧運因為正逢新冠肺炎肆虐，整體辦起來提心吊膽，雖然國際奧會和日本方面都還是有信心，但難保疫情不會影</t>
  </si>
  <si>
    <t>日前爆發多位醫護人員遭患者砍成重傷；副總統賴清德今表示，他感謝醫護人員，用生命拯救生命；也拜託大家給醫護同仁多一點溫暖和鼓勵，不要讓彼此成為敵人。賴清德今在臉書指出，吞下壓力、辛苦與疲倦，依循繁複的SO</t>
  </si>
  <si>
    <t>新北市16日新增6例確診個案，因有3例是永和，外界擔心是否跟先前永和某社區大樓5例確診有關，新北市衛生局長陳潤秋表示，根據疫調沒關聯，這次主要家族8名人員跟2名朋友到花蓮旅遊，他們自己開車入住民宿，有同車、</t>
  </si>
  <si>
    <t>蔡英文今日在官邸接見包括工總理事長王文淵、三三會理事長許勝雄、工商協進會理事長林伯豐、台灣商業聯合總會理事長張平沼、商總主席賴正鎰、工業區廠商聯合總會榮譽理事長秦嘉鴻等工商團體負責人就疫苗、紓困以及缺</t>
  </si>
  <si>
    <t>本土疫情趨於嚴峻，生策會21日表示，防疫首重阻斷傳播鏈，目前而所面臨的挑戰包括篩檢量需求大幅增加，及醫療體系面臨防護設備短缺等迫切問題，生策會提出三大因應方向，希望在政府的高效率防疫政策及國人的高度配合</t>
  </si>
  <si>
    <t>雖然美國眾議院議長裴洛西上周與財長穆努欽密集談判，力爭新紓困案能早日通過。但鑒於近來已有三名共和黨參議員確診，參議院多數黨領袖麥康納（Mitch McConnell）上周末已宣布參議院將暫停立法工作直到19日，這也意</t>
  </si>
  <si>
    <t>新北市新店警分局獲報，新店區安豐路某老舊三合院內藏有職業賭場，警方跟監多時於今（14日）凌晨1時許前往取締，當場逮捕61歲張姓負責人及44歲周姓發牌員、賭客共33人，查獲抽頭金3800元、賭資44萬2600元等證物，警</t>
  </si>
  <si>
    <t>新冠肺炎疫情延燒，華南銀行也火速清查債權部位，主動出擊、協助廠商。華南金控暨華南銀行董事長張雲鵬指出，華銀已全面清查相關產業的曝險情形，依國發會列出受疫情影響較為嚴重的產業，如觀光、旅遊、航運、餐飲業</t>
  </si>
  <si>
    <t>一名男性乘客14日搭乘美國聯合航空班機時突然停止呼吸、猝死，最終證實他感染新冠肺炎，事件引發外界譁然，一名男性乘客後續在網路上描述當下搶救過程，指出自己為男子進行了約45分鐘心肺復甦術（CPR），全身流滿汗</t>
  </si>
  <si>
    <t>疫情升溫，更見善心！台中市政府警察局第四分局黎明警友站長陳蓀裕，亦是目前惠蓀開發建設及小王子教育事業等公司負責人，有感於警察人員身處防疫最前線，為守護全民杜絕疫情傳播，堅守著第一道防線。除須打擊犯罪、</t>
  </si>
  <si>
    <t>疫情蔓延全世界，各國積極研究相關治療方法，台灣中醫界也不落人後，嘉義長庚醫院中醫科主任吳清源帶領的研究團隊，從台灣茶葉萃取出一種多酚羥基茶駢酚酮結構的物質「Theaflavin」可結合於新冠肺炎的2019新型冠狀病</t>
  </si>
  <si>
    <t>新一批合計41萬劑的AZ疫苗今抵達台灣；民進黨前立委林濁水今在臉書表示，加上先前的30萬劑，70萬劑中，自己買到的只有11萬，其餘都是COVAX平台分配的，這樣的採購能力太令人驚嚇了！林濁水說，又有40萬劑AZ了。真是</t>
  </si>
  <si>
    <t>國內疫情因中研院案再起波瀾，加上春節返台人潮多，台北市決定展開疫苗第3劑施打計畫，副市長蔡炳坤15日指出，目前符合第3劑施打資格的多為第1類醫事人員，醫院方會盡快在明年1月達95％的目標，診所則會與工會合作，</t>
  </si>
  <si>
    <t>新冠肺炎疫情在歐洲急遽升溫，其中義大利確診人數追上南韓，成為僅次於大陸，疫情最嚴重國家，法國也累積1412人確診，文化部長里斯特更被感染，目前在台灣學中文的法籍YouTuber路易，這陣子收到很多親友關心，不少台</t>
  </si>
  <si>
    <t>新冠肺炎疫情蔓延全球，新北市政府14日上午9時舉辦亞洲城市首場「新冠肺炎社區感染大規模防疫演習」，模擬社區爆發大量感染時的應變策略及緊急措施，中央流行疫情指揮中心指揮官陳時中全程指導，新北市長侯友宜建議</t>
  </si>
  <si>
    <t>韓國新冠病毒疫情急速蔓延，確診病例飆破2,000大關，為紓解疫情擴散對經濟的衝擊，首爾當局計畫挹注16兆韓元（逾130億美元）的緊急資金，以減稅及補助方式替企業與個人紓困。韓國財長洪楠基（Hong Nam-ki）28日宣布</t>
  </si>
  <si>
    <t>防疫零缺口，澎湖縣率先全國於機場及港口裝設紅外線體溫測量儀，深獲醫界高度肯定；20日縣府再創全國先例成立「居家檢疫報到站」，避免防疫漏洞空窗期。驚爆新冠肺炎疫情，澎湖縣府會共識新購2部紅外線體溫測量儀，</t>
  </si>
  <si>
    <t>中央流行疫情指揮中心今(10)日公布國內新增2例境外移入COVID-19(新冠肺炎)病例(案580、581)，均為來臺工作之30多歲印尼籍女性。指揮中心表示，案580、581分別於今(2020)年10月26日及27日自印尼搭機來臺工作，入境迄</t>
  </si>
  <si>
    <t>川普政府為了對陸通過港版國安法強硬表態，宣布一連串對陸打擊措施，作為挺香港姿態；不過正當非裔人民遭白人警員不當執法致死，引起全國示威，但川普不停地在推特上「火上加油」，多次聲稱要用暴民動用軍隊平亂，讓</t>
  </si>
  <si>
    <t>韓國疾病管理本部周二下午宣布，新型冠狀病毒感染確診病例新增374人，累計確診病例達5,186例。單日新增確診病例達974人。由於南韓境內新冠肺炎確診人數仍持續大幅增加，截至周二為止，全世界總計有89個國家或地區將</t>
  </si>
  <si>
    <t>新冠肺炎疫情讓壽險行銷受阻，但影響最大的還是專作境外客戶的國際保險業務分公司（OIU）。據保險局統計，今年前5月壽險OIU僅賣出16張保單，新契約保費僅876.7萬美元（約新台幣2.6億元），且今年僅剩下五家壽險公司</t>
  </si>
  <si>
    <t>中國疾控中心流行病學首席科學家曾光12日上午在個人微博發文，預測這次新冠肺炎疫情下降的轉折點已經出現，但還潛藏著上升的轉折點。他提醒，各界不可低估多達1.6億人口流動返程潮對疫情的負面影響，首當其衝的就是</t>
  </si>
  <si>
    <t>新冠肺炎疫情延燒，清明連假後一周，雖然國內確診案例沒有明顯激增，不過中央流行疫情指揮中心指揮官陳時中仍保守表示，需再觀察一周。陽明醫學博士胸腔重症醫師蘇一峰也指出，連假後觀察期只過一半，並指出常看到民</t>
  </si>
  <si>
    <t>水神次氯酸抗菌液終於來了！旺旺水神公司在鹿港鎮公所後方倉庫設置水神生成機，鹿港鎮長許志宏8日在臉書宣布消息後，9日上午一開放領取就大排長龍，公所趕緊宣布在平日上午、下午之外，再增加傍晚第三個時段，方便民</t>
  </si>
  <si>
    <t>因應農曆春節返鄉潮，嘉義市防疫旅館自9日起已從50間增加到66間，不過需求量相當大，明年1月1日至24日已全數訂全滿，25日至31日訂房率也達9成，雖市府希望更多業者能加入春節防疫旅館行列，因交通部國旅券補助到明年</t>
  </si>
  <si>
    <t>本土疫情持續升溫，台灣面臨嚴重疫苗荒。針對衛福部的優先名單第二類，「維持防疫體系運作之中央及地方政府重要官員」名單有誰，引起外界質疑。中央流行疫情指揮中心副指揮官陳宗彥16日搬出《個資法》第6條規定，指</t>
  </si>
  <si>
    <t>有竹聯幫黑道背景的朱姓男子，涉嫌在疫情期間，假借「新冠肺炎」話術，假冒檢警，向大陸民眾詐騙，初估3月至今已有近百人受騙，不法獲利約1000萬台幣。刑事局日前至朱嫌位於桃園的話務機房攻堅，逮捕朱等6嫌，依組織</t>
  </si>
  <si>
    <t>台北市公布1例確診個案足跡，案15874在8月6日確診，初判可能感染源尚待釐清，而該確診者為虎林市場的攤商，8月3至5日早上6點到11點都在虎林市場擺攤，個案工作場域已做清消，8月7日至9日封攤3天。北市衛生局確診足跡</t>
  </si>
  <si>
    <t>本土疫情爆發，每天動輒上百人確診，根據指揮中心統計，國內這波流行的主要是英國變異株，然而近期在爆發的印度變異株傳染力更甚一籌，媒體問到，疫情指揮中心是否在國內有驗出印度變異株？中央流行疫情指揮中心發言</t>
  </si>
  <si>
    <t>新冠肺炎疫情致使中國大陸復工進度緩慢，鴻海精密（2317）對此坦言對全年營收確有負面影響，但海外廠區營運持續滿載，部分擴產計畫亦正常進行中。鴻海今（20）日開高後翻黑，最低下跌1.55％，終場下跌1.19％、收於82</t>
  </si>
  <si>
    <t>造紙大廠正隆（1904）因應新冠病毒疫情持續延燒，主要生產家庭用紙的竹北廠為照顧鄰近居民需求，宣布今（24）日起免費提供附近居民次氯酸鈉水，鼓勵居民做好環境消毒、維護安全空間，為疫情防護貢獻心力。正隆造紙事</t>
  </si>
  <si>
    <t>雲林縣17日無新增確診個案，但有外縣市確診至本縣足跡案1例（案13619），為男性21歲，平時於雲林縣麥寮鄉六輕工業區上班，11日返回桃園住家，曾與確診個案足跡重疊，15日前往醫院採檢結果陽性，16日確診，目前由桃園</t>
  </si>
  <si>
    <t>衛生福利部去（2020）年公告徵求高端疫苗臨床實驗受試者時，曾明確備註5類人不建議參加，現有專家質疑，高端開打這5類人並未被排除，且說明中也沒有特別註明。中央流行疫情指揮中心指揮官陳時中回應，做臨床試驗時，</t>
  </si>
  <si>
    <t>新冠肺炎疫情嚴重衝擊台灣觀光產業，靜宜大學觀光系教授黃正聰指出，新冠肺炎規模遠大於SARS，影響產值約為SARS的4倍，建議政府未來除擴大國旅補助外，包括產業資產利息補貼，規費及遊覽車燃料稅、營所稅等減免，將</t>
  </si>
  <si>
    <t>3日，湖北省人民政府副省長楊雲彥在發布會上表示，目前湖北省各地市危重症床位配置已基本能滿足重症病人的救治需求，武漢市通過加快建設重症救治床位，由「人等床」轉變為「床等人」截至3月2日，同濟光谷、協和醫院</t>
  </si>
  <si>
    <t>日本22日新增15例新冠肺炎確診，其中，名古屋公布4人感染確診，其中一名60多歲男性是高速公路收費站的職員，和他密集接觸的52名收費員，也被要求在家隔離，名古屋高速公路更決定封閉6個入口。根據《日本媒體》報導，</t>
  </si>
  <si>
    <t>指揮中心今天表示，日前屏東2名自秘魯入境的祖孫，經基因定序確定為印度病毒株（Delta）。藍委賴士葆表示，Delta變種病毒來勢洶洶，全世界都嚴陣以待，很多國家都因為這個新的病毒侵襲重啟警戒防疫措施，採購疫苗、</t>
  </si>
  <si>
    <t>今日世界肺炎日，李慶雲兒童感染暨疫苗發展醫學文教基金會攜手中華民國糖尿病學會、台灣家庭醫學醫學會、財團法人中華民國心臟基金會，及財團法人腎臟病防治基金會現場共同呼籲，應積極採取保護措施，控制自身慢性病</t>
  </si>
  <si>
    <t>第六輪高端疫苗接種即將在下周一（16日）開放預約，中央流行疫情指揮中心今天公布，第六輪有3類對象符合預約資格，預計提供60多萬劑高端疫苗供第六輪接種。指揮官陳時中表示，目前先準備60幾萬劑的高端疫苗，符合預</t>
  </si>
  <si>
    <t>依據中央流行疫情指揮中心公布，新竹市28日新增1名確診個案，新增的案7307為1歲多男童，為23日公布的30多歲男性案4235同住家人。男童22日匡列居家隔離、23日第一次採檢陰性，27日出現發燒症狀進行二次採檢，28日PCR</t>
  </si>
  <si>
    <t>新冠肺炎疫情延燒，台灣出現首例死亡病例，台北市長柯文哲17日表示，即使是社區感染也有程度的不同，他提醒大家「社區感染遲早會發生」，但重點是就算發生要維持在「零星個案」，這是上策。台灣出現新冠肺炎死亡首例</t>
  </si>
  <si>
    <t>時序秋冬，新冠肺炎（COVID-19）疫情持續上升，多國的確診者數字再創新高，南韓也不例外，爆發第三波感染潮，24歲男星李燦元（이찬원）不經意檢測卻中鏢，嚇得網刷一片「好恐怖」！李燦元所屬的經紀公司NEW ERA PROJECT</t>
  </si>
  <si>
    <t>行政院長蘇貞昌修正「3＋11決策過程」專案報告，從原先讚嘆台灣防疫有成，軟化為向死者道歉。對此轉變，蘇貞昌今赴立院報告前表示，他的期望只有希望政府不要空轉，人民納稅錢不要浪費。行政院長蘇貞昌上周五赴立院</t>
  </si>
  <si>
    <t>截至目前為止，NBA共有14人確診新冠肺炎，其中只有戈貝爾、米契爾、伍德、杜蘭特與斯馬特公布確診，剩下9人皆因保護隱私權而未公布，但連NBA總裁席爾佛都坦承，NBA球員等同超級傳播者，確診名單到底要不要公布呢？其</t>
  </si>
  <si>
    <t>大陸31省市29日總計新增31例新冠肺炎確診，其中30例為境外輸入，新增死亡4例均在湖北。大陸國家衛健委30日數據顯示，29日大陸新增確診31例中，本土病例1例位於甘肅，其餘30例過為境外輸入，新增死亡病例4例均在湖北</t>
  </si>
  <si>
    <t>台灣一旦新冠肺炎疫情擴散，下一步很可能社區傳播，民眾該如何防範？醫師表示，勤洗手、落實個人衛生習慣，是不二法門；家族儘量減少聚餐；勿與不認識的人親密交談，若無法避免交談，最安全的距離是3公尺，避免飛沫</t>
  </si>
  <si>
    <t>未來品牌指數（FutureBrand Index）2021年全球最受尊崇企業排行榜出爐，荷蘭半導體設備大廠艾司摩爾（ASML）擠下蘋果掄元，台積電躍升至第六，三星電子大跌十名，降至第13名。新冠肺炎疫情爆發後，全球企業排名大洗</t>
  </si>
  <si>
    <t>智邦(2345)5月營收雙增，苗栗疫情嚴峻，智邦目前有12位員工確診，都已安排接受醫療隔離照顧，其中已有1位員工出院休養，智邦已備妥後續篩檢資源，也會擴及提供給同仁的家人，實施定期滾動式篩檢，智邦目前生產出貨仍</t>
  </si>
  <si>
    <t>新冠肺炎疫情持續惡化，坊間「全面禁食野味」的呼聲愈來愈高，福建省18日通過全面禁食野味規定，任何單位和個人不得生產、經營使用禁食的野生動物及其製品製作的食品。《東網》報導，福建省十三屆人大常委會第十六次</t>
  </si>
  <si>
    <t>新冠肺炎蔓延，義大利成為重災區，大陸因而捐了一批口罩給義大利，但沒想到因為品質惡劣而登上國際新聞，今有媒體起底做這批口罩的公司背景，赫然發現竟有台資背景！讓陸網友不平表示，害大陸背黑鍋！據《法廣》報導</t>
  </si>
  <si>
    <t>民進黨立委高嘉瑜今天在立法院總質詢呼籲政府公布每日生產口罩的流向，不然民眾只知道生產量增加但還是買不到，會產生疑慮。行政院長蘇貞昌對此表示，口罩產能才來到每日1200萬片，市面上不可能偷賣或藏匿口罩，只要</t>
  </si>
  <si>
    <t>知名作家九把刀（柯景騰）今（11日）透過臉書證實岳母接種完AZ疫苗4天後辭世，坦言很難不跟疫苗聯想在一起，因為岳母有運動習慣，3月健康檢查僅有膽固醇及低密度脂蛋白膽固醇超標，為了求真相只能忍痛解剖。有網友認</t>
  </si>
  <si>
    <t>新冠肺炎帶來的口罩供需失衡，在實名制限量的政策方向下，藉著過往良好的健保藥局體系，包括資訊體系及開放資料，在公民協力運作下，快速建立起物流及資訊流，讓政策可具體全面執行，且將訊息直接連結民眾需求。這些</t>
  </si>
  <si>
    <t>自國內爆發大型社區感染疫情以來，已連續13天本土確診數破百，死亡人數也快速增加，已累計78人染疫身亡，這波疫情也讓不少人表現出對疫苗的迫切需求。對此，前副總統陳建仁坦言，夫妻2人已接受國產「高端疫苗」人體</t>
  </si>
  <si>
    <t>明知故犯！紐西蘭上月底宣布為期1個月的全境封鎖，要民眾盡量待在家裡。但衛生部克拉克竟然帶頭違規，無視於政府要求的，即使運動也要在住家附近的規定，駕車到2公里外的空曠公園騎越野車。沒想到他停在公園的廂型車</t>
  </si>
  <si>
    <t>菲律賓衛生部日前批評大陸贈送的新冠病毒試劑準確度太低，僅40%，已經丟棄不用，隨後遭陸駐菲使館嚴正抗議，菲律賓已在昨（29）日公開道歉。菲律賓衛生部助理部長維赫利（Maria Rosario Vergeire）28日在記者會上公</t>
  </si>
  <si>
    <t>新北市今新增13名確診，其中新莊區新增6人最多，市府也公布相關足跡，三重國際通百貨廣場、三峽全聯超市7、8日分別有確診者足跡。新北市長侯友宜今表示，今新增新莊6例、中和2例、板橋、三重、新店、林口、三峽各1人</t>
  </si>
  <si>
    <t>紐西蘭為防止新冠肺炎疫情擴散，台北時間14日公布全球最嚴的邊境管制措施，要求所有入境旅客，包括其本國公民，自周日（15日）凌晨起，自我隔離14天，所有郵輪6月30日前都不得停靠紐西蘭港口。目前紐西蘭已有6例新冠</t>
  </si>
  <si>
    <t>中央流行疫情指揮中心31日公布高雄新增1例本土確診個案，該確診者案8530與鳳山賭場群聚案互有關聯，她是曾到瑞竹路牌間打麻將的案5888按摩師家人，目前鳳山賭場傳播鏈已有15人確診，總共匡列702位接觸者，由於按摩師</t>
  </si>
  <si>
    <t>校園接種BNT將在9月23日開打，各縣市近期回收學生接種意願書，台北市教育局統計9成以上家長同意接種，但台中市考量許多家長仍在猶豫，決定延至16日回收意願書。中央流行疫情指揮中心指揮官陳時中表示，目前收到教育</t>
  </si>
  <si>
    <t>行政院今天舉行臨時院會，正式通過紓特別條例修正案，政院並說明整體1兆500億紓困方案。政務委員龔明鑫表示，第2波方案特別針對就業，將以千億穩住192萬人就業，自營業者將協助100萬人，每人每月1萬元，可獲3個月補</t>
  </si>
  <si>
    <t>高端疫苗23日開打，台北市長柯文哲日前曾說，這些人是替高端做大規模第三期人體試驗，而衛福部長陳時中今日回應表示，這是高端緊急授權（EUA）上市後的「市場監測」；對此，柯文哲諷刺，陳時中的說法聽起來很像是藥</t>
  </si>
  <si>
    <t>台南市永康探索公園昨天傳有長者聚集且未配戴口罩，為免防疫出現破口，管轄的永康警分局除先行派員勸導，請現場民眾確實戴好口罩外，市府得知此事也相當重視，責成永康警分局永康派出所員警，17日配合永康區公所副區</t>
  </si>
  <si>
    <t>因應新冠肺炎疫情，英國已經封城一個多月，這段期間學校關閉、學生在家自學。英國王室也不例外，喬治王子（Prince George）與夏綠蒂公主（Princess Charlotte）在家學習，媽媽凱特王妃爆料，小喬治會對妹妹吃醋，因</t>
  </si>
  <si>
    <t>香港連續第三日新冠肺炎「零確診」，恆生指數兩日累計上漲744點後，29日上午創七周來新高。恆生指數29日高開210點，報24,786點，重返50天線（約24,600點），一度上漲279點至24,855點，創3月11日以來新高，隨後漲幅收</t>
  </si>
  <si>
    <t>國民黨立委洪孟楷從英國返台後，目前仍在7天自主健康管理期，今卻到立法院參與記者會，挨批防疫破口，對此，洪孟楷強調，根據衛福部防疫指引，自主管理期無症狀可正常生活，皆依循防疫規定嚴格要求。洪孟楷表示，經</t>
  </si>
  <si>
    <t>台北市今日公布確診個案足跡，其中案15891在8月8日確診，初判可能感染源尚待釐清，個案8月5日下午1點20分曾到過天母的義麵屋停留1小時，8日已完成清消，8／9-8／11停業；6日早上9點50分至10點30分曾到過北投區仟人活</t>
  </si>
  <si>
    <t>高雄市茄萣興達港觀光魚市上周假日擠滿人潮，兩天湧入7000名遊客，網友質疑，難道是已自行微解封，擔心成為防疫破口。對此，主管機關高市府經發局今（12）日勒令即日起休市並全面清消，並進行防疫管制計畫檢討改善，</t>
  </si>
  <si>
    <t>新冠肺炎確診病例再增一例，中央流行疫情指揮中心今天日公布國內第45例確診病例，為一名50多歲女性，其為先前引發醫院院內感染案34確診前同病房、不同病室，但已出院病人，後又追回採檢呈陽性反應，現住進負壓隔離病</t>
  </si>
  <si>
    <t>27歲英國創作才子山姆史密斯（Sam Smith）19日才在女神卡卡（Lady Gaga）策劃的防疫慈善演唱會上大秀歌藝，不料隔天他卻自爆曾罹患新冠肺炎。山姆接受Apple Music的Zane Lowe訪問表示，在上月23日英國封城的前2周，</t>
  </si>
  <si>
    <t>行政院副院長陳其邁晚間在臉書分享，口罩下周起單日產增將達千萬片以上。他也與政務委員唐鳳研議「口罩實名制2.0」政策，讓民眾更方便買到口罩。陳其邁表示，截至昨天，口罩單日生產960萬片。3月9日新增的60台機組都</t>
  </si>
  <si>
    <t>新冠肺炎疫情延燒，雙北防疫工作也成注目焦點，媒體詢問，新北市防疫做得很好，外界認為台北市長柯文哲一直想要追上新北腳步，雙北市長是否有心結？侯友宜回應，別人怎麼做我都尊重，新北市一定要走在最前面。侯友宜</t>
  </si>
  <si>
    <t>國內新冠疫苗擴大施打中，不少人關心疫苗混打可能性。疫情指揮中心指揮官陳時中表示，目前還是以AZ混打mRNA的疫苗（莫德納及輝瑞/BNT）為主，其他的可能性也會持續討論中，但仍要看疫苗的進貨情況才能決定，他也鬆口</t>
  </si>
  <si>
    <t>新冠肺炎疫情全球蔓延，許多人嚇得不敢出國，觀光業大受影響，不過有網友好奇，為何疫情肆虐，部分飯店仍不降價？在網路上引起熱烈討論，有內行人揭露背後原因，直呼「這2大關鍵反而讓飯店業者爽死」。原PO在PTT以「</t>
  </si>
  <si>
    <t>過去海峽論壇通常都在每年6月份舉辦，今年因為以新冠疫情防疫為優先考量，本屆論壇推遲到12月才舉辦。持續舉辦海峽論壇不中斷，主辦單位表示，這充分彰顯了兩岸同胞希望兩岸關係和平發展、積極探索融合發展的主流民</t>
  </si>
  <si>
    <t>新冠肺炎讓觀光業奄奄一息，政府給了紓困的續命丸後，再撐3個月應該不難。問題在於，未來這幾個月，不該是啃著政府給的饅頭過日子，觀光產業同樣要有「超前部署」的自覺，否則過了這村，未必有店。年輕人對「國旅」</t>
  </si>
  <si>
    <t>大陸國家衛生健康委員會3月6日公布，3月5日全大陸31個省和新疆生產建設兵團報告新冠肺炎新增確診病例143例，新增死亡病例30例（湖北29例，海南1例），新增疑似病例102例，新增治癒出院病例1,681例。截至3月5日，全大</t>
  </si>
  <si>
    <t>蔡英文總統今天上午以錄影方式為「110年國際護師節聯合慶祝大會」致詞，感謝護理師過去一年多來，全力投入防疫工作。現在疫情還沒有結束，不能有任何鬆懈，她拜託護理師們持續與政府一起守住疫情、守護台灣。每年5月</t>
  </si>
  <si>
    <t>最新資料顯示，在新冠肺炎疫情爆發期間，詐騙份子反倒更加活躍，包括釣魚攻擊等信用卡詐欺案件大增，這令飽受疫情重創的消費者與銀行面臨另一個虧損風險。根據美國富達國民資訊服務（Fidelity National Information</t>
  </si>
  <si>
    <t>印度是全球仿製藥生產大國，有「世界藥房」的美譽，印度總理莫迪（Narendra Modi）去年才說，印度將製造足夠的疫苗「幫助全人類」，幾個月不到，印度卻落得新冠疫情失控、國內疫苗不夠的窘境，美媒分析，印度陷入窘</t>
  </si>
  <si>
    <t>譜瑞-KY(4966)去年受惠疫情帶動的居家辦公、遠距教學，PC、NB等需求大好，全年每股大賺44.86元，展望第一季，也預計將淡季不淡，董事長趙捷表示，目前需求均維持在高檔，但晶圓產能確實很吃緊，會是譜瑞-KY的挑戰。</t>
  </si>
  <si>
    <t>台北市一名孕婦日前因預約第2劑莫德納疫苗，意外發現自己在預約平台上遭誤植已混打高端，經中央流行疫情指揮中心清查，發言人莊人祥說明，共有3075筆資料有誤，其中實際在本期預約受影響約110人，受影響的民眾可透過</t>
  </si>
  <si>
    <t>工商時報與南僑集團及太田水素工坊生技（股）公司暨歐立得科技有限公司和社團法人台灣醫務管理學會將於7月24日下午1：30（1：00入場）在中華經濟研究院國際廳隆重舉辦新冠肺炎（covid-19）高峰論壇，邀請衛福部疾病</t>
  </si>
  <si>
    <t>大陸國家衛生健康委員會3月1日公布，2月29日全大陸31個省和新疆生產建設兵團報告新冠肺炎新增確診病例573例，新增死亡病例35例（湖北34例，河南1例），新增疑似病例132例，新增治癒出院病例2,623例。截至2月29日，全</t>
  </si>
  <si>
    <t>今年大概是比利時一間養老院最悲慘的聖誕節，月初一名感染新冠病毒卻無症狀的聖誕老人來訪後，至今一共有18名長者喪命。英國《太陽報》（The Sun）報導，比利時北部莫爾市（Mol）的一間養老院歷經了相當悲慘的聖誕節</t>
  </si>
  <si>
    <t>香港北角「福慧精舍」爆疫未停，衛生防護中心驗出佛堂兩個環境樣本對病毒呈陽性，包括水龍頭手柄樣本，以及參拜位置樣本，後者樣本源自經書及跪墊等。北角佛堂確診群組至昨天增至7人，昨新增者是55歲肯德基（KFC）女</t>
  </si>
  <si>
    <t>南韓中央防疫對策本部9月1日表示，今日較昨日新增235件新冠肺炎病例，累計確診人數已突破2萬。新症連續3天維持在300人以下，但重症患者案例數量明顯飆升，較2周前增加11倍之多。新增病例以本地感染佔絕大多數，多數</t>
  </si>
  <si>
    <t>38歲南韓「長腿男神」趙寅成驚傳入院治療，由於現在新冠肺炎疫情緊張，讓大批粉絲相當擔心，所屬經紀公司2日立即出面回應病因。趙寅成爆出住院後，經紀公司IOKCompany就發聲表示：「趙寅成2月底完成電影《摩加迪休》</t>
  </si>
  <si>
    <t>智邦(2345)去年合併營收544.63億元，每股獲利9.07元，獲利創下歷史新高，董事會決議擬配發現金股利每股6.5元，若以昨日收盤價262.5元算，現金殖利率2.5%，展望今年，智邦執行長馬思睿(Edgar Masri)表示，儘管今年訂</t>
  </si>
  <si>
    <t>為加強防疫減少感染機會，東吳大學從3月17日開始，中午11點到12點半的用餐尖峰時間，暫停同學在兩校區的學生餐廳內用餐，現場會有工讀生高舉「防疫期間，為疏散人流，請儘量外帶」的立牌，希望學生多在空氣流通的室</t>
  </si>
  <si>
    <t>因應新冠肺炎疫情需要，衛福部健保署今年初開放隔離檢疫、自主健康管理者使用視訊診療，5月進一步擴大開放至門診病人。近期新冠肺炎疫情趨緩，視訊診療的使用人次也有所下降，根據健保署統計，視訊診療的使用人次已</t>
  </si>
  <si>
    <t>彰化縣衛生局篩檢居家檢疫無症狀者，結果篩出一名確診，由於做法不符中央規範，中央流行疫情指揮中心要求政風調查，引發外界爭議。對此，資深媒體人陳東豪表示，彰化縣當然可以反時中，但要有2個前題，一是國民健康</t>
  </si>
  <si>
    <t>本報本月13日、16日兩度報導中華郵政人員雖被列入第7類施打對象，但隨著預約平台出現後，郵局窗口人員卻被要求自行去預約，等同「被放生」。不料台鐵也發生一模一樣的情況，台鐵產業工會今（23）日向本報表示，第一</t>
  </si>
  <si>
    <t>日本贈送我國的124萬劑AZ疫苗開打，長照機構住民、照顧者及75歲以上長者都在優先施打對象中。但AZ疫苗在歐洲屢傳血栓副作用，讓許多有心血管疾病、服用抗凝血藥物的長者對接種AZ疫苗有疑慮。醫師表示，有心血管疾病</t>
  </si>
  <si>
    <t>為了遏阻新冠肺炎確診數激增而重啟的封鎖措施拖累需求與產出，印度製造業在7月加速衰退，使經濟萎縮惡化的機率升高。亞洲第三大經濟體印度本財政年度料將創下自1979年以來最嚴重的經濟萎縮，最新的產業調查進一步印</t>
  </si>
  <si>
    <t>民進黨立委林淑芬今日於立法院內政委員會質詢時批評，政院版的國土法修正草案，竟拿出2015年就已經審議過也認為不恰當的第15條中，開啟讓民間業者投資可以彈性變更的巧門。另若真的要修法第45條，可接受內政部改為3</t>
  </si>
  <si>
    <t>鈺太(6679)第三季營收寫下歷史新高，今年因新冠肺炎因素，看好營運將出現大幅度成長，法人樂觀預估，鈺太2020年目標營收將成長逾20%以上，每股獲利最高有機會上看7元。鈺太第三季營收5.17億元，季增加16.53%，寫下單</t>
  </si>
  <si>
    <t>澳門自18日零時起，將禁止除了大陸、香港和台灣及外地雇員身份認別證持有者以外的所有非本地居民進入澳門特別行政區。據《央視》報導，澳門政府考慮到新冠肺炎疫情在全球各地不斷擴散，為防範外來感染個案的輸入，保</t>
  </si>
  <si>
    <t>又有台商國外染疫病重包機返台救命！中央流行疫情指揮中心昨天公布國內新增3例境外移入新冠肺炎確定病例，分別自奈及利亞（案824）、埃及（案825）及美國（案826）入境。其中在奈及利亞經商的本國籍70多歲男性，在當</t>
  </si>
  <si>
    <t>新冠肺炎病毒為2020年全球市場掀起滔天巨變，全球經濟跌進衰退深淵，往年成長迅速的新興市場經濟體也未能倖免。所幸新冠肺炎疫苗研發終於在2020年稍晚傳出振奮人心的消息，讓經濟復甦露出曙光，2021年全球經濟預估將</t>
  </si>
  <si>
    <t>因應特殊傳染性肺炎疫情，新北市轄內政府部門、學校、百貨公司業及購物中心、量販店業，自即日起可向新北環保局傳真或email申請90日內暫時提供免洗餐具。環保局表示， 因應近日疫情嚴峻，為確保飲食安全及防止疫情擴</t>
  </si>
  <si>
    <t>德國新冠反撲，專家警告此波將迎來至今最嚴重的疫情，德國衛生部長史巴恩（Jens Spahn）昨（22）日呼籲民眾趕快打疫苗，指出德國人只剩下3種命運：接種疫苗、從新冠肺炎中康復、或病死。綜合英國廣播公司（BBC）、美</t>
  </si>
  <si>
    <t>一位來自中國大陸的新冠病毒研究人員劉彬在美國遭槍殺，引發一場廣受全球矚目的陰謀論。外界猜測，劉彬因為研究項目涉及新冠病毒的起源，可能因此引起殺身之禍，不過美國警方在調查案情後回應稱，劉彬的命案是因私人</t>
  </si>
  <si>
    <t>全台三級警戒延長至6/28，這波疫情嚴峻，不少民眾外出除了戴口罩之外，也會戴手套防疫，但英國國民保健署醫生拉傑近日拍影片表示，戴手套整天累積的病菌很可觀，如果沒有妥善清潔恐比常洗手的人還更髒，而國家衛生研</t>
  </si>
  <si>
    <t>美國總統川普在美東時間5日敦促中國對新型冠狀病毒的源頭保持透明，並稱美國將公佈一份詳細報告，說明新冠肺炎病毒的來源。中美兩國近期就新冠肺炎病毒來源針鋒相對，川普更以此威脅中國，揚言要對其加徵新一輪關稅</t>
  </si>
  <si>
    <t>塞爾提克塔圖(Jayson Tatum)也中鏢了！塔圖在10日(美國時間周六上午)先被《The Athletic》記者傳出進入隔離名單，幾個小時之後又被《波士頓環球報》記者爆料染上新冠肺炎。根據後者報導，塔圖理所當然被隔離，塞爾提</t>
  </si>
  <si>
    <t>中央流行疫情指揮中心專家會議召集人張上淳的2位醫師兒近日成為全台關注焦點，只因一位被爆料在疫情期間出國、一位因網路言論痛罵禁醫護出國的政策，引爆輿論撻伐。張上淳的2位兒子22日晚間發聲明道歉，然知名音樂人</t>
  </si>
  <si>
    <t>7月12日到底能不能解封？中央流行疫情指揮中心指揮官陳時中今天表示，縣市別中，有很多縣市相對穩定，雙北熱區個案數也在減少，幾個比較熱的點經過幾次大規模篩檢與隔離，相對安全，相對7月13日後，能夠有一個好的預</t>
  </si>
  <si>
    <t>新冠肺炎疫情持續升溫，人心惶惶的情況下，讓民眾開始囤積物資掀起搶貨潮，見到此狀況讓藝人吳鳳直搖頭，表示當世界遇到危機，人類自私一面就表露無疑，甚至不解台灣疫情控制的不錯，有需要這樣搶東西嗎？吳鳳表示近</t>
  </si>
  <si>
    <t>新冠肺炎疫情擴大，面對開學在即，學校都上緊發條準備防疫用品，新北市三重區先嗇宮12日上午10時慷慨捐贈2000公斤洗手乳及6000公升次氯酸水給三重、蘆洲區38所學校。新北市政府教育局督學林玉婷表示，「感謝先嗇宮拋</t>
  </si>
  <si>
    <t>國內今(29)日新增486例本土病例，確診個案中新增21死，再創單日新高。面對疫情嚴峻，許多人嚇到不敢出門，但不少大賣場還是出現搶買人潮，各地也陸續被檢舉有室內打麻將等5人以上聚會，毒理學專家招名威警告，近來確</t>
  </si>
  <si>
    <t>隨著美國疫情似有捲土重來之勢，部分地區政府已強制執行口罩令，或建議民眾在公共場所戴口罩。不過，中北部的俄亥俄州不在此範圍內。在俄州首府哥倫布的州議會大廈前，數百名反口罩的示威者，18日發起名為「為美國挺</t>
  </si>
  <si>
    <t>牛津經濟研究院3日指出，新冠肺炎疫情對經濟造成的破壞比原先想像更大、更廣泛、更持久，除了亞洲旅遊業受到沉重打擊，大陸以外地區的擴散，更加劇全球供應鏈的破壞，該院再次調降大陸今年第一季GDP年增預測至2.3％</t>
  </si>
  <si>
    <t>新冠肺炎疫情引發全球股市上沖下洗，國內市櫃公司紛紛實施庫藏股自救。金管會證期局副局長張振山3月31日公布，上市櫃公司最新實施庫藏股情況，今年以來至3月30日，庫藏股已實施的達19.29億元、預計實施的還有592.54</t>
  </si>
  <si>
    <t>後疫情時代來臨，對金融業帶來危機也帶來轉機，玉山銀行黃男州分析今年新冠肺炎疫情、中美關係、全球寬鬆貨幣政策等三件大事，對金融業帶來的影響與挑戰，預期疫情將催化數位經濟時代來臨，玉山已做好準備，期待在後</t>
  </si>
  <si>
    <t>交通部觀光局駐桃園機場旅遊服務中心基層員工、案269因接待觀光局主秘小孩（案277），不幸感染新冠肺炎。這場因上級指示的接機任務演變至今，案269今首度對外發表聲明澄清絕非如外界所言主動接機，也不認識主秘兒子</t>
  </si>
  <si>
    <t>新冠肺炎全球發燒，已經確診60363例，死亡1369例，今年1月25日彰化首例的妻子感染給先生經中部某大型治療後都已經穩定，到目前為止，沒有發現遭這對夫婦傳染的其他病例，該院也將發現、接觸感染和治療的過程，發表論</t>
  </si>
  <si>
    <t>隨著新冠病毒疫情向全球擴散，世界各國都產生恐慌情緒，在人多的交通工具或是與他人共處密閉空間尤其令人緊張。如果你是個必須搭飛機的人，要如何解決在航班上保護自已不被傳染的問題。流行病專家指出，去年超級名模</t>
  </si>
  <si>
    <t>雖然武漢明天4月8日將解除封城，但據湖北省新冠肺炎疫情防控指揮部通報，武漢市「無疫小區」累計達6988個，佔比98.4％。較3天前的上一次認定，「無疫小區」數量減少45個，佔比下降0.6％。70個小區因無症狀感染者等原</t>
  </si>
  <si>
    <t>受到新型冠狀病毒肺炎疫情及國內消費力疲軟等影響，國內毛豬價格在過年後創下10多年來新低，今天的交易價格每公斤再度跌破60元關卡，對此農委會啟動母豬淘汰作業因應，總目標3萬頭，首階段將在3月中旬淘汰2萬3千頭母</t>
  </si>
  <si>
    <t>長榮航空3名機師完整接種新冠肺炎疫苗後仍確診Delta病毒，桃園市機師職業工會認為，3人均屬於飛航執勤期間停留、往返國外機場外站而遭傳染的職災案例，目前許多歐美機場作業人員已不戴口罩，機師除要爭取隔離14天不</t>
  </si>
  <si>
    <t>長榮已有3名機師、1名機師兒確診，其中有1名機師還是感染印度變異株Delta，台北市匡列了26名接觸者，並安排採檢；台北市衛生局5日表示，截至上午，一共24人採檢陰性，剩餘2人採檢結果仍在追蹤中。台北市衛生局4日於</t>
  </si>
  <si>
    <t>大陸南京新冠疫情上升，23日新增確診本土病例12例、4例無症狀感染者；並外溢至四川、遼寧、安徽、廣東等4省分，已出現報告感染者。南京政府24日除新增3個中風險地區、此前調升疑似染疫破口的祿口機場區域為高風險區</t>
  </si>
  <si>
    <t>台灣本土疫情爆發，不僅外出要戴口罩，也要落實個人衛生。近日一名女大生表示，家中是開電器行，爸爸到客人家中幫忙裝冷氣，才知道對方家中有人確診，只好進行自主健康管理14天，令她氣得痛罵，「為了吹冷氣，隱匿消</t>
  </si>
  <si>
    <t>國立台灣歷史博物館歷經館體翻修，封館1年多，今年1月8日重啟開館又遇上新冠肺炎疫情發酵，上半年看展人數慘跌，適逢10周年館慶暨升級政府3級機關，台史博在館內外同步舉辦活動，首度將時間延伸到晚上，兩天來吸引逾</t>
  </si>
  <si>
    <t>基隆市成功市場又有1攤商（案5208）確診，市府成立專案調查，迄今已有8人淪陷，其中3人為攤商，市長林右昌表示，有2攤商是隔壁攤販，但與率先中標的攤商（案2564）是否有關聯仍待釐清，此外，市場也自主停業至6月3日</t>
  </si>
  <si>
    <t>根據外媒報導，經濟合作與發展組織（OECD）今（12／1）天公布其最新預測稱，Omicron變種病毒有可能加劇全球經濟增長放緩和通貨膨脹的不平衡，並推遲全球經濟恢復正常的時間。該報告預測，2022年全球經濟將繼續呈復甦</t>
  </si>
  <si>
    <t>日本內閣官方長官菅義偉18日上午在記者會上再度強調，大陸國家主席習近平4月上旬以國賓身分訪問日本一事仍將依預定進行。日媒報導，大陸因應新型冠狀病毒疫情，延後原定3月5日在北京舉行的全國人民代表大會和政協兩</t>
  </si>
  <si>
    <t>新冠病毒全球蔓延，世界各國政要傳出確診消息層出不窮，自巴西總統發言人中鏢、巴西總統波索納洛傳確診但自發聲明檢測陰性，外界仍關注川普健康狀況，而現又傳出上周在海湖山莊與川普晚宴的巴西駐美國大使福斯特（Ne</t>
  </si>
  <si>
    <t>法國上周五新冠肺炎新增確診逾4.2萬人，讓累計確診數突破100萬人大關後，上周末新增4萬5,422例創單日新高，累計確診數達108萬6,497人，死亡138人而讓累計死亡數增加至3萬4,645人。整體檢測驗出確診比率上升至16％創</t>
  </si>
  <si>
    <t>因應新冠肺炎疫情，義大利佛羅倫斯的商家們，為了與顧客保持適當的社交距離，重啟了17世紀為了對抗黑死病的「酒窗」，透過酒窗將販售的商品給客戶，成為一種疫情下的創新營業方式。根據義大利媒體《The Local》報導</t>
  </si>
  <si>
    <t>在大陸於今年年初爆發新冠肺炎之時，美國總統川普曾讚揚習近平防疫能力。但就在新冠肺炎席捲亞歐大陸以及美國本土也相繼傳出新冠肺炎的病例與死亡個案後，美國開始提高自身的防疫作為與能力，並批評大陸隱瞞疫情與防</t>
  </si>
  <si>
    <t>澳洲音樂家日前來台演出，於境外確診新冠肺炎。中央流行疫情指揮中心指揮官陳時中表示，未來希望加強自主健康管理強度，量體溫確實通報，有症狀就要回報，目前正建立系統，提供自主健康管理者回報，出境時還需要再報</t>
  </si>
  <si>
    <t>中國大陸外交部發言人趙立堅今日在例行記者會上，從前幾日的對美「戰狼」變身對韓日「暖男」，他就中國大陸提供日韓兩國抗疫物資一事表示，中方對韓日兩國政府與人民為中國抗擊疫情提供支援和幫助深表感謝，在韓國、</t>
  </si>
  <si>
    <t>台灣連續兩天本土都降到2百名確診以下，中央流行疫情指揮中心今(14)日公布國內新增185例COVID-19確定病例，均為本土個案；另確診個案中新增15例死亡；其中台北市新增42例新確診，副市長黃珊珊在今早又與指揮官陳時中</t>
  </si>
  <si>
    <t>2020東京奧運因為新冠肺炎疫情延後一年，日本東京奧運組織委員會會長森喜朗今天表示，如果明年疫情仍未獲得控制，東奧不會再度延期而是完全取消，日本首相安倍晉三也針對東奧衍生的費用作出回應，表示日本政府沒有承</t>
  </si>
  <si>
    <t>指揮中心近日才宣布社交距離的規範，但清明連假期間，不少悶壞的民眾仍出遊，PTT網友分享，疫情檔不住台人連假出遊，墾丁大街被擠爆，讓醫護怒罵，講都講不停，台人劣根性。有位醫護人員在PTT上發文指出，228連假希</t>
  </si>
  <si>
    <t>新冠疫情今天再升高，副總統賴清德今喊出「全力保護，積極照顧」；他表示，面對疫情，恐慌、害怕是人之常情，除了儘快取得疫苗進行施打，疫情指揮中心陳時中指揮官偕同許多專家正密切監控每天的狀況，也強化防疫作為</t>
  </si>
  <si>
    <t>「保護別人，就是保護自己」，近月以來因新冠肺炎肆虐，造成全球疫情大爆發，旺旺集團董事長蔡衍明及知名藝人蕭敬騰，本著「共同防疫，一起加油」的互助精神，在嚴峻艱難之時貢獻己力，將旗下防疫產品「水神」，捐贈</t>
  </si>
  <si>
    <t>新北市幼兒園群聚持續延燒，新北市長侯友宜今天表示，截至目前共採檢785人，除了先前的陽性個案，今日上午又驗出一名非住戶裝修工人PCR陽性，也是在B棟不同樓層，感染源跟本案有無關係，仍在追查中，是今日早上驗出</t>
  </si>
  <si>
    <t>國內一名北部50多歲婦女確診新冠肺炎後，3名護理師、1名清潔人員也接續確診。中央流行疫情指揮中心指揮官陳時中表示，目前仍在釐清誰傳誰，因清潔工19日就出現症狀，可能為院外染疫，上班時傳染予護理人員及婦女，也</t>
  </si>
  <si>
    <t>中央流行疫情指揮中心今公布新增2例境外移入個案，其中案16458為美國入境的20多歲女性，曾接種3劑BNT疫苗仍確診，屬於突破性感染，Ct值36。疫情指揮中心發言人莊人祥表示，此美國境外移入個案已於9月10日完成第3劑BN</t>
  </si>
  <si>
    <t>連鎖餐飲集團雅茗-KY（2726）隨著中國大陸4月逐步解封，2020年第二季營運谷底回升、已接近損平目標，每股虧損0.13元。隨著6月營運已顯著轉盈，配合下半年旺季商業活動復甦、展店布局效益顯現，公司看好第三季營運可</t>
  </si>
  <si>
    <t>各式各樣的檢舉魔人、正義魔人相當多，但有時行為實在矯枉過正。一名網友分享，老婆抱小孩站在自家陽台看風景，因認為是在自家，所以沒戴口罩，豈料，竟有一名站在路邊、同樣沒戴口罩的陌生女子吼叫「還不抱進去嗎？</t>
  </si>
  <si>
    <t>不少民眾仍在苦等第二劑莫德納疫苗，今傳出網路上有民眾以一劑6000元的價格兜售莫德納，施打地點在台北萬華區某診所。對此，北市衛生局表示，正在進行調查，預計下午說明調查結果。有民眾發現，網友在社群平台發文，</t>
  </si>
  <si>
    <t>新冠肺炎防疫期間民眾減少出門，改在線上採購民生用品、處方藥、有聲書或電影，消費者對數位付款服務需求激增。產業分析師指出，許多電子付款業者啟動因應季節性線上購物需求揚升的應變計畫，例如黑色星期五，或是透</t>
  </si>
  <si>
    <t>新冠肺炎疫情升溫、全台至5月28日前皆為第三級警戒，是否能在28日解除第三級警戒，引發各界關注，對此，曾任衛生署長的前嘉義市長涂醒哲認為，從每日發病日統計的疫情流行圖來看，他可以很有信心的說，這波疫情已得</t>
  </si>
  <si>
    <t>新冠肺炎疫情蔓延全球，各國經濟活動大規模停擺，國際貨幣基金組織（IMF）昨警告說，今年全球經濟將陷入負成長，衰退程度甚至超過2008年金融海嘯時期。經濟學家認為，疫情對全球經濟衝擊堪比1930年代的大蕭條。面對</t>
  </si>
  <si>
    <t>中央流行疫情指揮中心發言人莊人祥表示，今天新增一例境外移入病例，為法國返台本國籍20多歲女性，今(2020)年9月6日獨自返國。指揮中心表示，個案於8月30日出現頭痛、肌肉痠痛等症狀，曾於法國當地就醫並診斷為流感</t>
  </si>
  <si>
    <t>工商時報與南僑集團及太田水素工坊生技（股）公司暨歐立得科技有限公司和社團法人台灣醫務管理學會將於7月24日下午1：30（1：00入場）在中華經濟研究院國際廳隆重舉辦新冠肺炎（COVID-19）高峰論壇，邀請科技部長到</t>
  </si>
  <si>
    <t>隨著美國疾管中心(CDC)增大防備新冠疫情的力道，北美體育聯盟幾乎躺平，原打算咬牙死撐的終極格鬥聯盟UFC也棄守了！上周末他們在巴西打閉門比賽，遭網友批評愚蠢，總裁懷特(Dana White)本周改口「無限期停賽」。職業</t>
  </si>
  <si>
    <t>美國有線電視新聞網（CNN）報導，當地時間11日，美國懷俄明州衛生部發佈消息，該州出現新冠肺炎確診首例。包括懷俄明州在內，美國目前已有44州出現疫情。此外，美國首都華盛頓哥倫比亞特區也已出現新冠肺炎感染病例</t>
  </si>
  <si>
    <t>超眾（6230）今年開春業績雖受新冠肺炎打壓，致1、2月營收落在低檔，不過邁入第二季之後，因居家上班帶動NB換機潮挹注，推升第二季營收順利創下歷史新高。展望下半年，第三、四季目前看法仍很正向，「趨勢還是呈成長</t>
  </si>
  <si>
    <t>同欣電（6271）2020年首季營收表現符合預期，公司原對第二季樂觀看待，但因疫情造成菲律賓廠短暫關廠，影響短期營收動能，投顧法人預期第二季營收恐較首季衰退，但看好產品組合轉佳可望帶動毛利率提升，抵銷營收下滑</t>
  </si>
  <si>
    <t>行政院推動紓困方案，基層農漁會卻指未被紓困，轟政府軟土深掘；前國民黨主席朱立倫指出，農漁民的工作型態就是自主營運，卻被政府排除在「自營作業者或無一定雇主」範圍外，無法領取3萬元現金補助，加上漁工薪資、</t>
  </si>
  <si>
    <t>美國總統川普欲藉由在華盛頓舉行七大工業國（G7）峰會，向外界宣示生活已經回歸正軌，但德國總理梅克爾婉拒出席，川普對此大為光火，凸顯雙方關係不睦。■Angela Merkel's refusal to accept Donald Trump's invitati</t>
  </si>
  <si>
    <t>新冠肺炎疫情延燒之際，日前的清明連假卻出現大批出遊潮，這讓不少醫師感到擔憂，指揮中心今日也稱這周日將會是關鍵。家醫科醫師吳承羲則透露，「其實從進醫院開始，我就沒喜歡過連假」，因為伴隨而來的是塞爆急診與</t>
  </si>
  <si>
    <t>民進黨團立法院黨團今召開記者會表示，目前國際上，疫苗短缺，競爭激烈；台灣不能很清楚、透明地公開說，什麼時間點疫苗進來及接種，理由很簡單，大家都在搶，任何時候都可能被攔腰、攔路、打劫、搶走。民進黨團書記</t>
  </si>
  <si>
    <t>嘉義縣東石鄉42歲超商女店員確診個案，因案13302感染源不明，嘉義縣政府昨16日下午啟動社區篩檢，PCR篩檢88人，至衛生福利部朴子醫院首篩191人，繼昨快篩結果全陰性後，今PCR結果出爐，88人全為陰性。嘉義縣因應6月1</t>
  </si>
  <si>
    <t>國內莫德納疫苗打氣低迷，為衝刺國內疫苗涵蓋率，中央流行疫情指揮中心今天表示，今起至周日(9日)，下午1點至晚上8點，於台北車站西側迴廊設置疫苗接種站，凡接種民眾都能獲得全聯禮券一百元，對象包含所有尚未完整</t>
  </si>
  <si>
    <t>海軍敦睦艦隊傳出3人確診新冠肺炎，驚動全台。中央疫情指揮官陳時中在說明會上判斷為境外移入個案，懷疑帛琉為感染源，對此長期提供帛琉醫療協助的新光醫院副院長洪子仁受訪時指出，帛琉政府對此「感到不解」。由於</t>
  </si>
  <si>
    <t>新冠肺炎起源於中國，因症狀似一般感冒，起初未受到大眾關注，不料卻造成流行，中國境內省分全部淪陷，周遭鄰近亞洲國家也紛紛爆發疫情，中國政府陸續封城、停工，最終仍無法阻止疫情蔓延。在全中國幾乎停擺的2個月</t>
  </si>
  <si>
    <t>美國CDC昨天在記者會中再度指台灣武漢肺炎疫情有社區傳播現象。對此，外交部表示，已向美方充分說明台灣疫情發展未達社區傳播，美方表達了解我方顧慮，也希望能取得更多資料，台美雙方持續溝通協調中。根據《中央社</t>
  </si>
  <si>
    <t>菲律賓昨晚宣布，新增4例新冠肺炎確診病例，其中1人是台灣籍病患，且這名病患曾與回台後確診的台灣籍男子接觸，讓菲律賓跟台灣之間到底是誰傳給誰遲遲無法定論。中央流行疫情指揮中心執行官周志浩表示，兩人在菲律賓</t>
  </si>
  <si>
    <t>新冠肺炎疫情延燒，中央防疫指揮中心建議各級民代不要跑攤，獲台南市議會集體回應，議長郭信良3日率不分黨代議員，宣布即日起將配合「民代不跑攤」、「拱手不握手」、「勤洗手」等中央防疫作為，請市民朋友們體諒民</t>
  </si>
  <si>
    <t>中央流行疫情指揮中心今(30)日公布國內新增8例COVID-19確定病例，分別為3例本土及5例境外移入；另確診個案中無新增死亡。指揮中心表示，今日新增之3例本土病例(均非居家隔離期間陽性者)，為2例男性、1例女性，年齡介</t>
  </si>
  <si>
    <t>新冠肺炎從武漢蔓延到歐洲、美洲，台北經營管理研究院院長陳明璋今於「疫情隊經濟和健康的影響與對策論壇」中指出，陸美貿易戰已讓大陸經濟增速放緩，當「灰犀牛」經濟遇上疫情「黑天鵝」，將導致企業倒閉潮、債務違</t>
  </si>
  <si>
    <t>神腦(2450)今年前三季受到疫情影響，累計營收年減一成左右，第四季預估在新蘋果iPhone帶度下，營收將出現明顯回溫，全年獲利也會比去年好，展望2021年，神腦總裁林保雍表示，看好明年在5G帶動下，營運可望較今年好。</t>
  </si>
  <si>
    <t>金管會公布2020年5月信用卡業務概況，受惠母親節檔期消費轉熱、牌照稅入帳挹注，當月簽帳金額回升至2147億元，月增4.09％、但仍年減19.86％，衰退幅度創同期新高。累前5月簽帳金額1.14兆元，年減10.02％，仍為近11年</t>
  </si>
  <si>
    <t>美國前國務卿鮑爾病逝，死因為新冠肺炎併發症。根據外電報導，鮑爾雖已完整接種兩劑疫苗，但他患有罕見血癌、帕金森氏症，免疫功能不全。醫師姜冠宇認為，針對本身就有多重慢性病的人來說，罹患COVID-19容易加重這些</t>
  </si>
  <si>
    <t>「印度神童」阿南德近日又有新預言，他表示，新冠疫情恐在12月再爆發更大範圍的傳染，尤其是疫苗高接種的國家，疫情可能會捲土重來；另外今年冬天到2022年的5月，可能會碰到大寒及大雨，並會在亞洲、歐洲等地區造成</t>
  </si>
  <si>
    <t>美國衛生研究院（NIH）轄下國家過敏和傳染病研究所（NIAID）表示包含日本武田製藥等多家藥商，已開始對住院的新冠肺炎病患測試一套臨床實驗性的血漿療法，即從康復者身上抽取癒後血漿，利用血中抗體製成治療藥物。NI</t>
  </si>
  <si>
    <t>新冠肺炎疫情升溫，全台三級警戒，靈鷲山慈善基金會愛心在新北、桃園陸續捐口罩、額溫槍、酒精、洗手乳、安心御守等防疫物資，給第一線防疫人員，今（20日）下午捐贈1000份愛心防疫包到新北市政府。靈鷲山慈善基金會</t>
  </si>
  <si>
    <t>新冠肺炎警戒期間，民眾宅在家防疫，也成了詐騙集團囊中物，高市新興分局在6、7月共攔阻16件詐騙案，擋下民眾受騙452萬元，其中金融機構警覺提高，火速通報警方到場成了反詐關鍵；分局長戴台捷28日特地到郵局、行庫</t>
  </si>
  <si>
    <t>為防堵疫情持續擴散，食藥署緊急核可4款進口和1款國產居家快篩試劑，並於今（22）日在全台藥局陸續販售，明（23）日下午，台灣四大超商也將開賣，引發不少民眾搶先預購，有藥師因此出面示範居家快篩使用方法，並向政</t>
  </si>
  <si>
    <t>資誠（PwC）6日指出，因應新冠肺炎疫情蔓延，英屬維京群島（BVI）暫時修改非控股公司經濟實質要求，像是董事會議可改為線上會議，不用在BVI當地開會。而BVI經濟實質法規的董事會議出席人數，因應疫情關係，也改為法</t>
  </si>
  <si>
    <t>中央流行疫情指揮中心將華航機組檢疫措施鬆綁為「3＋11（居家檢疫3天採檢陰性及自主健康管理11天）」，被外界認為是防疫破口，指揮中心更針對「萬華高風險族群」註記健保卡，遭質疑是恐怖國家機器。台北市議員鍾小平</t>
  </si>
  <si>
    <t>大陸經歷近兩個月的新冠肺炎疫情嚴酷考驗，無論中央或地方都在經驗中累積不少教訓，但也得到比2003年SARS期間更多寶貴防疫資產。任何防疫經驗都值得參考，不該以人廢言，值得學習就學習，至少像大陸的封城經驗已經驗</t>
  </si>
  <si>
    <t>宅配通（2642）28日股東會通過今年配發股利1.2元。該公司受惠宅經濟，今年首季獲利5,454萬元，年增44.55％，EPS0.57元， 優於市場預期，第二季獲利估會更好，還有第四季全年最大旺季，全年獲利估會有大幅增長。宅配</t>
  </si>
  <si>
    <t>汽車產業關閉歐洲和北美廠房，協助防止新冠肺炎疫情擴散。專家指出，若歐美關廠延續至4月底，汽車產業恐流失逾1,000億美元營收。研究機構AutoAnalysis創辦人亨利（Ian Henry）預測，如果汽車產業的歐洲與北美廠房停</t>
  </si>
  <si>
    <t>新冠肺炎疫情升溫，行政院長蘇貞昌昨晚夜訪中央疫情指揮中心，為辛苦的防疫指揮官陳時中和防疫人員加油打氣，對此，國民黨新北市議員葉元之批評，防疫已經很辛苦，蘇大院長還有空去作秀，結果只是逼指揮中心的工作人</t>
  </si>
  <si>
    <t>導線架廠—順德(2351)公布2019年獲利自結數，每股稅前盈餘為3.82元，受到農曆年長假影響，順德1月合併營收為6.47億元，月減15.97%，儘管大陸新冠肺炎疫情蔓延，順德預估，第1季營收有機會逐月成長，單季營收將較去年</t>
  </si>
  <si>
    <t>新冠肺炎疫情肆虐全球，不過WHO 秘書長譚德塞卻將矛頭指向台灣，痛批遭台灣人身攻擊和種族歧視，此發言引爆台灣網友不滿，對此網紅丹妮婊姐則在臉書砲轟：「對啊，我們就是歧視你」，立刻引發網友議論。WHO 秘書長譚</t>
  </si>
  <si>
    <t>新冠肺炎疫情持續升溫，包括無症狀感染者、找不到感染源的患者以及院內群聚事件都陸續發生，但中央流行疫情指揮中心近期才宣布要在各地方社區成立篩檢站，擴大檢疫量能，遭醫界專家質疑超前部署政策淪為口號，防疫動</t>
  </si>
  <si>
    <t>17歲就參加甄選被發掘簽下的女星蘇晏霈，擁有甜美陽光外型，在本土劇圈耕耘多年，深獲觀眾喜愛，近來更接拍《我的婆婆怎麼那麼可愛》，擔任第二女主角，拓展演藝事業版圖，人氣直線上升中，而她經常透過社群跟粉絲分</t>
  </si>
  <si>
    <t>因應新冠肺炎疫情，立法院今天三讀通過紓困條例，蔡英文總統下午隨即簽署後發布，蔡英文感謝行政院和朝野政黨的立法效率，強調接下來還有600億特別預算會送到立法院審議，希望朝野能夠再度攜手，盡速審議預算，提供</t>
  </si>
  <si>
    <t>新冠疫情看不到盡頭，台灣採購的疫苗何時到貨，沒人知道。國內3家生技業者中，後來居上的高端疫苗，已獲准進入第二期人體臨床試驗。《中時新聞網》記者去年底被抽中成為受測者，今前往台北榮總抽血，現場參與測試的</t>
  </si>
  <si>
    <t>英國在台辦事處轉引牛津大學詹納研究所 (Jenner Institute) 成果指出，「牛津冠狀病毒疫苗」產生強烈免疫反應，沒有早期安全隱憂，相關成果已經發表在科學雜誌「柳葉刀The Lancet」牛津大學發表的第一期/第二期（Pha</t>
  </si>
  <si>
    <t>新冠肺炎疫情持續肆虐全球，其中以美國最為嚴重，確診人數已經突破240萬人，然而依舊不少民眾反對強制戴口罩，其中佛羅里達一場要不要強制戴口罩的聽證會中，一名紅衣女子高分貝拒絕戴口罩，更痛批這是「惡魔謀害人</t>
  </si>
  <si>
    <t>高雄28日驚傳1例本土確診個案，案15725出現相關症狀後，在27日自行前往醫院被採檢確診，疑似是被同住者傳染，市府接獲通報後，緊急匡列31位相關接觸者，該名同住者也被採檢確診，其餘30人快篩均呈陰性，PCR還在等待</t>
  </si>
  <si>
    <t>位於台北市萬華區的家樂福桂林店，由於身處高風險熱區，日前傳出2名員工確診，因此在5月28日宣布關店1周後，又有5人PCR陽性，共計7名員工染疫，但家樂福桂林店以其餘員工健康無虞為由，已在北市衛生局確認下，準備明</t>
  </si>
  <si>
    <t>指揮中心日前宣布施打高端且有出國需求的民眾，可以再接種其他疫苗「混打」，衛福部部長陳時中17日表示，高端疫苗混打沒有科學數據。日前指揮中心公布，接種高端疫苗民眾出國的施打方案，施打高端的民眾，若有緊急出</t>
  </si>
  <si>
    <t>大陸最近在試驗性的使用血漿療法，許多人好奇是否能用浙江台商的血液來做血漿療法，台大副校長、抗SARS專家張上淳表示，目前暫不考慮，因其體內的抗體不足，若要用也是用已出院者的。血漿療法是把康復者的血液注射到</t>
  </si>
  <si>
    <t>雙北疫情延燒，新北市長侯友宜30日疫情記者會表示，越來越多長者因為有慢性病，原本輕症瞬間轉重症，送去ICU一下就走了，他哽咽說，現在是跟時間賽跑，「他們都是我的新北市民、都是我的親人」，新北除了不斷開病房</t>
  </si>
  <si>
    <t>台灣2020年度代表字今天出爐！結果襲捲全球的「疫」字獲得壓倒性勝利，從66個字中脫穎而出，拿下總票數82631票中的28441票，票數幾乎是第2名「蓄」字的2倍。此外，值得注意的是，今年入選前10名的候選字中有5個是正</t>
  </si>
  <si>
    <t>歐陽龍與傅娟所生的三千金都往演藝圈發展，其中，二女兒歐陽娜娜於人氣及知名度上，算是三姊妹中最高的，曾被選為「95後新四小花旦」，而有別於大姊妮妮，娜娜近年將演藝重心放在大陸，甚至公開高喊「我是中國人」，</t>
  </si>
  <si>
    <t>美國疾管中心(CDC)呼吸道部門主任梅森尼爾(Nancy Messonnier)，本周五以電話記者會的形式，向美國民眾說明美國新冠肺炎的最新情況。梅森尼爾公開表示，亞洲國家，如新加坡、南韓、台灣、泰國、越南、香港與日本，都</t>
  </si>
  <si>
    <t>台中市府疫情指揮中心13日公布擔任家教的30歲男性確診者（案15386），由於曾到台中參加豪宅派對，疫調足跡到過台北萬華、中正區以及信義區等多處地點，目前相關接觸者已有4人確診 不排除家教男為感染源，憂心足跡擴</t>
  </si>
  <si>
    <t>新北市洪姓確診男子上月31日情緒失控，在雙和醫院持刀砍傷3名護理師，其中一名護理師手部4韌帶2神經全斷，復健期至少半年。雙和醫院秉持專業繼續醫治，洪男竟還故意對醫護人員吐痰，並用言語羞辱醫護人員，在醫護人</t>
  </si>
  <si>
    <t>教育部統一將學校開學延至25日，新北市家扶中心8日於遠東百貨板橋中山店舉行「用愛補位」鼠來寶新春義賣，為弱勢孩童籌募助學金，受新冠肺炎影響，減緩民眾外出意願，攤位前門可羅雀，今年義賣收入僅7000多元，讓社</t>
  </si>
  <si>
    <t>Delta印度變異株進入屏東社區，自祕魯返台的祖孫遭質疑將變種病毒帶回台，不過家屬卻表示，當初持有3天前陰性PCR證明，且在秘魯機場也有和家人擁抱送機，至今未傳出身體不適，抵達台後便回到屏東居家檢疫，期間足不</t>
  </si>
  <si>
    <t>上周清明連假屏東墾丁大街湧現人潮，中央也緊急發出國家級警報，本周末縣府加強大街防疫，周五、六晚上實施人車分離、管制人流、戴口罩、量體溫等措施。不過受到國家警報影響，墾丁周末住房率不到2成，大街十分空盪</t>
  </si>
  <si>
    <t>新冠肺炎疫情延燒，民眾不只紛紛配戴口罩，政府也呼籲要保持室外1公尺、室內1.5公尺的社交距離，甚至連遠在高山上的「嘉明湖山屋」及「向陽山屋」避難山屋住宿人數降半，同時在登山口測量體溫，發燒山友禁止入山。林</t>
  </si>
  <si>
    <t>全國接種疫苗後嚴重不良反應人數持續增加，雖然不一定皆有因果關係，但外界也響起放寬救濟給付審議標準的呼聲。台北市長柯文哲8日指出，既然台灣有藥害救濟基金制度，有做完整臨床三期的藥物，賠給民眾的錢就從該基</t>
  </si>
  <si>
    <t>億萬富翁慈善家比爾·蓋茨（Bill Gates）在周四的部落客文章中概述了世界需要採取哪些行動來制止新冠肺炎流行，並重新開放經濟。蓋茨說，世界必須改善其治療方法，疫苗，測試和接觸者追踪。他說，大陸還需要研究其開</t>
  </si>
  <si>
    <t>新冠肺炎引發人心惶惶，高雄凱旋醫院發現，2月中旬過後，有部分原有焦慮症狀的民眾回診比例增高，大多接收太多新聞資訊，引發過度恐慌，影響心情及睡眠品質。醫師呼籲，盡量轉移注意力，鼓勵多到戶外走一走調適身心</t>
  </si>
  <si>
    <t>新北市長侯友宜22日被媒體問到，是否會出席黨中央舉辦的研討會，侯友宜表示現在都一心一意對抗疫情，對其他事情沒想太多，把市長的工作做好，這才是最重要的。侯友宜強調，新北市有許多歸國學子，他必須要先將這些人</t>
  </si>
  <si>
    <t>「2020金馬奇幻影展」不受新冠肺炎疫情影響，4月如期於台北、台中登場，26日公布開幕片為青春愛情片《刻在你心底的名字》，電影找來《返校》暴紅的「國民學弟」曾敬驊和《紅色氣球》陳昊森主演，在片中展開動人的同</t>
  </si>
  <si>
    <t>新冠肺炎疫情似乎在國際間為有減緩跡象，根據worldometers即時數據，全球確診病例累計突破4000萬例，染疫死亡人數111萬5154人。聯合國秘書長古特瑞斯（Antonio Guterres）17日就表示，分裂的世界在疫情期間「未能通</t>
  </si>
  <si>
    <t>英國《衛報》（The Guardian）2日報導，在「技術問題」下，以色列原本即將與英國達成的輝瑞（Pfizer）／BNT新冠肺炎（COVID-19）疫苗交換協議，已宣告失敗，這批數量超過百萬劑的疫苗恐在7月底過期後被迫銷毀。根據</t>
  </si>
  <si>
    <t>美國吉利德公司研發的抗病毒藥物瑞德西韋（remdesivir），已經停止了在大陸的2項臨床試驗：成人重症試驗和成人輕症和中度症狀組的臨床試驗，原因是疫情已受控，已無符合條件患者加入。澎湃新聞報導，臨床實驗網站Cli</t>
  </si>
  <si>
    <t>北京新冠肺炎疫情再起，外傳感染源可能來自國外進口的生鮭魚，對此，中央流行疫情指揮中心專家小組召集人張上淳表示，魚本身不太會感染新冠病毒，但確實有可能在輸出過程中，表面和包裝被汙染，不過要藉由這樣傳染給</t>
  </si>
  <si>
    <t>新冠疫情影響到各行各業的生計，境外基金也出現「大失血」，除了淨值重摔外，因投資人在3月瘋狂大贖回，讓境外基金規模降到3兆元以下，是近六年來的新低。據投信投顧公會最新資料顯示，境外基金規模3月底降至2.823兆</t>
  </si>
  <si>
    <t>美國總統川普和第一夫人梅蘭妮亞確診得到新冠肺炎。網友對此大驚，這真的是God bless America了！還有網友大驚，果然是十月驚奇！據《每日郵報》指出，根據一名川普政府匿名官員表示，剛一同與川普參加9月29日辯論的</t>
  </si>
  <si>
    <t>中央流行疫情指揮中心表示，民間機構共同捐贈的第六批BNT已於今上午順利抵台，共88.92萬劑，完成通關程序後，直接運送至指定冷儲物流中心進行後續檢驗封緘作業。指揮官陳時中說，莫德納預計明天會來，最快預計可在10</t>
  </si>
  <si>
    <t>一款價格較低的新冠肺炎疫苖亦宣布高達9成防護力的好消息，令投資人更加看好經濟將迅速復甦的前景，此外，美國川普政府同意正式啟動拜登上任前的交接工作，亦為市場帶來提振，周二日經指數刷新逾29年來新高。周二日</t>
  </si>
  <si>
    <t>日本新冠疫情進入第五波大流行，首都圈與沖繩縣和大阪府2日起展開新一輪緊急事態宣言，針對全國知事會議建議政府執行嚴格限制外出的封城措施，官房長官加藤表示現行制度下，在日本不可行。日本政府上周追加埼玉、千</t>
  </si>
  <si>
    <t>內政部長徐國勇近期行事低調，但碰上新冠肺炎防疫提升，還是卯足全力，親上火線拍攝防疫動茲動，跟內政部替代役男合拍影片宣教，完全沒有違和感。徐國勇上任以來凡事全力以赴，為了達成使命，遇事幾乎第一時間都能見</t>
  </si>
  <si>
    <t>新冠疫情持續，香港依然謹守「清零」策略，解除社交距離措施及通關的日子仍未到來。港府專家顧問、香港中文大學呼吸系統科講座教授許樹昌今（24日）表示，香港接種率不足，而隨著冬季來臨，香港有可能受冬季流感與新</t>
  </si>
  <si>
    <t>中秋節連假迎來尾聲，不少民眾趁著4天假日到外地出遊，前台大感染科醫師林氏璧坦言被這波傾巢而出的人潮給嚇到，直呼「大家好像是不是都忘記還在二級？」目前Delta群聚看似匡住，但仍沒有完全收尾，難保社區沒有任何</t>
  </si>
  <si>
    <t>台灣近兩天新增20多例本土個案，外界將原因指向上周中央流行疫情指揮中心提出的獎勵採檢措施，認為有驗才有確診，但衛福部長陳時中今天拒絕將本土疫情爆發與獎勵採檢畫上連結，認為該措施只能算是榮譽獎，跟疫情爆發</t>
  </si>
  <si>
    <t>來自瑞典全球知名的居家用品IKEA，販售各種風格的家用品，以價格實惠、自己動手組裝聞名，最近IKEA推出自己組合的棺材，一放上宣傳廣告，就讓許多忠實消費者驚訝，紛紛猜測是否因為新冠肺炎(COVID-19)疫情嚴重，放置</t>
  </si>
  <si>
    <t>新冠肺炎疫情衝擊金門特產業，縣府建設處、縣工策會與國內蝦皮購物電商平台合作成立「金正好購」商品專區，期待趕上宅經濟潮流，打開另一道迎來好業績的通路。縣長楊鎮浯今（1）日下午客串直播主，在〈躍動金門〉專</t>
  </si>
  <si>
    <t>嘉玲今天再度造訪花蓮，全縣迄今已累計68例確診案例，衛生局分析，累計案例中，近7成為家戶染疫，2成5為外地返鄉，且染疫者年齡多為40至64歲間，屬家庭經濟重要支柱，因此仍呼籲外地遊子返鄉時，先到市衛生所前快篩</t>
  </si>
  <si>
    <t>今年國內投信業者新基金募集多元，不但檔數增加成效也佳，重現2016年國內高收益債基金募集熱潮，導致多檔基金公告額滿暫停申購的情況。不只年初再現柏瑞ESG量化基金公告暫停申購，日前募集只有五天即宣告額滿的中信</t>
  </si>
  <si>
    <t>義大利總理孔蒂（Giuseppe Conte）周二表示，義大利將在本周結束前公布逐步解除封鎖措施的計畫，並於5月4日起開始實施。孔蒂在臉書上發文表示，我希望我能宣布「讓我們立刻重啟所有活動，明天早上就開始！」但這樣的</t>
  </si>
  <si>
    <t>國衛院6月28日宣布，政府有意透過國衛院向莫德納尋求疫苗代工機會，對此，藍委李貴敏表示，她在5月時，就曾在立院質詢衛福部長陳時中關於mRNA疫苗代工問題？當時陳回應，台灣的技術還不成熟，沒到代工的程度，但台灣</t>
  </si>
  <si>
    <t>動感天后「翹臀珍」珍妮佛羅培茲(Jennifer Lopez)近年比起音樂事業，更多是在電影圈打天下，剩下的時間則多用來陪伴家人，算一算已經6年沒推出唱片新作品，而今年又遇上新冠肺炎全球擴散，粉絲多覺得天后出輯無望，</t>
  </si>
  <si>
    <t>新冠肺炎擴散全球，在一般民眾一窩蜂心態之下，多國連帶出現搶購物資潮，其中台灣、香港、日本皆出現「衛生紙之亂」，連澳洲也不例外。對此，澳洲一家小報5日特別增印8頁空白版面，供讀者「應急」，似乎暗諷民眾盲目</t>
  </si>
  <si>
    <t>新冠肺炎疫情加速宅經濟發展，包括索尼及微軟兩大遊戲機廠近期宣布將在年底推出新一代遊戲機，大搶宅經濟龐大商機。索尼新款PlayStation 5及微軟新款XBOX Series X等核心處理器，都採用由超微（AMD）量身打造的全新</t>
  </si>
  <si>
    <t>蛤，免疫風濕病友會是新冠肺炎高風險群？台中榮總過敏免疫風濕科主任黃文男指出，風濕病友致病機轉主要是自體免疫系統混亂所致，有些病友誤為使用類固醇、免疫抑製劑等藥物會增加感染風險詢問能不能自行停藥，這做法</t>
  </si>
  <si>
    <t>針對苗栗縣內京元電子股份有限公司爆發移工群聚感染指揮中心今日上午召開本起事件之疫情因應措施，包含協助苗栗縣衛生局疫調通譯及協助疫調表翻譯移工母語；勞動部立即督管京元電子及其仲介管制宿舍移工不得任意外出</t>
  </si>
  <si>
    <t>新冠肺炎疫情蔓延全球，香港經濟重挫。財政司司長陳茂波22日表示，現在情況正處於「水深火熱」，比2003年SARS風波還嚴峻，許多中小企業正在承受生意斷崖式下跌、面臨資金鏈斷裂的危機，員工亦連接受打擊。他表示，經</t>
  </si>
  <si>
    <t>受到新冠肺炎影響，各國政府紛紛採取鎖國政策關閉邊境，連帶使旅遊業受到衝擊。近期疫情雖少有緩解，仍不能掉以輕心。為此，柬埔寨要求所有外國遊客入境時，必須繳納3000美元（約新台幣9萬元）的「新冠肺炎押金」用</t>
  </si>
  <si>
    <t>【愛傳媒黃珊珊專欄】桃園9月15日新增一位本土個案，經過快速基因定序確認為Delta病毒株，經過通報後，我們立即啟動疫調作業，將個案在北市的足跡、第一圈接觸者以及第二層接觸者都進行匡列和居隔，並協助安排精準採</t>
  </si>
  <si>
    <t>基隆市昨有一名男高中生（案1554）確診，中央匡列66人居家隔離，今採檢結果出爐，其母親（案1826）為陽性，市政府進一步公布男高中生媽媽足跡，她是美香齋餅店員工，店家位在仁五路51號，5月1日至5月9日、5月13日、5</t>
  </si>
  <si>
    <t>受到新冠肺炎疫情影響，大陸國務院總理李克強17日表示，「要根據疫情持續向好態勢，在保持必要疫情防控措施的同時，取消妨礙復工、復產的不合理規定」，並強調要讓更多務工人員盡快返回工作崗位，且「有活幹、有錢賺</t>
  </si>
  <si>
    <t>美國國務院一名高官今天表示，美方正在跟台灣監管單位合作，預期會「在非常短的時間內」送出2019冠狀病毒疾病（COVID-19 ）疫苗給台灣。華府之前已承諾會捐贈台灣75萬劑COVID-19疫苗。路透社報導，美國國務院東亞暨</t>
  </si>
  <si>
    <t>台灣區南投縣同鄉會聯合總會6日在埔里鎮帝一村餐廳熱鬧舉行一年一度的鳳還巢返鄉活動及全國鄉親歌唱總決賽，由總會長陳文質主持，來自全台逾1200位旅外南投同鄉熱烈到場參與，縣長林明溱特別到場致意，歡迎鄉親回南</t>
  </si>
  <si>
    <t>台南今天新增2確診，分別是案4018為50多歲男性、案4221為60多歲男性，皆為昨天確診的案3615接觸者，案4018為案3615同事，3人平日群聚學甲區仁聖大帝廟壇，感染源是北部友人，目前已住院中，但還在等篩檢結果，廟壇另</t>
  </si>
  <si>
    <t>根據媒體取得的日本預算草案顯示，安倍政府將編列新的1.1兆美元（117兆日圓）振興方案，當中涵蓋可觀的直接支出，以遏止新冠肺炎危機將該全球第三大經濟體推向更深的衰退深淵。這是日本繼上月推出117兆日圓振興方案</t>
  </si>
  <si>
    <t>新冠疫情嚴峻，國內不少民間團體、企業紛紛表示，願意協助政府購買疫苗，今日中央流行疫情指揮中心記者會中，有媒體問及「目前鴻海與台積電自購疫苗的進度如何？」中央流行疫情指揮中心指揮官陳時中表示，慈濟基金會</t>
  </si>
  <si>
    <t>全台持續飆高溫，居家辦公人數增加，使用電拉警報，外界憂心快篩站一旦停電，快篩恐停擺，為確保快篩站正常運作，北市產發局協調台電把快篩站排出在分區停電組別外，另遇到其他緊急用電需求，萬華區公所也會提供協助</t>
  </si>
  <si>
    <t>台灣民意基金會昨天公布最新民調，基金會董事長游盈隆指出，去年5月總統蔡英文第二任剛就職時，20到24歲以下首投族有9成3力挺，如今民調支持度腰斬，只剩4成7力挺。對此，民進黨創黨元老、台中市議員謝明源認為，蔡</t>
  </si>
  <si>
    <t>持續延燒的新冠肺炎疫情，對兩岸關係形成新一波的對抗，影響所及，就是兩岸關係中產生新的論述，比較明顯的是從「安全化」概念所建立新的安全觀，對未來兩岸關係影響深遠。安全化的主要論點是認為，安全是一種「言外</t>
  </si>
  <si>
    <t>火腿隊剛結束與西武隊之戰，吳念庭與王柏融同場較勁，不過火腿隊在賽後突然宣布多7人確診新冠肺炎，加上原本的3人，球隊目前共有10人確診，有群聚感染風險，因此明日與西武之戰確定取消，王柏融與吳念庭的近況也讓球</t>
  </si>
  <si>
    <t>新冠疫情肆虐全球，泡麵也成為熱門商品，還一度掀起搶購潮。日本日清泡麵近日分享新吃法，杯麵吃完後總會剩下麵渣與湯，丟掉又有些浪費，提到其實只需要一顆蛋，就能讓吃泡麵的飽足感再升級，又不會浪費剩餘的湯底，</t>
  </si>
  <si>
    <t>新冠肺炎疫情最棘手的問題，在於它的初期感染並不明顯，而且潛伏期很長，然而現行的篩檢又無法即時得知結果，還有偽陰性、偽陽性等問題。現在科學家發明了新的篩檢劑，透過生物基改的螢光染色技術，檢體在可以在幾分</t>
  </si>
  <si>
    <t>拉美地區新冠肺炎疫情日益嚴峻，截至29日，累計確診病例超過1.4萬例，其中以巴西逾4000例最多。然而，有「熱帶版川普」之稱的巴西總統波索納洛，卻無視衛生當局呼籲要保持社交距離，無防護現身在首都巴西利亞多區的</t>
  </si>
  <si>
    <t>英國首相強生（Boris Johnson）6日因新冠肺炎病情惡化住進加護病房，不過目前已知，強生高燒已退，已度過最危險時期，讓英國內閣重燃希望。不過專家警告，即便強生完全康復，最慢恐怕也要等到夏天才能重返工作崗位，</t>
  </si>
  <si>
    <t>台灣近日新冠肺炎案例暴增，北部更傳出校內感染，高雄醫學大學為防止多人群聚感染，擬將百人以上課程改為線上授課，但因為先前並無同步線上授課經驗，高醫大在實行前特意安排教師系統測試，24日正式啟用，獲得師生一</t>
  </si>
  <si>
    <t>金門徐姓婦人昨（8）日晚餐後偕老公出門散步，因天色昏暗不慎掉落水深及膝的大排水溝，縣消防局據報火速派員趕到現場，將全身癱軟無力的她送醫急診，完成一樁緊急救援任務。昨晚19時25分許，51歲徐姓婦人和老公走在</t>
  </si>
  <si>
    <t>政府針對受新冠肺炎疫情衝擊的小型攤商及商家等「小規模營業人」，提供最高申貸50萬元的紓困貸款專案。臺企銀（2834）昨（20）日開辦受理上路首日，便火速核准37件、金額達1210萬元，解決小型攤商的燃眉之急。臺企銀</t>
  </si>
  <si>
    <t>全國疫情進入三級警戒，一再宣導民眾減少外出，但上週末陽明山國家公園的停車場仍車潮不斷，氣得台北市長柯文哲說重話，讓公務員居家辦公，「不是讓你全家開車上山」。曾任檢察官的律師翁偉倫指出，上班時間，公務員</t>
  </si>
  <si>
    <t>國內新冠疫情擴大，中央流行疫情指揮中心12日指出，台灣暴增16例本土個案，創下疫情以來單日本土案例最多紀錄，其中五股獅子會前會長1傳10，現任會長日日向確診者傳訊息問好，12日時，現任會長曾向成員表示「要去當</t>
  </si>
  <si>
    <t>美國知名節目《艾倫秀》主持人艾倫．狄珍妮(Ellen DeGeneres)近期負面新聞不斷。一向給人親民形象的他，遭工作人員指控是雙面人之外，更被爆料艾倫的工作團隊有惡劣的職場文化，內部高層涉及種族歧視、性騷擾下屬…，</t>
  </si>
  <si>
    <t>全台大停課，包括補習班、課後才藝、安親班等補教業收入歸零，除了要支付房租、薪資，還要退費給學生，勉強撐過5月，6月已危在旦夕！補教業者表示與其讓安親才藝倒光光，政府再去養失業老師，不如從寬讓補習班專案貸</t>
  </si>
  <si>
    <t>近一年來受到新冠肺炎(COVID-19)疫情影響，民眾的生活及消費習慣都受到一定程度的影響，例如減少外出，增加網路購物的頻率或是改以外送服務為主。同時，今年台灣疫情再次爆發，更促使許多企業加快數位轉型的腳步。樂</t>
  </si>
  <si>
    <t>台灣已實施並延長疫情第三級警戒至少到六月底，美國援台250萬劑莫德納疫苗也抵台；市議員陳淑華今天建議，預期大規模疫苗接種將會展，需要更完整的施打疫苗網，除現有大型醫院、衛生所、施打站外，應盡快把符合資格</t>
  </si>
  <si>
    <t>儘管美國新冠肺炎單日確診數頻創新高，但仍有許多美國人說，他們不會接種疫苗。美國首席防疫專家佛奇（Anthony Fauci）說，就算新冠肺炎疫苗的效力只有70% －75%，他也會「接受」。然而，據CNN新聞網29日報導，佛奇</t>
  </si>
  <si>
    <t>因為新冠肺炎疫情全球升溫，菲律賓日前拒絕大陸旅客入境，其中也包含台灣，引發我國抗議，菲國當局昨（12）日表示，菲律賓總統杜特蒂將親自審查對台旅遊禁令。綜合菲律賓媒體《每日詢問者報》（newsinfo.inquirer.ne</t>
  </si>
  <si>
    <t>新冠肺炎疫情趨緩，國內昨新增7例確定病例，分別為3例本土及4例境外移入，本土個案均來自雙北，而確診個案則新增2例死亡。近來國際間突破性感染頻傳，根據統計，7月初以來全台累計的145名境外移入個案中，有40人接種</t>
  </si>
  <si>
    <t>國軍桃園總醫院（前身為陸軍804總醫院）再添3人確診，分別是9病房的女病患、看護和護理師，都是二採後確診，累積18人染疫，其中女護理師已施打完2劑疫苗，雖確診無明顯症狀。市長鄭文燦直指9病房是熱區，已釀病患、</t>
  </si>
  <si>
    <t>中央流行疫情指揮中心今(23)日公布國內新增1例境外移入COVID-19(新冠肺炎)確定病例，為本國籍50多歲男性(案619)，自迦納返國。指揮中心表示，案619今(2020)年2月至迦納經商，10月下旬曾接觸確診個案，因有返臺探親需</t>
  </si>
  <si>
    <t>國內新冠肺炎又增一死！這名40多歲男性與年齡相仿的妻子一同去美國探親，返台隔天同時發病，妻子4月11日出院，但先生卻在一個月後死亡，夫妻天人永隔。中央流行疫情指揮中心表示，這名死亡個案三月下旬出現症狀後很</t>
  </si>
  <si>
    <t>新冠肺炎〈NCP〉的疫情持續延燒，傳染力和發病速度都十分驚人，讓全球民眾人心惶惶。一名大陸的女醫師抽空檢測，意外發現自己染病，在短短幾個小時之內就從無症狀到無法走路，在鬼門關前走一遭的她日前順利康復出院</t>
  </si>
  <si>
    <t>新北市議會今（27日）下午召開第3屆第5次定期會，針對市政總質詢及新冠肺炎專案報告議程，藍綠雙方各有不同意見，經過兩次朝野協商，明日起原訂為「新冠肺炎紓困專案報告」改回市政總質詢，專案報告則採臨時會方式擇</t>
  </si>
  <si>
    <t>美國政府日前宣布入境新規，11月8日起必須要有完整的疫苗接種才准入境，國民黨立委蔣萬安今天質詢時要求，衛福部應盡速研擬緊急第二劑疫苗的補救方案，讓有迫切赴美需求的國人能夠接種，對此衛福部長陳時中當面允諾</t>
  </si>
  <si>
    <t>勇士先前宣布球隊有兩個球員的新冠病毒檢測結果呈陽性，球隊集訓被迫推遲。球隊今日進行新賽季第一次合練，卓雷蒙格林和新秀榜眼懷斯曼都缺席，總教練科爾在接受訪問時證實，感染新冠的兩個球員就是格林和懷斯曼。科</t>
  </si>
  <si>
    <t>檢場、李翊君愛女王敏淳（香奈兒）簽入嚴爵成立的「鮪魚度影音」，推出首支單曲〈和你一起〉闖蕩歌壇，目前她正就讀美國柏克利音樂學院，因受新冠肺炎疫情影響導致學校停課，她今天上午於IG報平安，表示已安全返台，</t>
  </si>
  <si>
    <t>新冠第四波疫情在全球陸續發威，有歐洲專家開始提倡覆蓋率要達九成五才能遏止疫情。中央流行疫情指揮中心今天表示，台灣疫苗覆蓋率要達九成五幾乎不可能，因此將來不一定會追求疫苗覆蓋率逼近九成五，可透過強化的非</t>
  </si>
  <si>
    <t>針對美國默克廠旗下COVID-19抗病毒藥物「molnupiravir」取得良好療效，中央流行疫情指揮中心發言人莊人祥說，目前還正在與廠商簽約中，尚未完全確定，未來希望主要給輕症病患吃，且在家隔離時就可以直接服用。莊人祥</t>
  </si>
  <si>
    <t>受到新型冠狀病毒肺炎疫情及消費力疲軟等影響，國內毛豬價格在過年後創下10多年來新低，今天的交易價格每公斤再度跌破60元關卡，對此農委會已啟動母豬淘汰作業因應，盼能在短期內將豬價拉抬，但這波疫情不僅讓豬價重</t>
  </si>
  <si>
    <t>新冠肺炎疫情持續延燒，世界各國都相當緊張，一般認為該病是在去年12月於武漢爆發，不過有香港媒體指出，從中國大陸政府的未公開文件中可以發現，最一開始的源頭是名55歲湖北男子，時間點則是去年11月17日。根據香港</t>
  </si>
  <si>
    <t>北市聯醫陽明院區爆出醫護人員確診，中央流行疫情指揮中心今公布該院急診室有8人群聚，為插管過程中被病患嘔吐物噴濺感染。目前該院已經暫停急診服務一周，僅對採檢、確診者進行緊急處理。中央流行疫情指揮中心醫療</t>
  </si>
  <si>
    <t>為因應新冠肺炎疫情，臺北市政府與衛生福利部及中央健保署合作，由健保署開發應用程式介接口罩實名制資料庫，透過臺北智慧城市專案辦公室媒合新創業者業安科技，共同推動「實名制口罩自動販賣系統」試辦計畫，今日舉</t>
  </si>
  <si>
    <t>隨著國內疫情嚴峻，台中市早在15日宣布酒店、舞廳等11大行業暫停營業，台中市北屯區一家居酒屋卻無視規定，25日凌晨關起門來K歌，帆布掩蓋的門面，卻傳出陣陣歡唱聲，警方獲報上門，訝然發現裏頭9名男女聚在一起飲酒</t>
  </si>
  <si>
    <t>海軍敦睦艦隊為我國最大宗群聚感染，目前已有28人確診染疫，足跡遍佈全台10縣市，讓指揮中心及國人都相當憂心。軍方除了選擇台中一中為集合地點外，還有2名官兵曾到過一中商圈，這讓民眾怕到不敢前往該處，當地店家</t>
  </si>
  <si>
    <t>新冠肺炎（COVID-19）疫情持續延燒，治療與預防藥物的研發迫在眉睫。懷特生技（4108）旗下「懷特精製黃耆多醣研究中心」展開研發計畫，與國立陽明大學黃奇英教授合作，借重大數據資料庫和電腦軟體分析，進一步驗證「</t>
  </si>
  <si>
    <t>跟進中央政策，台北市長柯文哲18日在北市防疫記者會上宣布，北市口罩政策鬆綁，19日起室外運動、室內外拍照，若維持一定社交距離，也不是跟不特定人一起，那可免戴口罩。</t>
  </si>
  <si>
    <t>世界衛生組織(WHO)2月11到12日邀請全球大約400名防疫專家，舉行新冠肺炎全球研究及創新閉門論壇。總幹事譚德塞(Tedros Adhanom Ghebreyesus)周二早上在開幕典禮上致詞:「疫情對全球各地都造成了非常嚴重的威脅，各國</t>
  </si>
  <si>
    <t>新冠肺炎是一種引起呼吸系統疾病的傳染性疾病，但它的傷害遠不止於此。一項大型研究發現，患者痊癒之後，有高達1/5的人有很高的風險罹患失智症、憂鬰症和躁鬰症，這意謂著新冠病毒對人體的傷害不止在呼吸道和肺部，</t>
  </si>
  <si>
    <t>涉嫌施暴綠委高嘉瑜的男子林秉樞今遭爆料，在今年7月用特權接種莫德納疫苗，北市府證實此爆料為真。對此，有網友表示，一直覺得高嘉瑜當時回應禾馨事件很詭異，回想高當時曾說過，男人都不能相信，就感到很好笑。粉</t>
  </si>
  <si>
    <t>一輛載運新冠肺炎檢測樣本的世界衛生組織（WHO）車輛周一在緬甸遇襲，導致駕駛死亡，以及1名政府官員重傷。據CNN與BBC新聞網21日報導，WHO證實，駕駛索恩（Pyae Sone Win Maung）在緬甸西北部的若開邦（Rakhine）遇</t>
  </si>
  <si>
    <t>由於吉利德科學公司（Gilead Sciences）研發的藥物能在治療新冠肺炎展現成效，加上美國總統發布重啟部分經濟的方針，使得市場信心為之一振，激勵美股期指16日（周四）晚間大漲。道瓊工業指數期貨暴升903點或3.9％，</t>
  </si>
  <si>
    <t>台中國家歌劇院微解封，雖不開放觀眾進場，但駐店餐廳維持營運，提供限時外帶、外送服務，並結合線上餐點訂購平台，擴大服務效益。台中國家歌劇院表示，目前嚴格控管歌劇院各空間容留人數，出入口管制、工作人員動線</t>
  </si>
  <si>
    <t>中央流行疫情指揮中心今發送剩下26萬劑疫苗，除雙北外，其他縣市僅發配第一類醫事人員的劑數，而基隆僅獲1700劑，對此，市長林右昌表示，北北基桃是首都生活圈，目前基隆的疫苗量明顯不足，呼籲應比照雙北。中央流行</t>
  </si>
  <si>
    <t>新冠肺炎漫延之際，漸有正面消息傳出，一名98歲的新冠肺炎危重症患者1日從武漢雷神山醫院康復出院，這是目前已知的大陸最高齡危重症康復患者。據《新華社》報導，98歲的胡婆婆家住武漢市江岸區，2月初出現高燒，55歲</t>
  </si>
  <si>
    <t>高雄市政府防疫會議會後記者會，媒體再度問及高市不廣設普篩的原因，市長陳其邁再度重申2條件，一個是社區流行盛行率高時，其次是要針對特定的群聚感染，快篩在盛行率過低時，篩出的偽陽性偏高，會增加後端醫療不必</t>
  </si>
  <si>
    <t>新冠肺炎疫情嚴峻，我國口罩日產量不斷提升，台灣政府目前已放寬到每14天成人可買9片口罩、兒童可買10片。不過，中央流行疫情指揮中心指揮官陳時中5日召開記者會時，親自示範以電鍋乾蒸口罩，說這是能殺菌又保有過濾</t>
  </si>
  <si>
    <t>年假期間車禍頻傳，上個月21日西濱甚至有21輛車連環撞，國民黨立委葉毓蘭指出，國內平均每天交通事故死亡人數，甚至直逼一年下來新冠肺炎死亡人數， 但交通部用於交通安全預算卻僅占交通部全年預算0.4％，明顯偏少，</t>
  </si>
  <si>
    <t>國內疫情嚴重惡化，雙北升為第三級警戒，台北市長柯文哲坦言「今天確診比昨天多」，宣布高中以下停課，為避免12歲以下學童無人照顧，家長可請家庭照顧假，若雇主不給假，最高可罰30萬。柯文哲表示，北市府一早先宣布</t>
  </si>
  <si>
    <t>新冠肺炎疫情拉警報，高文音主持的年代新聞《聚焦2.0》22日將播出「防疫專題」，請來胸腔內科名醫周百謙分享防疫知識，現場示範飛沫傳染的範圍，引發尖叫連連，高文音更脫口：「我的媽啊。」周百謙表示空氣中懸浮粒</t>
  </si>
  <si>
    <t>NBA復賽日期逐漸逼近，昨日卻驚傳金塊隊當家球星約基奇無症狀確診新冠肺炎，緊接著太陽隊也有2名球員染疫，加上西區某支戰績前8的球隊也有4位球員相繼確診，短短1天就傳出7名球員染上新冠肺炎，也讓復賽蒙上一層陰影</t>
  </si>
  <si>
    <t>南投縣埔里今天爆出景觀造景業者等4人確診，南投縣府衛生局協調埔里基督教醫院、台中榮總埔里分院啟動「埔里鎮新冠肺炎快篩專案」，公布確診者足跡。呼籲民眾如與確診者足跡有重疊者或出現發燒、上呼吸道症狀、腸胃</t>
  </si>
  <si>
    <t>新冠肺炎疫情愈趨緊張，中央流行疫情指揮中心3月31日公布群聚活動社交距離規範，要求室內相距1.5公尺或全程戴口罩；全台百貨龍頭新光三越台中店購物節活動4月1日登場，業者在嚴峻疫情中拼經濟，也透過同步線上GO、精</t>
  </si>
  <si>
    <t>印尼外交部今（31）日宣布，為防止新冠肺炎疫情擴散，雅加達當局已經決定禁止外國人入境、轉機。綜合路透社、新加坡《海峽時報》（The Straits Times）報導，印尼外交部長勒特諾（Retno Marsudi）今日表示，印尼總統</t>
  </si>
  <si>
    <t>PCB廠友銓電子（5321）2018年宣布多角化經營，從印刷電路板產業跳脫轉向電子商務領域，期望改善營運虧損的困境。近日公司營運傳出佳音，受惠於新冠肺炎疫情持續升溫，宅經濟商機發酵帶動友銓近期營收不淡，自2019年9</t>
  </si>
  <si>
    <t>「修昔底德陷阱」一詞，讓《博羅奔尼撒戰爭史》更受到重視。在這本史書中，記錄了古希臘時期雅典與斯巴達之間20多年的戰爭。在這期間，其中一個重要的轉捩點，就是雅典城內突然爆發嚴重瘟疫，造成死傷慘重，影響當時</t>
  </si>
  <si>
    <t>美國第二季疫情持續加劇，部份州不排除二度封鎖，美股四大指數漲跌互見，日韓股市同步走跌，台股今日在台積電(2330)股價續創新高激勵下，開漲57.75點，只是股王大立光(3008)法說不給力，釋出保守訊息恐旺季不旺，牽</t>
  </si>
  <si>
    <t>鴻海集團與永齡基金會創辦人郭台銘出手購買500萬劑BNT疫苗，1日向衛福部遞件完成，桃園市長鄭文燦不諱言，各國都把疫苗當作非常重要的戰略物資，疫苗大廠又非常有限，讚郭：「我非常的佩服！」相信中央會仔細看文件</t>
  </si>
  <si>
    <t>指揮中心今撥出十五萬劑的AZ疫苗，但高雄市沒有疫情卻分配到兩萬一千劑，比疫情重災區新北市還要多，對此衛福部長陳時中表示，這與高雄市之前的施打率有關，同時在分配上也會根據這幾類符合施打的人員數，以及以往施</t>
  </si>
  <si>
    <t>新冠肺炎疫情導致延後開學，造成學校契作農友蔬菜無處去，新北市府啟動「雙菜雙保」政策，協助契作農友販售產銷履歷蔬菜及有機蔬菜，不僅「保證銷售」更「保障價格」，新北市長侯友宜12日前往板橋慈惠宮推廣民眾團購</t>
  </si>
  <si>
    <t>美國總統川普3日說，他有信心，年底前就能研製出新冠肺炎疫苗。然而，據CNBC新聞網與《國會山莊報》（The Hill）3日報導，這時間表比政府公共衛生顧問的樂觀預測還快。「我們很有信心，年底前會有疫苗，」川普說，「</t>
  </si>
  <si>
    <t>毅嘉(2402)公布首季財測，受到新冠肺炎疫情影響，單季營收年減少20%，惟產品組合優化有成，單季稅前淨利仍創近6年同期新高，展望第二季，毅嘉預估隨著接單回穩，營收、獲利將可望增溫。毅嘉第一季受到新冠肺炎疫情影</t>
  </si>
  <si>
    <t>市場擔心新冠肺炎疫情加劇，與2021年初喬治亞州參議員選舉不確定性，恐讓年底的耶誕行情落空，不過分析師看好特斯拉（Tesla）在內的三檔個股，預料仍有強勁漲勢。即便2020年美股沒有出現耶誕行情，仍有三檔個股不受</t>
  </si>
  <si>
    <t>台北市長柯文哲今在防疫記者會上宣布，7家醫院PCR篩檢站，昨共篩檢1091人，發現陽性4例，還是有不少，另外，柯文哲公布一例比較奇怪案例，他說，個案的媽媽在6月3日確診，父親6／11確診、個案妻子和妹妹則在6／13確</t>
  </si>
  <si>
    <t>交通部觀光局14日舉行「2020全球推廣行銷線上會議」，由局長張錫聰親自主持，全球駐外辦事處不分時區同時上線，會議聚焦討論疫後市場振興策略、及開放邊境後即應啟動各項振興作為，以儘速恢復來台市場規模。台灣觀光</t>
  </si>
  <si>
    <t>備受期待的 5G iPhone 還得等更久？在競爭對手都紛紛推出 5G 手機搶市的環境下，由於技術尚未成熟、市場也尚未準備好，蘋果(Apple Inc.)在 2019 年秋季並未推出支援 5G 的手機。而一般預料，5G iPhone 將會在 2020</t>
  </si>
  <si>
    <t>中國大陸面對新冠肺炎疫情，進出公共場所偶有見到測量手腕溫度，對台灣讀者來說，「腕溫」比較不常見，大陸網友解釋為何測量腕溫而不是額溫。根據中央社日前報導，面對新型冠狀病毒肺炎疫情，北京公共汽車、地鐵與跨</t>
  </si>
  <si>
    <t>指揮中心昨(25)日宣布全國3級警戒、全國停課皆延長至6月14日，台大公衛學院教授陳秀熙表示，目前國內非藥物公衛措施NPI的落實程度只有75％，若多數公司停班，降低平均病例有效再生數（Rt值）的效果可達27％。外界好</t>
  </si>
  <si>
    <t>台北市長柯文哲16日宣布，台北通已和健保資料庫連結，打過2劑的市民就會顯示「綠色」、1劑顯示「黃色」，未施打過疫苗則是「紅色」，讓餐廳內用、區民活動可以執行，只要中央同意就可以上路。北市疫苗涵蓋率第1劑56.</t>
  </si>
  <si>
    <t>新冠肺炎疫情日益加劇，台灣確診病例數攀升且24日已突破200例大關。晶圓代工龍頭台積電總裁魏哲家近日向員工發出通告，即日起到4月12前實施第一階段限制，限定員工不能出國，同時鼓勵非生產線的員工在分組辦公營運模</t>
  </si>
  <si>
    <t>台中市都發局長黃文彬的兒子18日自美國返回台灣，傳出身體不適情況，醫院以其有出國旅遊史，提高警覺，要求直接收容觀察3天並進行檢驗，黃文彬表示，兒子沒有發燒，自己也未與兒子有任何接觸。新聞局長黃國瑋說，黃</t>
  </si>
  <si>
    <t>四川警方日前從吉林省延邊州延吉市押解一名犯罪嫌疑人回四川瀘州古藺縣，只不過，沒想到該嫌犯竟是1名無症狀感染者。此次路途3000多公里，還途經長春、北京等地，超過逾93名密切接觸者居家隔離中。《新京報》指出，</t>
  </si>
  <si>
    <t>新冠肺炎疫情嚴峻，許多縣市政府已發文要求長照及安養機構暫停探訪，不過屏東縣目前仍未禁止，而是交由業者決定。因無強制力業者只能「柔性勸導」，衍生問題，因此希望縣府能明文禁止。縣府表示，會依據中央疫情指揮</t>
  </si>
  <si>
    <t>外送商機崛起後，發生不少外送員與顧客、店家之間故事，一名男外送員在臉書吐苦水，表示某次外送時，因為新冠肺炎疫情關係，社區大樓的管理員表示不能送上樓，外送員也遵守規定，想不到事後竟收到警察通知，被當時的</t>
  </si>
  <si>
    <t>前往湖北武漢市視察後，世界衛生組織（WHO）專家團隊24日指出，中國所採取的策略改變新增確診病例快速攀升的曲線。兩周前團隊剛抵達大陸時，每天新報告的確診病例逾2000例；當聯合考察團結束任務，23日報告的確診病</t>
  </si>
  <si>
    <t>總統官邸協助照顧退役工作犬的志工確診，由於國外也有動物染疫前例，總統官邸所養的犬貓是否會安排篩檢？對此，總統府今天表示，府方已跟農委會防檢局做過相關確認，目前沒有任何文獻顯示，新冠肺炎病毒會由貓犬傳染</t>
  </si>
  <si>
    <t>距離520只剩下10天，總統府今將召開記者會說明總統就職典禮活動內容，蔡英文總統預計當天在府內宣誓就職後，上午10點移師至台北賓館發表就職演說，對外界關注的兩岸論述，將維持年初勝選演說拋出的「和平、對等、民</t>
  </si>
  <si>
    <t>新冠肺炎疫情緩和，各項防疫措施今天解封，副總統賴清德今天在臉書貼出他打球的英姿表示，他的解封防疫新生活從球場開始，呼籲落實防疫也要輕鬆生活，大家可以安心參與戶外活動。6月7日是解封防疫新生活起點，賴清德</t>
  </si>
  <si>
    <t>疫情重創紐約，確診及死亡人數高居全美，它是「美國的武漢」？除了衝擊股市、經濟崩潰，更影響數百萬計紐約人的食衣住行日常生活。暫時停擺、冬眠的紐約，何時能迎來人們夢境中的春天？說到紐約，想到的不外乎是車水</t>
  </si>
  <si>
    <t>日本新冠疫情嚴重，東京又進入緊急狀態，也連帶影響到國內發達的AV產業，許多人都十分好奇成人界現況，對此，AV達人一劍浣春秋也親自解答，業內線在一片混亂，甚至還有AV女優因為沒工作被迫轉行，「讓我們少了一些新</t>
  </si>
  <si>
    <t>台北市自5月2日以來，有4753例感染新冠肺炎確診個案，市長柯文哲26日表示，環南市場大規模PCR篩檢時發現，有將近一半的確診者沒有症狀，進一步分析全市本土確診個案，有44.7％確診者從頭到尾沒症狀，所以即使北市府</t>
  </si>
  <si>
    <t>近日，由湖北科技出版社緊急編撰的《新型冠狀病毒肺炎預防手冊》網路試讀版，在網路上廣泛流傳，大陸各地出版社緊隨其後，紛紛組織經驗豐富的傳染病防治專家、病原生物與免疫專業研究學者撰稿，緊急出版，其中不少圖</t>
  </si>
  <si>
    <t>印度驚現Delta變種病毒的變異株「Delta+」，目前境內已經發現40病例，「Delta+」具有傳播性更強、和肺部細胞受體結合能力更強、可能降低抗體反應能力等3大特色，印度指「Delta+」最初是在歐洲偵測到，目前這隻病毒株</t>
  </si>
  <si>
    <t>國內疫情趨緩且穩定控制，中央流行疫情指揮中心經與相關單位溝通討論及評估後，於今(29)日宣布，自今(2021)年11月30日至12月13日維持疫情警戒標準為第二級，並維持相關措施及規定如下：一、維持現行戴口罩規定，外出</t>
  </si>
  <si>
    <t>中國信託金融控股公司今（30）日表示，接獲通知，旗下孫公司中國信託資融公司（簡稱「中信資融」）1名內勤同仁確診新型冠狀病毒（COVID-19）。截至今日為止，中國信託商業銀行有3名同仁、台灣人壽保險公司有3名同仁</t>
  </si>
  <si>
    <t>即使美國總統川普試圖緩解新型冠狀病毒相關消息引起的恐慌，但《華盛頓郵報》報導，美國出現首例新冠病毒感染源不明的確診病例，加劇投資人對疫情傳播的擔憂，周三夜盤美股指數期貨走跌。目前道瓊指數期貨跌100點，</t>
  </si>
  <si>
    <t>日本贈與台灣的124萬劑AZ疫苗，其中50多萬劑已配發至各縣市，新北市、桃園市、台南市、高雄市12日下午率先開打；台北市和其他縣市都照原計畫15日起陸續接種。台北市今天上午8點開放85歲以上長者預約，新北市則透過里</t>
  </si>
  <si>
    <t>今年公費流感疫苗10月5日就要開打，由衛福部疾管署開發的「疾管家」，對其輸入「流感疫苗」詢問相關問題，竟然還跳出2019年11月的訊息，民眾質疑，難道領防疫獎就不用顧流感了嗎？疾管署螺絲簡直掉滿地。疾管署原強</t>
  </si>
  <si>
    <t>Delta肆虐全球，各國狂打疫苗提升覆蓋率，對此，胸腔暨重症醫師黃軒表示，面對Delta病毒，第二劑疫苗的覆蓋率至少要達80％，但目前還沒有任何國家達成，且許多國家的領導人還會將第一劑與第二劑的數據相加，算出一個</t>
  </si>
  <si>
    <t>63歲奧斯卡影帝湯姆漢克（Tom Hanks）與妻子麗塔威爾遜（Rita Wilson）上月12日在澳洲感染新冠肺炎，是好萊塢首例確診的名人。他們經治療後評估已痊癒，上月底飛回加州洛杉磯居家隔離。麗塔14日接受電視節目《今日晨</t>
  </si>
  <si>
    <t>新冠疫情急升，美國四處搜括醫療物資。德國柏林警方傳訂購20萬個大陸製3M口罩，但運至泰國曼谷時竟轉運往美國。德官員批美方的舉動儼如現代海盜，批評華府不應如此對待盟友。據《東網》報導，柏林州內政部長蓋澤爾（</t>
  </si>
  <si>
    <t>台灣新冠肺炎疫情嚴峻，全台三級警戒持續，並希望民眾減少不必要的外出，且端午連假將至，指揮中心跟各地政府都繃緊神經，全力呼籲眾人不要返鄉，以免因移動而讓疫情擴散，藝人Junior(韓宜邦)今凌晨po文，表示有些話</t>
  </si>
  <si>
    <t>食藥署今完成4批高端疫苗的檢驗封緘，其中有一批代號SP2101的疫苗共5175劑，效期僅到9月11日，遭疾管署剔除驗收清單。疾管署副署長莊人祥解釋，由於SP2101疫苗為高端送檢的確效品，因此並不會驗收納入公費疫苗接種平</t>
  </si>
  <si>
    <t>新冠肺炎疫情在美惡化，截至12日已有1215確診病例、36死，其中紐約市白思豪表示，現今該市確診人數為95人，但估計下周恐破千，因此宣布紐約市進入緊急狀態，並稱這場疫情「恐長達六個月」。據美媒《CNBC》報導，紐約</t>
  </si>
  <si>
    <t>美國總統川普昨（18）日暗示新冠肺炎疫情大爆發可能是大陸蓄意而為，他說美國政府尚在調查疫情失控是大陸的「疏失」或是「故意為之」，如果北京「負有知情責任」，那麼大陸得「面臨後果」。綜合路透社、《華盛頓時報</t>
  </si>
  <si>
    <t>新冠肺炎疫情引爆家遠距工作及遠距教學強勁需求，進一步帶動伺服器、筆電及平板、WiFi網通設備等銷售大幅增加，也推升4月DRAM合約價出現續漲行情，其中，標準型DRAM合約價大漲逾10％，伺服器DRAM合約價大漲15～20％</t>
  </si>
  <si>
    <t>根據約翰·霍普金斯大學（Johns Hopkins University）統計，全球已有超過300萬人感染新冠狀病毒，超過21萬800人因此病故。新冠肺炎去年底在中國武漢爆發，之後在短短幾個月內迅速蔓延全世界。約翰·霍普金斯大學的數據</t>
  </si>
  <si>
    <t>新冠肺炎肆虐，歐洲各國紛紛祭出封城令、居家令，除非必要，民眾不得外出。不過禁閉關久了，悶壞的人們想盡各種方法出門。就有網友貼出照片，西班牙街頭驚見「人裝狗」，一名男子全身穿著毛茸茸的衣服，裝成一隻狗，</t>
  </si>
  <si>
    <t>本土疫情嚴峻，連續兩日確診人數都達3位數，防疫保單的詢問熱度大增，目前銷售中的保單隔離最高理賠5萬元，確診最高理賠6萬元，住院理賠最高為每日5000元，為減少實體接觸，保險公司呼籲想投保的民眾可透過官網或專</t>
  </si>
  <si>
    <t>中央4日發出110萬封細胞簡訊，造成社區篩檢站擠爆人潮，新北昨天篩檢量翻倍，新北共篩檢了2430人，其中1262人是收到簡訊約莫50％，今到中午共有2552位民眾前來篩檢，其中1098位收到簡訊，約占43％，新北市副市長劉和</t>
  </si>
  <si>
    <t>新北市政府衛生局日前通報刑事警察大隊協尋1名逃逸外籍移工為失聯確診對象，刑事警察隊立即組成專案小組積極追查行蹤，所幸不到二天即循線至桃園市龜山區1處社區掌握藏匿住所，經協請桃園市政府衛生局、龜山分局等單</t>
  </si>
  <si>
    <t>疫情趨緩，台灣本土確診出現多日＋0，似乎看見回到原本生活的一線曙光，然而， Delta 變種病毒的威脅依然存在。政府遂宣布延長二級警戒至10月18日，不過在遵守防疫規範的情況下，可以適度在特定場域「口罩微解封」。</t>
  </si>
  <si>
    <t>2020年港都盃全國田徑錦標賽，今日上午在高雄國家體育場點燃戰火，此次共吸引超過4000名國內好手參賽，一同在國際級的指標場館「高雄國家體育場」角逐桂冠，而國內近日因新冠肺炎疫情尚未取得穩定控制，主辦單位為確</t>
  </si>
  <si>
    <t>蘋果昨晚間發布新款13吋MacBook Pro筆記型電腦，以剪刀腳鍵盤(Magic Keyboard) 取代蝶式鍵盤，以改善鍵盤損耗問題，並將儲存容量擴大一倍。今年Apple在新冠肺炎爆發後加速新款MacBook機型開發，鍵盤供應商精元(2387)</t>
  </si>
  <si>
    <t>澎湃新聞報導，香港大學微生物學於11月30日宣佈成功從臨床標本中分離出新冠變異病毒Omicron毒株。這是亞洲首個研究團隊成功分離和培養Omicron毒株，分離出來的毒株將可用於開發和生產滅活（不活化）全病毒疫苗。據瞭</t>
  </si>
  <si>
    <t>中研院女研究人員感染新冠肺炎，台北市長柯文哲認為不太可能從動物傳到人身上，外界認為做實驗發生病毒外洩要有人負責。柯文哲10日表示，出問題擺出究責態度，大家就忙著湮滅證據，不必忙著究責應先補破洞。柯文哲今</t>
  </si>
  <si>
    <t>日前北部一名高中生出遊希臘返台後出現身體不適症狀，已於3月15日確診感染新冠肺炎。當大家議論紛紛探詢到底是哪一所學校，記者隨機採訪住在雙北兩市近10名的民眾，大家竟都知學校的名稱且答案都相同，也都祝福這名</t>
  </si>
  <si>
    <t>新冠肺炎疫情升溫，造成人心惶惶，由指南宮為禳除疫情主辦3天的祈福大法會，持誦經懺《呂祖無極寶懺》、《孚佑帝君醒心真經》、《孚佑帝君大洞真經》等祈福消災，撫慰人心，並期盼大眾同步同時虔敬祈福。22日上午9點</t>
  </si>
  <si>
    <t>金管會18日舉辦「獎勵本國銀行加速辦理紓困振興貸款方案」第二期評比優等銀行表揚典禮，主委黃天牧指出，全體銀行共較上期增加1.78兆元的紓困貸款，且自辦部分超越公辦部分，顯示各銀行有很好的風險控管能力，亦充分</t>
  </si>
  <si>
    <t>八大行業全歇業，但敵不過生理需求和經濟需求，各式各樣的「人與人連結」依舊持續發生。一名飯店員工上網爆料，表示天天都接到小姐打電話來詢問「可不可以休息」，氣得他忍不住怒轟：一天不打炮會死是不是？這名網友</t>
  </si>
  <si>
    <t>新冠肺炎疫情嚴峻，許多人開始在家自己煮，但想吃得健康，關鍵在於食材是否新鮮！Panasonic電冰箱的三大保鮮科技全面讓你的食材即使在炎熱夏天也能保住一整周的新鮮美味！Panasonic電冰箱的三大保鮮科技，第一是「新</t>
  </si>
  <si>
    <t>國內持續擴大新冠疫苗覆蓋率。不過近日有一名男子表示，自己是高端的受試者，前兩劑分別是國產高端，第三劑則為輝瑞／BNT，並將其PO上網分享，他開心地說「我可能是全台灣，甚至是全世界第一個」，大批網友看到這段</t>
  </si>
  <si>
    <t>南韓人氣女歌手請夏7日確診新冠肺炎，TWICE成員Sana因為近日與她有近距離接觸過，與TWICE其他成員都接受了檢測，稍早檢查結果岀爐，全員都顯示為陰性，讓粉絲們鬆了一口氣。TWICE所屬公司JYP娛樂稍早發聲明表示，「</t>
  </si>
  <si>
    <t>新冠肺炎全球大流行導致日本國內外需求急凍，日本3月製造業活動創下2009年來最嚴竣的萎縮，再度印證企業與經濟因這場公衛危機受到的衝擊，並突顯出日本政府面臨的挑戰。au Jibun Bank日本3月製造業採購經理人指數（P</t>
  </si>
  <si>
    <t>澳洲奧委會(AOC)雖未採取加拿大奧會的強硬態度，但他們也支持把東京奧運延後1年。AOC在23日發布聲明：「澳洲運動員應該把東奧時程預設為2021年北半球的夏季。」換言之，AOC認為東京奧運在今年辦不成了。總理莫里森(S</t>
  </si>
  <si>
    <t>長榮航空3名機師確診風暴延燒，由於確診足跡遍布雙北、桃園、新竹、苗栗、台中和高雄7縣市，指揮中心昨天(4日)發出110萬則細胞告警簡訊，長榮則針對近1500名機師全面普篩，抓出染疫黑數，且染疫危機還燒到後艙的空服</t>
  </si>
  <si>
    <t>美國各州面臨醫療物資緊缺，聯邦政府不只幫不上忙，還加入搶物資的混戰當中。美麻塞諸塞州乾脆自求多福主動對外採購，同時為解決緊迫的運輸問題，州長還情商該州代表性的美式橄欖球「新英格愛國者」(New England Pat</t>
  </si>
  <si>
    <t>新冠肺炎造成全球疫情險峻，竟然還有人散布假訊息製造恐慌，散布者還是名警察！桃園市一名員警今天1月在臉書上打卡，地點在大陸武漢地區的「華南水果批發市場」，甚至在文章提到「來這邊帶點好料的回去和大家分享」</t>
  </si>
  <si>
    <t>中央流行疫情指揮中心指揮官陳時中昨在記者會上提到，年輕人染疫比例增加，顯示年輕人防疫鬆懈，提醒年輕人要降低群聚。一名女網友發文痛批執政黨想甩鍋，一名就讀台大的女網友則爆氣留言，因為年輕人沒車、沒房，只</t>
  </si>
  <si>
    <t>劉樂妍3月時回台治療腸沾黏，又因涉賄選案出庭，沒想到因新冠肺炎疫情讓她一度被卡在台灣，令愛狗的她淚喊：「想回家了」。昨(1日)她終於搭到回上海的飛機，將接受隔離兩周，她分享當地防疫旅館的「開箱照」，一晚要</t>
  </si>
  <si>
    <t>今年73歲的資深影星汪明荃，出道以來演出過許多經典戲劇作品，甚至開過演唱會，是香港演藝圈的大姐大，地位無人能取代，她的老公羅家英在圈內也備受景仰，而夫妻倆即使名利雙收，但對社會仍相當關心，近日她到郊外散</t>
  </si>
  <si>
    <t>國產高端疫苗今起開打，不過桃園市卻傳出有3人打完疫苗後，分別出現想吐、暈倒及短暫失去意識等狀況，送醫檢查後皆無大礙。中央流行疫情指揮中心指揮官陳時中證實，3人狀況皆為暈針，目前均無異常，已返家休息，並呼</t>
  </si>
  <si>
    <t>新冠肺炎在全世界蔓延，美國主持人傑西沃特斯（Jesse Watters）日前在節目上開炮，要求大陸為疫情應該向世界各地道歉。澳門「賭王」何鴻燊的兒子何猷君，昨(4日)在微博發文要求大陸網友翻牆出征該主播的IG討公道，更</t>
  </si>
  <si>
    <t>據《美聯社》報導，中國大陸國家衛生健康委員會副主任曾益新22日正式表態，由於違背科學原則，北京不接受世界衛生組織(WHO)針對新冠病毒起源的第二階段調查計畫。曾益新強調，所謂的實驗室外流理論根本是與常識及科</t>
  </si>
  <si>
    <t>中壢超級傳播者（案13091）在短短2周內釀近20人確診，其中包括「中壢旅宿王」（案14590），桃園市衛生局長王文彥坦言他最初供出的20名友人有的沒電話、有的複雜，市府只找到18人，「可能還有漏掉的！」但因他已插管</t>
  </si>
  <si>
    <t>中央流行疫情指揮中心今（16）日再公布新冠肺炎單日零確診個案，這是一周之內兩度零確診，日前高雄漢來飯店為慶祝這個好消息，特別將大樓外牆排成笑臉圖案，今晚又有新招，排成「＋0」字樣，令人相當驚喜。漢來飯店</t>
  </si>
  <si>
    <t>日本相撲協會10日公布，有1名幕下力士感染新型病毒，經病毒檢測確診為陽性。這是日本相撲力士確診的首例。該協會指出，這名力士4日發燒，後來2天退了燒又再發高燒，還出現倦怠感、呼吸困難、咳血痰等症狀。他於8日接</t>
  </si>
  <si>
    <t>台北市今舉辦防疫記者會，市長柯文哲指出，北市有14天沒有不明感染源，接近降到一級標準，剩下就是最快速度，把疫苗覆蓋率打起來。柯文哲指出，中央公布本土案例1例，境外7例，台灣疫情趨緩，但世界蠻嚴重，每天有40</t>
  </si>
  <si>
    <t>美國總統川普27日說，中國大陸原本可以趁新冠肺炎席捲全球前遏阻新冠肺炎疫情，淡確沒這麼做，美國政府要認真加以調查。據路透報導，這是川普矛頭對準大陸，把新冠肺炎疫情大爆發歸咎於北京的最新批評。「我們認為，</t>
  </si>
  <si>
    <t>近日，成都出台《關於統籌新冠肺炎疫情防控和經濟社會發展奮力完成2020年經濟社會發展目標的意見》，從聚焦支持企業穩產滿產和擴能增效、築牢產業功能區生態集成優勢、深度融入國際供應鏈體系等10方面提出33條具體措</t>
  </si>
  <si>
    <t>美國疾病管制暨預防中心（CDC）17日發布報告，指出少數青少年及年輕成人在施打新冠疫苗後出現心肌炎（myocarditis），CDC已經就此展開調查，目前尚無法認定心肌炎是否和疫苗有關，強調染新冠的風險大於施打疫苗的副</t>
  </si>
  <si>
    <t>新冠肺炎無法出國，高市交通局估計，今年春節南部出遊人潮、車潮將比往年同期增加2、3成，尤其初三、初四高峰期，對交通維運是一大考驗；交通局官網規畫資訊專區，呼籲民眾出門前上網掌握路況，安心享受出遊樂趣。高</t>
  </si>
  <si>
    <t>全球股市如「大怒神」般驟跌，台股受到新冠肺炎疫情影響，持續震盪整理；全球央行持續端出降息、寬鬆貨幣政策，隨歐美各國疫情擴散、封城，仍抵擋不住跌勢，導致全球今年第1季GDP增長率受到疫情影響而減緩，全年GDP</t>
  </si>
  <si>
    <t>坎城影展如火如荼舉行，在今年有4部片在影展播映的新一代「龐德女郎」、法國女星蕾雅瑟杜（Léa Seydoux），卻傳出在出發參加活動前，新冠肺炎病毒檢測呈陽性，可能因此取消去坎城影展的行程，而經紀人也證實此消息。</t>
  </si>
  <si>
    <t>據大陸國家衛健委網站15日消息，截至14日，大陸31個省（自治區、直轄市）和新疆生產建設兵團累計報告接種新冠病毒疫苗90413.4萬劑次，突破9億劑次。就在6天前，大陸疫苗接種剛突破8億劑次，達8億896.2萬劑次，15日再</t>
  </si>
  <si>
    <t>新北市親友旅遊團爆發6人群聚感染，台北市衛生局表示，其中5人在北市工作，現已匡列職場與相關場域接觸者210人，107人採檢陰性。其中有名個案雖在8日父親節到過信義區知名餐廳「饗饗」，但其用餐時段不在可傳染期，</t>
  </si>
  <si>
    <t>你知道我在等你股價回升嗎？新光金控18日舉行法說會，揭露子公司新光人壽2020年底淨值項下金融資產未實現獲利僅16億元，主因就是「台灣大未填息」，造成新壽股票投資出現大量未實現評價虧損，至於未來要不要處份台哥</t>
  </si>
  <si>
    <t>基亞(3176)澳洲子公司TBG Diagnostics Limited (ASX: TDL)旗下轉投資的廈門德必碁生技(廈門德必碁)所開發的新冠病毒核酸檢測試劑已取得歐盟CE認證，而這項認證代表廈門德必碁所生產的新冠肺炎檢測試劑，能在接受歐盟</t>
  </si>
  <si>
    <t>世界衛生大會今天閉幕，今年國際更明確力挺台灣，除14友邦支持外，美國、加拿大等5國發言更直接提及台灣，加上德國、紐西蘭等多國間接聲援，讓中國多次指挑戰「一中」別有居心。第74屆世界衛生大會（WHA）自5月24日</t>
  </si>
  <si>
    <t>南非專家警告，新冠變異株Omicron在南非各地造成大量5歲以下幼童住院，形容這種情況「前所未見」。綜合美媒《每日野獸》（The Daily Beast）、美國哥倫比亞廣播公司新聞網（CBS News）報導，南非政府首席醫療顧問賈</t>
  </si>
  <si>
    <t>首批從武漢包機返台的台商有69名於2月3日入住位台中市檢疫所隔離，18日已期滿返家，其中有16位設籍台中，台中市長盧秀燕特別準備了一份包含口罩和乾洗手液由區公所和衛生局人員致贈並附上溫馨關懷單，提醒他們返家後</t>
  </si>
  <si>
    <t>因應新冠肺炎，桃園市長鄭文燦14日到八德視察護理之家，了解第一線工作人員辛勞。他也說，桃園目前還有2萬多劑流感疫苗，鼓勵符合公費對象施打，共同努力加強防疫工作。鄭文燦表示，旭登護理之家環境良好，提供長者</t>
  </si>
  <si>
    <t>新冠肺炎疫情延燒，觀光產業衝擊大，連年有破百萬遊客的小琉球也無法倖免，疑受公主郵輪影響，不少人怕船艙密閉空間感染而引爆退房潮，距離清明連假僅剩2周，但島上民宿訂房率竟5成不到，有別以往一房難求，業者為此</t>
  </si>
  <si>
    <t>近期居家檢疫、居家隔離常傳出有列管民眾趴趴走的情事發生，為落實政策，中央流行疫情指揮中心今天表示，已在本月20日召開地方政府執行居家檢疫及居家隔離措施協調會議，將於3月1日起推出「地方政府居家檢疫及居家隔</t>
  </si>
  <si>
    <t>印度有一名少年阿南德(Abhigya Anand)，本身是一名占星師，去年8月在YouTube上傳了一傳影片，竟成功預測到新冠肺炎疫情爆發。近日，他又再度上傳影片並提到，另一場更嚴重的災難將會在2020年12月20日降臨，直到2021</t>
  </si>
  <si>
    <t>屋漏偏逢連夜雨！美國密西根州除了得應付新冠肺炎疫情，州長惠特莫19日宣布，密德蘭郡（Midland）進入緊急狀態，因為該郡境內的艾登維爾與山佛德兩座水壩，抵擋不住連日暴雨竟然潰決，導致大水灌入農田街道釀災。目</t>
  </si>
  <si>
    <t>新冠肺炎疫苗陸續到貨，台南市大新營區各衛生所，經常湧進大批人潮施打疫苗，近日秋老虎發威，每天氣溫飆到35℃以上，但新營、後壁區衛生所因室內腹地小，民眾只能在戶外等候，台南市議員蔡育輝不忍心看著民眾在烈日</t>
  </si>
  <si>
    <t>中央流行疫情指揮中心今(23)日公布新增國內290例COVID-19確定病例，分別為287例本土及3例境外移入(案4023、案4227、案4228）。另有170例本土個案為校正回歸上週各日個案。確診個案中新增6例死亡（案1912、案2384、案</t>
  </si>
  <si>
    <t>大陸防疫專家、國家衛健委高級別專家組組長鍾南山院士團隊，發表最新研究文章，預測新冠肺炎在大陸2月下旬達高峰，對於疫情防控，應嚴格實施至4月底。鍾南山團隊預測，大陸疫情在2月下旬達到高峰，4月底趨於平緩，公</t>
  </si>
  <si>
    <t>滿12歲但未滿18歲的高中、國中生將從23日起開始施打BNT疫苗，根據教育部今晚公布的最新統計，共139萬5056個學生符合打疫苗資格，而同意接種人數達129萬8861人、占93.10％，願意接種比例相當高。學生願意接種比例最高</t>
  </si>
  <si>
    <t>中央流行疫情指揮中心預定今天發布「大型活動指引」，擬建議大型活動暫緩舉辦，有立委詢問歲時祭儀是否要暫緩，原民會主委夷將‧拔路兒說，會針對疫情期間內的歲時祭儀評估，但他強調，但大多的歲時祭儀仍是在戶外，</t>
  </si>
  <si>
    <t>新冠肺炎疫情在日本快速蔓延，原定於7月開幕的東京奧運能否如期舉行還在未定之天。著名旅台日人「日本人的歐吉桑」紛絲頁版主直言，如果真的辦不成奧運，日本經濟可能會很慘，「經濟真的死定了」。據《東網》報導，</t>
  </si>
  <si>
    <t>一場看不到敵人、也看不見盡頭的戰爭，2020新冠漢肺炎全球數百萬例確診、死亡人數超過30萬，為什麼台灣守得住？這令全球稱羨的祕密關鍵是什麼？【精彩書摘】包機結早在一月二十五日，蔡英文即指示研擬包機赴大陸撤僑</t>
  </si>
  <si>
    <t>新北市長侯友宜今（13日）下午主持疫情說明會，針對轄內17萬學生接種BNT疫苗，侯友宜表示，已與各校長充分溝通，接種後全校採居家線上授課1至2日，確保學生身體健康，若學生仍有不適，可續請疫苗假不列入出缺勤紀錄</t>
  </si>
  <si>
    <t>大陸新冠肺炎疫情緩和，各地開始陸續復工，武漢今日正式解封，市場人士預期，大陸水泥行業最艱難時刻已過，水泥市場需求及水泥價格第2季可望開始回升。今日水泥股多頭氣勢如虹，水泥雙雄的亞泥(1102)狂飆逾6%、台泥(</t>
  </si>
  <si>
    <t>受到嚴重特殊傳染性肺炎(COVID-19)疫情影響，COMPUTEX 2020（台北國際電腦展）確定延期至9月舉辦，且9月28日至30日僅三天，天數也縮減。COMPUTEX 2020將呈現5G與通訊、智慧解決方案、電競及創新等主題。新冠肺炎疫情</t>
  </si>
  <si>
    <t>瑞智精密上半年出貨訂單因新冠肺炎疫情而延後至第三季釋出，加上大陸實施空調新國家標準能效，促使大陸空調業出清庫存，造就第三季營運傳捷報，銷量及合併營收雙雙創同期新高。瑞智10月進入外銷歐美旺季，目前接單優</t>
  </si>
  <si>
    <t>高雄市阿蓮區長佑醫院不敵新冠肺炎疫情波及，將在4月底暫時停業，院方並證實，因受疫情影響，病患不敢上門做復健，嚴重影響醫院收入及營運，經考量後決定暫時辦理停業，未來將視疫情狀況再決定是否復業或歇業。長佑</t>
  </si>
  <si>
    <t>東京奧運即將7月下旬開幕，台灣運彩已獲主管機關體育署政策支持放寬獎金支出率上限，未來將開出逾16種投注項目。台灣運彩表示，為了力挺國手為國爭國及炒熱投注氣氛，運彩推出新力挺辦法，從即日起到8月8日（日）台</t>
  </si>
  <si>
    <t>疫情蔓延的恐慌下，各國開始出現日用品搶購潮，像是美國好市多貨架被清空、瘋狂搶購物資，以備未來宅在家使用。最近澳洲更發生一起超市鬥毆事件，一名黑人女子伸手拿了別人推車裡一袋衛生紙，被當事人抓包想拿回來，</t>
  </si>
  <si>
    <t>台北市好心肝診所昨日傳出深夜施打新冠肺炎疫苗，不少民眾拿著健保卡排隊接種，對此，指揮中心回應，現階段新冠肺炎開放公費接種對象，都需依照指揮中心公布順序施打，違者可處30萬至200萬罰鍰，已請北市衛生局進行</t>
  </si>
  <si>
    <t>隨著NBA在復賽前針對各隊進行全面性新冠檢測，接下來每天就等看誰中標！國王昨天一口氣確認賈巴利帕克、希爾德與艾力克斯連等3名球員感染新冠肺炎，也都隨即進行隔離，溜馬主控布羅格登也被檢測出新冠陽性反應。先後</t>
  </si>
  <si>
    <t>台灣境外移入爆風成長8例，讓「漂浪島嶼--munch」也在臉書發聲，防疫部應該只是參考性質，應該要有強制力，來遏止鑽法白目，也呼籲大家別讓阿中部長輸在龜兔賽跑的最後一哩路。臉書粉專「漂浪島嶼--munch」貼文指出</t>
  </si>
  <si>
    <t>陸委會今（19）日下午召開記者會，媒體問到滯留湖北台灣人何時可以返台？陸委會發言人邱垂正表示，仍然維持須包機返台、集中檢疫的政策不變。媒體問到，滯留湖北台灣人的註記可否取消？可否從武漢離開，可否入境？法</t>
  </si>
  <si>
    <t>針對新冠肺炎疫情衝擊，高雄市長韓國瑜9日主持完防疫會議後表示，將指定市區及郊區各1所學校，立刻測試遠距教學；另也研議異地上班可能，已請人事處、研討會立刻研究，將找一個單位作測試壓力。另外，也通過校園「新</t>
  </si>
  <si>
    <t>全國疫情未見降溫，三級警戒是否「二度延長」至6月28日，成為各界關注話題。不過下周端午連假就要來了，為防堵病毒流動，各界紛紛呼籲異鄉遊子耐住思鄉之情，別衝動回老家，連中央流行指揮中心今（6）日下午都出面，</t>
  </si>
  <si>
    <t>口罩國家隊接連爆出假MIT事件，引發民眾退貨潮，不過竟然有網友表示，要感謝第一個被抓到做假MIT口罩的加利科技廠商，引起網友好奇，原因曝光後，網友笑說：「太尷尬了吧」。原PO在PTT貼文指出，口罩國家隊近來接連</t>
  </si>
  <si>
    <t>新冠肺炎(NCP)疫情不斷升溫，確診人數多達4萬起，造成全球人心惶惶，大陸72歲健身達人邱鈞，曾聲稱自己從未生病，豈料竟染上肺炎病逝。不少專家也表示，民眾防疫不僅靠口罩，「勤洗手」更是重要，近日一名日本網友就</t>
  </si>
  <si>
    <t>受到美股走全面收黑影響，台股今早盤震盪走跌，一度摔下13200點，盤中則在權值股台積電等拉抬下，指數翻紅，接近午盤後一路走高，呈現量縮回穩，終場收在今日最高，指數收漲51.55點、報在13273.33點、成交量為1796.7</t>
  </si>
  <si>
    <t>第二架從上海浦東機場起飛的類包機晚間抵台，中央流行疫情指揮中心指揮官陳時中親自到機場坐鎮指揮，由於指揮中心白天開例行記者會，報告最新疫情，晚上又接著要接應類包機，陳時中幾乎24小時未闔眼，面對媒體關心身</t>
  </si>
  <si>
    <t>美國總統川普周四說，他周五將召開「有關中國」的記者會，但並未提供任何細節，而這隨即導致市場下跌。據CNBC新聞網28日報導，好幾個星期以來，美國政府指控中方新冠肺炎疫情初期掩蓋事實，不斷對北京加強施壓。川普</t>
  </si>
  <si>
    <t>全台新冠疫情嚴峻，本土確診案例持續增加，台東縣全縣11個鄉鎮衛生所設置快篩檢測站，27日提供出現相關症狀且符合特定條件的民眾電話預約，28日全面啟動，限每日15名，請符合條件的篩檢對象預約前往時，全程配戴口罩</t>
  </si>
  <si>
    <t>立法院社會福利及衛生環境委員會安排3月16日(周一)考察「北部地區醫療院所防疫整備狀況」引發爭議；衛環委員會召委邱泰源辦公室發聲明表示， 安排過程十分用心謹慎，不但徵求相關單位的意見，也皆先與拜訪醫療院所之</t>
  </si>
  <si>
    <t>隨著全球新冠疫情持續惡化，大陸宣稱多次在進口冷凍食品上檢出新冠病毒，大陸網路與媒體正開展一場病毒起源的言論戰，對進口冷凍食品檢出病毒以及任何早於去年底在外國出現新冠病毒跡象的訊息擴大報導，再次試圖以媒</t>
  </si>
  <si>
    <t>竹北舊市區的竹仁國小25日開學首日，校方以三角椎設置防疫通道，學生排隊經過體溫檢測站，校方以專業大型額溫槍檢測學生體溫，比小型要接觸額頭的額溫槍還快速，家長們也很配合讓小朋友戴口罩，與其他學校一樣，秩序</t>
  </si>
  <si>
    <t>台灣今增17例死亡，其中最年輕的死亡個案僅40多歲，個案5/13就發病，但就醫PCR採檢結果為陰性，後到了5/21再次採撿，結果轉為陽性。中央流行疫情指揮中心專家小組召集人張上淳表示，即時就醫也是相關因素，一次陰性</t>
  </si>
  <si>
    <t>根據澳盛銀行上周出具的報告，中國、南韓與新加坡是企業債增加最快、最多的亞洲經濟體。報告指出，過去幾年，中國、南韓與新加坡的公司債迅速增加，而新冠肺炎疫情打擊公司營收，連帶影響其償還債務的能力。報告指出</t>
  </si>
  <si>
    <t>新冠肺炎全球確診累計人數突破千萬，單日新增確診人數來到新高，WHO示警疫情進入新危險階段，美國多州紛紛縮減經濟重啟的措施。雖然歐元區6月消費者信心指數仍維持於-14.7，但根據歐盟執委會數據顯示經濟景氣指數回</t>
  </si>
  <si>
    <t>《北京日報》用戶端3日報導，全球什麼時候能夠恢復正常人員往來？中國什麼時候能夠打開國門？大陸「網紅」醫生、復旦大學附屬華山醫院感染科主任張文宏作出最新判斷，指中國在2022年上半年可以有條件地跟一些國家恢</t>
  </si>
  <si>
    <t>職場群聚感染發生，勞動部職業安全衛生署和桃園市政府研議，若上班時間因公染疫，視同職業災害。桃園市長鄭文燦4日主持防疫會議說，適用勞工職業災害補償相關規定，包含工資、醫療、失能補助、死亡給付等等。鄭文燦</t>
  </si>
  <si>
    <t>香港爆發第3波新冠肺炎疫情，近10天來就新增了上千起病例，對當地經濟及民生運作造成嚴重衝擊，港府再次收緊「限聚令」至2人，並要求民眾儘量待在家中。由亞洲博覽館改建而成的「港版方艙醫院」，已於8月1日正式啟用</t>
  </si>
  <si>
    <t>清明節連假期間，國人高興出遊，雖然發布國家級警報，仍不敵部分民眾的玩興。對此，重症暨胸腔科醫師黃軒表示，17年前SARS爆發高峰，就是在清明節過後。黃軒在談話性節目《驚爆新聞線》中表示，2003年那一年，他在第</t>
  </si>
  <si>
    <t>新冠肺炎疫情在今年5月如死灰復燃般席捲全台，目前染疫個案雖以中老年病人為主，但此波疫情擴及嬰幼兒及學生族群，國際間也已發現變異病毒株的感染開始轉向年輕化。羅東博愛醫院小兒科吳淑娟醫師表示，大部分嬰幼兒</t>
  </si>
  <si>
    <t>新冠肺炎疫情擴散，教育部也在20日公布大專院校停課標準，只要1校內有2位以上師生被中央流行疫情指揮中心列為確定病例，全校就必須停課。日前曾因肺炎趨勢預測圖而登上《經濟學人》的台大化學系教授徐丞志對此表示「</t>
  </si>
  <si>
    <t>中央研究院南港P3實驗室一名20多歲的女性研究人員疑似在實驗室染疫，讓連續35天本土+0破功，消息一出引起人心惶惶，台北市市立聯合醫院忠孝院區醫師陳昶宇指出，因感染源明確，還不需要過度恐慌，不過他也說，如果真</t>
  </si>
  <si>
    <t>小編今天（26日）精選5件不可不知的國內外財經大事。台股主流股風水輪流轉，當沖標的也大風吹，萬海及長榮當沖比退燒至69.29％及61.8％水位，此外，愛普、敦泰、晶心科及世芯-KY當沖比則攀升至61.72～72.86％。【1】</t>
  </si>
  <si>
    <t>台灣已出現無旅遊史新冠肺炎確診案例，民眾憂心防疫更加困難，有專家甚至直指「沒有旅遊史完蛋啦，它就跟流感一模一樣」，而且病毒可能會躲過人體免疫系統的攻擊，初期很難被偵測到。對於無出國史確診案例，外界擔心</t>
  </si>
  <si>
    <t>大聯盟宣布因新冠肺炎疫情影響，開幕至少延期2周，不過這並不代表2周後就能撥雲見日，目前大聯盟與各球團還在制定今年的賽程以及各項應變計畫，但尚未有進一步說明，讓球員不知所措，小熊隊球員奇普尼斯(Jason Kipni</t>
  </si>
  <si>
    <t>大陸河北省近日爆發新冠肺炎疫情，更下令對石家莊市、邢台市、廊坊市全域實行封閉管理。不幸的是，前女團「F4」成員劉樂妍恰巧就住在河北省的廊坊市，今(14日)更在微博曝光樓下鄰居一家人被救護車帶走的驚恐畫面，害</t>
  </si>
  <si>
    <t>美國疫情最嚴重的紐約州州長科莫（Andrew Cuomo）表示，紐約州的部分地區可能會在一周內重新開放，但各地在重新開放前必須詳細檢視是否具備足夠的條件，包括新增確診病例數、醫療體系負荷能力、診斷與病毒檢測能力與</t>
  </si>
  <si>
    <t>大陸澎湃新聞1日報導，復旦大學等3國團隊研究成果最近登上頂級學術期刊《科學》（Science）雜誌，研究認為，大陸爆發疫情期間，僅實施社交距離政策，就足以控制新冠肺炎或降低峰值發病率40至60％，並延遲疫情。以年</t>
  </si>
  <si>
    <t>北市爆發士林養護機構與北農群聚感染，台北市長柯文哲21日在議會表示，養護之家原本確診都送去收治，怎料還有潛伏者發作感染，因此對於養護之家、洗腎機構、甚至是遊民，他都認為全部先打疫苗，凡是製造困擾、太難處</t>
  </si>
  <si>
    <t>雙北疫情持續升溫，新北市長侯友宜17日下午舉行防疫記者會時表示，現在已經要慢慢走到第四級，已經開始強化三級防疫，非必要活動還有相關規定都要嚴格執行，已經沒有勸導期，視同走到準四級，拜託市民努力配合，一起</t>
  </si>
  <si>
    <t>國內新冠肺炎本土疫情嚴峻，波及各大醫療院所，連醫界龍頭台大醫院日前也都爆發工務室15名員工確診，台大院長吳明賢今天特別發信給住院醫師，內容直言「所有的重大災難，都是一面照妖鏡！」痛批藉機放長假的住院醫師</t>
  </si>
  <si>
    <t>新冠肺炎擴散全球，6日確診人數已突破十萬大關，雖然病發地大陸疫情逐漸轉緩，但歐美與中東地區轉為嚴峻。對此，醫學權威期刊《刺胳針》6日發表社論指出，疫情對開發程度不同的國家造成衝擊，除了點名非洲、拉丁美洲</t>
  </si>
  <si>
    <t>上海市衛健委12日通報，通過口岸聯防聯控機制，6月11日0-24時，無新增本土新冠肺炎確診病例。境外輸入性新冠肺炎確診病例報告8例。其中1例是在台灣生活，自台灣出發的大陸籍人士，於6月9日抵達上海浦東國際機場，入</t>
  </si>
  <si>
    <t>中央疫情指揮中心15日公佈嘉義縣新增1確診個案，嘉義縣長翁章梁今天下午召開疫情線上記者會表示，案13302是42歲女性，在東石鄉永屯村便利超商當店員，13日因發燒不適就醫採檢，14日確診，目前匡列的接觸者採檢皆為陰</t>
  </si>
  <si>
    <t>新北市政府與旺旺文教基金會共同舉辦「讓奉獻成為一種榮耀」榮耀二十．志力傳承公益演唱會，13日下午在新北市政府多功能集會堂舉辦，邀請多位民歌知名藝人齊聚獻唱，向在場社福、文化與環保志工致敬。新北市社會局副</t>
  </si>
  <si>
    <t>SEMI（國際半導體產業協會）10日公布最新全球晶圓廠預測報告（World Fab Forecast），全球晶圓廠設備支出將從2019年的低點反彈，2020年穩健回升後，可望在2021年大幅增長，並創下投資額歷史新高記錄。不過，因為新冠</t>
  </si>
  <si>
    <t>因性侵案被判23年監禁，才剛入獄的美國著名電影製作人哈維·韋恩斯坦，被爆新冠病毒檢測呈陽性，並且引起美國人公憤。有當地知情官員向媒體透露，紐約州文德監獄有2名囚犯的新冠病毒檢測呈陽性。但當地主管監獄部門的</t>
  </si>
  <si>
    <t>彰化縣5月14日爆發新冠肺炎家庭群聚感染案例，水果盤商家族有12名親人相繼確診，一家人順利康復出院，擔任社區理事長的長子與母親接受本報專訪，述說住院治療期間被當成戰犯圍剿的複雜煎熬。盼政府、媒體和社會別再</t>
  </si>
  <si>
    <t>近期因數量較多的接種疫苗者遭變種病毒感染的案例發生，有專家建議補打第3劑加強針的說法極受重視。大陸疾控中心專家表示，疫苗接種後幾個月抗體水準會有所下降，但仍然有相當的保護力，是否補打第3針還需要開展相關</t>
  </si>
  <si>
    <t>據江蘇當局發布，3月12日0-24時，江蘇省無新增新型冠狀病毒肺炎確診病例。新增出院病例2例。江蘇累計確診的631病例中，在院病例1例。重型病例1例（無錫市1例）。累計出院病例630例。截至3月12日24時，江蘇省累計報告</t>
  </si>
  <si>
    <t>台灣新冠肺炎疫情趨緩，政府研擬在7月推出第三階段振興方案。投顧法人出具最新報告，認為餐廳業者及零售商將是主要受惠者，看好寶雅（5904）、統一超（2912）、統一（1216）、瓦城（2729）及台灣高鐵（2633）等以本</t>
  </si>
  <si>
    <t>毅嘉(2402)10月自結合併營收約為6.11億元，較去年同期增加達一成，創下今年次高水準。毅嘉10月自結合併營收金額約為6.11億元，月減少4%、年增加10%，其中軟板產品之營收為4.71億元，機構整合元件產品之營收為1.4億元</t>
  </si>
  <si>
    <t>美國捐贈的250萬劑莫德納疫苗將在傍晚抵台，外界關心這250萬劑莫德納任務很急促，可否解釋接洽過程？以及莫德納跟AZ疫苗能否混打，對此指揮中心指揮官陳時中表示，非常謝謝AIT努力把台灣的情況傳回美國，我們真的很</t>
  </si>
  <si>
    <t>中央流行疫情指揮中心今(26)日表示，斯洛伐克政府為協助各國對抗疫情，共同維護全球衛生安全，繼7月16日宣布捐贈我國1萬劑疫苗後，又將捐贈數量提高至16萬劑AstraZeneca(AZ)疫苗，經斯國衛生部與我國斯洛伐克代表處</t>
  </si>
  <si>
    <t>今天大年初四，國內疫情連續第三天無新增境外移入個案、本土病例。中央流行疫情指揮中心指揮官陳時中今天仍親自主持記者會，並指出目前部立桃園醫院回溯採檢剩下2人結果未出爐，預計桃醫在2月19日恢復營運。桃園醫院</t>
  </si>
  <si>
    <t>在新冠肺炎疫期，鑽石公主號郵輪等多郵輪在海上「漂流」多日，讓在郵輪上民眾有如經歷一場夢魘，不過，搭高檔郵輪出國仍是未來旅遊趨勢，尤其目前旅遊綜合險並沒有保障郵輪上的旅遊不便，因此，若民眾要搭郵輪出遊，</t>
  </si>
  <si>
    <t>當載防疫物資用品大貨車到時，穿著襯衫、西裝褲，捲起袖子幫忙搬運防疫物資下車，全身一下子就汗如雨下濕透了！市議員吳瓊華說，赫然發現一起搬貨的人居然就是捐贈者～這種精神真的令人感動。吳瓊華指出，在一個機緣</t>
  </si>
  <si>
    <t>離東京奧運開幕只剩最後一天的時間了，世界各國好手都陸續抵達日本東京備戰，中華隊好手有的也開始展開賽前訓練，目前都平安無事，相信接下來他們會全力將目標放在奪牌上面，不過有幾位選手可沒那麼好過了，繼昨天傳</t>
  </si>
  <si>
    <t>國內新冠肺炎疫情嚴峻，三級警戒延長，再加上疫苗短缺，民怨達到高峰，台北市長柯文哲坦言，疫苗覆蓋率需達7成以上才有群體免疫效果，若在此之前先行解封，感染人數就會上升，目前戰略要先撐到疫苗到再說。柯文哲表</t>
  </si>
  <si>
    <t>政府持續出手打炒房，各部會接連出招，加上股市表現熱絡，引發投資圈是否「棄房轉股」的討論。安新建經表示，目前自住、置產的買盤還在，房市剛性需求不衰，建議首購族與換屋族應持續關注市場，維持敏感度，長期投資</t>
  </si>
  <si>
    <t>一如外界預期，在新冠疫情持續延燒之下，四大賽歷史最悠久的溫布頓錦標賽今晚正式宣布取消今年賽事，也是這項一年一度的盛事自1945年第二次世界大戰以來，第一次無法舉辦。全英網球俱樂部今天召開緊急理事會，也正式</t>
  </si>
  <si>
    <t>新冠肺炎持續襲捲美國全境，至今已有160萬確診、9.6萬人死亡，不論確診與死亡人數皆排名全球首位。雖然美國總統川普宣稱「美檢測能力領先全球」，不過根據美媒「國家公共廣播電台」（NPR）報導，美國疾病管制與預防</t>
  </si>
  <si>
    <t>測試大廠京元電子(2449)染疫事件越演越烈，中央疫情指揮中心(CDC)今日有宣布設立京元電指揮所，京元電也公告將自今晚7點20分起停工2天，進行徹底消毒作業，京元電為聯發科(2454)重要封測夥伴，對此，聯發科最新表示</t>
  </si>
  <si>
    <t>新冠肺炎疫情肆虐全球，黑社會也不閒著。義大利「黑手黨」藉提供免費食物、無息貸款等好處收攏人心，趁機坐大勢力，引發關注。巴西黑幫的防疫作為比政府還到位。義大利是疫情重災區，內政部長拉莫格斯警告，受到封城</t>
  </si>
  <si>
    <t>中央6月中公布機組員居檢加嚴政策，未施打疫苗或第一劑未滿兩周，檢疫天數將調整為「7＋7」，有長榮機師坦言目前長榮已有9成以上機組員完成接種疫苗，但因政府政策過於匆忙，加上Delta變種病毒肆虐，班表不斷調整，7</t>
  </si>
  <si>
    <t>口罩新制今（9）日上路，14天可購買9片成人口罩，高雄1家藥局下午3時起開賣，排隊人龍已綿延10家店距離，約莫30多人排隊等候，排第1位的陳姓男子說，今天比往日多3倍人潮，雖然14天可買9片，但仍不敷使用，最好是1天</t>
  </si>
  <si>
    <t>新冠肺炎疫情從武漢爆開後，當地成為中國大陸抗疫的主戰場。早先有一群女護士剃光頭赴前線，宣誓抗疫決心引起話題。昨一位赴武漢支援的護士吐露心聲，希望疫情結束後，政府配給一個男友，女護士的心願卡曝光後迅速爆</t>
  </si>
  <si>
    <t>台北市長柯文哲27日未開記者會對外說明疫情，不過，他在臉書發文指出，今早接到疾管署通知，1位感染Delta病毒的屏東縣枋寮鄉居民，與2位台北市民有近距離接觸。柯文哲指出，這2位市民是枋寮個案的妹妹和妹婿，20日上</t>
  </si>
  <si>
    <t>世界各國近日頻傳完整接種疫苗仍染疫的案例，不少國家為此呼籲要打第三劑疫苗。根據冰島研究，突破性感染發生率最高的是嬌生，但以國內已經施打的疫苗來說，AZ則是最高。中央流行疫情指揮中心發言人莊人祥今在記者會</t>
  </si>
  <si>
    <t>王力宏近年重心轉往大陸，去年底12月29、30日正好在武漢開唱，在1月10日更一度發燒到39度，王力宏一度懷疑自己染疫趕緊就醫，幸好當下排除未中標，為求謹慎回台後進行自主居家隔離14天，如今過了2個月，他日前po出影</t>
  </si>
  <si>
    <t>基亞（3176）新藥開發雙喜臨門！除了與義大癌治療醫院NK（自然殺手細胞）治療將啟動外，與日本Oncolys BioPharma共同開發的溶瘤病毒新藥OBP-301，授權夥伴中外製藥應用於合併放射線治療食道癌的臨床二期試驗，也正式</t>
  </si>
  <si>
    <t>根據《洛杉磯時報》23日報導，位居加州洛杉磯的史坦普中心，不僅是湖人、快艇兩支NBA球隊主場，也是美式冰球聯盟(NHL)國王隊的主場，目前NBA與NHL確診新冠肺炎的16名球員當中，竟有8人在美國疫情爆發前夕造訪過這裡</t>
  </si>
  <si>
    <t>中央流行疫情指揮中心今（14日）宣布無新冠肺炎新增確診案例，是自3／9以來睽違36天的零確診，消息一出令指揮中心和民眾都相當振奮。不過網上也出現不同聲浪，有網友認為，當初說「清明連假後疫情會大爆發」的人，根</t>
  </si>
  <si>
    <t>民眾黨立委高虹安昨日（7）痛批，立法院「疫苗調閱小組」4月29日開過一次會後，至今尚未再開過會就在5月31日結束了，下次再重新組成得等到9月底。對此，藥師林士峰直言「實在太多疑點」，認為執政黨在整個疫苗採購疑</t>
  </si>
  <si>
    <t>新冠肺炎疫情快速升溫，雲林縣政府再超前部署，19日首次以視訊舉行防疫擴大專案縣務會報，並在雲林國中、斗六國中尋覓場地布置臨時縣府辦公中心，因應萬一必須移地辦公之需。每月固定召開一次的縣務會報，20鄉鎮市首</t>
  </si>
  <si>
    <t>台灣已經連續28天沒有新冠肺炎本土確診案例，過去例如登革熱，以及SRAS期間，經過28天潛伏期後，就宣佈解除本土疫情，外界關心，是否比照過去疫情，宣布解除疫情？陳時中表示，因為登革熱不是全世界都有，現在境外還</t>
  </si>
  <si>
    <t>台灣今天一口氣再度新增206例本土個案，其中48例感染源不明，究竟現在有多少醫護被感染？且聯合醫院還傳出不少院區都有收到確診者，導致有醫護被匡例，其中包含忠孝院區，對此指揮中心不願證實，並強調，不會針對特</t>
  </si>
  <si>
    <t>原定赴立法院備詢的衛福部長陳時中臨時請假，由政務次長薛瑞元代打，薛證實，是因為華航群聚感染惡化。對此，藍委李德維表示，病毒當然是唯一的敵人，傲慢卻是更大的危機；李痛批，然後陳時中說：「公文沒有跑得比病</t>
  </si>
  <si>
    <t>湖北省新冠肺炎第二大重災區孝感市已有逾3000人確診，該市防控指揮部14日宣佈緊急命令，即日起在全市範圍內全面升級防控措施，所有屋苑實施全封閉管理，除防疫人員、醫護人員等民生保障從業人員外，其他居民一律不能</t>
  </si>
  <si>
    <t>為減緩春節返台人潮，中央流行疫情指揮中心放寬入境檢疫措施為「10+4」，但無論有沒有打疫苗，都是用一樣的標準，因為返台民眾估計台灣為大宗，前衛生署長楊志良認為，指揮官是對大陸台商心中有恨才無法縮短天數，陳</t>
  </si>
  <si>
    <t>金曲台語歌王翁立友推出新專輯《眼中淚》，近來新冠肺炎肆虐，他在台灣5場春酒邀約、新加坡個唱以及海外的演出都先宣告延期，粗估短收破百萬，不過他近10年來幾乎每天都在工作中度過，難得休長假，多陪伴家人。他說</t>
  </si>
  <si>
    <t>永齡基金會、台積電向上海復星採購一千萬劑BNT疫苗定案後，鴻海創辦人郭台銘昨天深夜在臉書上貼文指出，談判過程中從未有大陸北京當局的任何指導或干涉。對此衛福部長陳時中今天也向陸方致謝，並透露自己有意願前往</t>
  </si>
  <si>
    <t>人民日報海外版今（26日）以「一場疫情撕下台當局畫皮！」為題，公開點名近來叫台商吃蝙蝠的年代資深主播張雅琴、安幼琪等人，痛批因為人的出身、種族、身份而擁有凌辱別人的權利或只能被別人凌辱，這是納粹還是民主</t>
  </si>
  <si>
    <t>武漢的新冠肺炎病例新增確診數量大幅下降，但據武漢市新冠肺炎疫情防控指揮部消息，3月13日至17日，連續5天均有新增確診病例來自於門診，武昌方艙醫院醫療隊醫生說，這說明防控還有一定漏洞。武昌方艙醫院醫療隊醫生</t>
  </si>
  <si>
    <t>對於禁止高中以下師生出國爭議，民進黨桃園市議員王浩宇、社民黨台北市議員苗博雅互槓起來了。新北市長侯友宜今（16日）表示，除了繼續掌握學生健康狀況、量體溫、校園消毒外，新北市所有師生6月底前一律不准出國，</t>
  </si>
  <si>
    <t>勤業眾信發布《2020年台灣產業趨勢展望觀點》，陸美貿易戰烽火未歇，加上新冠肺炎疫情延燒，加速高科技與傳產製造產業供應鏈重組與整合腳步，囿於本土電子業與傳統製造業長期仰賴大陸生產力，高科技與半導體製造市場</t>
  </si>
  <si>
    <t>新冠肺炎讓高中職以下學校開學日延後，為讓學生在多出來的假期自主學習，嘉義市教育處搜集網上相關線上教學資源，整合成平台，鼓勵學生線上學習，嘉義縣政府也把相關線上學習資訊傳給各校，透過學校管道鼓勵學生自主</t>
  </si>
  <si>
    <t>美國總統川普18日對世界衛生組織（WHO）下最後通牒，要求WHO必須在30日之內做出重大改革，否則美國將永久凍結對其金援，並考慮退出WHO。不過，國際頂尖醫學期刊《刺胳針》（The Lancet）嗆川普的聲明在事實上根本有</t>
  </si>
  <si>
    <t>新冠肺炎疫情嚴重的地區，大多集中在亞洲國家，如大陸、日本、新加坡。位於義大利北部富裕的倫巴底(Lombardy)和威內托(Veneto)地區，疫情一夜之間忽然爆發，本周五在一天內就通報了17個新增案例，其中有15例都是在倫</t>
  </si>
  <si>
    <t>新竹縣17日新增10個確診者，均為先前爆發確診的2長照機構，其中B長照機構新增8名確診者、C長照機構則有2人，由於接觸者均已匡列，不再重複匡列，縣長楊文科也強調，對於2機構會加強監控，均為第3次採檢後的新增確診</t>
  </si>
  <si>
    <t>國內台中、基隆近日出現2例個案在接種流感疫苗後，疑似引發「格林巴利症候群」（GBS），其中基隆婦女出現味覺異常症狀。台灣感染症醫學會理事長黃立民指出，歐洲研究證實，GBS和新型冠狀病毒病有關，呼籲疫情期間出</t>
  </si>
  <si>
    <t>聯發科(2454)5G再添新兵！聯發科今日最新發表5G系統單晶片SoC新品「天璣820」，採用7奈米製程，瞄準中高端5G智慧型手機，聯發科在5G的布局上，自去年起就持續展現高度企圖心，透過多元的產品布局，力求搶啖更多的市</t>
  </si>
  <si>
    <t>《太陽報》（The Sun）報導，英國衛生大臣賈維德（Sajid Javid）27日表示，該國有2名新冠肺炎（COVID-19）確診者，已確認為感染「Omicron」變種病毒，並稱2起病例都與南非旅行「有所聯繫」。賈維德表示，這2起病例分</t>
  </si>
  <si>
    <t>冰島政府在疫情爆發初期便超前部署，成為全球新冠肺炎病毒篩檢比例最高的國家，成功減緩疫情並讓人民迅速回歸正常生活。■"I didn't expect the recovery to be this fast," said Iceland's chief epidemiologist, Th</t>
  </si>
  <si>
    <t>磐石艦隊爆發群聚感染，但相較其他國家，我國海軍的感染狀況並不嚴重，迄今僅有三十一例確診，對此中央流行疫情指揮中心專家小組召集人張上淳分析，可能是海軍有盡到分艙分流，以及疫情剛好爆發在磐石艦這艘巨大的醫</t>
  </si>
  <si>
    <t>每個人都知道，老人感染新冠病毒最危險，但這位105歲的人瑞卻奇蹟似地擊敗了新冠病毒，她的家人說，老人家這一輩子，「凡是擋她路的事，沒有不被她擊退的。」露西亞．迪克拉克（Lucia DeClerck）住在美國紐澤西州一</t>
  </si>
  <si>
    <t>藝人阿翔去年6月與謝忻在路邊激吻，兩人爆出不倫戀，事後妻子Grace發文稱「換我為你撐傘」，有意選擇原諒腥夫，夫妻關係也逐漸修補中，不過 Grace日前在臉書上透露被急症纏身，表示是因為「慾望沒有得到平衡」，引起</t>
  </si>
  <si>
    <t>台東60餘歲男子在LINE群組張貼「獲取越南超級國家祕方！喝熱開水泡綠茶混入檸檬汁可殺新冠病毒病菌」假訊息，並要求轉發給身邊的親朋好友，警方通知到案說明，詢後以違反嚴重特殊傳染性肺炎防治及紓困振興特別條例罪</t>
  </si>
  <si>
    <t>中央流行疫情指揮中心今(3)日公布國內新增4例境外移入COVID-19確定病例，分別自英國(案810)、德國(案811)、美國(案812)及史瓦帝尼(案813)入境。對於昨晚越南新增一例台灣移入個案，莊人祥說指揮中心昨晚立即跟越方聯</t>
  </si>
  <si>
    <t>新冠肺炎（COVID-19）疫情影響全世界，許多影展活動接連受影響，YouTube宣布舉辦「We Are One： A Global Film Festival」線上影展，將於5月29日至6月7日舉行，為期10天，將免費提供全球的影迷觀賞，屆時不會有任何</t>
  </si>
  <si>
    <t>從警36年的嘉義市警察局55歲吳姓小隊長，6月19日接種AZ疫苗後，出現發燒、腳麻等症狀，本月8日身體極度不舒服，就醫發現有多發性血栓，轉送台中榮總醫院開刀2次，取出約5公分血栓，目前仍在加護病房觀察，親友沉痛籲</t>
  </si>
  <si>
    <t>一組31人的韓國團4日入境北京，隔離期間交出的護照竟意外被大陸工作人員誤以為是垃圾銷毀，陸方已經向韓方道歉，並承諾不收取隔離費用、也會免費重發簽證，但是部份還要轉往美國的韓國旅客相當崩潰，因為相關簽證也</t>
  </si>
  <si>
    <t>雲林縣府團隊警覺新冠肺炎疫情的威脅，早在1月16日即成立防疫應變中心，邀集醫療機構代表、醫師公會、消防局、鄉鎮市衛生所研商應變措施，1月22日隨即與各大醫院及相關單位進行防疫演練，第一時間喚醒各相關組織提高</t>
  </si>
  <si>
    <t>新竹市5日增1名COVID-19確診個案，案10649為京元電竹南廠群聚案例，為50多歲本國籍女性，為京元電子竹南廠員工，租屋處於新竹市轄內，非竹市市民，6月1日發燒就醫PCR採檢後確診，共匡列3名居家隔離，市府已安排相關</t>
  </si>
  <si>
    <t>美國新冠肺炎疫情仍持續，美國總統川普對戴口罩態度反覆，不過隨著疫情升溫，川普戴上口罩並改口，「戴口罩是愛國表現，沒人比我更愛國」。對此，資深媒體人黃暐瀚表示，面對11月3日即將到來的總統選舉，只要能救選</t>
  </si>
  <si>
    <t>新冠肺炎疫情險峻，戴口罩儼然成為全民最基本的防疫共識，其實透過自製「布口罩」，不但可重複使用，更能將醫療級口罩留給第一線防疫、醫護人員。慈濟基金會為讓醫療級口罩留給需要的人，讓非醫療及非防疫第一線人員</t>
  </si>
  <si>
    <t>（16：00更新）繼突破千人大關後，韓國今（26）日下午再新增115新冠肺炎確診病例，加上上午宣布的169新病例，韓國單日新增病例達284人，累計境內共1,261人染疫。（10：00更新）韓國確診數突破千人大關，今（26）日再</t>
  </si>
  <si>
    <t>由台積電、慈濟、永齡基金會合購1500萬劑BNT疫苗，其中印有復必泰標籤的200萬劑預計9月初抵台，剩餘疫苗到貨時程今（29）晚也傳出好消息，估計自中秋節後至11月，每周將有70-80萬劑BNT疫苗到貨，更有機會保留明年300</t>
  </si>
  <si>
    <t>台北市長柯文哲24日下午召開防疫記者會，對於北捷有人確診，副市長黃珊珊表示，有1名保全員確診，3人為快篩陽性，22號已啟動全站清消。北市副市長黃珊珊24日在防疫記者會上說明，台北捷運公司「龍山寺」有1名保全員</t>
  </si>
  <si>
    <t>三能-KY(6671)2019年受中美貿易戰影響，使得大陸內需市場低迷，拖累營收微減，受惠訂製類產品自動化效率提升帶動毛利率微幅增加與無錫高薪企業優惠稅率等因素，獲利恢復成長動能。法人預估，三能2019年稅後盈餘將在1</t>
  </si>
  <si>
    <t>對於新冠肺炎本土疫情已有13584人確診，並釀497人不幸離世，國民黨立委陳以信表示，政府應該負無過失責任，對所有因確診而傷亡者給與慰助金與補償金，畢竟這才是身為政府的目的所在。陳以信18日在臉書分析，根據國賠</t>
  </si>
  <si>
    <t>因近日來新冠肺炎疫情升溫，相關防疫措施升級，中華籃協宣布，本周起SBL超級聯賽新莊體育館總冠軍賽場次改採閉門方式比賽，不開放觀眾入場，僅開放比賽雙方球隊及相關工作人員進入場內。為配合防疫規定，室內比賽場</t>
  </si>
  <si>
    <t>球王喬柯維奇(Novak Djokovic)似乎差點就要放棄美網了，但他最後還是到達美國紐約。「我差點就放棄，有很多不確定因素，現在也是一樣。我想打球，所以我來了，我個人不害怕處在充滿健康風險的環境。」喬柯維奇已經得</t>
  </si>
  <si>
    <t>政府機關陸續異地辦公，國民黨發言人洪于茜今表示，國民黨3月已作相關準備，隨時可因應疫情變化調整異地辦公，中央黨部大樓也進行每天量體溫、噴酒精，並呼籲黨工同仁在密閉空間配戴口罩，主動回報身體狀況，若有身</t>
  </si>
  <si>
    <t>中央流行疫情指揮中心今(3)日公布國內新增1例境外移入新冠肺炎病例(案449)，為50多歲男性，因工作長期居住南非(前次自台灣出境時間為108年9月)，今(109)年7月1日獨自返國入境。指揮中心表示，個案因計劃返台探親，於</t>
  </si>
  <si>
    <t>全球新冠肺炎疫情未止，哈薩克又出現不明原因肺炎。中國駐哈薩克大使館今天發公告，指當地出現死亡率遠高於新冠肺炎的不明肺炎，單單在上月已有628人死亡，當中包括中國公民。大使館引述哈薩克傳媒指出，6月中旬以來</t>
  </si>
  <si>
    <t>多吃水果、喝紅酒，也能達到預防新冠肺炎的效益。中國醫藥大學校長洪明奇率領科研團隊，從過去SARS研究結果延伸，發現「單寧酸」可雙重抑制新型冠狀病毒主要蛋白酶與人體細胞的跨膜絲胺酸蛋白酶2，藉此阻擋病毒進入</t>
  </si>
  <si>
    <t>台灣自疫情爆發後，許多經濟能力許可的民眾紛紛搶購機票赴美接種疫苗。台中市議員陳文政3日憂心說，疫苗能大幅降低感染率與重症率，但仍有染疫帶原風險；建議中央加強未來入境個離管制，延長居家隔離時間。衛生局強</t>
  </si>
  <si>
    <t>美國有線電視新聞網(CNN)與《衛報》30日報導，美國莫德納生物技術公司公布最新一波新冠肺炎疫苗第3階段臨床測試結果，數據顯示其防疫效果高達94.1%，且能完全避免染疫者惡化為重症。莫德納表示正向美國與歐洲的監管</t>
  </si>
  <si>
    <t>長榮機師父子染疫，中央發送百萬封警示簡訊，外界質疑如此做法是打臉實聯制根本沒用，也讓地方收爛攤子、埋單篩檢費用。台北市長柯文哲6日表示，唯一辦法是實聯制要確實，他還透露到年底PCR篩檢費用搞不好要上百億，</t>
  </si>
  <si>
    <t>政府加速阻止疫情擴散，副總統賴清德今天表示，今天下午40萬劑AZ疫苗將抵達台灣，他呼籲符合疫苗優先施打對象的民眾，儘快前往登記施打疫苗，「唯有提升疫苗接種率，才能從根本阻斷病毒傳染途徑」。賴清德今天在臉書</t>
  </si>
  <si>
    <t>因應疫情，許多藝文表演延期取消，高雄春天藝術節創新嘗試的《舞筵自然》環境舞蹈系列，由於在戶外開闊處演出，21日將如期舉行，走出廳堂與環境共舞；高市文化局表示，工作人員會自主執行防疫措施，也歡迎民眾戴口罩</t>
  </si>
  <si>
    <t>亞東醫院爆院內感染，17日1名86歲確診者病逝，18日下午新增2名護理師，19日上午再發現1名病人、1名病人家屬、1名看護二次採檢時呈陽性反應，目前累計14人確診，院方表示，已於今日上午陸續對匡列者進行第3次採檢。亞</t>
  </si>
  <si>
    <t>曾到高雄金芭黎舞廳消費的確診台商，至今已住院77天，中央流行疫情指揮中心日前曾指出，該名台商因為檢驗結果反覆，因此始終無法解除隔離，但今天指揮中心表示，該名台商傳出「好消息」，應是有望解除隔離。指揮中心</t>
  </si>
  <si>
    <t>對新冠疫苗投入大量資金支持研發的比爾與與梅琳達蓋茲基金會執行長蘇斯曼（Mark Suzman）指出，現在各國加速研發新冠疫苗，可望讓這個疾病的疫苗成為人類歷史上研發時間最短、最快時間內推廣使用的疫苗。在最理想情</t>
  </si>
  <si>
    <t>滯留湖北台人的兩岸包機協商卡關，有湖北台商指出，苦等不是辦法，現在有人尋找另個途徑，看是否能從目前僅剩開放兩岸航班的北京、上海、成都、廈門等4地返台。據了解，若是以此「散客」方式返台，只需居家檢疫14天</t>
  </si>
  <si>
    <t>據兒盟調查指出，僅有6.4％的家長敢請因應開學延後的「防疫照顧假」，立委詢問為何不給薪或津貼等，勞動部部長許銘春今天表示，如防疫照顧假給薪，初估要百億元。因應開學延後或因疫情停課時，家長可請不強制雇主給</t>
  </si>
  <si>
    <t>多家媒體今天報導指出，北韓已經解除3600多人的2019年新冠狀病毒隔離令。新冠肺炎肆虐全球95國，確診病例超過10萬例。平壤當局實施嚴格限制措施，關閉邊界，試圖避免爆發疫情，而當局也堅持境內沒有任何確診病例。根</t>
  </si>
  <si>
    <t>英國新冠疫情反彈，右翼組織「Save our Rights UK」24日發起示威遊行，數千人在倫敦街頭聚集，抗議首相強森收緊防疫措施。之後警方介入驅散人群，逮捕至少10人。示威者從海德公園開始遊行，許多人高舉標語和海報，呼</t>
  </si>
  <si>
    <t>台東29日新增5例確診個案，為太麻里林家小館餐宴案延伸，台東確診累計至今13例，縣長饒慶鈴提醒民眾快篩陰性仍須在家做好自我健康監測，並嚴詞強調居家隔離者則請依規定待在家中，怒斥「如果真有需要，可以送你去防</t>
  </si>
  <si>
    <t>美國食品藥物管理局（FDA）顧問小組周二（30日）以些微差距支持默沙東（Merck）新冠口服藥物molnupiravir，主因在於最終試驗結果顯示該藥有30％功效可降低高風險族群住院與死亡。此藥可望於年底前獲得通過，成為美國</t>
  </si>
  <si>
    <t>日前台北市長柯文哲不滿「北部確診婦人至今感染源未明，也不知在哪縣市」，但遭疫情指揮中心指揮官陳時中怒斥：「要把責任扛起來，不能說不知道，中央地方要合作」。今日，日本北海道旭川市一名新冠肺炎確診患者本身</t>
  </si>
  <si>
    <t>友達董事長彭双浪表示，新冠肺炎是危機也是機會點，最近教育市場、醫療市場訂單多，導致客戶頻頻加單。因為疫情對工作、學習、生活型態都造成改變，疫情也導致很多學校停課，採取遠端教學，讓電子媒介（像是手機、平</t>
  </si>
  <si>
    <t>《中時新聞網》精選5件不可不知的國際大事，帶讀者掌握今（13）日的國際新聞重點。【1】	白宮官員紛紛戴上口罩 「這一幕」讓台人驕傲了美國總統川普隨扈與副總統彭斯秘書接連傳出確診，連白宮特勤人員也中鏢，讓川普</t>
  </si>
  <si>
    <t>大陸國家衛生健康委員會20日公告，3月19日大陸全境報告新增確診病例39例，全部為境外輸入，新增死亡病例3例。世界衛生組織祕書長譚德塞19日在日內瓦表示，大陸首次報告無新增新冠肺炎確診病例，「這是驚人的成就」。</t>
  </si>
  <si>
    <t>美國有線電視新聞網(CNN)報導，曾角逐民主黨黨內總統初選的臺裔第二代企業家楊安澤，13日正式宣布已完成填表登記，將競選紐約市長。身為臺灣移民之子、擁有長春藤名校學歷的楊安澤若成功當選，將會紐約市首位亞裔市</t>
  </si>
  <si>
    <t>台灣鳳梨、萵苣成功開拓外銷市場！蔡英文總統今天表示，雖然國內正在防疫，但是我們的農產品外銷工作依然沒有停止。最近，終於突破檢疫障礙，把鳳梨丶萵苣丶柑橘外銷到各地。證明不把雞蛋都放在同一個籃子裡的方向正</t>
  </si>
  <si>
    <t>新冠肺炎疫情在全球延燒，英國近日出現在一天內死亡人數攀升破百人，影后鮑起靜最近到當地照顧女兒，發現女兒發燒，醫院卻以「非緊密接觸者」為由，拒絕讓她入院，鮑起靜氣的飆粗口。藝人黃安見此，卻發文虧說：「糗</t>
  </si>
  <si>
    <t>新冠肺炎（Covid-19）在全球蔓延，美國成為世界確診龍頭，目前已累積155萬確診個案。許多人都認為這病毒只會影響老年族群，不過美國一名壯漢，在染上新冠肺炎後在醫院裡躺了整整6周，期間狂瘦20公斤。出院後他更特地</t>
  </si>
  <si>
    <t>金門縣衛生局今天宣布，已完整接種新冠肺炎疫苗滿5個月的民眾，可前往衛生福利部金門醫院接種第3劑追加劑（莫德納），提醒符合的鄉親盡快接種，以提升自我保護力，避免感染後重症之發生。衛生局說明，各廠牌新冠肺炎</t>
  </si>
  <si>
    <t>新冠病毒傳染力驚人，發病速度和危險程度也不容小覷。近日一位來自武漢的女醫師PO出自己染病的親身經歷，她表示「從沒症狀到不能走路僅幾個小時！」她向所有人發出警示「身體不適千萬不要忍著，應該第一時間去看醫生</t>
  </si>
  <si>
    <t>新北市汐止區馨生產後護理之家傳出1名員工肺結核確診，經新北市衛生局證實，5月底接獲通知後已匡列26個嬰孩，均安排X光檢查及預防性投藥9個月，第12個月後會再安排1次X光檢查。產後護理之家今（13日）發布6點聲明，</t>
  </si>
  <si>
    <t>一名住在苗栗地區的在家檢疫男子，卻在檢疫期間按奈不住「無聊」，搭乘白牌計程車道鬧區「戰酒家」，苗栗縣衛生局開出首例，裁罰這名「疫男」30萬元。據指出，這名趴趴走的男子是從大陸地區返國，依規定必須居家檢疫</t>
  </si>
  <si>
    <t>新冠肺炎疫情衝擊全球產業及經濟，造成2020年第一季經濟停滯。KPMG安侯建業健康照護與生技產業服務團隊主持人蘇嘉瑞認為，生醫產業數位化將產生三大改變，包括溝通方式、醫療行為與醫療生態的改變。中國大陸KPMG認為</t>
  </si>
  <si>
    <t>晶圓專工大廠聯電8日公告2月合併營收149.48億元為歷年同期新高，法人預期3月營收開始反映漲價效應可望創下單月營收歷史新高，第一季合併營收可望達成業績展望目標並創歷史新高。聯電同時宣布與微感測器領導製造商Sen</t>
  </si>
  <si>
    <t>疫情升溫，台股加權指數17日開在15,554.99點，指數回測前波低點15,165點，護國神山台積電（2330）開在544元，其他權值電子股如聯發科（2454）、鴻海（2317）等守住上周低占，指數一度大跌500點，部分遊戲股、電商股</t>
  </si>
  <si>
    <t>北京新冠肺炎疫情再起，外傳感染源可能來自國外進口的生鮭魚，為了避免生意大受打擊，許多餐廳都忙跳出來澄清，自家所用的不是鮭魚，而是「優質進口魚」，還有網友踢爆，青海省養殖場所飼養的根本不是鮭魚，而是淡水</t>
  </si>
  <si>
    <t>新冠肺炎疫情蔓延全球，不少人擔心，會不會因觸碰到網購的國際包裹而染病，醫師表示，各類冠狀病毒室溫下最長可存活9天，存活時間比流感病毒多4倍；製衣公會則表示，無法保證絕對不會沾染飛沫，若有疑慮，應先清洗、</t>
  </si>
  <si>
    <t>中央流行疫情指揮中心今宣布加碼津貼、獎勵，將急診醫護納入範圍，醫師每人每日1萬，護理師每人每班1萬元。行政院長蘇貞昌今晚在臉書表示，急救責任醫院防疫獎勵、收治確診個案獎勵必須全數分配給相關人員，這些措施</t>
  </si>
  <si>
    <t>大陸新冠肺炎疫情嚴峻，疫源地湖北省16日發出通告，要求強化新冠肺炎疫情防控，並首度明確指出：所有社區實行24小時最嚴格封閉管理；嚴管外來車輛，非必需不進出；嚴管外來人員，非必要不入內；嚴管住戶外出。滯留湖</t>
  </si>
  <si>
    <t>新冠肺炎疫情趨緩，不過國內今日新增的本土個案比昨天高，達30例，也讓7/26是否能順利降至二級出現變數。而疫情也連帶讓台灣各縣市的實體經濟受不小影響，民進黨高雄市議員陳致中今天表示，包括高雄5大商圈在內，已</t>
  </si>
  <si>
    <t>台南市政府為減少旅外市民返鄉慶祝端午導致疫情擴散，全台首創推出「端午返鄉車票退票獎勵金」200元政策後，由於溪北地區市民搭乘高鐵多利用嘉義站出入，引發溪北地區民眾及民代的不滿。對此，市府交通局8日特別修訂</t>
  </si>
  <si>
    <t>「Breaking Defense」14日報導，美國聯邦調查局(FBI)局長瑞伊（Christopher Wray）在出席參議院情報委員會年度全球威脅聽證會時證實，目前FBI進行中的中國大陸調查案已逾2,000起，平均每10小時就新增一起調查案，近</t>
  </si>
  <si>
    <t>新冠肺炎疫情影響，各地捐血中心紛告血荒，為號召民眾響應捐血，台南市政府警察局善化分局28日在善化區文康育樂中心，舉辦2020年警察節捐血活動，提供知名酒店餐券、家電等禮物，吸引民眾踴躍參加，也成功募血240袋</t>
  </si>
  <si>
    <t>美國總統川普和民主黨對手拜登美東時間周二（台北時間9月30日）即將在俄亥俄州克里夫蘭（Cleveland）展開大選前首場辯論，由於新冠肺炎疫情顧慮，他們將省去握手的客套，也一併免除開場寒暄，雙方在疫情衝擊、種族問</t>
  </si>
  <si>
    <t>中國工程院院士、大陸防疫專家鍾南山在接受大陸媒體訪問時，總結兩個多月在防控一線的日子，表示大陸在疫情防控策略是很正確的。早期實施上游堵截，把武漢傳染源截斷，在全國開展群防群治，後來上升為聯防聯控。什麼</t>
  </si>
  <si>
    <t>香港文匯網報導，據江蘇省衞健委最新通報，昨天（8月31日）江蘇無新增新冠肺炎本土確診病例。揚州市連續5日實現「零新增」，該市在昨日暫停大規模核酸檢測後，今天（9月1日）重新在部分地區開展核酸檢測，總計目標人</t>
  </si>
  <si>
    <t>日本安倍首相於前天及昨日分別在日本眾參兩院預算委員會答詢時表示，已向WHO秘書長譚德塞反應臺灣參與世界衛生組織（WHO）的問題；加拿大副總理方慧蘭於渥太華時間昨日也在加國聯邦眾議院表示，加國支持臺灣以觀察員</t>
  </si>
  <si>
    <t>台灣山葉機昨（11日）發表新款Limi，外觀採取簡約俐落的車身線條，並優化細節，呈現優雅與個性兼具的獨特風格。原本發表會受新冠肺炎的影響改為線上直播，業者特別邀請金曲新人ØZI助陣演唱，還有莫莉與潮流金童楊艾</t>
  </si>
  <si>
    <t>食藥署今（26）日表示，研究調查發現，一些市售的布口罩，具有阻擋飛沫的效果，健康民眾在通風環境或開放空間，與人距離一公尺以上時，不需要佩戴口罩，如果還是想要佩戴口罩，這個時候就可以考慮選用「布口罩」。食</t>
  </si>
  <si>
    <t>受到新冠肺炎疫情爆發影響，汽車大廠飛雅特克萊斯勒位於大陸的工廠延長停工時間後，近日將全面復產。此外，德國運動用品公司愛迪達（Adidas）則因大量門市停業，造成大中華區業務重挫。飛雅特克萊斯勒發言人於義大利</t>
  </si>
  <si>
    <t>新冠肺炎從今年元月間在中國首次被檢測確認以來，疫情從首當其衝的武漢地區快速蔓延，迄今將近百日，全球各地幾乎無一倖免。而最令人矚目的是，當初形同冷眼旁觀一副事不關己，甚至幸災樂禍的歐美先進國家地區，不旋</t>
  </si>
  <si>
    <t>副總統陳建仁質疑大陸的防疫工作「不透明」「不知檢測了多少人」，還稱大陸將在3月20日之後停止對疑似病例做檢測。陸媒《今日海峽》則比較兩岸防疫工作誰最透明？質疑民進黨政府的防疫工作更透明，你自己相信嗎？《</t>
  </si>
  <si>
    <t>新冠肺炎疫情延燒，本土確診案例突破6千例，人心惶惶的情況下，許多網友上網留下許多不理性的言論，名嘴黃越綏就透露有酸民留言「希望她確診」，當下氣得反嗆：「萬一如你所願而有個三長兩短，難道你就不怕我三更半</t>
  </si>
  <si>
    <t>國內新冠疫情升溫，引發國人高度擔心，要求普篩的呼聲再起。但疫情指揮官陳時中仍然認為時候未到，甚至認為連針對醫護人員進行普篩都沒有必要。目前疫情指揮中心仍以隔離為主要的防疫對策。陳時中還強調，目前並未針</t>
  </si>
  <si>
    <t>新冠肺炎疫情持續延燒，為避免校園人群聚集及校外人士進校無法掌控，增加肺炎感染風險，台中市政府教育局27日宣布，即日起全市高中職以下學校，室內場地暫不開放外借，後續將視疫情滾動調整。教育局長楊振昇說，為避</t>
  </si>
  <si>
    <t>新冠肺炎疫情蔓延全球，新北市中和區瓦磘里長林綺芳10日揪團前往西班牙、葡萄牙，返國後還可領取1萬4000元防疫補償金，引發喧然大波；新北市民政局長柯慶忠上午受訪表示，該里長預計今下午返國，全團16位入境後民政</t>
  </si>
  <si>
    <t>國內今日再添2名確診案例，其中1名50多歲婦女感染源不明，近期未出國、未外出，卻因出現肺炎症狀被通報，進而確診新冠肺炎，目前仍在進行疫調中。該女性有糖尿病、心血管疾病等慢性病史，2月14日因低血糖、全身倦怠</t>
  </si>
  <si>
    <t>由外交部等單位協調的華航專機，從印度搭載129名旅客，其中包括114名國人及在台工作的15名外籍人士，今天凌晨返台，其中9人因過去14天曾有輕微咳嗽等症狀，在機場進行採檢，隨後全數搭乘遊覽車至檢疫所集中檢疫14天</t>
  </si>
  <si>
    <t>本土新冠疫情嚴峻，不少民眾外出返家後除了勤於消毒清潔之外，採買的民生物品也會用酒精擦拭，降低染疫風險，不過日前就有民眾透露，將買回來的袋裝義大利拿去水洗，也噴了酒精，沒想到事後發現包裝袋內的麵體竟然發</t>
  </si>
  <si>
    <t>大陸近期頻頻輸出口罩、防護服等醫療物資，協助歐洲抗疫，不過在給荷蘭的口罩中，卻被荷蘭檢測發現品質不合格，下令將60萬個口罩收回。大陸駐荷蘭大使徐宏30日對此回應，他稱合作過程中即使出現一些問題也是正常的，</t>
  </si>
  <si>
    <t>2020年才過3個月，就已陸續有多位名人過世，還爆發嚴重的流行性疫病，至今更造成上萬人死亡。但星座專家唐綺陽日前透露，預測顛覆現狀的星象「今年將有3波」，目前只是第1波，後面接續還有2波，大家要做好心理準備。</t>
  </si>
  <si>
    <t>新台幣補班日獨家開市，連續4天挑戰2字頭價位，低接買盤趁勢搶進，終場以30.051元平盤作收。不過這波新台幣逆勢走升，對美元來到約1年半高點，對歐元見到32字頭，約是3年高點、對人民幣更是10年高點，散戶若要進場撿</t>
  </si>
  <si>
    <t>新冠肺炎疫情嚴峻，民眾也上緊發條，南投縣防疫聯合宣導小組19日走訪傳統市場、黃昏市場，宣導「配合防疫，停止試吃哦！」、「疫情期間請外帶減少內用」，提醒民眾戴好口罩、保持社交距離、用餐實聯制，19日到竹山傳</t>
  </si>
  <si>
    <t>新冠肺炎疫情蔓延好萊塢，繼湯姆漢克斯、凱文哈特、巨石強森確診後，4日再傳出因演出電影《暮光之城》系列走紅的34歲英國男演員羅伯派丁森也染疫，據外媒報導，他目前正在趕拍的新版《蝙蝠俠》已二度停拍。片商華納</t>
  </si>
  <si>
    <t>新冠肺炎疫情延燒，大甲鎮瀾宮因堅持續辦媽祖遶境活動引發外界熱議，而國內其他大型宗教團體如慈濟、法鼓山、中台禪寺及佛光山，皆對疫情審慎評估，紛紛宣布取消近期的大型法會、禪修與營隊等活動，其中舉辦超過20年</t>
  </si>
  <si>
    <t>美國新冠肺炎疫情大反撲，總統川普仍堅持不戴口罩，民主黨籍眾議院議長裴洛西（Nancy Pelosi）昨（28）日接受專訪時，怒嗆川普不是真男人，更火大表示美國早該強制全民戴口罩了，但是政府一直不敢這麼做，是因為怕「</t>
  </si>
  <si>
    <t>天后王菲和小她11歲謝霆鋒2014年爆出世紀復合，兩人在公寓客廳中被拍到接吻，關係不言而喻，也引來看好鋒菲戀的粉絲熱烈祝福。近日有大陸網友去打新冠肺炎疫苗，透露在登記處上看到王菲、謝霆鋒名字，指兩人前一天一</t>
  </si>
  <si>
    <t>滯留大陸湖北武漢的血友病童與母親昨晚搭機返台，下機後隨即被載往醫院隔離採檢，不過對於台灣政府費盡心力送藥，仍遭病童母親痛批無能，除了引發大批網友不滿外，連主播張雅琴也看不下去，播新聞時直接「爆粗口」。</t>
  </si>
  <si>
    <t>新冠肺炎(COVID-19)疫情期間，即時通訊平台 LINE 宣布，為了協助台灣的政府機關有效傳遞正確的官方資訊，將為中央政府一二三級機關與縣市政府提供「公共服務」帳號，讓政府機關在近期的防疫時期免費推播防疫措施等相</t>
  </si>
  <si>
    <t>很多國家開始封城，台灣在什麼樣的情況下也會這樣做？陳時中表示，進一步動作我們希望大家有一點準備的時間，基本上預先公告為原則，有時突發的情況沒辦法在我們掌握內，台灣離這個情況還很遠。</t>
  </si>
  <si>
    <t>台北市萬華區3處篩檢站昨檢測682例，市長柯文哲27日分析，看起來比例有下降，雖然萬華是一開始發動的地方，在設置篩檢站把陽性找出來隔離後，這地方慢慢控制下來，但發現其他地方散開。萬華3處快篩站昨完成682人篩檢</t>
  </si>
  <si>
    <t>來自馬來西亞的辣媽 Amanda Seet 在網上人氣超高，從過去在模特兒圈就因澎派身材引發關注，但最讓人印象深刻的，其實是她胸前超醒目的一顆痣！如同標記一樣恰恰好在胸口正中間的位置，讓大批粉絲看了狂讚「果真是胸</t>
  </si>
  <si>
    <t>新冠肺炎疫情延燒，台灣確診病例逐漸飆高。台灣4月疫情會降溫嗎？命理時事分析家詹惟中解讀籤詩表示，4月份疫情並不樂觀，配合政府防疫措施，輕鬆愉快地去面對它。宅神朱學恒不禁驚問一句：「但物質生活不好，是不是</t>
  </si>
  <si>
    <t>美國總統川普感染新冠肺炎後，昨（10）日進行首場公開活動，並摘掉口罩，外界關注他是否已經痊癒，不過白宮醫療團隊始終不願證實他的病毒檢測結果是否已經由陽性轉為陰性，昨日公開的備忘錄僅表示川普「已不具備傳染</t>
  </si>
  <si>
    <t>北市南港的中研院P3實驗室，發生一名女性研究人員疑似在做新冠肺炎實驗中不慎染疫確診，北市副市長黃珊珊今證實，個案曾兩度被實驗鼠咬傷，10月15日被咬傷後，有做快篩陰性，11月19日在P3實驗室再度被染疫老鼠咬傷，</t>
  </si>
  <si>
    <t>工業電腦廠友通（2397）受惠併購效益持續顯現，6月自結合併營收6.98億元、第二季合併營收20.4億元、上半年合併營收42.16億元，三者齊創同期新高。展望後市，由於新冠肺炎疫情未見緩和，公司對下半年展望維持保守看待</t>
  </si>
  <si>
    <t>新冠肺炎疫情尚未趨緩，房市是否受疫情影響而產生波動，中信房屋研展室副理張漢超說，需等到第一季後才會較為明朗，民眾對房市、房價勿須太過悲觀恐慌。按照過往數據統計，即使大環境負面因素衝擊房市，但影響時間仍</t>
  </si>
  <si>
    <t>美國FDA核准近20年來首款阿茲海默症新藥，以及新冠肺炎疫苗技術的重大突破，使著醫療產業邁向另一個創新期，法人表示，預期生技醫療產業的創新研發技術將帶動相關企業獲利營收表現，進而推升股價走勢。生醫股今年來</t>
  </si>
  <si>
    <t>指揮中心今天宣布擴大AZ疫苗第二劑接種，9月29日開打，接種資格為7月22日前已接種第一劑AZ，且間隔滿10周以上的52歲以上，即1969年12月31日(含)前出生的民眾，目前可配送的第二劑AZ疫苗量約111萬劑。中央流行疫苗指</t>
  </si>
  <si>
    <t>美國生技大廠諾瓦瓦克斯（Novavax）蛋白次單位新冠疫苗在保護力及對抗變種病毒的能力都表現優異，國產的高端及聯亞疫苗也是蛋白次單位疫苗，能擁有如同諾瓦瓦克斯疫苗的效力嗎？專家認為，諾瓦瓦克斯做這支疫苗，用</t>
  </si>
  <si>
    <t>新冠肺炎疫情持續延燒，讓許多國家人心惶惶深怕受到感染，不過世界衛生組織（WHO）宣布，在三周內將公布新冠肺炎的2項藥物臨床測試結果，不過全球衛生專家呼籲千萬不要草率上市。根據《CNBC》報導，WHO秘書長譚德塞</t>
  </si>
  <si>
    <t>（4月11日更新）UFC的復賽計畫馬上就破滅了，雖然老總懷特雄心勃勃，最後還是被轉播單位勸退。目前UFC所有比賽都是無限期停賽。原文：UFC終極格鬥聯盟準備復賽了，老總懷特(Dana White)決定於本月18日舉行UFC 249。</t>
  </si>
  <si>
    <t>中央流行疫情指揮中心6日才宣布，失聯、逾期居留的移工不會因為接種疫苗而遭捕，不過新竹縣1名女移工7日上午由朋友陪同，前往新豐鄉衛生所接種疫苗，卻疑因無健保卡等文件，衛生所通知警方，而先至分駐所問訊，隨後</t>
  </si>
  <si>
    <t>衛福部食藥署核准居家抗原或核酸快篩世紀，最快本周業者就能陸續鋪貨。對此，新北市長侯友宜表示，快篩劑準確率高，又有國家品質認證，鼓勵民眾居家快篩，搭配社區快篩站合作，一起找出隱形傳播鏈，這才是脫離社區感</t>
  </si>
  <si>
    <t>因新冠肺炎疫情衝擊，兩岸如今只剩5個航點，貨運業者希望開放更多航點讓客機純載貨，中央流行疫情指揮中心上周表示只要業者有合理規劃提出申請不會反對，今天指揮中心記者會上，媒體追問如今有無收到申請了？對此副</t>
  </si>
  <si>
    <t>京元電子爆發群聚，指揮中心要求勞動部應做好全台勞工體檢，對此，勞動部政務次長王安邦表示，首先會針對100人以上的移工宿舍與地方政府聯合訪視；第二個則會針對聘僱500人以上的企業，進行訪視及查核輔導確認落實防</t>
  </si>
  <si>
    <t>新冠肺炎疫情對觀光餐旅業造成衝擊，台南大億麗緻酒店今（30）日公告，由於營運深受疫情影響，雖然房東國壽多次主動釋出降租善意，但基於多方面因素考量，雙方仍協議終止合約，將在6月30日終止營運。台南大億麗緻表</t>
  </si>
  <si>
    <t>雙北論壇26日登場，當台北市長柯文哲和侯友宜被問到是否有「順時中者生、逆時中者亡」的壓力，2人互推麥克風後，侯向柯你是地主先答，柯表示，沒有那麼嚴重啦，「我們都擁護中央政府」，特別在疫情期間，政治口水少</t>
  </si>
  <si>
    <t>衛福部長陳時中今日指出，疫苗施打順序為中央說得算，地方若自行調整將減配疫苗。對此台北市長柯文哲回應，北市從來沒說不照中央順序施打，有問題也會舉手反應，如日前長照機構出現群聚，才會將機構人員接種順序往前</t>
  </si>
  <si>
    <t>國民黨立委曾銘宗今日於立院財政委員會質詢，有關新冠肺炎疫情，假設沒有意外，國內疫情在6月底前會不會告一段落。衛福部長陳時中聽完後呆了5秒，表示有這樣的可能性，但以全球來講就不太可能。曾銘宗詢問，若假設沒</t>
  </si>
  <si>
    <t>美國總統當選人拜登在明年1月20日即將舉行就職典禮，我國駐美代表蕭美琴是否可以出席？對此，外交部今天表示，是否組團還在密集跟美方聯繫中。由於這次基於防疫，就職大典規模縮小，外交部仍在爭取，「我們還沒有真</t>
  </si>
  <si>
    <t>高雄副市長葉匡時16日邀集各局處，了解因應新冠肺炎（COVID-19）首波紓困計劃執行、以及各產業別受影響狀況，並指示儘速提出第二波措施應對，協助業者順利度過疫情難關。高雄新聞局表示，目前高雄市政府在財政經濟、</t>
  </si>
  <si>
    <t>PLG第1位離隊的洋將出爐了！桃園領航猿突然在29日宣布，洋將沃倫因為個人決定提前結束合約離隊，且在28日就已搭機返美，接下來領航猿將會僅剩傑克、里德兩名洋將，繼續跟「新台灣人」戴維斯組成三洋將陣容拚戰，是否</t>
  </si>
  <si>
    <t>泰國羽球女子好手伊瑟儂(Ratchanok Intanon)因為是我國好手戴資穎死敵兼好友受到更多關注，她在本屆東京奧運與戴資穎的對決堪稱經典，兩人不但一路死纏對手，雙方拚到同時倒地的畫面也永留人心，最後戴資穎以非常小</t>
  </si>
  <si>
    <t>新冠肺炎疫情造成澳洲搶購衛生紙的熱潮，各地超市一「紙」難求。不過昆士蘭有一名女子卻陰錯陽差的下錯單，一口氣買了全家12年都用不完的衛生紙，讓許多人相當羨慕。看看新聞報導，澳洲昆士蘭一名女子的2月在網上訂</t>
  </si>
  <si>
    <t>台灣民意基金會今公布最新民調．蔡英文總統聲望45.7％，創21個月來新低。台灣民意基金會董事長游盈隆認為，疫情、停電及黑道是三大關鍵，一年蒸發掉近500萬人的擁戴，長達22個月的執政順境正逐漸走入歷史，第三次執</t>
  </si>
  <si>
    <t>新冠肺炎本土疫情延燒，中央流行疫情指揮中心今公布國內新增304例COVID-19確定病例，分別為302例本土個案及2例境外移入個案；另有校正回歸本土個案331例，總計635例。確診個案中新增11例死亡，死亡個案中7人有慢性病</t>
  </si>
  <si>
    <t>儘管台灣地區已出現新冠肺炎零星社區感染案例，但民進黨立委吳思瑤依然無懼，繼上個月和其他民進黨立委一起呼籲一般民眾在開放式公共場所不需要一直戴著口罩之後，她今天更語出驚人的表示，目前是看展覽的好時機，應</t>
  </si>
  <si>
    <t>演出Netflix影集《彼岸之嫁》爆紅的田士廣，最近初嘗走紅滋味，日前他剛受國際知名品牌COACH吉隆坡旗艦店之邀，回到故鄉馬來西亞出席活動，衣錦還鄉的他全程受到高規格接待。不過才返台兩天，田士廣就驚聞馬國已宣布</t>
  </si>
  <si>
    <t>過去不乏有酒醉或其他無緊急傷病者，把救護車當「免費小黃」，打119報案叫救護車送醫，讓消防員不堪其擾。新冠肺炎疫情延燒，民眾紛紛避免到大醫院，有消防救護人員發現，這陣子濫用消防救護車的人「消失了」，此外</t>
  </si>
  <si>
    <t>國際機器人協會IFR發布最新報告指出，全球工業機器人累計運作數量已達270萬台，創歷史新高。法人指出，在製造業現代化升級、數位轉型需求拉動下，未來三年新增安裝量將逐年成長，為機器人產業醞釀「估值再提升」的多</t>
  </si>
  <si>
    <t>新冠肺炎本土疫情嚴峻，指揮中心鼓勵各地方政府設置社區篩檢站，並宣布開放企業快篩，台北市長柯文哲認為，不要因病例多就自亂陣腳，熱區做快篩站才有意義，中央應要標準，不能一急就亂撒錢、亂弄。柯文哲表示，昨天</t>
  </si>
  <si>
    <t>在新冠肺炎的衝擊下，全球金融市場大幅震盪，投資人切入市場時間點困難度大增，另一方面，在全球央行齊力貨幣量化寬鬆下，又面臨超低利率甚至負利水準的窘境，台新投信為解決投資人面對「擇時」及「低利」二大難題，</t>
  </si>
  <si>
    <t>俄羅斯總理米舒斯京（Mikhail Mishustin）今日宣布，將對外籍人士關閉該國與歐洲波蘭和挪威的陸地邊界，以避免新冠疫情進一步擴散到境內。外媒引述米舒斯京說法稱，關閉邊界措施將於今日午夜正式生效，所有因工作、</t>
  </si>
  <si>
    <t>中央流行疫情指揮中心今日公布，國內新增1名新冠肺炎境外移入個案，個案為20多歲女性(案482)，去年8月因公外派菲律賓，於今年8月13日返國，有配戴口罩、護目鏡等，入境時主動告知曾有疑似症狀，於機場採檢後送至集中</t>
  </si>
  <si>
    <t>衛福部長陳時中針對疫苗施打順序強調，當然是中央說了算，若地方未根據中央的目標群施打，「我們會減配疫苗」。對此，網友笑稱，「好大的官威」、「最好敢對竹科也這麼硬」、「笑你不敢，減減看阿」！行政院長蘇貞昌</t>
  </si>
  <si>
    <t>台積電轉投資封測廠精材（3374）今（13）日召開線上法說，展望下半年營運，董事長暨總經理陳家湘對第三季營運看法樂觀，預期營收可望改寫歷史新高。但新冠肺炎疫情及國際局勢使全球不確定性仍高，客戶訂單需求有逐月</t>
  </si>
  <si>
    <t>針對國人使用台胞證，以致護照無法辨識往來中國紀錄。行政院長蘇貞昌今天表示，政府很希望想出辦法來，能讓世界上了解台灣跟中國是不一樣的。行政院發言人Kolas Yotaka表示，外交部19日已提出應急做法，可協助辨識有</t>
  </si>
  <si>
    <t>台中市大里仁愛醫院9月29日為44名洗腎患者接種AZ疫苗第二劑，應施打0.5CC卻只打了0.1CC，遭台中市衛生局處以COVID-19疫苗接種作業停權處分，並依法裁罰10萬元罰鍰，在近一個月的調查檢討改善流程後，衛生局已核准該</t>
  </si>
  <si>
    <t>日本政府厚生勞動省將對鑽石公主號上所有人員進行武漢肺炎病毒檢查，只要檢查結果確認是陰性，且從19日起再度確認健康狀況沒有問題，就能依序下船。日本朝日新聞報導，日本厚生勞動大臣加藤勝信今天說，將對鑽石公主</t>
  </si>
  <si>
    <t>全球疫情延燒，不僅東南亞疫情讓供應斷鏈，歐美需求市場停擺，台灣中小企業占全體企業97.64％、就業人數將近900萬人，百業停工，整個產業正面臨潰堤。前國民黨主席朱立倫今（20）在臉書發布「台灣早安Ep2」，內容是</t>
  </si>
  <si>
    <t>中研院院士陳培哲請辭食藥署疫苗審查委員，並直指組織難以維持獨立性與專業性，國民黨立委賴士葆感嘆，政治的黑手一直伸入要掌控科學研究，讓人為科學家的境遇感嘆。中研院院士陳培哲五月底請辭國產疫苗審查委員的職</t>
  </si>
  <si>
    <t>新北市幼兒園老師打過疫苗仍染疫，外界認為採取定期快篩似乎更安全，台北市長柯文哲7日表示，PCR篩檢是黃金標準，作為最後確認，乾脆以簡單、有效、直接的方式，不要用快篩猜來猜去，他強調，還是主張打2劑疫苗後放</t>
  </si>
  <si>
    <t>醫院開刀房、加護病房以人工消毒，至少要花2個小時以上，群聯電子與鼎眾公司17日贈送新竹台大分院3台專業醫療級的「超紫光滅菌機器人」，只要5到10分鐘就能快速消滅抗藥性細菌達99％，為第一線醫護人員增添防疫利器</t>
  </si>
  <si>
    <t>新北市議員張志豪昨（26日）晚接獲中和某工業區上班的員工陳情，指某電業公司有篩檢結果為陽性的確診者，但老闆還是要全公司員工照常上班，讓員工和工業區的上班族人人自危。張志豪向新北市長侯友宜喊話，中和已是高</t>
  </si>
  <si>
    <t>在新冠病毒疫情中的「吹哨者」陸醫師李文亮不幸逝世，引起眾多陸網民憤怒官方為了維穩打壓輿論，甚至在社群網站微博上推動「我要言論自由」，引起全球關注。對此，美兩黨議員推出決議案，除了紀念李文亮之外，更呼籲</t>
  </si>
  <si>
    <t>大陸防治新冠肺炎疫情是一場持久戰，演藝圈的捐款、捐物資行動也沒停過，武打明星吳京再捐負壓救護車、隔離衣，作家兼導演韓寒也以讀者和影迷的名義，捐贈防護帽及防護鞋套給一線防疫醫護人員，幫助他們執行治療新冠</t>
  </si>
  <si>
    <t>國內新冠肺炎疫情持續延燒，不少餐飲業者、大型百貨調整營業時間。稍早林口三井Outlet在臉書公告，因應新北市疫情確診數不斷增加，今起至25日，將自主停業3日，進行內部大清消，並表示此決定與指揮中心並無關係。林</t>
  </si>
  <si>
    <t>使用共享汽車服務的人都希望租用的車輛能順利上路，車內亦沒有惱人煙味。當共享車輛被刮傷、有凹痕或有人在車內吸煙時，總讓人感到相當困擾。博世正為車隊經營業者和交通移動服務商，開發全新Ridecare解決方案，希望</t>
  </si>
  <si>
    <t>苗栗電子廠群聚效應持續擴大，除了京元電、超豐之外，近期疫情也蔓延至智邦，目前只有1名零星個案。智邦證實確有此事，不過，公司已於4日針對員工進行快篩，快篩對象除竹南廠既有的1,400名員工外，連最近這段時間有</t>
  </si>
  <si>
    <t>英國新冠肺炎疫情大爆發，除了台灣留學生相繼回國，大批旅英波蘭人也趕忙搭上撤僑專機返回祖國，他們說，儘管波蘭醫療水準差一截，但是這次英國的防疫表現實在太慢、太糟糕，他們無法信任，因此選擇回國。英國新冠肺</t>
  </si>
  <si>
    <t>新冠肺炎疫情衝擊觀光業，高雄旅宿業相當低靡，住宿率持續探底。高雄市長韓國瑜今（26）日中午開直播促銷，首先推出4間摩鐵、飯店，立即被秒殺搶購。韓國瑜直說，這是跳樓大拍賣，疫情間希望大家保持身心靈平衡，雖</t>
  </si>
  <si>
    <t>台灣的防疫成績世界有目共睹，外媒也爭相報導，現連法國最大電視台也給予肯定，這讓來自法國的網紅路易很感動，迫不及待要和大家分享「差點要落淚了」。法國最大電視台法國電視一台（TF1）在黃金時段新聞中，以「對</t>
  </si>
  <si>
    <t>中央疫情指揮中心日宣布，搭乘大眾運輸工具應全程戴口罩，未戴者將先勸導，勸導不聽者將開罰3000元至1萬5000元。台中市政府配合中央政策，民眾即日起在台中市搭乘公車應全程佩戴口罩，並禁止於車內飲食，呼籲民眾配</t>
  </si>
  <si>
    <t>新冠疫苗開始在軍中施打後，驚傳台東2名官兵打完AZ疫苗後出現不適症狀；其中，空軍台東志航基地的士官長一度狀況危急，緊急送台東馬偕醫院治療，經醫生評估裝上葉克膜搶救，目前仍在加護病房住院觀察；另外，台東憲</t>
  </si>
  <si>
    <t>寒假起跑，遇上國內新冠肺炎疫情升溫，台南市教育局建議師生寒假避免到外縣市並做好軌跡紀錄，至於畢業旅行是否停辦？教育局長鄭新輝表示，畢旅照常但避免到高風險區域，校內寒假營隊、課輔照常舉行，校外營隊若對象</t>
  </si>
  <si>
    <t>搶全球之先，英國今天表示，本週準備開始發放美國輝瑞藥廠和德國生技公司BioNTech的2019冠狀病毒疾病（COVID-19, 武漢肺炎）疫苗，首先會在醫院施打，之後再分發到各診所。第一批疫苗將從8日起施打，英國國家醫療保</t>
  </si>
  <si>
    <t>今年以來，全球主要股市皆因新冠肺炎疫情爆發而波動加劇，投資人的風險趨避情緒明顯上升，資金流入避險型資產。觀察今年以來債券型商品的表現，無論疫情爆發前、後多為正報酬，其中尤以美國長天期公債上漲14.01％（</t>
  </si>
  <si>
    <t>疫情指揮中心指揮官陳時中今日表示，採檢的民眾在等待通知期間，無論是等待多久，都先待在家裡不要亂跑，現在也會拉進健保的健康存摺系統，想辦法把篩檢陰性報告及時通知，讓大家查得到。日前疫情指揮中心向採檢的民</t>
  </si>
  <si>
    <t>台微體（4152）子公司盈擘醫藥，26日宣布最新一篇描述ISPM21與ISPM19的潛在優勢的科學摘要，獲國際醫學氣霧劑學協會（ISAM）的科學委員會接受，並將於第23屆ISAM大會中發表。盈擘專注於微脂體吸入劑型藥物開發，此次</t>
  </si>
  <si>
    <t>新冠肺炎衝擊永安石斑魚外銷市場，漁民苦不堪言。市長韓國瑜日前開臉書直播，化身「賣魚郎」，讓訂單爆表，光石斑魚就賣出近9000尾，業績一舉突破200多萬元。高市海洋局16日再趁勢推出「高雄海味熟魚祭祖」組合包，</t>
  </si>
  <si>
    <t>新冠肺炎疫情在大陸31個省分全都出現確診案例，在四川，就有一名女子因為接獲消息，發現自己在確診患者出沒的地方工作，懷疑自己染上新冠肺炎，也怕因此傳染給家人，選擇離家出走，沒想到，10天後竟成了浮屍。這名劉</t>
  </si>
  <si>
    <t>電子支付服務商PayPal周三盤後股價劇烈震盪，目前大漲8.52%，報139.24美元，稍早前一度下挫5.7%。該公司上季營收獲利不如市場預期，但看好即使防疫封鎖措施開始鬆綁，但保持社交距離的要求仍將帶動線上購物需求，本</t>
  </si>
  <si>
    <t>新冠肺炎疫情全球肆虐，停在日本橫濱港的「鑽石公主號」截至目前為止，已累計218名旅客和船組員確診，其中11名屬於重症患者。對此，就有網友好奇「海上郵輪，真的很好玩嗎？」貼文一出隨即掀起熱議。數日前，停泊在</t>
  </si>
  <si>
    <t>波蘭環境部長渥斯（Michael Wos）今天指出，他經採檢對2019冠狀病毒疾病（COVID-19，武漢肺炎）呈陽性反應，已自我隔離，還表示他目前覺得狀況良好。法新社報導，波蘭確診病例已達156例，有3人死亡，已實施禁止外國</t>
  </si>
  <si>
    <t>航空業有4名包括機師及空服員確診，其為高風險公共服務業，外界質疑指揮中心只公佈病例數及曾到美國工作，資訊不透明，疫情指揮中心指揮官陳時中表示，如果無法確定其足跡，才會公佈，至於航空業等高風險共公服務業</t>
  </si>
  <si>
    <t>大陸這波的新冠疫情仍在持續，江蘇省原本的重災區南京8日病例「零新增」，但揚州連續7天新增本土病例超過30例，一省之內猶如冰火兩重天。不過，南京市衛健委副主任丁小平提醒，零新增並不等於零風險。由於揚州市的疫</t>
  </si>
  <si>
    <t>巴西衛生部長曼德塔(Luiz Henrique Mandetta)本周三召開記者會，宣布巴西確定出現首例新冠肺炎的病例，患者是一名61歲巴西男性，日前曾前往義大利北部，衛生部將追蹤搭乘同一班飛機返回巴西的其他乘客。這名患者是一</t>
  </si>
  <si>
    <t>世界衛生組織（WHO）組成的專家已在大陸的北京、廣州以及四川就地調查新冠肺炎疫情，但未到訪爆發原點武漢市，引起外界懷疑陸方是否有所不願公開。對此，WHO秘書長譚德塞宣布，正在大陸考察的國際專家聯合小組22日將</t>
  </si>
  <si>
    <t>北市本月15、16日高齡長者接種疫苗後死亡個案，其中士林區96歲朱姓老翁、大同區92歲婦人以及新北市淡水歲81歲洗腎婦人，均在接種疫苗當天、隔天猝死，士林地檢署原本排定22日解剖釐清死因，但因家屬提供相關病歷資料</t>
  </si>
  <si>
    <t>隨著全球新冠疫情大流行，新冠疫苗的需求更加迫切。不過，在許多疫苗研究團隊宣佈取得進展的情況下，大陸的新冠病毒臨床研究項目數量卻出現停滯，其研究立項在全球相關研究比例從2/3減至1/2。大陸防疫專家鍾南山認為</t>
  </si>
  <si>
    <t>新冠肺炎風暴讓血庫鬧血荒，彰化縣福興東區扶輪社辦捐血活動使出送口罩妙招，掀起熱血沸騰，9點半才開始活動，卻從清晨4點多，就有人來排隊，讓人傻眼沒見過捐血這麼熱的，「怕是口罩荒比血荒還嚴重啊！」彰化縣福興</t>
  </si>
  <si>
    <t>全球新冠肺炎疫情迄今沒有減緩趨勢，雲林縣政府再招標採購16萬多盒口罩，盼在學期末前發給學生，對象並擴及教職員工，每人2盒。今年初剛傳出新冠肺炎時，雲林縣政府率先發口罩給幼兒園至縣立高中學生，1月22日先發1</t>
  </si>
  <si>
    <t>隨著新冠肺炎蔓延，用於醫療的血液庫存也將告急。義大利傳出在60位捐血者中，有40人驗出新冠病毒，相當於將近7成的人感染，專家認為這些人可能都是無症狀感染者。據《Oggi Scuola》報導，義大利洛迪省的一個小鎮卡斯</t>
  </si>
  <si>
    <t>國際穿戴大廠Garmin林口廠區1名員工染疫，桃園市衛生局表示，接獲消息後立即協助全廠區近500名員工採檢，目前356人結果出爐，全部呈現陰性反應。該確診員工為新北市民，相關疫調由新北市衛生局負責調查。桃園市衛生</t>
  </si>
  <si>
    <t>馬偕醫院17日傳出以跑馬燈方式，要求有板橋、萬華活動史的民眾禁止進入醫院，須自戶外就診。衛福部長陳時中17日回應，這「並非」讓民眾「不得入院」，而是比照戶外的發燒篩檢站，先在戶外做檢查，降低院內感染機率，</t>
  </si>
  <si>
    <t>台灣抗疫今天是第一百天，中央流行指揮中心今天暢談一百多天來的新路歷程，其中專家小組召集人張上淳表示，這次民眾表現以及媒體精準報導，和當年SARS相比，進步很多，也謝謝居家檢疫與隔離的民眾配合。疾管署署長周</t>
  </si>
  <si>
    <t>在雪梨一名16歲學生的新冠狀病毒感染檢測為陽性後，澳洲周五下達第一個學校關閉令。此外，該國總理莫里森（Scott Morrison ）警告，治療感染病患的公共支出可能會超過10億澳元（約6.61億美元）。澳洲總理莫里森表示</t>
  </si>
  <si>
    <t>南韓新冠肺炎確診案例暴增，今更出現首名死亡案例，當地政府宣布進入社區傳播階段。中央流行疫情指揮中心宣布，即起起提升南韓旅遊疫情建議至第1級注意（Watch），提醒民眾遵守當地一般預防措施。至於重災區日本，指</t>
  </si>
  <si>
    <t>據全國公信力民意調查民調今公布是否支持政府普發現金紓困，結果顯示有66.1%的國人支持普發現金來紓困，在透過交叉分析，高達53.4%的民進黨支持者、68.1%的無政黨傾向的民眾皆支持普發現金，對此，國民黨立委洪孟楷</t>
  </si>
  <si>
    <t>國產疫苗還沒做臨床三期就被蔡總統「欽點」表示7月底可望開打，引發爭議；國政基金會永續發展組召集人陳宜民建議，可以讓國產疫苗在雙北疫區做三期試驗，引發熱議。台北市長柯文哲4日下午在防疫記者會中指出，「在台</t>
  </si>
  <si>
    <t>上海市衛健委今天指有一名在台工作的陸籍人士，17日從台灣出發入境上海，在隔離期間出現症狀，20日確診。這是上海第5例從台灣來的確診個案。中央流行疫情中心發言人莊人祥表示，目前已連繫對岸但對方尚未回覆，並統</t>
  </si>
  <si>
    <t>上海今（18日）20時起，啟動3至5歲人群登記預約接種新冠疫苗。據了解，此次接種人群暫不包括於3至5歲外籍人士、港澳台人士、華人華僑。根據上海市疫情防控工作領導小組辦公室消息，上海按照「知情、同意、自願」原則</t>
  </si>
  <si>
    <t>北京台商協會日前已開始受理登記在京台商台胞接種新冠疫苗，《自由時報》日前刊出報導，有台商投訴被「半強迫」接種。大陸國台辦發言人朱鳳蓮今天(27日)反批，這是惡意造謠、用心卑劣，她現場展示一份「同意書」，證</t>
  </si>
  <si>
    <t>新冠肺炎疫情持續蔓延，目前全球累計超過14萬確診病例，死亡人數達5千多人。BBC整理出世界衛生組織（WHO）秘書長譚德塞（Tedros Adhanom Ghebreyesus）多次公開發言內容，網友看完拳頭都硬了。BBC中文網摘錄出譚德塞</t>
  </si>
  <si>
    <t>截至15日下午4時，台灣新增6例境外移入新冠肺炎病例(從案54到案59)，指揮官陳時中表示，這次一口氣確診6位創下國內單日最高紀錄。對此，婦產科名醫蘇怡寧在臉書上怒轟「我真心不理解，這個時候出國旅遊的概念是⋯？」</t>
  </si>
  <si>
    <t>受到新冠肺炎的影響，日本厚生勞動省從3月18日開始，提供自由業者每日4100日圓（約新台幣1,147元）的救濟，同樣的問題在澳洲也存在，沒有保障的臨時工（causal worker）現在嚴重陷入工作危機。在澳洲，工作的僱用方</t>
  </si>
  <si>
    <t>流感疫苗開打，南投縣衛生局5日前進名間鄉松柏嶺集會所，由副縣長陳正昇率先示範接種疫苗；衛生局長黃昭郎表示，今年公費疫苗施打對象，取消先後排序，因此請符合條件民眾，就近到衛生所或醫療院所施打。陳正昇表示</t>
  </si>
  <si>
    <t>大陸新冠肺炎確診病例已破4.4萬宗，死亡人數也超過千人，疫情蔓延全球近30國。如今德國證實，南部巴伐利亞邦新增2例，使這歐洲人口最多國家的新冠肺炎病例增為16例。據路透報導，巴伐利亞邦衛生廳說，新增2例和慕尼</t>
  </si>
  <si>
    <t>Omicron病毒來勢洶洶，世界各國陸續傳出本土病例，衝擊我國年底的跨年、耶誕等大型活動。衛福部長陳時中今天表示，雖然現在臨時變動的可能性不高，但大家仍要做好心理準備。立法院社福及衛環委員會今天就新冠變異病</t>
  </si>
  <si>
    <t>當前新冠肺炎疫情蔓延全球，2月28日又傳出有紐西蘭、奈及利亞、亞塞拜然等國出現首例確診病例，讓全球出現疫情的國家數增至56國，總感染人數突破83,000人。世界衛生組織（WHO）祕書長譚德塞日內瓦時間27日發出警告，</t>
  </si>
  <si>
    <t>主持人李培禎12日爆出確診新冠肺炎，她透露5月中旬疫情爆發後，便一直在家陪小孩，3周內才出門3次，即便防疫措施做到滴水不漏，卻依舊染疫，今（16日）稍早除了在臉書發文報平安，表示隔離滿一周之外，也不忘提醒大</t>
  </si>
  <si>
    <t>國際半導體產業協會（SEMI）公布最新北美半導體設備出貨金額，5月達23.46億元，衝上三個月以來新高。SEMI全球行銷長暨台灣區總裁曹世綸表示，儘管新冠肺炎疫情肆虐全球，5月半導體設備出貨金額仍顯示半導體產業的長</t>
  </si>
  <si>
    <t>許多罹患新冠肺炎的患者，可能在癒後飽受頭痛、嗅覺喪失、胸痛等後遺症的折磨，甚至還可能面臨中風、失語症、器官受損等嚴重風險。根據美國喬治亞州立大學與喬治亞理工大學一項新研究發現，曾經接受氧氣治療、曾經有</t>
  </si>
  <si>
    <t>造成南韓新冠肺炎大肆感染的源頭、韓國新天地教主李萬熙，昨(2日)召開記者會時，首次下跪公開道歉，不過即使他行大禮謝罪，仍止不住南韓人民怒火，而記者會當時，他的身旁有一名神秘女子，不斷在他耳邊提醒，要如何</t>
  </si>
  <si>
    <t>第五批莫德納疫苗9.96萬劑前天抵達桃園機場，衛福部長陳時中表示「數量很少」，因此這批疫苗的施打對象還尚未定案，對此，藍委鄭麗文表示，即使有新的自購莫德納抵台，近6成人民仍等不到第一劑預約通知，這可看出最</t>
  </si>
  <si>
    <t>一年一度的科技界盛事全球行動通訊大會(MWC)今年度的展會因為新冠肺炎(NCP)疫情未歇，官方已宣布停辦，創下 33 年來首例。其中有不少原定在 MWC 期間舉辦發表會的品牌，都決定改以線上發表的方式讓新品亮相，包含 So</t>
  </si>
  <si>
    <t>桃園市新增4確診本土案例，年齡為20多歲至40多歲之間，皆為確診者接觸者。桃園市政府公布確診者足跡，包含汽車旅館、好事多、家樂福、全聯、菜市場等。確診者累計898人，目前居家隔離人數為411人。桃園市新聞處資料</t>
  </si>
  <si>
    <t>伊恩和蜜雪兒•霍恩（Ian and Michelle Horne）結婚近10年，兩人無話不談，可說是靈魂伴侶。約會第一天，伊恩就要求吻未來的妻子，而她也答應了。當兩人結婚時，由於蜜雪兒最愛紫色，於是伊恩特別打了紫領帶。然而，</t>
  </si>
  <si>
    <t>大陸央視新聞報導，廣州市疫情防控14日下午舉行新聞發布會，繼天津發現中國首例Omicron陽性病例之後，廣州也發現廣東首例境外輸入奧密克戎（Omicron）陽性病例。病例，男，67歲，家住越秀區華樂街天勝村65號。11月27</t>
  </si>
  <si>
    <t>市場資金豐沛，僑外資企業入手新北廠辦交易案頻傳，今年以來，包括開發國內新冠肺炎快篩試劑的僑外資醫療科技公司「泰博科技」、定河資產管理、木木子投資等僑外資公司，均購入新北五股、三重等地廠辦、廠房，具自用</t>
  </si>
  <si>
    <t>國際生技大廠輝瑞、莫德納（Moderna）相繼宣布好消息，但國人最快何時可以打到新冠肺炎疫苗？對此中央流行疫情指揮中心發言人莊人祥今天表示，指揮中心已經編列就是編列115.5億元經費，目標就是要購買到每劑要價約70</t>
  </si>
  <si>
    <t>近來歐美確診人數飆升，疫情恐怕捲土重來，在疫苗問世之前，復甦之路遙遙無期。根據國際航空運輸協會（IATA）預測，2024年才有可能回到疫情前航空業的水準，在航班停飛、航空公司紛紛祭出裁員令之際，貨運成為航空公</t>
  </si>
  <si>
    <t>大陸傳出軍事科學院軍事醫學研究院院士、女少將陳薇領銜的科研團隊，成功研制出重組新冠疫苗，進入臨床測試。前國民黨副祕書長蔡正元在臉書發文，簡介陳薇如何棄文從軍，研發SARS干擾素、伊波拉病毒疫苗，以至新冠疫</t>
  </si>
  <si>
    <t>媒體人周玉蔻昨日於疫情中心發布消息前，逕自在個人臉書發文暗示當日新增207例確診，外界關注如此是否該開罰，對此，有粉專在社群平台發起投票活動，高達91%的受訪者認為，政府應該開罰周玉蔻，以召公信。周玉蔻昨（</t>
  </si>
  <si>
    <t>台北市疫情尚在延燒，各行政區仍有群聚感染發生，台北市長柯文哲指出，他要用數字觀察防疫重點在哪區，並用大規模核酸檢測（PCR）將社區黑數掃出。他也重申疫苗是新冠疫情的終極解決方案，目前北市已有40萬3292人口</t>
  </si>
  <si>
    <t>王大陸和王爸爸買下一代妖姬崔苔菁的愛巢，是她在1984年以每層樓約兩百萬元購入，並使用頂樓平台當作花園；然而，在崔苔菁擁有該樓中樓時，惱人風波卻不斷。二○一四年，崔苔菁被鄰居控告侵占停車位，對方請求返還每</t>
  </si>
  <si>
    <t>高雄2日新增1例本土確診個案，該名染疫者與近日發生的「特殊交友圈」旅館群聚開趴案有關，同時是案15770的密切接觸者，被匡列隔離後發病確診，目前整案在高雄已導致5人染疫，共匡列3圈共403位相關接觸者，除了已公布</t>
  </si>
  <si>
    <t>墨西哥總統羅培茲歐布拉多（Andres Manuel Lopez Obrador）周日晚宣布，他已罹患新冠肺炎，並進行居家隔離。據美聯社和《值得》（Axios）新聞網報導，67歲的羅培茲歐布拉多推文說，他的症狀輕微，並正在接受治療。「</t>
  </si>
  <si>
    <t>湖北省司法廳退休副廳長陳北洋一家3口都感染新冠肺炎，不料卻以醫院病房沒有到標準，因此拒絕到醫院隔離，甚至還搬到另一個沒有感染的社區居住，根本不理會勸導。對此湖北司法廳表示，紀檢部門已經介入，目前陳北洋</t>
  </si>
  <si>
    <t>國內今天新增1例本土個案，為桃園20多歲女性，指揮中心表示，該確診女性Ct值14，7日快篩陰性、8日當作發病日，6月初打過一劑AZ疫苗，目前確認感染Delta，感染源不明，是桃園機場機艙清潔人員，將從該女的清潔航班上</t>
  </si>
  <si>
    <t>日本國新冠肺炎今天新增確診1635例，超越8月7日單日新增1605例，創下新高紀錄。專家認為隨著氣溫下降，第三波疫情實際上已經爆發。面對疫情急速擴大，日本政府決定繼續限制大型活動人數到明年2月，電影院則有條件放</t>
  </si>
  <si>
    <t>安盛生科（6734）在美國Future of Health 2020宣布該公司規劃在今年第四季推出安必測新型冠狀肺炎智能抗原快篩（PixoTest POCT COVID-19 Antigen Test）與數位健康通行證（PixoHealth Pass）。安必測新冠肺炎智能抗</t>
  </si>
  <si>
    <t>新冠肺炎疫情擴散，前總統馬英九也頻頻發表意見，不僅遭「抗煞英雄」葉金川點名閉嘴，更遭昔日下屬楊志良嘲諷「不適合當總統」，對此馬英九今天(27日)受訪時，笑著回媒體「他怎麼現在才知道呢」，讓全場傻眼。馬政府</t>
  </si>
  <si>
    <t>中央流行疫情指揮中心今(10)日表示，約45.8萬劑AstraZeneca疫苗預定於今日下午3時40分抵達桃園國際機場。指揮官陳時中表示，這批是我國自購到貨的第8批AZ疫苗，包含先前到貨的7批，目前我國共取得372.7萬劑。指揮中</t>
  </si>
  <si>
    <t>由於媒體傳出已有部份藥廠開始提供試用疫苗，上海華山醫院知名感染科醫生張文宏在答詢時表示，要再等三個月才知道疫苗效果好不好，總的趨勢來說，國際疫情還在蔓延，連第一波都還沒有過去，呼籲民眾要有耐心，同時保</t>
  </si>
  <si>
    <t>中共中央機關報《人民日報》16日報導，中共中央政治局委員、中央外事工作委員會辦公室主任楊潔篪，應約同美國國務卿蓬佩奧通電話時指出，在全球抗疫大背景下，處理好陸美關係、保持兩國關係健康穩定發展至關重要。美</t>
  </si>
  <si>
    <t>台灣本土確診數今日新增321例、校正回歸400例，指揮中心公布的新名詞「校正回歸」引發網友討論，不少人聽了霧煞煞，更在ptt詢問這個詞的意思，就有網友用吃早餐的方式神比喻，讓不少人笑翻。許多網友對於疫情指揮中</t>
  </si>
  <si>
    <t>台北榮總搶救嚴重新冠肺炎患者，率國際之先使用類風溼性關節炎的生物製劑，讓國內免添第八死！北榮分享收治一名重症婦的康復經驗，原本已經休克還有呼吸衰竭，必須插上葉克膜，肺部整片發白，離鬼門關只差一步的老婦</t>
  </si>
  <si>
    <t>全台疫情持續升溫，因應三級防疫警戒，奇美醫學中心即日起防疫升級，住院前，病人皆須完成新冠肺炎PCR檢測，急診收住院病人也需於急診完成PCR檢測，全面監測；非急病民眾暫緩就診，領藥的慢性病者可提前線上預約，減</t>
  </si>
  <si>
    <t>新冠肺炎全球升溫，從亞洲、歐洲到美洲。疫情蔓延也影響全球經濟，全球企業有傳出裁員、甚至倒閉訊息，加上國際油價幾乎崩盤，美股31日收盤重挫，道瓊工業指數跌410點。美股三大指數下跌！道瓊工業指數重挫410.32點</t>
  </si>
  <si>
    <t>本土疫情持續擴散，全國進入第三級警戒，指揮中心指揮官陳時中拜託民眾假日待在家中，未料有些人轉往郊區活動，陽明山停車場甚至出現爆滿情形，有「純度最高」主播之稱的房業涵，不禁在播報時脫口「真的不知道在想什</t>
  </si>
  <si>
    <t>雙北防疫升級15日至第3級，影響不只戲院關閉，就連電影劇組也因此停止拍攝。由金馬影帝李康生主演的電影《山中森林》就此停工，他原本當晚要與王子邱勝翊、謝承均在台北市府前展開動作追逐槍戰，劇組早已借來重型機</t>
  </si>
  <si>
    <t>新冠肺炎影響全球影視產業，其中受疫情嚴重的國家如南韓與意大利等的電影票房更衝擊嚴重，為了避免虧損嚴重，電影公司紛紛將電影延檔。迪士尼今年首部大片《花木蘭》原定於美、韓兩國同步上映，但因新冠肺炎疫情，日</t>
  </si>
  <si>
    <t>美國供應商管理協會（ISM）最新數據表示，7月份製造業指數自上個月的52.6升至54.2，高於市場預期和前值，產業活動擴張顯著，此數據亦顯示，美國製造業活動表現，來到近一年半來最高水平。此一消息，激勵油價續漲超過</t>
  </si>
  <si>
    <t>因應新冠肺炎全球大流行，中央流行疫情指揮中心指揮官陳時中宣布，明起凌晨零時起，非本國籍人一律限制入境，且非本國及入境後一律居家檢疫14天。對此，台北市長、民眾黨主席柯文哲今中午赴立法院黨團開黨政會議前受</t>
  </si>
  <si>
    <t>新冠肺炎（COVID-19）疫情全球蔓延，世界衛生組織（WHO）更宣告目前已造成全球大流行（Pendemic）。台灣憑著優異的疫療團隊成功讓確診病例不失控。但連3日疫情指揮中心通報的確診病例不斷上升，民眾開始質疑是否總只</t>
  </si>
  <si>
    <t>行政院長蘇貞昌今（28）日在行政院會表示，若至6月7日前均無新冠肺炎本土新增病例，國內防疫規範措施將鬆綁，下階段將陸續推出各種刺激消費、活絡商圈、帶動國旅等振興措施及加速公共建設，請各部會合作預做準備，在</t>
  </si>
  <si>
    <t>根據《路透社》報導，即便這幾日新冠肺炎的疫情有減緩的趨勢，全球對於新冠病毒的恐懼仍未消散。一年一度的世界電信業界的盛事「全球行動通訊大會」，今年預計於2月24到27日在巴塞隆納舉辦。各大廠商因擔心疫情，紛</t>
  </si>
  <si>
    <t>美國疾病管制與預防中心（CDC）內部文件顯示，Delta變種新冠病毒正在美國迅速蔓延，似乎引發更嚴重的疾病，並像水痘一樣容易傳播。據CNN新聞網30日報導，《華盛頓郵報》（The Washington Post）取得的CDC未公開的幻</t>
  </si>
  <si>
    <t>韓聯社報導，專門經營赴北韓旅遊業務的高麗旅行社（Koryo Tour）今天援引北韓內部消息稱，北韓今年仍將舉行大型團體操表演迎接8月的光復節和10月的建黨75週年紀念日。團體操表演最多動員10萬人，用來展現制度優越性</t>
  </si>
  <si>
    <t>台灣本土疫情死亡率超過世界平均值，前衛生署長楊志良發起「熄燈一分鐘，喚醒陳時中」活動，邀民眾於6日晚上8點一起熄燈一分鐘。國民黨主席江啟臣今也響應此活動，貼出熄燈照片，「這一分鐘，是無聲的抗議、是悲痛的</t>
  </si>
  <si>
    <t>受新冠肺炎疫情擴大影響，亞洲最大的新加坡航空展規模縮水，部分參展代表與軍事迷還戴口罩觀展，參展業者也提供軍火月曆等文宣紀念品，其中以色列航太公司贈送的口罩最搶手。新加坡航空展採取嚴格的安全檢查措施，確</t>
  </si>
  <si>
    <t>大陸26日公布新增11例新冠肺炎確診病例，均為境外輸入，山東更出現一名「復陽」案例。疫苗施打情況方面，據統計，大陸過去一個月，日均疫苗接種率約416萬劑次，大陸衛健委預計，今年底前，有望達成全民8成接種疫苗的</t>
  </si>
  <si>
    <t>混打疫苗效果好，但副作用恐會更大。對此，兒科急診醫師吳昌騰分享，昨天完成混打疫苗，唯一不舒服的感覺應該是「手舉高會疼痛」，尤其到了晚上更明顯，但聽說混打會像被卡車輾過去一樣，因此他也提早備好藥物與開水</t>
  </si>
  <si>
    <t>雖然美國總統川普誓言近期就要重啟國家經濟，不過素有「美版陳時中」的國家過敏與傳染病研究院（NIAID）主任佛奇12日透過視訊在參議院聽證會上表示，當前美國追蹤與監控病毒的能力還不夠，如果沒有準備好就重啟國門</t>
  </si>
  <si>
    <t>嘉義市政府鼓勵民眾依身分證字號尾數單、雙號分流到傳統市場買菜，嘉義市共和攤販協會理事長陳志全坦言，出入口有10多個，很難強制管制，倒是攤商向客人道德勸說「今天多買些，明天不要來」比較有用，今天人流約減少</t>
  </si>
  <si>
    <t>上海復星醫藥發出公告，子公司復星實業分別與台積電、鴻海、永齡基金會及裕利醫藥簽約，將提供共1000萬劑BNT疫苗給台灣。德國BNT首席執行長證實，這批疫苗符合台灣要求，在歐洲工廠生產，直接出貨給台灣。根據外媒報</t>
  </si>
  <si>
    <t>魔術版德沃斯宣布拿出200萬美元來照顧NBA魔術、安利中心、發展聯盟球隊以及太陽熊冰球隊等大約1800位因為新冠肺炎疫情影響而停擺的員工。德沃斯表示，團隊背後的員工都是我們的家人，我們很榮幸能在這段艱困時期為那</t>
  </si>
  <si>
    <t>1千萬劑輝端BNT進口台灣，不再只聞樓梯響，鴻海與台積電今日雙雙證實，積極努力許久，採購BNT疫苗，已正式進入簽約程序，惟因「簽約當事人有多方，一旦程序完備即對外進行公告」。永齡基金會執行長劉宥彤也表示：「</t>
  </si>
  <si>
    <t>全球首款可吸入式新冠疫苗在「2021第五屆海南國際健康產業博覽會」亮相，觀眾可現場體驗。對於吸入式新冠疫苗的使用方法，網友稱姿勢好像喝奶茶。據瞭解，吸入式新冠疫苗與肌肉注射使用了同種疫苗，其制劑配方未改變</t>
  </si>
  <si>
    <t>台灣本土新冠肺炎疫情持續嚴峻，截至6月21日止，已累積有14005例確診個案，並有549人不幸病逝。面對此次疫情來得又急又快，確實讓人措手不及，先前民眾搶買「防疫保單」大爆單、接續有產險業者宣布停售商品……，都在</t>
  </si>
  <si>
    <t>新冠肺炎疫情重創美國，確診突破百萬，占全球3分之1，死亡人數跨過6萬大關。受到疫情波及，百業蕭條，美國前5個星期數據顯示，累計超過2640萬人因丟掉工作請領失業補助，顯見疫情對就業市場的衝擊嚴峻。由於疫情轉趨</t>
  </si>
  <si>
    <t>高雄林姓男子在臉書「爆料公社」社群發文，稱自己日前接種BNT疫苗後，皮膚局部出現血疹，隨後更有血便、牙齦出血等症狀，緊急送醫後，查出是血栓及血小板低下所引起，高市府衛生局表示，個案有風濕免疫相關疾病病史</t>
  </si>
  <si>
    <t>新冠肺炎疫情肆虐全球，今日又有重磅消息傳出，英國克萊倫斯宮（Clarence House）證實現年71歲的英國王儲查爾斯親王（Charles Philip Arthur George）確診，而妻子卡蜜拉則是逃過一劫，沒有感染。身為英國王儲，查爾</t>
  </si>
  <si>
    <t>歐洲最高水準的西甲足球聯賽，因為新冠疫情已先停賽兩輪，但真正復賽的時間遙遙無期，尤其是西甲「蝙蝠軍團」瓦倫西亞今天宣布，該隊的球員與隊職員共有35％驗出新冠肺炎陽性反應，堪稱全世界目前受疫情衝擊最深的運</t>
  </si>
  <si>
    <t>新冠肺炎爆發後，蔡政府在防疫之際，透過仇恨語言、歧視手段，順勢打了一場「抗中保台」之戰，藉機強化反中牌的正當性。只是，疫情過後，當各國逐漸從相互指責的激情，回歸至理性常軌，眼前這場「大內宣」的反中聖戰</t>
  </si>
  <si>
    <t>據英格蘭公共衛生署（Public Health England）估計，接種兩劑阿斯特捷利康（AstraZeneca）新冠疫苗，阻止出現症狀的效力可達90％。不過，它也提醒，目前還沒有足夠的數據顯示，這就是決定性定論。據路透和《每日郵報</t>
  </si>
  <si>
    <t>食品藥物管理署今宣布，首批高端疫苗26.5萬劑已完成檢驗封緘作業，最快傍晚放行，前衛生署長楊志良怒批，疫苗研發是科學而非政治，應該照正規程序進行，主張停止高端的EUA（緊急使用授權），並提出5大理由讓高端從預</t>
  </si>
  <si>
    <t>雙北市疫情持續嚴峻，至4日止兩市確診數達7769例，新北市雙和醫院護理師4日在臉書社團感性發文，被歧視、排擠、醫院暴力每天都在發生，踏進醫院前心裡有著莫名的壓力，又偷流了多少眼淚？能夠回家看到家人是無比的奢</t>
  </si>
  <si>
    <t>和鑽石公主號新冠肺炎復呈陽性病例同機，台灣團赴以色列遭遣返，產險業者表示，若遇到上述旅行不順遂情事，投保旅行不便險賠不賠？因各產險保單契約規定不一，然多半都無法獲得理賠補償，但仍可以跟保險公司申請退回</t>
  </si>
  <si>
    <t>武漢爆發新冠肺炎(COVID-19)後，為了防止疫情擴大，不少企業宣布，員工可在家上班，原以為這樣會變得較輕鬆，能省下通勤時間晚點起床，但沒想到卻是噩夢的開始。大陸一名上班族日前曝光實況，表示由於沒有打卡上下班</t>
  </si>
  <si>
    <t>新冠肺炎疫情持續半年，各國的口罩產能提升，也導致進口量增加。根據食藥署統計，今年光是上半年進口的醫用口罩，就比去年全年多出約700萬片，隨著口罩政策開放，越來越多民眾購買進口口罩，食藥署決定7月7日起將醫</t>
  </si>
  <si>
    <t>台北市文化大學爆出有4名住宿學生確診，校方緊急匡列造冊快篩，台北市政府也緊急啟動機動快篩隊到文化大學替學生做篩檢，北市聯合醫院總院長特助劉嘉仁指出，部分同學篩檢出有陽性，而機動隊成員都很優秀，提早在下</t>
  </si>
  <si>
    <t>阿斯特捷利康製藥公司（AstraZeneca）與牛津大學共同開發的新冠疫苗第三階段臨床試驗初步結果出爐，疫苗保護力達70%，不過當調整至適當劑量時，疫苗保護力可達90%。此外，儘管牛津疫苗的有效性不及莫德納、輝瑞等疫</t>
  </si>
  <si>
    <t>受累新冠肺炎確診病例攀升打擊，引發市場對經濟前景擔憂，抵消減產及油品庫存下滑的利多消息，致國際油價區間向下整理，而依據國內浮動油價調整機制，經考量亞鄰最低價條件後，預估下周汽油、柴油不調整，下周油價仍</t>
  </si>
  <si>
    <t>總統蔡英文今日視察不織布大廠敏成，她宣示，口罩國家隊達到日產1,000萬片的目標，未來還要挑戰日產2,000萬片，這對整個國家的民心士氣，其實是很有用的，不僅是提供了口罩，也證明台灣的團隊可以一直挑戰這種極限。</t>
  </si>
  <si>
    <t>聯合國秘書長古特雷斯9日警告，新冠肺炎疫情過後的經濟衰退，可能觸發全球50年來最嚴重的糧食危機，對過百萬名兒童及成年人造成長遠影響，促請各國政府迅速行動，以阻止災難。古特雷斯表示，雖然主要農作物收成狀況</t>
  </si>
  <si>
    <t>新冠疫情衝擊百工百業，高市府近日發起「暖心相守寄未來運動」，鼓勵消費者以「小錢多點」預購方式，協助社區鄰里商家周轉救急，目前有351家店響應推出促銷優惠。昨高雄市長韓國瑜拋磚引玉，率先認購5000元後，今（3</t>
  </si>
  <si>
    <t>中央流行疫情指揮中心今(7)日表示，我國近期陸續接獲日本及法國官方透過國際衛生條例國家對口(IHR National Focal Point)通報，自我國入境日本及法國之民眾，檢出COVID-19陽性。指揮中心指出，日本通報檢出陽性個案</t>
  </si>
  <si>
    <t>新冠肺炎肆虐全球，歐洲多個國家淪為重災區，我駐法國代表處一位職員日前確診為「新冠肺炎」，該名確診職員在同辦公室的同仁，即刻進行居家隔離14天。據了解，這是我國在全球駐外館處出現的第一位確診患者。上月底，</t>
  </si>
  <si>
    <t>義大利COVID-19（簡稱武漢肺炎）死亡率突破6%，已超越中國大陸，成為全世界最高，但同樣在歐洲，德國死亡率僅僅0.15%，德國做對了哪些事？德國並沒有對疫情免疫，確診數持續上升，但一直到3月9日才出現第一起死亡病</t>
  </si>
  <si>
    <t>據外媒報導，《哈利·波特》的作者J.K.羅琳在自己的推特自稱，自己在過去的兩個星期中經歷了所有的症狀，但現在已經痊愈。她還向網友推薦自己當醫生的丈夫告訴她的呼吸法，完全不要錢，但是對該病症造成的呼吸困難療</t>
  </si>
  <si>
    <t>全球受新冠肺炎籠罩，世界各國都在拚疫苗覆蓋。一名現居台灣的烏克蘭正妹Tanya表示，自己因為害怕打疫苗會產生不良反應，所以一直都沒有接種，直到台灣開放在台外國人施打後，她才打了第一劑疫苗，雖然打疫苗的副作</t>
  </si>
  <si>
    <t>新冠肺炎AZ疫苗85歲以上長輩接種第3天，台南南化區公所派專車至關山、玉山里接送4位長輩至北安宮前接種站施打疫苗，來回車程就要一個半小時，今日北安宮注射站共有北寮、玉山、關山里40人完成施打。南化區長徐全立表</t>
  </si>
  <si>
    <t>馬來西亞一名70多歲長者日前因接觸過新冠確診者、加上身體不適，一共進行了2次PCR核酸檢測、1次抗原快篩，3次病毒檢測結果都呈現陰性，不料卻突然昏迷暴斃，醫生解剖後證實死因為新冠肺炎，指出長者的肺部受損嚴重，</t>
  </si>
  <si>
    <t>2020年全球受到新冠肺炎疫情衝擊，在工廠停工與學校停課的情況下，帶動視訊開會、遠距上班、遠距教學等需求快速暴增，但也讓全球駭客有機可乘。根據以色列資安大廠Check Point發布的訊息顯示，全球與新冠肺炎相關的</t>
  </si>
  <si>
    <t>大陸新冠肺炎疫苗研發再有進展，大陸軍事科學院軍事醫學研究院團隊與藥廠康希諾聯合研發、名為Ad5-nCoV的新冠肺炎疫苗，已被官方授予專利權，同時這也是大陸第1個獲得專利的新冠肺炎疫苗。第一財經報導，大陸國家知</t>
  </si>
  <si>
    <t>中廣董事長趙少康日前批行政院長蘇貞昌稱「武漢肺炎」是歧視，讓兩岸難對話，行政院秘書長李孟諺受訪時回擊，強調非歧視，是一開始發現疾病時約定俗成的名稱，勿過度渲染。對此，趙少康今（23）日接受媒體聯訪時直批</t>
  </si>
  <si>
    <t>國際油價崩盤、新冠肺炎疫情蔓延，這兩隻黑天鵝同時出現，造成美股利空壓境，道瓊指數今天暴跌2013點，史上首度單日暴跌逾2000點，3大指數跌幅也都超過7%，創2008年全球金融海嘯爆發以來最糟表現，延續11年的牛市瀕</t>
  </si>
  <si>
    <t>中央流行疫情指揮中心今(2)日公布國內新增6例境外移入COVID-19確定病例，分別為美國2例、菲律賓2例、英國及印尼各1例。截至目前，共累計808例確診案例。其中英國入境男子Ct值僅18，代表病毒量高，指揮中心將做病毒基</t>
  </si>
  <si>
    <t>新冠肺炎疫情肆虐全球，何時能施打疫苗成為全民關注議題，藝人阿緯五月初自費申請施打第一劑AZ疫苗，近來更成功施打完第二劑，對此，他坦言相當感謝醫護人員的付出，才能有效率施打疫苗。阿緯五月初和太太以「保護自</t>
  </si>
  <si>
    <t>台大醫院昨日新增1名確診案例，外傳該案身分為麻醉護理師，醫院也在昨日證實關閉開刀房進行清消，並把接觸者召回採檢。台大醫院企業工會今表示，完全同理感控人員的辛勞，但不可否認的是，事發當下仍有許多員工直到</t>
  </si>
  <si>
    <t>對於衛福部長陳時中今日再次重申，沒有所謂的「3+11」破口，因為「3+11」的政策並沒有影響到社區一事，網友砲轟，「死了800多人，沒有影響到社區？」「民進黨顛倒是非噁心至極」，也有網否諷刺，「這就是民進黨特色</t>
  </si>
  <si>
    <t>新冠肺炎疫情近日在歐美延燒，美國西維吉尼亞州今天傳出首位確診病例，美國50州全部淪陷，台灣旅美高爾夫好手潘政琮透過臉書粉專表示，留在家防疫比搭乘長途飛機來的安全，他跟太太會先留在美國，把資源留給台灣、守</t>
  </si>
  <si>
    <t>受新冠肺炎疫情影響，屏東山川琉璃吊橋遊客數減少，為了行銷推廣吊橋美景，並鼓勵體驗原住民族文化與歷史，屏東縣政府決定5月起至年底，每周一開放攝影愛好者及結婚新人免費入場拍攝，也歡迎民眾在防疫期間到戶外、</t>
  </si>
  <si>
    <t>日前台灣出現第一例無法確定感染源的白牌車司機染新冠肺炎，且是首例死亡，疫情指揮中心一開始認為新冠肺炎已進入社區傳播，後來又以感染源仍在確認為由收回；才過幾天又出現第二例無感染源病例，指揮中心仍不願鬆口</t>
  </si>
  <si>
    <t>因應新冠肺炎疫情，高雄市府今（2）日召開防疫會議後，決議一旦達到停課標準，將針對高中以下學校啟動遠距教學。另也將推出「防疫計程車」，最快這周上路，而高市現有近千位居家檢疫及居家隔離者，市府將準備2、3000</t>
  </si>
  <si>
    <t>大陸湖北省武漢市因新冠肺炎而封城，歷經76天後，終於在今（8日）0時正式解封。武昌火車站緩緩開出載客列車，於0時50分載442名乘客，10個多小時後將抵達廣州，預計今日將有5萬5千人搭乘火車離開武漢。省委書記、省新</t>
  </si>
  <si>
    <t>國際疫情持續嚴峻，但不少學者憂心，今年秋冬疫情再次席捲來時，國內民眾恐怕沒有疫苗可用。對此，中央流行疫情指揮中心指揮官陳時中表示，已經編列135億元的疫苗經費，包含投入最基本的不管是國內廠商，或是向國外</t>
  </si>
  <si>
    <t>小編精選《中國時報》5件不可不知大事，帶讀者掌握今天（27日）新聞重點。【1】英首相強森 今日復工英國首相辦公室發言人昨天證實，英國首相強森（Boris Johnson）治療加休養整整超過3周後，27日將重返工作崗位，比</t>
  </si>
  <si>
    <t>繼國際級賽事萬金石馬拉松確定停辦，原定4月19日登場的新北市鐵道馬拉松接力賽，考量新冠肺炎疫情持續延燒，新北市觀光局今晚逐一發送email給報名跑者，宣布活動確定延期辦理，全力防堵疫情蔓延，延期時間待定。新北</t>
  </si>
  <si>
    <t>五一連假即將來，民眾宅在家悶太久，出遊情況憂心成防疫口，台中市長盧秀燕28日強調，適當出遊固然有益身心，但防疫更重要，她已授權相關首長、區長，民眾若不接受適當疏散指揮，必要的時候得關閉景點。盧秀燕今日在</t>
  </si>
  <si>
    <t>「長輩的福利不能等！」台中市敬老愛心卡由搭乘中部5縣市客運，增加搭乘4家國道客運至台北、高雄；市議員沈佑蓮17日為全市近46萬持有敬老愛心卡長輩請命，爭取可搭乘台鐵區間車，讓長輩開心坐火車到處散心。交通局說</t>
  </si>
  <si>
    <t>嘉義縣截至目前為止僅1例本土確診個案，嘉義縣長翁章梁28日直播時表示，有2名台北的確診個案案7022及7023，曾與萬華朋友接觸，26日自行開車南下溪口老家空屋自行就醫採檢，2人昨天雙雙確診，足跡為大林的全聯，縣府</t>
  </si>
  <si>
    <t>繼嗅、味覺異常後，國際上又出現腳指出現水泡的新冠肺炎疑似癥狀，中央流行指揮中心專家諮詢小組召集人張上淳今證實，國內確實有感染個案出現水泡癥狀，只是目前還不確定是否也同樣位在腳趾。張上淳表示，因為病人一</t>
  </si>
  <si>
    <t>全國連續六天本土＋0。中央流行疫情指揮中心今（5）日公布國內無新增本土病例。針對逐步放寬的防疫政策與行業復業，侯友宜於今日的防疫記者會指出，一切均遵照中央指引，但也呼籲市民，面對新型態防疫生活，仍需隨時</t>
  </si>
  <si>
    <t>大陸外交部副部長羅照輝今表示，截至目前，境外輸入確診個案中有90％持中國護照，其中40％為中國留學生。他強調防止輸入病例為當前主要任務，希望留學生和家長認真權衡利弊才作出正確選擇。針對新冠病毒源頭，他指出</t>
  </si>
  <si>
    <t>高端疫苗昨正式開打，台大小兒感染科醫師李秉穎今天表示，疫苗會出現最重大的副作用是過敏性休克，但幾十萬人去打，頂多就出現一位而已，且伴隨著接種人數增加，未來肯定會出現猝死、嚴重過敏的狀況，但只要不良事件</t>
  </si>
  <si>
    <t>新冠肺炎在世界各地肆虐，疫情仍非常嚴峻。日前香港因傳出由新冠肺炎確診患者家中寵物犬口、鼻檢驗出新冠肺炎弱陽性反應消息，隨即引發社會大眾與犬貓飼主恐慌，行政院農委會與高雄市政府農業局共同呼籲，目前並沒有</t>
  </si>
  <si>
    <t>疫情爆發，全台醫療量能緊繃，許多確診者隔離在家出現無法及時就醫的窘迫情況；1名確診女子因為在家中陸續出現胸悶、心跳加速，甚至氣喘，差點「吸不到空氣」等症狀，撥打1922卻屢遭轉接等待，最後才被政府立案，但</t>
  </si>
  <si>
    <t>澳門已經許久沒有確診，不少學生很困擾課程因此被耽誤？學界很關心，是否有打算開放澳門民眾來台？陳時中今天表示，預計三月中可以來評估。中央流行疫情指揮中心指揮官陳時中表示，澳門三月二日左右已經開始動工，但</t>
  </si>
  <si>
    <t>新冠肺炎疫情持續延燒，法務部制訂「法醫相驗解剖通報SOP」以降低風險，桃園市一名年約30多歲的男子，上周六在工作中突然昏倒，緊急送醫仍宣告不治，檢警調查發現他生前連續發燒多日，不敢大意，高規格由法醫採取檢</t>
  </si>
  <si>
    <t>新北市長侯友宜今（13日）下午主持疫情說明會，他表示，新北市新增1確診個案，為居隔陰轉陽性個案，與幼兒園群聚感染無關，這個個案是台北某國中學生確診後，匡列的長輩之一，是確診學生的外婆，居住在板橋區，CT值3</t>
  </si>
  <si>
    <t>板橋幼兒園爆發群聚感染Delta，因應疫情升溫，新北市教育局今晚表示，依教育部規定，新北公立幼兒園9日起停辦跨班級課後留園至9月底，請學校儘速通知家長並妥善溝通。教育局指出，鼓勵家長課後時段將幼兒接回自行照</t>
  </si>
  <si>
    <t>中央流行疫情指揮中心下午公佈本土確診病例，基隆已累積79例，今增13例、校正回歸3例，市長林右昌表示，其中7例與小姑娘小吃店員工有關，有6例是小姑娘小吃店老闆娘（案5772）的家人，包括妹妹、父親、姐夫、姪女等</t>
  </si>
  <si>
    <t>國內外購、美日外援新冠疫苗逐步進入台灣，近期開始陸續施打，因目前疫苗施打率不佳，以及有不少長輩施打AZ疫苗後猝死。這讓國民黨立委陳以信看不下去直言，這波日本AZ疫苗施打後，已有342位國人不幸離世，他多次呼</t>
  </si>
  <si>
    <t>新冠肺炎疫情導致人心惶惶，但原本要離婚的一對夫妻，卻因此而挽回感情，因為防疫期間大家都在忙著抗疫，老太太決定不給政府添亂，撤回離婚告訴。這名7旬的老太太看到許多家庭因為感染新冠肺炎，導致家庭成員悲歡離</t>
  </si>
  <si>
    <t>海軍敦睦艦隊訪問帛琉後，已有29名官兵感染新冠肺炎。外界質疑是否有「機密任務」，根據國防部今天公布活動資料，艦隊一度進入南海、靠近新加坡東方海域附近。專家認為艦隊只有經過印尼，新加坡，但卻未停靠，很有可</t>
  </si>
  <si>
    <t>停泊在日本橫濱港的鑽石公主號爆發大量新冠肺炎病例，以色列衛生當局今天證實，一名以色列婦人下船返國後，被驗出對新冠肺炎呈陽性反應，成為以色列首位確診感染肺炎的案例。《中央社》引述路透和《以色列時報》（Th</t>
  </si>
  <si>
    <t>桃園特殊交友圈釀2家6人染疫，讓桃園2日確診數再度居全國之冠，桃園市府也公布足跡，包括中壢奇異果共享旅店、國泰世華大湳分行、大樹藥局內壢二店、711中壢興榮珍門市、華泰名品城、自由聯盟中壢中正店，呼籲足跡重</t>
  </si>
  <si>
    <t>新冠疫苗開打，台北市已與基層診所合作，但新北市目前只有20家責任醫院與29區衛生所協助開打，新北市衛生局長陳潤秋指出，目前已與203家基層診所簽約，但中央對於新冠疫苗的冷鏈與流感疫苗規定不同，所以必須要更嚴</t>
  </si>
  <si>
    <t>基士德-KY(6641)2019年EPS為6.79元，董事會決議每股配發現金股利4.5元，以昨日收盤價計算，現金殖利率高達9.57%。新冠肺炎疫情蔓延全球，基士德大陸工廠已在今年2月10日開工，不過受供應商、客戶及物流廠商復工程度</t>
  </si>
  <si>
    <t>針對網友歸納「中央流行疫情指揮中心」召開記者會的出席人員組合，可以預知可能發生的事情，指揮官陳時中把出席人員組合的情況做了說明，並且盛讚網友的歸納是「滿正確」。有網友整理出指揮中心召開記者會的「先發輪</t>
  </si>
  <si>
    <t>新創公司Gogolook宣布攜手可疑訊息查證機器人美玉姨，共同防範通訊軟體上的潛在詐騙威脅，並幫助民眾第一時間查證可疑訊息。美玉姨將於19日推出全新版本，擴大比對台灣事實查核平台Cofacts真的假的、台灣事實查核中</t>
  </si>
  <si>
    <t>美國亞特蘭大按摩館日前發生槍擊案，導致8人死亡，其中有6人為亞裔女姓，該事件揭開了亞裔的仇恨犯罪的冰山一角，在當地引發關注，甚至遊行抗議；對此，國民黨副秘書長李彥秀近日才自美國回台，她在臉書表示這幾天在</t>
  </si>
  <si>
    <t>新冠肺炎疫情爆發以來，身處風暴中心的陸股反而較全球股市相對抗跌。法人指出，陸股擁有估值相對低、政策作多火力全開二大優勢，目前看來大陸疫情流行高峰已經過去，加上復工率逐步上升，東部和南部地區多數省份工業</t>
  </si>
  <si>
    <t>連續三天本土＋0！中央流行疫情指揮中心今（2）日公布國內無新增本土病例。新北市長侯友宜表示，新北市的疫情目前相對穩定，只要防疫擺在最優先，將可逐漸鬆綁。侯友宜說，新北市一切還是以防疫為最大優先，只要防疫</t>
  </si>
  <si>
    <t>澳洲籍音樂家布萊特狄恩(Brett Dean)2月23日至3月2日訪台並進行2場演出，回澳後確診感染新型冠狀病毒肺炎，留下了145名接觸者須接受居家隔離，其中包括因公採訪的8名記者，目前得知將被隔離至3月11日。中央流行疫情</t>
  </si>
  <si>
    <t>去年因新冠肺炎疫情衝擊，演藝圈不少人生計都受到影響，大牌如「星爺」周星馳傳出抵押豪宅換現金，盼能以此度過難關，54歲曾演出電影《小小賭聖》的港星葛民輝最近則傳出搬離每月月租13萬港幣（約47萬台幣）的豪宅，</t>
  </si>
  <si>
    <t>新冠肺炎疫情延燒影響消費力道，達爾膚(6523)3月營收7950萬元，年減13.5%，首季營收1.83億元，年減29%。達爾膚3月營收7,950萬元，呈年減表現，主因大陸轉投資公司營收不再併入合併報表，若排除此因素，則較去年呈正</t>
  </si>
  <si>
    <t>生魚片前陣子才造成北京恐慌，疑似掀起另一波新冠疫情，引起人心惶惶，日前又傳出一名中年男子因愛吃生魚片引起腹瀉，到醫院檢查才發現，肝臟經然已經被寄生蟲啃掉一半！星島日報報導，浙江省杭州市1名55歲的謝姓男</t>
  </si>
  <si>
    <t>新北幼兒園群聚案基因定序確定是Delta，北市副市長蔡炳坤8日表示，關於北市校園Delta病毒停課指引，如校園有師生出現Delta病毒的確診個案，原則上將進行全校停課14天，並進行全校消毒，若有確診病例的接觸者出現，該</t>
  </si>
  <si>
    <t>新冠肺炎導致各地瘋搶口罩，繼口罩販售實名制6日上路後，為方便社區民眾就近購買口罩，台南市37區衛生所從16日起也加入販售口罩的行列，吸引大批民眾排隊搶購。不過，直到中午販賣結束，台南市準備近萬片口罩，成人</t>
  </si>
  <si>
    <t>口罩實名制3.0上路，民眾可購買量從原先7天3片大幅上升到14天9片，但9日上路後，不少人發現排隊隊伍反而變得更長，忍不住詢問，為何口罩數量變得充足後，排隊人潮不減反增，隊伍變得更長，引起熱烈討論，也有人點現</t>
  </si>
  <si>
    <t>AZ疫苗15日正式開打，不過施打三日卻頻傳長輩施打疫苗後多人猝死案件，雖然大多具有慢性疾病，但正式死因還有待衛福部釐清，對此，藝人李明依在臉書感嘆「最終難道都只剩下數字？」沒想到貼文一出，馬上又遭到網友出</t>
  </si>
  <si>
    <t>第一批武漢包機返台的台商今天終於解除14天的隔離生活，除1名確診新冠肺炎並持續住院治療中外，其餘的246位身體狀況良好。中央流行疫情指揮中心記者會公布一段影片，2位小孩用奶音大喊「謝謝阿中部長！(讓我們的家人</t>
  </si>
  <si>
    <t>台灣疫情嚴峻，不少民眾為此赴美國施打疫苗。新加坡防疫醫師林韋地認為，無論去哪裡打疫苗，坐飛機本身就是一個超高風險的行為，因為你不可能知道機上哪個乘客是變種病毒帶原者，呼籲盡量留在家裡，等待能施打疫苗的</t>
  </si>
  <si>
    <t>瑞典國家統計當局今天宣布，全國上半年登記的死亡人數達5萬1405人，比去年同期暴增15％（6500人），更創下瑞典自1869年以來，1到6月的最高紀錄（55431），當時該國遭逢大規模饑荒。新冠疫情正是死亡人數創紀錄的元凶</t>
  </si>
  <si>
    <t>日前因新北幼兒園為Delta感染，台北市9月8日起緊急取消長照機構探視。近日疫情趨緩，對於何時恢復訪客探視，北市衛生局今表示，中央有公文提到，北北基桃從10月1日開始，可開放訪客探視。衛生局專委歐佳齡表示，中央</t>
  </si>
  <si>
    <t>台北市長柯文哲表示，指揮中心6月11日宣布開放長者施打疫苗，但隔天就是端午連假的開始，痛批指揮中心太晚告知，假設再發生一次就要慢兩天打，指揮中心認為這樣的威脅是否恰當？中央流行疫情指揮中心指揮官陳時中表</t>
  </si>
  <si>
    <t>自5月中旬疫情爆發以來，民眾出入公共場所都須實施實聯制，國民黨立委蔣萬安今日在立法院質詢衛福部長陳時中時指出，11月疫情警戒可能會降到一級，到時實聯制是否還會持續？陳時中表示，實聯制預計實施到明年中，但</t>
  </si>
  <si>
    <t>美國新增確診人數再創高，已超過96萬人，全球累計確診超296萬人，全球防疫需求大增，口罩、不織布、清潔用品、監測體溫的額溫槍、耳溫槍、快篩試劑等需求大幅增加，包括台康生技（6589）、康那香（9919）等13檔防疫</t>
  </si>
  <si>
    <t>台股今在美股上周五收紅激勵，加上護國神山台積電(2330)力撐穩盤，指數早盤雖一度翻黑，但隨即拉高，甚至站上12700點關卡、收復5日線，並持續朝向月線靠攏，指數最高上漲逾90點，惟尾盤漲幅收斂，終場收漲39.29點、</t>
  </si>
  <si>
    <t>新冠肺炎在南韓不斷蔓延，也在當地掀起「口罩荒」。南韓政府25日宣布，周三（26日）凌晨零時起限制口罩、乾洗手等防疫用品出口，期限至4月30日為止。南韓食品醫藥品安全處處長李義表示，政府決定，周三起「原則上」</t>
  </si>
  <si>
    <t>料產量增，周二馬來西亞棕櫚油走低；因馬來西亞棕櫚油局(BMD)估計6月棕櫚油產量將增加，加上因新冠肺炎影響，以致原油價格下跌，進而令馬來西亞棕櫚油價格收低。另外最大食用油進口國印度，因新冠肺炎削弱食品服務業</t>
  </si>
  <si>
    <t>中央研究院院士、中國醫藥大學校長洪明奇帶領的抗冠科研團隊，將靶向治療癌症的策略與觀念應用於新冠肺炎治療研究，找到了抑制冠狀病毒複製的核心蛋白酶，研究成果刊登於8月份國際學術期刊《美國癌症研究雜誌》，受</t>
  </si>
  <si>
    <t>韓國疫情瀕失控，中央流行疫情指揮中心昨天宣布，韓國旅遊疫情即刻提升至第三級警告（Warning）。中央流行疫情指揮中心指揮官陳時中宣布，自2月27日零時起，自韓國入境的本國籍人士，須進行14天居家檢疫，並呼籲還滯</t>
  </si>
  <si>
    <t>國內新冠肺炎疫情持續延燒，高雄28日新增1例本土個案，該確診者與日前確診的案5888按摩師互有關連，由於該按摩師染疫前後，曾到鳳山瑞竹街牌間打麻將與牌友互相傳染，牌友再到立信街牌間傳染給28日確診的民眾，目前</t>
  </si>
  <si>
    <t>近來日本部分民眾等不及政府主導的新冠病毒疫苗施打，已有觀光業者推出前往美國紐約施打疫苗的「海外疫苗團」。就連紐約市長也先前自己上陣宣傳「觀光客疫苗施打解禁」，並曾在自身twitter表示「歡迎各國前來紐約打</t>
  </si>
  <si>
    <t>2021台灣醫療科技展2日開幕，新光醫院今年以「卓越體驗，永續新光」主題推出6大展區，特別規畫「健康達人講座」，新光醫院副院長洪子仁帶頭開講，面對Omicron的威脅，呼籲大眾給醫界時間，不要太害怕，也提醒民眾別</t>
  </si>
  <si>
    <t>員榮醫療體系員榮醫院推動國際醫療不遺餘力，自2016年開始跨海到蒙古義診，但礙於疫情關係2020年開始停擺，今年員榮醫院改用視訊設備，透過最先進的5G智慧眼鏡，遠距傳遞臨床照護經驗，並持續為當地民眾診療及醫師教</t>
  </si>
  <si>
    <t>據美國有線電視新聞網（CNN）報導，自華盛頓州後，西雅圖3日也宣布為了因應新冠病毒而進入緊急狀態。市長德爾坎（Jenny Durkan）在聲明中表示，政府將在數日內宣布在進入緊急狀態後所採取的相關行動。由於鄰近的華盛</t>
  </si>
  <si>
    <t>台灣本土疫情持續爆發，昨天新增267例本土個案，短短9天以來，確診人數累積1291人，中央流行疫情指揮中心今(20)日公布國內新增295例，286例本土；9例境外移入；確診個案中新增1例死亡(案2683)。今天再新增286例，以</t>
  </si>
  <si>
    <t>今日是全國疫情警戒降二級第一天，胸腔暨重症醫師黃軒指出，一早看到不少人過馬路或等紅綠燈時都拉下口罩叼著菸，令他直搖頭「才降級，鬆動的行為就馬上出現了」，提醒民眾仍要戴好口罩、徹底洗手及保持安全距離，不</t>
  </si>
  <si>
    <t>3月3日，北京市新型冠狀病毒肺炎疫情防控工作新聞發布會上，北京市政府副祕書長陳蓓表示，北京調整境外人員入境隔離政策，凡是從韓國、義大利、伊朗、日本等疫情嚴重國家經北京口岸入境的，均需居家或集中隔離14天。</t>
  </si>
  <si>
    <t>新冠肺炎在美疫情重災區的紐約市9日共有518人死亡，總數更突破5千大關。而據《紐約郵報》指出，當地太平間已不堪負重，市政府不得不動用無人島，在島上挖埋葬過多屍體的壕坑，無奈讓死者盡快下葬。報導指出，紐約市</t>
  </si>
  <si>
    <t>新冠肺炎疫情持續延燒，除了中國大陸之外許多國家也有確診病例傳出，而外界目前預估日本可能會是下一波爆發的地點，不過東京奧委會仍然表示要如期舉辦東京奧運，不過其他的體育賽事可能就沒有這麼好運了。原本預定在</t>
  </si>
  <si>
    <t>86歲資深藝人脫線(本名：陳炳楠)，曾演出《總鋪師》、《大佛普拉斯》等電影，農曆年前驚傳因感冒引起肺炎，整整住院一個月，令粉絲好擔心。不過他今（27日）終於透過臉書報平安，「天公保庇，我康復出院了。」脫線在</t>
  </si>
  <si>
    <t>今天（29日）下午，北京市宣佈公共衛生應急回應級別下調至二級，這意味著大陸國內低風險地區進京出差、返京人員，不再要求居家隔離14天，北京「五一」出行的需求應聲上漲。據「去哪兒網」平台資料顯示，消息發佈的半</t>
  </si>
  <si>
    <t>高市3位民眾參加土耳其團旅行返臺確診感染新冠肺炎，其中有1位民眾去了一間位在鳳山五甲的診所，雖然衛生局後來出面澄清，該名個案並未進入診所內，可是診所還是遭到網路霸凌歧視，診所為此自行貼公告休診到4月6日，</t>
  </si>
  <si>
    <t>台中市長盧秀燕5日在市議會進行施政總報告，「逐步完善各項重大建設，要給市民更好的生活！」盧秀燕說，市府積極推動各項政策，包括市民期盼已久的水湳國際會展中心、台中綠美圖、捷運綠線將於今年底通車營運等；今</t>
  </si>
  <si>
    <t>《中時新聞網》精選5件不可不知的國際大事，帶讀者掌握今（11）日的國際新聞重點。【1】	WHO指台電郵裡未寫「人傳人」指揮中心反駁世界衛生組織（WHO）世衛表示，去年12月31日收到台灣所發電郵，內容提及媒體報導指</t>
  </si>
  <si>
    <t>據美國有線電視新聞網（CNN）報導，在美國當地時13日，美國總統川普在白宮的新冠肺炎疫情記者會上表示，白宮將於美國時間14日宣布，成立一個經濟工作組，包括一個或多個委員會，聚焦未來幾周內，能夠指導美國經濟重</t>
  </si>
  <si>
    <t>新冠肺炎（COVID-19，俗稱武漢肺炎）疫情持續延燒，截至2月18日，大陸地區已出現超過7.2萬起確診病例，累積死亡人數達到1,870起，各省紛紛實施「封閉式管理」，嚴格限制民眾出入，並要求配戴口罩，日前在河南有名男</t>
  </si>
  <si>
    <t>新冠肺炎影響全球一年多時間，台灣原本在國際間是出了名防疫頂尖，但連日確診人數大爆炸，民眾開始瘋搶糧食口罩，深怕會面臨封城窘境；香港資深藝人黃秋生去年曾為了工作來台居留數月，近期再度抵台慘遇疫情升溫，他</t>
  </si>
  <si>
    <t>八貫(1342)將於明(29)日召開上市前業績發表會，並將於11月底前掛牌上市，看好在三大動能加持下，將帶動明年業績持續上攀。八貫近三年營運表現優異，2017至2019年每股稅後盈餘分別為3.49元、3.79元及3.08元；今年上半</t>
  </si>
  <si>
    <t>就全美疫情來看，新增病例速度已放緩，不過，歐洲恐又再度失控，許多城市出現「反口罩」、「反防疫限制」示威，使得疫情持續惡化，歐洲新冠肺炎確診人數突破400萬人，逾20萬人死亡。儘管新冠肺炎的疫苗研發，已進入</t>
  </si>
  <si>
    <t>美國因受到新冠肺炎疫情重擊，不僅死亡人數破10萬，確診人數也破180萬，是全球之最，失業率也高達20%，為了救經濟，政府在3月底通過2萬億美元經濟刺激法案，成為美國歷史上最大規模的經濟紓困方案，美籍YouTuber莫彩</t>
  </si>
  <si>
    <t>國內疫情雖趨緩，但考量仍有零星不明感染源之本土病例，中央流行疫情指揮中心宣布，二級警戒延長至10月4日，根據二級警戒指引，包括酒店、KTV、舞廳及遊藝場所等2大類別仍須關閉，後續將視疫情發展，做滾動式修訂。</t>
  </si>
  <si>
    <t>新冠肺炎疫情升高，台中市累計已有3家業者通報無薪假，勞工局仍在審核中，目前觀光旅遊業還撐住，沒有通報無薪假，觀光旅遊業表示，盡量讓員工休春節上班的補假與特休假，因應疫情後生意反彈，勞工局已擬定「協助觀</t>
  </si>
  <si>
    <t>世界衛生組織3月7日公佈的最新資料顯示，大陸以外新冠肺炎確診病例已逾兩萬例，達2萬1114例。世衛組織每日疫情報告顯示，截至歐洲中部時間7日10時（北京時間7日17時），中國以外新冠肺炎確診病例較前一日增加3633例</t>
  </si>
  <si>
    <t>中職領先全球開打，吸引國內外媒體爭相報導，2日美國權威報紙《紐約時報》特別派記者至桃園球場採訪，當日正好是樂天桃猿隊史千勝，今日以長篇幅刊登中職以無觀眾方式在疫情期間順利開打，也提到中職近期將開放觀眾</t>
  </si>
  <si>
    <t>北京爆發新一輪新冠疫情，百事公司大中華區集團通報，大興區磁魏路的廠房出現8位確診，公司並已第一時間啟動應急方案，採取停產停工、封存產品、環境消毒及隔離87名密切接觸者。大陸疾控中心6月16日已對工廠內外環境</t>
  </si>
  <si>
    <t>台北市今公布2例確診者足跡，案16078、案16095皆為新北市個案，28日確診，而案16078感染源為家戶感染，案16095感染源尚待釐清，個案曾搭乘的捷運已完成清消。北市衛生局指出，案16078、案16095曾在25日中午12點搭乘</t>
  </si>
  <si>
    <t>期待蘋果(Apple Inc.)下半年即將發表的新 iPhone 嗎？雖然因為新冠肺炎(COVID-19)疫情影響，業界傳聞蘋果頗有可能延後發表新機，但是相關傳聞仍舊止不住。知名 YouTuber 再度分享了對 iPhone 12 Pro(暫定名稱)系列的</t>
  </si>
  <si>
    <t>彰化縣衛生局17日主動採驗由美返台的少年，意外發現無症狀確診新冠肺炎個案，衛福部長陳時中下令彰化縣政府政風處介入調查，引發爭議。對此，陳時中今天親上廣播節目一次講清楚，為何要由政風處來調查的原因。陳時中</t>
  </si>
  <si>
    <t>北歐國家丹麥也難逃新冠肺炎的疫情肆虐，本周三公布累積病例數字，達到514例，代表在短短兩天之內，就暴增了10倍數量。衛生部長Magnus Heunicke說:這是歐洲前所未見的新冠肺炎疫情擴散速度。丹麥政府宣布，從本周五(</t>
  </si>
  <si>
    <t>新冠肺炎肆虐藝情攀升，日本持續傳出相關病例，旅居日本女星歐陽靖，日前在臉書透露日本機場檢疫鬆散，從大陸抵達日本機場的旅客，未經檢測可直接出關，沒想到此舉卻讓到日本旅遊的友人遭到網路霸凌，讓她深感抱歉。</t>
  </si>
  <si>
    <t>日本愛知縣的觀光旅館「富士見莊」宣布破產，成為日本首家因受新冠肺炎疫情影響宣布破產的旅館。東京商工調查指出，位於愛知縣蒲郡市西浦溫泉的「富士見莊」設立於1956年，可眺望三河灣的景觀以及新鮮的魚貝類是其最</t>
  </si>
  <si>
    <t>國內近日頻出現外籍人士返國後確診，包括日本女留學生、泰籍移工、比利時工程師等人。這些案例在台灣及國外採檢結果兩樣情，引起民眾疑慮，但中央流行疫情指揮官陳時中仍認為台灣不用普篩。對此，名經紀人夏春湧忍不</t>
  </si>
  <si>
    <t>新冠肺炎疫情延燒，對交通觀光業衝擊開出第一槍，台灣高鐵（2633）公布3月營收23.77億元，年減4成，月減13％，創下2010年10月以來新低；累計今年首季營收僅96億元，比去年同期衰退18.38％，單季營收6年新低，罕見跌</t>
  </si>
  <si>
    <t>大立光釋出智慧型手機景氣不明的保守展望，再加上美國國民兵因鎮壓民眾，多人確診新冠肺炎疫情等的衝擊，台股11日多殺多啟動，終場重挫184.39點，所幸盤面上內需的零售通路、自行車、遊戲產業等個股抗跌，躍為盤面多</t>
  </si>
  <si>
    <t>大考中心12日證實，大學指定科目考試（指考）確定延期至7月3日～5日舉行，這是史上頭一回大學指考因疫情延期。另陸配子女「有條件」返台引發國人反彈，衛福部長陳時中12日宣佈，考量防疫周全與社會觀感，政策將轉彎</t>
  </si>
  <si>
    <t>台灣疫情仍嚴峻，全台三級警戒目前延長至6/28，當局也積極呼籲民眾端午別返鄉，平時非必要不要外出，餐飲業也全面停止內用，改外帶、外送或宅配，女星陸明君就在網路上看到許多知名大飯店甚至星級餐廳推出冷凍餐點，</t>
  </si>
  <si>
    <t>中央流行疫情指揮中心5月中旬時將全國升為三級警戒，其中在批發市場接連傳出群聚，並要求出現確定病例的市場營運應降載，行政院宣布7月27日起「降級不解封」，但農委會副主委黃金城今天表示，在7月27日的降級措施中</t>
  </si>
  <si>
    <t>中央流行疫情指揮中心表示，目前國內已累計9人出院，其餘病況穩定。指揮中心指揮官陳時中表示，為避免出院後復發，未來需3採陰才能解除隔離。昨日國內新增8例疑似個案，目前累計通報2094個案，含34名確診(今日新增案</t>
  </si>
  <si>
    <t>好噁啊！伸港鎮中興路上中興運動公園附近的排水溝，浮著廢油、垃圾，散發惡臭，讓人走過都湧起一陣陣的嘔吐感，不禁質疑，新冠肺炎衝擊，環境都大消毒了，公園旁的排水溝卻塞成這樣，太恐怖了。中興公園平常多人去運</t>
  </si>
  <si>
    <t>桃園市長鄭文燦20日指出，國軍桃園總醫院發生院內感染事件，累積13人染疫，包括2加護病房護理師、2護理師親友（其中1人列案於新竹縣）、4病患和5看護。衛生局長王文彥強調最先確診的89歲病患是指標個案，曾在加護病</t>
  </si>
  <si>
    <t>新冠肺炎疫情持續升溫，台南首廟天壇22日舉辦消災祈福法會，台南市長黃偉哲率局處首長、區長和30多家廟宇共同參與，面對25日開學在即，他強調，市府正與專家學者研商比中央更嚴格的停課標準，避免出現學校依規定上課</t>
  </si>
  <si>
    <t>一名在沙加緬度郡（Sacramento County）接受治療的索拉諾郡（Solano County）居民從未接觸新冠肺炎病患，但卻染病，可能成為第一宗人傳人的社區傳播病例。據KTLA 5電視台26日報導，疾病管制與預防中心（CDC）周三宣</t>
  </si>
  <si>
    <t>新冠肺炎病毒全球蔓延，中國境外確診個案大增。其中，伊朗，義大利，韓國等國新增確診病例以及死亡人數急劇上升，不少中東和歐洲國家亦因而出現首宗確診。新冠肺炎有機會變成全球大流行，對於全球經濟前景的憂慮加劇</t>
  </si>
  <si>
    <t>國內再增2例境外移入，國際間新冠肺炎疫情不斷升溫，指揮中心發言人莊人祥今（20日）下午2時舉行記者會說明。今天再增2例確診，指揮中心統計，國內累計611例確診，分別為519例境外移入，55例本土病例，36例敦睦艦隊</t>
  </si>
  <si>
    <t>台灣本土疫情嚴峻，中央有意採購二期臨床試驗尚未解盲的國產疫苗，引發外界疑慮，台北市長柯文哲說，他支持台灣疫苗與本土生技產業，但感染已滲透整個北市，人流管制撐不了多久，建議購買國際認證疫苗擋一下比較好，</t>
  </si>
  <si>
    <t>新冠肺炎本土疫情爆發後至今不見趨緩，台灣花卉產業受重傷，嘉義縣新港鄉是台灣洋桔梗主要產地之一，每年11到4月初出口到日本，4月後開始內銷，原先價格穩定，但本土疫情爆發後，需要花卉的活動停擺，花市價格重挫，</t>
  </si>
  <si>
    <t>受到新冠肺炎疫情衝擊經營狀況，全錄（Xerox）宣布撤回對個人電腦及印表機大廠惠普（HP）高達350億元（約新台幣1兆500億元）的收購案。根據外媒《彭博社》的報導，隨著肺炎疫情帶來的不確定性增加，全錄將放棄收購惠</t>
  </si>
  <si>
    <t>「到底有誰可以幫助我們這種小市民。」一名女子表示，日前老公有一點咳嗽，本以為是小感冒，但隔日起床出現發燒症狀，趕緊到醫院做快篩及PCR檢驗，結果都是陽性確診，入住集中檢疫所，解隔離返家前又再次做採檢，沒</t>
  </si>
  <si>
    <t>日本又一男星確診！傑尼斯男團「關8」成員橫山裕，因出現喉嚨疼痛症狀，且發燒到ˇ38度，檢測後確認染新冠肺炎，而2位經紀人也都是陽性，所幸其他4名成員成員檢測結果是陰性。去年9月「關8」成員大倉忠義率先確診，沒</t>
  </si>
  <si>
    <t>板橋確診個案，基因定序為Delta！新北市某日照中心今緊急通知所有學員、家屬，有訊息指出，新北市長侯友宜指示「板橋區有確診個案的基因定序結果是Delta」，因應疫情升溫，決議板橋日照服務暫停14天，要求學員盡量不</t>
  </si>
  <si>
    <t>台灣本土疫情爆發，疫苗成為全民熱門議題，藝人哈孝遠（小哈）的空服員太太「瑄瑄」近日接種疫苗，透露施打後的身體變化，坦言疼痛感直逼「剖腹產的傷口痛」。哈孝遠2018年迎娶漂亮的空姐妻「瑄瑄」，夫妻倆育有一子</t>
  </si>
  <si>
    <t>新冠肺炎的疫情繼續擴散，特別是中國大陸以外地區，感染人數呈跳躍式增加。上周美國疫情惡化，紐約州宣布進入緊急狀態，另外歐洲義大利情況也更加嚴峻，已經大規模封鎖疫區。除中國以外，目前全球受波及國家正好是10</t>
  </si>
  <si>
    <t>衛福部上周三大動作召開記者會公開招募新冠疫苗的臨床試驗受試者，遭外界質疑有帶頭違法之虞，立法委員蔣萬安今在衛環委員會質詢時指出，食藥署曾明文規範臨床試驗受試者的招募原則，需經人體試驗委員會核可後才能刊</t>
  </si>
  <si>
    <t>政務委員唐鳳榮登疫情期間「好評影響力排行」第一名，勝過衛福部長陳時中，在此次台灣防疫中扮演舉足輕重角色。曾與唐同台直播的台大碩士楊涵婷表示，其有別傳統政治人物的謙沖自牧、誠懇細膩當時便震撼了自己，而造</t>
  </si>
  <si>
    <t>新冠肺炎疫情持續升溫，為維護校園安全，東海大學即日起謝絕訪客入校，校方指出，除每日固定進出的廠商外，洽公者必須先由校內窗口提出申請，此外，路思義教堂的主日崇拜活動也改採網路直播方式舉辦。東海大學指出，</t>
  </si>
  <si>
    <t>由於擔心疫情在全球迅速蔓延，美國股市反彈乏力，道指和標普500指數再度收跌。根據摩根士丹利資本國際(MSCI)全球股指表現，全球股市市值在過去四個交易日內蒸發3.3兆美元。大陸境內新增新冠肺炎感染病例數量首次被全</t>
  </si>
  <si>
    <t>斯洛伐克總理彼得·佩萊格里尼(Peter Pellegrini)，上周末因為上呼吸道感染，伴有高燒症狀，緊急住院。斯洛伐克2月29日即將舉行國會選舉，佩萊格里尼這幾天原本安排了滿檔的競選行程，包含電視辯論會，都不得已取消，</t>
  </si>
  <si>
    <t>雙北確診個案要破百了，外界關心是否短時間內要封城控制？陳時中表示，每個階段要實施的措施要多強，不是越強越好，太強就撐不久，就會提早潰堤，怎樣叫做最適當，要考慮很多場合的情況。國外實施各種情況可以參考，</t>
  </si>
  <si>
    <t>近來新冠肺炎肆虐，劉德華（華仔）的「My Love Andy Lau World Tour」世界巡迴演唱會，12日透過官網、臉書、微博及IG宣布，原定在3、4、5月分別將在上海、廣州、北京舉辦共9場演唱會全數延期；華仔上月已宣布香港紅</t>
  </si>
  <si>
    <t>中颱烟花行徑詭異且龜速，也打亂了大家的許多因應準備，其中也包括了疫苗施打作業，今（23）日上午有一些宜蘭縣民陸陸續續前往溪北、溪南兩個疫苗接種中心要施打疫苗，到了現場才得知因為颱風因素暫停施打兩天，相當</t>
  </si>
  <si>
    <t>澳洲墨爾本封城2周後疫情趨緩，11日正式解封，不過仍維持室外須戴口罩等規定，專家表示，沒有證據顯示應該強制民眾在室外也戴上口罩，認為風會吹散病毒，只有近距離聊天時才要戴上口罩。澳洲維多利亞州在出現源自於</t>
  </si>
  <si>
    <t>衛福部長陳時中昨10日在立院備詢時坦承，AZ疫苗原廠曾找過台灣代工生產疫苗，但因「有人不太喜歡這樣子」，且AZ希望台灣至少代工3億劑，我方則希望代工1億劑，故最終破局。前立委林濁水分析，現在台灣防疫被切成3個</t>
  </si>
  <si>
    <t>日前粵港澳三地曾打算共同推動跨境「健康碼」，來讓需要再三地流動的商務人士免於14日隔離檢疫，香港食物及衞生局日前透露已大致完成，但今早又傳出變數。香港食物及衞生局副秘書長陳偉基表示，粵港澳三地政府共同商</t>
  </si>
  <si>
    <t>據《廣州日報》報導，廣州已不只連續19日實現零新增新冠肺炎確診病例，7月8日上午最後6名確診患者從廣州醫科大學附屬市八醫院出院後，本波廣州發生的新冠疫情所有感染病患已全部治癒，實現清零。更重要的是，在這波</t>
  </si>
  <si>
    <t>世界行動通訊大會（MWC）24日將如期舉行，惟新冠肺炎攪局，包括英特爾、亞馬遜及愛立信等國際大廠紛紛宣布退展後，台灣兩大廠商聯發科（2454）與中華電（2412）11日也雙雙退出，法人認為，現階段復工情況比展覽更為</t>
  </si>
  <si>
    <t>衛福部長陳時中13日公布，國內新增4例境外移入COVID-19確定病例，分別自印度（1例）、印尼（3例）入境。指揮中心表示，案840為印度籍30多歲男性，去（2020）年12月18日來台工作，持有搭機前三日內檢驗陰性報告，入境</t>
  </si>
  <si>
    <t>新冠肺炎疫情未歇，疫苗被視為推動解封的希望，而對於沒有透過大中華地區代理商上海復星醫藥購買，指揮官陳時中表示，是BNT主動聯繫。對此，藥師林士峰認為，陳時中要繞過大中華區總代理上海復興，和德國原廠下單，</t>
  </si>
  <si>
    <t>因應新冠肺炎疫情升高，台灣陷入第二波歐美境外移入案例的危機，彰化縣衛生局超前部署，率先全國宣布19日起全縣住宿式長照、日間照護、身障機構等102家機構，全面禁止探視，避免疫病傳播風險。提供視訊 讓親友相見彰</t>
  </si>
  <si>
    <t>受新冠肺炎影響，各家業者都在想方設法讓產能運作順利，其中PCB鑽針廠尖點科技（8021）表示，除了成立「防疫應變小組」，積極投入防疫作業以外，目前台灣廠部份產能全開，全力支援大陸地區需求。由於尖點在大陸生產</t>
  </si>
  <si>
    <t>對比美國新冠肺炎疫持續升溫，大陸官方26日則高調宣布，武漢在院的患者已經「歸零」，且境外輸入確診病例已有近6成治癒出院。不過，眼下黑龍江綏芬河市疫情仍舊嚴峻，官方已要求市民非必要不得離市；而面對五一連假</t>
  </si>
  <si>
    <t>新冠肺炎疫情持續升溫，醫療人員的工作量也遽增，有網友貼出醫療人員的便當，同時對比了日前武漢台商包機返台後的便當，這讓她忍不住感嘆，「到底是醫院便當太可憐還是隔離所便當太豐盛」。原PO在《Dcard》發文表示</t>
  </si>
  <si>
    <t>美國疾病管制及預防中心（CDC）主任瓦倫斯基周16日警告，美國過去一周確診病例增加7成，而病歿人數則上升26％，部分疫苗接種率低的地區疫情復燃。瓦倫斯基表示，新冠變種病毒Delta仍持續在低接種率地區傳播，沒接種</t>
  </si>
  <si>
    <t>新冠肺炎疫情延燒，新北市藍色公路受到嚴重衝擊，整體運量銳減8成以上，每天營業額不到2000元，台北航運公司不堪虧損，已向新北市府申請取消平日航班，僅留假日航班，若疫情持續延燒，恐引發骨牌效應。新北市交通局</t>
  </si>
  <si>
    <t>國民黨主席選戰昨（25日）結束，孫文學校總校長張亞中在這次黨魁選舉拿下6萬多票，得票率32.59%，張亞中以「黃花崗革命剛剛結束」來形容自己的心情，經過一夜沉澱，他今天前往醫院施打BNT疫苗，並說明為何自己接受BN</t>
  </si>
  <si>
    <t>新加坡新冠肺炎疫情緊張，22日中午總確診人數破萬大關，來到10141例。新加坡總理李顯龍宣布「軟封城令」延長到6月1日。除此之外，因為疫情關係從22日開始關閉飲料店、甜點店及點心店。消息一出讓當地人崩潰，許多人</t>
  </si>
  <si>
    <t>國立成功大學結合產官學界，10日宣布在沙崙智慧產業創新園區組成創新聯盟，受邀與會的行政院副院長陳其邁，羨慕沙崙智慧產業園區有成大提供頂尖研發能量，是發展「大南方計畫」的核心，未來將帶領台灣邁向工業4.0時</t>
  </si>
  <si>
    <t>日本13日新冠肺炎（COVID-19）單日確診數首度突破2萬例，「雅虎新聞」（Yahoo! News）報導，東京都醫師協會會長尾崎治夫13日表示，日本許多醫療單位已陷入緊繃狀態，且全國大多數行政區域的疫情仍在升溫，因此呼籲政</t>
  </si>
  <si>
    <t>新冠肺炎（COVID-19）疫情延燒，北市某知名酒店昨（8 日）驚傳一名女公關確診，且出現發燒、流鼻水症狀症狀後仍持續上班，衛生局上門稽查感染源時，竟發現酒店內仍有不少客人，北市府府副發言人戴于文事後緊急回應表</t>
  </si>
  <si>
    <t>英國一名106歲的女子，在與新冠肺炎抗爭2次後，感覺「比以往任何時候都健康」，她透露自己的長壽秘訣就是「全脂牛奶和威士忌」。根據《每日郵報》報導，住在默西賽德郡（Merseyside）聖海倫（St Helen’s）伊莉莎白閣</t>
  </si>
  <si>
    <t>美國新冠肺炎疫情再度邁向可怕里程碑，死亡人數於昨（18）日突破25萬人，新冠死亡時間快轉，每1分鐘就有至少1人喪命，疫情嚴峻的德州艾爾帕索（El Paso）還得動用10台冷藏貨車充當行動停屍間，讓囚犯充當屍體搬運工</t>
  </si>
  <si>
    <t>小編精選《中國時報》5件不可不知大事，帶讀者掌握今天（17日）新聞重點。【1】回國14天內發燒 就要採驗新冠肺炎（COVID-19）疫情日益嚴峻，台灣更出現社區感染首例，中央流行疫情指揮中心指揮官陳時中表示，即起擴</t>
  </si>
  <si>
    <t>新冠肺炎疫期延燒，影響各行各業層面甚廣，已有跨國營養品公司推出線上教學，邀請國內外專家，開辦免費線上營養講座。營養師表示，皮膚和黏膜是人體的第一道防線，均衡攝取4大營養素，可降低疾病發生機率，提升全民健</t>
  </si>
  <si>
    <t>新冠肺炎本土疫情未歇，國內繼連2日低於百例後，今日再新增104名本土個案，無境外移入。確診個案中新增24例死亡。指揮官陳時中說，今日病例數比前2天多，但是整體的趨勢往好的地方走。今日新增的104例本土病例，為45</t>
  </si>
  <si>
    <t>美國總統川普近期對北京頻頻出手，先後對大陸電信巨擘華為實施新制裁、又對涉及侵犯新疆人權的陸官員及政府部門實施制裁，雖然看似他為了競選連任對北京來勢洶洶，但據實際上川普對他的助手們透露，他並不希望與北京</t>
  </si>
  <si>
    <t>200萬劑輝瑞／BNT即將抵台，疫情指揮中心宣布，將提供給12至17歲學生，以及18歲以上有重大傷病的第九類民眾施打；另外也開放29歲以上民眾今起預約AZ疫苗，消息一出，引爆18、19歲族群怒火，痛罵「任何廠牌疫苗都登記</t>
  </si>
  <si>
    <t>全球新冠肺炎疫情未歇，檢測需求持續攀升，普生 （4117）加速搶進新冠檢測商機，17日公告「普生新冠肺炎核酸檢測試劑盒（4PCO052E）」暨「普生病毒核酸萃取試劑 （PUN012E）」之專案製造，已取得衛福部核准；核准製</t>
  </si>
  <si>
    <t>新冠肺炎持續，除了日本，南韓境內也大爆發，而女星江泳錡上月不畏被隔離風險，冒死為粉絲批貨，還因體力不支在機場昏倒；返台後，她想去做按摩，卻被老闆拒絕。對此她的老公楊煥心疼發文，「21日回國韓國才一級，根</t>
  </si>
  <si>
    <t>台灣疫苗短缺，民間團體欲捐疫苗，但指揮中心態度謹慎，引發外界質疑是否在阻擋疫苗進來。而華錦顧問董事長鍾瑩瑩，又被稱作「錦鯉女王」，近日在臉書上分享自己平日交易的流程，以大白話來解釋疫苗採購可能遇到的難</t>
  </si>
  <si>
    <t>2020東京奧運因為新冠肺炎疫情，從原訂今年7月24日開幕，延後到明年7月23日才正式展開，「日本外國特派員協會」在4月份的刊物封面將東京奧運會徽與病毒示意圖結合，象徵奧運受到疫情影響延期，不過這個設計引起東奧</t>
  </si>
  <si>
    <t>台灣到底有沒有通知世衛組織新冠肺炎會人傳人？秘書長譚德塞說沒有，但疫情指揮官陳時中說病患有「隔離治療」，公衛專業人員即能研判有「人傳人」的可能。而目前可以找到的資料，最早提到「人傳人」的是香港醫師何栢</t>
  </si>
  <si>
    <t>新冠肺炎疫情在全球擴散，美國部分地區疫情也升溫。中央流行疫情指揮中心指揮官陳時中表示，美國人口相對多，其中有幾個州特別嚴重，會分州處理旅遊警示。</t>
  </si>
  <si>
    <t>蒙古今天表示，一名在蒙古就業的法國籍人士，確診感染在全球擴散開來的2019年冠狀病毒疾病（COVID-19，武漢肺炎），為蒙古首起病例。蒙古國家緊急事務委員會（National Emergency Commision）發表聲明說，這名患者從</t>
  </si>
  <si>
    <t>新冠肺炎疫情持續延燒，為了防疫，台南市安定區無患子生技公司捐贈4680瓶噴霧式乾洗手液給台南市警察局，保護執勤員警健康安全，同時也將捐贈安定區4所國中小200罐洗手乳，讓小朋友勤洗手、健康跟著走。古寶無患子生</t>
  </si>
  <si>
    <t>台灣新冠肺炎疫情今再添3例確診，其中案599（本國籍女性）從菲律賓探親返國，昨確認確診時，她正搭乘高鐵南下。中央流行疫情指揮中心表示，該女雖然上了高鐵，無須匡列接觸者；不過整起事件最扯的是，台灣高鐵公司竟</t>
  </si>
  <si>
    <t>中央流行疫情指揮中心今（28）日下午召開記者會，指揮官、衛福部長陳時中表示，今天國內共新增2例新冠肺炎確定病例，其中第33例為北部30多歲男性、34例為50多歲女性。對此，網友轟「日本到底禁不禁啦？」「菸粉還要</t>
  </si>
  <si>
    <t>北市推行疫苗護照，擬採納科興、國藥兩款大陸疫苗，台北市長柯文哲昨天主張與世界衛生組織（WHO）接軌，認可大陸疫苗效力。衛福部長陳時中今天則說，疫苗護照原則上與WHO接軌，但還要考量我國核發的緊急使用授權（EU</t>
  </si>
  <si>
    <t>醫師孔繁錦是孔子第74代子孫，因參加益智節目《金頭腦》獲得總冠軍，被封為「全台灣最聰明醫師」。因為新冠肺炎（COVID-19）疫情爆發，力挺藝人范范而對時任行政院長蘇貞昌開嗆「短視近利」。近日再度持一貫態度放話</t>
  </si>
  <si>
    <t>彰化縣COVID-19新冠肺炎本土疫情，9日零確診，但新增1名死亡案例，為40出頭歲、女性肝癌患者，發病67天後死亡，是彰化縣今年以來累計13例新冠確診死亡案例中，最年輕的一位。彰化縣衛生局長葉彥伯表示，死亡案例年約</t>
  </si>
  <si>
    <t>MSI微星(2377)今日宣布其三款最新產品因出色的設計贏得了2020年德國iF設計大獎。微星榮獲2020德國iF設計獎的產品為：MSI GS66 Stealth電競筆電、MSI MPG SEKIRA 500X電競機殼、MSI MPG SEKIRA 500G多工電腦機殼。獲</t>
  </si>
  <si>
    <t>一名60多歲男子17日打完AZ疫苗後，竟出現異常勃起10個小時，直到隔天上午起床後才恢復正常，引發討論，不過有泌尿科醫師指出，這樣的狀況不見得和AZ疫苗有關。而《醫生漫畫家阿毛》也在臉書用漫畫方式分享各種疫苗的</t>
  </si>
  <si>
    <t>據《央視新聞》引述美國媒體報導，截至美東時間19日上午11時左右，美國新冠肺炎確診病例至少10259例，死亡病例至少152例。美國國務院19日將旅遊警示提升至最高的第四級，建議所有美國公民「避免出國旅行」。美國《全</t>
  </si>
  <si>
    <t>指揮中心今天公布第13輪公費疫苗提供BNT、AZ第一劑及第二劑接種，明天起開放預約，首先是明早10點先開放BNT疫苗預約、下午2點開放AZ，預約截止時間皆在4日中午12點，5日開打。指揮中心表示，本輪共開放4種族群預約AZ</t>
  </si>
  <si>
    <t>南韓新冠肺炎新增確診病例數再度升高，韓國疾病管理本部周二宣布新冠狀病毒感染病例新增125人，較前一日的78人大幅增加，主要因群聚感染與境外移入病例持續升高。目前累計確診病例達9,786例。南韓新冠肺炎死亡病例新</t>
  </si>
  <si>
    <t>高端疫苗昨解盲，是否可以為國人施打引起爭論，台大醫院前副院長王明鉅今在臉書分享中研院研究技師詹家琮的文章表示，國產疫苗有2大問題，除了只看受試者血液的抗體中和效力是不夠的，再來就是疫苗二期試驗對象，不</t>
  </si>
  <si>
    <t>新冠肺炎疫情影響不少產業，其中戲院也深受衝擊，不少大片紛紛退檔，現在一家老字號二輪戲院「朝代戲院」今率先宣布，自5月4日起要暫停營業3個月。「朝代戲院」在臉書上貼出暫停營業公告，公告上指出，因疫情影響，</t>
  </si>
  <si>
    <t>教育部今天公布最新統計，4月20日至6月4日傍晚，各級學校合計405名學生確診武漢肺炎，比昨天同一時間公布的統計（377人）增加28人。教育部校安中心今天上午更新武漢肺炎（2019冠狀病毒疾病，COVID-19）各級學校學生</t>
  </si>
  <si>
    <t>印度第二波新冠肺炎疫情持續惡化，昨天單日新增病例再創紀錄，新增3萬5886例，創下102天新高紀錄。疫情嚴重的馬哈拉什特拉省和新德里計劃為更多人施打疫苗。根據統計，印度昨天一天新增3萬5886例2019冠狀病毒疾病（C</t>
  </si>
  <si>
    <t>百事食品公司在北京大興區磁魏路分廠，20日驚傳有8人感染新冠肺炎，其中2人曾到過新發地市場，密切接觸者87名，全部集中隔離；該廠除隨即宣布關閉，其餘480名員工立刻集中隔離篩檢，檢驗結果皆為陰性。百事中國昨緊</t>
  </si>
  <si>
    <t>聯發科(2454)今日舉辦股東會，由董事長蔡明介、執行長蔡力行主持，儘管今年全球爆發新冠肺炎，但聯發科營運穩住陣腳，上半年營收將相較去年同期會成長約10%，蔡力行也說，「聯發科上半年交出不錯成績，也希望下半年</t>
  </si>
  <si>
    <t>本土新冠肺炎炸鍋不斷，全台三級警戒持續至6月14日，儘管中央流行疫情指揮中心指揮官陳時中認為，校正後確診數持平，顯示疫情並未急遽惡化，可由於也不見真正改善效果，國人還是因此憂心忡忡，擔心台灣升級四級警戒</t>
  </si>
  <si>
    <t>國人對「公共衛生師」這個名詞都相當陌生，民眾黨立委蔡壁如表示，目前台灣在防疫上仍缺乏公共衛生師，然而疫情期間公衛師角色相當重要，她將在立法院全力推動「公共衛生師」立法。台灣的醫療擁有世界水準，民眾應都</t>
  </si>
  <si>
    <t>大陸新冠肺炎疫情持續，也衝擊了台灣人西進求職的熱情。求職網站104人力銀行17日公布一份報告顯示，面對大陸工廠短期難以正常復工，「目前在中國工作且有主動應徵」的轉職者中有63％的人向大陸職場說掰掰；離開大陸</t>
  </si>
  <si>
    <t>新冠肺炎疫情趨緩，苗栗縣內國中小校園開放成各界關注焦點，27日苗栗縣長徐耀昌宣布，30日起平日及假日重新開放校園戶外空間與場地，讓社區民眾散步、運動，但務必遵守校園門禁管理與防疫新生活運動規範。肺炎疫情爆</t>
  </si>
  <si>
    <t>謝忻去年和人夫阿翔爆出婚外情，事業一落千丈，還被媒體拍到在咖啡廳打工，被指經濟上可能有困難。不過，小甜甜表示謝忻能借1萬塊給她，財力方面應該沒問題，謝忻也為金援小甜甜做出回應了。謝忻15日在IG貼出兩張和</t>
  </si>
  <si>
    <t>人類在感染新冠肺炎的病毒後，會對肺部產生廣泛的損害，尤其是重癥的情況下，甚至會呼吸衰竭而死亡，負責美國肺協會（ALA）的醫師亞伯特（Albert Rizzo）接受Inverse採訪，探討如何保護肺部的問題。首先，如果是沒有</t>
  </si>
  <si>
    <t>新冠肺炎疫情在郵輪鑽石公主號上擴散，所有乘客在船上隔離兩個禮拜，期滿後終於在昨(21日)晚間由華航包機接回船上19名檢驗陰性的台籍遊客與1位醫生返台，其中機場在機上的溫情廣播也讓乘客、網友感動不已。華航在臉</t>
  </si>
  <si>
    <t>新冠肺炎疫情昨在台灣一舉增加23例，累計確診個案數破百例。連帶也讓部分民眾的預期心理，擔憂封鎖國境可能會讓食物跟民生用品短缺，昨夜包含全聯、好市多在內的各大連鎖賣場均出現搶購泡麵、罐頭、衛生紙等物品，網</t>
  </si>
  <si>
    <t>新冠肺炎肆虐長達數月，去年底開始休長假的張惠妹（阿妹），今年工作計畫全數暫緩，新專輯進度也毫無下落，她的經紀人陳鎮川27日表示：「妹目前完全靜下來，新專輯連開案都還沒。」陳鎮川日前受邀代言名車，他謙稱自</t>
  </si>
  <si>
    <t>新冠肺炎（COVID-19）疫情持續延燒，日前台灣第19例確診的白牌車司機也成為了台灣的第一起死亡案例，中央流行疫情指揮中心也隨即掌握到一名浙江台商為感染源。對此，有網友就覺得疑惑，為何這名台商全程配戴口罩仍會</t>
  </si>
  <si>
    <t>新北市萬金石馬拉松今（21日）開跑，儘管賽前1名20多歲肯亞籍女選手採檢確診送醫，但7500名跑者不受影響照常進行賽事，金山警分局除負責沿線維安及交通疏導外，各派出所也發揮巧思，出動警察娃娃等替選手們加油打氣</t>
  </si>
  <si>
    <t>英國政府首波入境「免隔離國家」名單中，台灣包含在內。另據政府高層透露，日本、越南可望成為下一波對台鬆綁入境的國家。新冠肺炎疫情仍在蔓延，台灣並未在歐盟「安全國家」旅客入境名單中。但是英國將台灣納入第一</t>
  </si>
  <si>
    <t>新冠肺炎疫情擴散，台灣今天一天確診數大幅增加23例，目前總計已達100例。對此，民進黨立委王定宇感嘆，台灣第一波防疫本來守很好，但是這四天確診都跟出國旅遊有關，會導致防疫破口出現，必須遺憾的說，「這個破口</t>
  </si>
  <si>
    <t>澳門連兩日共新增四例新冠肺炎確診病例，為避免疫情擴大，澳門新冠病毒感染應變協調中心5日宣布，澳門部分娛樂場所將於6日零時起關閉。受影響的場所包括電影院、劇院、室內遊樂場、遊戲機及電子遊戲室、網吧、桌球室</t>
  </si>
  <si>
    <t>國內今天新增一例本土個案，為新北60多歲男子染疫，中央流行疫情指揮中心醫療應變組副組長羅一鈞表示，該男子的職業是做工程，10月16日發燒，17日就醫採檢確診，Ct值33.1，由於個案接觸的人少，感染源目前還在調查，</t>
  </si>
  <si>
    <t>世界衛生組織(WHO)表示，歐洲新冠疫情極為嚴重的國家義大利和西班牙近日出現疫情趨穩跡象，此一現象説明先前採取的「社交隔離」等防控措施已開始生效，但要使新增病例持續下降，仍需持續加大疫情防控的力度。據《央</t>
  </si>
  <si>
    <t>野村證券調查發現，蘋果iPhone第二季砍單20％，科技產業分析師李佳伶指出，經驗顯示，蘋果砍單通常是一系列的動作，未來幾個月仍須持續提防，同時，iPhone供應鏈上半年營運將低於預期，第三季變數居高不下，風險無法</t>
  </si>
  <si>
    <t>美國總統川普周五發表媒體稱他敗選後的首度公開談話，他在白宮玫瑰花園先是大讚最近新冠疫苗研發獲得突破，接著說，除非紐約州長古莫（Andrew Cuomo）不擋路，否則當地不會獲得疫苗。據CNBC新聞網和《紐約郵報》（Ne</t>
  </si>
  <si>
    <t>懷特（4108）搶搭新冠病毒列車，正透過旗下「懷特精製黃耆多醣研究中心」開發抗病毒藥物的新適應症，加上5月營收以1,034萬，交出月增93.47％、年增42.21％佳績，11日激勵買盤搶進，奔上漲停價22.25元，成交量也放大</t>
  </si>
  <si>
    <t>新冠肺炎持續在全球蔓延，今(1日)稍早34歲JYJ成員金在中在IG證實罹患新冠肺炎，他PO出全黑圖片，致歉說：「個人的行為對社會造成的影響有多大，對因我而被感染的人感到抱歉」，但稍後他又編輯文章，稱是愚人節玩笑。</t>
  </si>
  <si>
    <t>新冠疫情肆虐至今已2年，各國疫苗覆蓋率逐漸上升，疫情也逐步趨緩，不少台灣民眾期盼何時可鬆綁邊境管制，出國旅遊回來不用隔離14天，對此，台大前感染科醫師林氏璧推測，台灣疫苗覆蓋率未達兩劑8成之前，指揮中心應</t>
  </si>
  <si>
    <t>中央流行疫情指揮中心，27日公布確診的印尼籍外勞活動活動軌跡，環保局今派員針對指定區域加強消毒，包含台北車站地下街和龍山寺附近周邊；另外，台北捷運公司也加強消毒頻率，列車為8小時消毒一次，公共區域包含加</t>
  </si>
  <si>
    <t>新冠肺炎疫情持續升溫，美國總統川普甚至預測全美最多將有24萬人被奪走性命。此一言論再度點燃市場恐慌情緒，摜壓剛創下史上第二大季線跌幅的全球股市，美股在4月第一個交易日全面重挫，三大指數跌幅都超過4%。道瓊</t>
  </si>
  <si>
    <t>伊朗今天通報過去24小時新增43起新冠肺炎死亡病例，死亡總數達到237人；確診數新增595例，全國累積7161例確診。另外，有鑑於疫情持續擴散，伊朗已釋放約7萬名囚犯。路透社報導，根據伊朗司法部門的米桑（Mizan）新聞</t>
  </si>
  <si>
    <t>中央此波撥配莫德納疫苗，南投縣將獲配撥2萬3800劑。南投縣疫情指揮中心今天表示，將於7月3日至10日開放「74歲至85歲長者、原住民64歲至75歲者」接種，接種地點為8家醫院、5大接種站、13鄉鎮市衛生所及3處衛星接種站</t>
  </si>
  <si>
    <t>新冠肺炎疫苗擴大開放給高齡長者優先施打，近日卻傳出多起老人接種後猝死案件，儘管科學證據顯示「利大於弊」，仍引起不少國人擔憂。對此，重症醫療醫師黃軒表示，為了預防意外發生，長者若要出門接種疫苗，應謹守「</t>
  </si>
  <si>
    <t>國內疫情持續延燒，但已呈現趨緩，行政院研擬推出5倍券來振興經濟，不過，據網媒昨所做的網路民調顯示，83％網友認為發放現金對振興經濟較有幫助，若能領取現金，46％的網友將會在最短時間1個月內消費完畢。對此，藍</t>
  </si>
  <si>
    <t>拜登14日在選舉人團確認勝選後的首場演說中頻頻咳嗽、清喉嚨，讓民眾驚嚇他是否得了新冠肺炎，他當天稍後證實正在和感冒搏鬥，不過強調只是輕微感冒。14日全美各州選舉人團投票確認拜登勝選、入主白宮，在正式確認勝</t>
  </si>
  <si>
    <t>近日台灣有不少疫苗到貨，獨缺莫德納疫苗，讓很多7月已接種莫德納第一劑的民眾十分焦慮，擔心第二劑遲遲打不到恐影響保護力，據了解，我自購的108萬劑莫德納疫苗將於明天（17日）到貨，紓解國內的莫德納荒。此外，明</t>
  </si>
  <si>
    <t>新冠肺炎疫情嚴峻，全球確診數超過72萬，奪走3萬條以上人命，美國確診已破14萬例，「旺好運平台」董事長許良源邀請「寰宇媽祖文化國際交流協會」理事長蔡咏锝，用「宅法會」模式辦理「百廟眾聖護蒼生，為全球疫情祈</t>
  </si>
  <si>
    <t>台中屯區一家醫院也出現新冠疫苗接種劑量錯誤，只是這回是AZ疫苗原本應打0.5CC卻只打0.1CC，目前院方除召回受影響的40多人再補注射，也成立專案小組進行關懷，台中市衛生局也對該醫院接種公費疫苗進行停權處分。新北</t>
  </si>
  <si>
    <t>金門戰地軍管36年，意外保留純種台灣梅花鹿族群，金酒公司採取土產鹿茸搭配精選高粱酒，調和出2.0版的頂級「金門鹿茸酒」，首批7萬瓶問世，就吸引消費者注意，進入詢問度超高的新品排行榜。金酒公司指出，根據學術單</t>
  </si>
  <si>
    <t>美奧克拉荷馬州一間麥當勞餐廳因防範新冠疫情實施限制措施，不開放餐廳現場用餐，卻遭2名不滿此一措施的女子連開數槍，造成2名餐廳員工受傷。2名女子開槍後並未遠離，在餐廳附近被警方逮捕。據美國《有線電視新聞網</t>
  </si>
  <si>
    <t>新冠疫情肆虐全球，已多次精準預測國際大事的印度神童阿南德近期透露，「好日子」即將到來，他預測11月21日之後，全球將脫離最壞的情況，12月起經濟開始復甦，各地情況也將逐漸好轉，可望回歸正常生活。阿南德在近期</t>
  </si>
  <si>
    <t>中央流行疫情指揮中心今（9）日所應下令，為維護民眾健康，即日起，全國酒店及舞廳全面停業。曾經爆發確診新冠肺炎的台商到店找舞小姐的金芭黎舞廳業者今回應，決定全面配合，並遵照中央指示，直到中央宣告可復業為</t>
  </si>
  <si>
    <t>受新冠肺炎疫情影響，獨居老人生活更形艱困，星展銀行捐贈台灣2250萬元，採購每袋價值500元的「星展暖心食袋」，南投縣獨居老人也將受惠；南投縣長林明溱5日與政務委員唐鳳、台南市長黃偉哲等人透過視訊交流，表達謝</t>
  </si>
  <si>
    <t>配合中央流行疫情指揮中心110年5月15日宣布台北市與新北市提升新冠肺炎防疫警戒至第3級，林務局新竹林區管理處前已於5月15日起至28日止暫停開放新北市及桃園市的森林育樂場域及自然步道，因應新竹縣、苗栗縣也已提升</t>
  </si>
  <si>
    <t>2020年新冠肺炎疫情席捲全球，該如何有效防疫成為各個單位的重要課題，根據各國的社區防疫指引都提醒「電梯」是感染新型冠狀病毒風險最高的處所之一，吳鳳科大在學生宿舍安裝智慧聲控電梯，讓學生透過聲控或手勢，「</t>
  </si>
  <si>
    <t>台中市12日獲中央配發7萬3500劑疫苗，開打3天，驚傳4例在注射新冠肺炎後過世，有3名逾80歲長者，另1名為60歲腎臟癌末患者；施打站雖打氣不減，卻現長者「緩打潮」，市府統計，較開打2天均日打7千多人，今日僅5307人</t>
  </si>
  <si>
    <t>新冠肺炎疫情蔓延全球，高雄市立小港醫院與神光晶片公司20日合作簽約，首次公開發表針對新冠肺炎的定量快篩儀器「The ONE」，從檢體採樣到快篩結果僅10至15分，目前正與醫院合作臨床測試階段，未來將可望申請專案量</t>
  </si>
  <si>
    <t>新冠肺炎〈NCP〉的疫情持續延燒，繼亞洲各國之後，病毒也開始陸續進攻歐洲。義大利不但在昨天出現第二起死亡案例，確診病例更是從29起暴增至79例，使民眾人心惶惶，政府更下令封鎖10座城鎮。對此就有網友在PTT發問，</t>
  </si>
  <si>
    <t>國內包含北投一家、內湖電視台記者等，連續發生好幾起暴斃的案例，染疫後就迅速病逝，中央流行疫情指揮中心醫療應變組副組長羅一鈞表示，5月11到6月7日以來，共有35人是到院前死亡，佔了11.8%。其中，快樂缺氧是主因</t>
  </si>
  <si>
    <t>新冠肺炎持續延燒，台南市長黃偉哲針對疫情造成外銷通路受阻、內需減少的經濟衝擊，指示成立「台南市政府武漢肺炎疫情因應小組」超前部署，以掌握中央紓困的相關方案，才能即時媒合產業爭取中央補助，期望減緩在地產</t>
  </si>
  <si>
    <t>中美為病毒發源地，近日針鋒相對！傳出台灣去年12月底就收到警示指新冠肺炎可能人傳人，中央流行疫情指揮中心指揮官陳時中表示，當時確實已蒐集到情報，也擔心有人傳人可能性而去函WHO，但WHO僅表示「收到了」。對此</t>
  </si>
  <si>
    <t>在新冠肺炎（COVID-19）疫情引發的社會動盪之下，美國民用槍械與彈藥的銷量自去年起猛烈增加，且客群擴及原本並無太大意願購買武器的民眾；一間槍店店員便表示，他最近遇到老年婦女和單親媽媽等顧客，坦言此類情況「</t>
  </si>
  <si>
    <t>依據中央流行疫情指揮中心公布，新竹市23日新增2名COVID-19確診個案案4003、案4235。本土新增的案4003為30多歲女性，校正回歸的案4235為30多歲男性，兩人皆是出現症狀後採檢確診，兩案總匡列人數為40人居家隔離。市</t>
  </si>
  <si>
    <t>台北市政府跨年晚會，副市長黃珊珊昨（29）日表示維持正常舉辦，但府前廣場管制區人數上限為8萬人，民眾入場採實聯制，並需消毒、戴口罩、紅外線量體溫，且一律禁止飲食。對此，民進黨台北市議員許淑華質疑，北市跨</t>
  </si>
  <si>
    <t>新冠肺炎疫情今年以來威脅全球，而台灣疫情從1月底開始升溫，從勞動部勞工保險局統計發現，申請育嬰留職停薪的人數也從2月開始顯現，特別是男性保險人，以30至34歲的男性保險人為例，年增58％。在金融業工作、小孩不</t>
  </si>
  <si>
    <t>高雄市長韓國瑜今（26）日早上主持防疫記者會，他提到，敦睦艦隊事件，確診累計14例，自主隔離有255位、自主健康管理3929位。昨新增1例確診個案，市府卻未對外公布足跡，衛生局長林立人解釋，這位確診個案的活動史，</t>
  </si>
  <si>
    <t>1名高雄市籍的敦睦艦隊染疫官兵，4月17日晚間曾到台南市新營交流道附近的麥當勞用餐。餐廳直到24日才接獲通知緊急停業大消毒，下午3點台南市政府環保局也進行戶外消毒。敦睦艦隊確診個案活動足跡「擠牙膏」，市府衛</t>
  </si>
  <si>
    <t>中央流行疫情指揮中心今天宣布，台灣增2例境外移入新冠肺炎確診，全台共有395人確診，包含340境外移入、55例本土。疫情仍處緊張時期，台北市長柯文哲竟跑到高雄聚會，佈局高雄市長補選。此舉惹怒桃園市議員王浩宇，</t>
  </si>
  <si>
    <t>國內新冠疫情持續延燒，近日雖然本土確診數稍有趨緩，民眾對於仍疫苗有迫切需求。急診醫師白永嘉分享，一位中年男病患出車禍，在急診間吵鬧，對著醫護人員出氣。經過制止後，白永嘉忍不住形容該男子不受控的行為超「</t>
  </si>
  <si>
    <t>衛福部長陳時中今拍板下令，十二月一日起海外國人若無核酸檢測證明不得返國，被外界指有違憲疑慮。對此，前立委沈富雄分析新冠肺炎疫情後得出3個結論，並批評陳時中是嚇破了膽，只能一昧守成，完全沒有應變能力。沈</t>
  </si>
  <si>
    <t>新北市雙和醫院62歲洪姓確診男子，昨（31日）上午持水果刀砍傷病房內3名女護理師，事後受傷護理師緊急送往急診室救治，警方獲報後已立即將男子帶回。然有受傷護理師的學姊在IG透露，其中一名20幾歲的護理師右手韌帶</t>
  </si>
  <si>
    <t>「法國24」電視台（France 24）報導，法國教育部長9日表示，法國不會跟隨美國、澳洲、英國等國家的腳步，對北京冬季奧運會進行外交抵制，與該國先前聲稱希望整個歐盟「同進退」的態度相違背。法國教育部長布朗凱（Je</t>
  </si>
  <si>
    <t>高雄市1日新增一名肺炎確診案例，為大寮家庭群聚案相關案例，由於隔離確實，無相關足跡及匡列對象。面對12日即將來臨的端午節連假，陳其邁拜託市民盡量減少移動，用視訊取代探親。高市今日新增一名個案為案8621，77</t>
  </si>
  <si>
    <t>受到新冠肺炎疫情波及，民間社團舉辦捐血活動大幅減少，新竹捐血中心血庫安全儲備量不到4天，桃園市長鄭文燦連續兩天到捐血中心加油打氣，號召民眾挽起袖子捐血。他也說，會協調社團以一定頻率持續舉辦捐血活動。擔</t>
  </si>
  <si>
    <t>新冠肺炎疫情在海軍磐石艦上爆發，造成24人染疫，網路上不少人質疑艦上醫官是否隱匿，但肝膽腸胃專科醫師吳文傑臉書上表示，「不可能有隱匿的情況」，而醫護因為常常在第一線，出事後也是第一個被檢討，就盼大家能多</t>
  </si>
  <si>
    <t>勞動基金投資今（1）日公布，今年上半年受到新冠肺炎疫情影響，投資績效受創，但隨著各國管制措施鬆綁、金融市場回升，投資收益亦逐步回穩，7月單月獲利1,780億元 今年累計收益轉正，整體勞動基金今年截至7月底累計</t>
  </si>
  <si>
    <t>國內口罩產量雖已提升，但民眾仍僅能每兩周購買一次，仍然必須樽節使用，中央流行疫情指揮中心今天示範如何用電鍋乾蒸口罩殺菌，呼籲民眾多加利用家中電鍋殺菌口罩，延長使用壽命。馬上用電鍋乾蒸8分鐘後，陳時中馬</t>
  </si>
  <si>
    <t>國內昨日新增375例新型冠狀病毒肺炎相關通報，截至目前累計通報63,713例(含62,344例排除)，其中432例確診，包括346例境外移入，55例本土病例及31例敦睦艦隊。確診個案中，6人死亡，324人解除隔離，其餘持續住院隔離</t>
  </si>
  <si>
    <t>全球疫情發燒，許多國家進行封城鎖國措施，政府也禁止高中以下師生出國，並對故意前往第三級疫區的人士開罰，外界質疑缺乏法源依據，指揮官陳時中昨搬出特別條例第7條的應變權作為回應。但國民黨立委費鴻泰認為，沒</t>
  </si>
  <si>
    <t>大陸橫店影視城因新冠肺炎疫情影響，全面停工半個月多，直到上月13日起開始復工，22歲女星關曉彤近來也準備開始拍戲，但日前卻被拍到現身醫院的發燒門診，意外掀起討論。關曉彤近日在媽媽的陪伴下前往橫店，準備復工</t>
  </si>
  <si>
    <t>信驊(5274)在BMC(伺服器遠端管理晶片)領域持續坐穩高市占，占比營收目前95%，董事長林鴻明表示，今年對於信驊營運樂觀看待，目前看到第一季已經比去年第四季動能持平，第二季應該也不錯，面對半導體產能「缺」聲連連</t>
  </si>
  <si>
    <t>因應新冠肺炎疫情，新竹市政府為避免群聚感染，保護親子們的健康，3區的親子館自2月起就陸續減少課程並於3月底全面休館，市府考量目前疫情狀況稍有趨緩，決定14日起採分流且實名制入場重新開館。市府社會處長李季縈</t>
  </si>
  <si>
    <t>新北市幼兒園爆發群聚，第一波就驗出8名學童確診。台大醫師及學者指出，雖然兒童感染新冠肺炎症狀較輕，但12歲以下目前仍無疫苗可打，一旦染疫恐怕對家庭及社會帶來極大影響；尤其不少幼兒園教室都是密閉空間，應加</t>
  </si>
  <si>
    <t>新冠肺炎疫情延燒，目前尚沒有針對它的特異性藥物，老藥新用成為短期內一種經濟和有效的療法開發策略。據大陸國家衛健委所公告「新型冠狀病毒肺炎診療方案」中提到，患者在臨床診療上可採取利巴韋林作為抗病毒治療策</t>
  </si>
  <si>
    <t>109學年度JHVL男子組冠軍賽上演「黑馬傳奇」，以複賽第6名踏進新莊體育館決賽圈的麥寮高中國中部，不但先在6強決賽先後擊敗台北市明湖國中與雲林縣馬光國中，隊史首度闖進冠軍賽後，今天更展現強悍霸氣，以25比23、2</t>
  </si>
  <si>
    <t>美國新任總統拜登26日對聯邦政府下了一道命令，要求官方機構，不再使用「中國病毒」這樣的用語來稱呼新冠肺炎。對此，資深媒體人黃暐瀚表示，拜登此舉不是因為顧忌中共，而是在乎被歧視的亞裔美國人，想當初他這樣呼</t>
  </si>
  <si>
    <t>YONEX泰國羽球公開賽今天從32強賽事點燃戰火，原本在參賽名單的印度前世界球后賽娜（Saina Nehwal），在最新一次的病毒採檢呈陽性反應，在大會建議下退賽，她的丈夫卡夏普（Parupalli Kashyap）也是這次參賽選手之一</t>
  </si>
  <si>
    <t>長庚醫院日前通過衛生福利部核准新冠肺炎疫苗第3劑混打計劃，試驗對象為第一線醫護人員及航空機組人員，人數共計400人。林口長庚醫院副院長邱政洵表示，機組人員時間較難配合，仍在邀請加入中，醫護人員則非常踴躍，</t>
  </si>
  <si>
    <t>2020這一年注定是將來歷史上記載關鍵變動的一年。面對剛一開春就爆發的新冠肺炎，美國從事不關己坐看好戲，到後來疫情爆發不可收拾，所謂「民主國家」的治理失能，更反映在不斷攀高的確診數字，還有國內經濟的嚴重衰</t>
  </si>
  <si>
    <t>國內拼疫苗人口涵蓋率，但基層診所協助打疫苗卻沒收入，日前中央流行疫情指揮中心表示將提高基層院所的疫苗處置費，但至今仍未發放。中央流行疫情指揮中心指揮官陳時中今（11日）說明，將在下周一（8月16日）核付給</t>
  </si>
  <si>
    <t>日前有女大生打完AZ疫苗後連吞6顆普拿疼仍止不住身爆痛，引起許多人好奇詢問，普拿疼一天最多可以吃幾顆？家醫科醫師許書華表示，止痛退燒藥的主要成分是「乙醯胺酚」，一般建議最大日劑量不超過4000毫克，並且在黃</t>
  </si>
  <si>
    <t>陸委會副主委邱垂正14日以英文的「COVID-19」，稱呼新型冠狀病毒所引發的肺炎，並表示政府未來將致力於維護兩岸和平現狀。一再呼籲蔡英文總統別用「武漢肺炎」，卻被1450出征、被批舔共的國民黨革實院長羅智強，除肯</t>
  </si>
  <si>
    <t>全球籠罩在新冠肺炎的陰影下逾八個月，疫情仍尚未緩解，隨著時序進入秋冬，各國專家紛紛擔心疫情再度惡化的可能。另2020美國總統大選在即，再加上美國總統川普確診新冠肺炎，以及川普宣布已指示暫停紓困案協商，一度</t>
  </si>
  <si>
    <t>彰化縣衛生局20日最新公布確診個案公共場所活動史，包括了正彰化肉圓、麻辣火鍋，茶行和豆漿店等等，又增加9個足跡。衛生局也強調，看足跡也要比對時間，這段時間內有到過這些地方，出現身體不適症況，就要去篩檢，</t>
  </si>
  <si>
    <t>北市士林一間長照機構6月間發生47確診3死的群聚感染事件，台北市好政連線發起人林延鳳28日踢爆，士林區某家社會局轄管的長照機構又有確診案例，目前已知有2位住民及2位工作人員篩檢為陽性，27日晚緊急將機構住民進行</t>
  </si>
  <si>
    <t>新冠肺炎疫情已趨緩和，新竹縣府交旅處日前召開觀光景點暨商圈防疫分流管制解除會議，決議六福村、小叮噹主題樂園遵照中央疫情指揮中心及觀光局指示，6月7日後解除人潮分流管制；內灣老街、北埔老街及湖口老街商圈則</t>
  </si>
  <si>
    <t>因應新冠肺炎疫情，澳洲自3月18日開始，要求國民返國，23日起要求各大娛樂場所歇業以來，祭出多項防疫措施，就是要民眾乖乖待在家中，減少外出，而餐廳也只可以外帶、禁止內用，但是有一家餐廳，被民眾爆料裡面坐了</t>
  </si>
  <si>
    <t>觀光局內勤主管之子染疫事件，目前該主管在家隔離，而其上周行程曝光後，竟然還包含立法院，網友大驚，立院慘了！中央流行疫情指揮中心日前公布的案269，是一名觀光局在桃園機場旅服中心工作的同仁，且傳出因曾「接</t>
  </si>
  <si>
    <t>儘管美國新冠肺炎單日確診人數持續創新高，加上市場預估即將登場的第二季財報季恐出現12年來最糟成績，但仍無法抑制美股漲勢，那斯達克指數10日再創新高。美國吉利德藥廠（Gilead Sciences）表示，新冠肺炎藥物瑞德</t>
  </si>
  <si>
    <t>據大陸國家衛健委官網消息，11月30日，大陸報告新增確診新冠病例113例，其中本土病例91例，均在內蒙古呼倫貝爾市。截至12月1日6時30分，內蒙古多地防控升級，全大陸共有高風險地區6個、中風險地區12個。近日發現的新</t>
  </si>
  <si>
    <t>立積(4968)今年營運不受疫情衝擊，累計前三季已經賺贏去年全年，隨著WiFi 6的良率提升，佔營收比重增加，法人看好，11、12月營收仍有機會再創歷史新高，立積今日股價逆勢剽悍，一度大漲9%，午盤後漲幅收斂，但依舊持</t>
  </si>
  <si>
    <t>天主教靈醫會呂若瑟神父日前發起募款活動，盼救助新冠肺炎重災區的義大利家鄉，短短6天募得1.5億元及相關醫療物資，引起社會廣大議論。前總統馬英九今(2)日臉書發文表示，他赴宜蘭探視呂神父，向他表達敬意，並透露</t>
  </si>
  <si>
    <t>蘇花改通車後，花蓮觀光、休閒養生產業前景看俏，國內金融壽險、國外主權基金等不約而同，在新冠肺炎疫情發生後，於最近實地考察花蓮新地標台開新天堂樂園、洄瀾灣園區等周邊商業與旅館用地，擬危機入市，有意共同投</t>
  </si>
  <si>
    <t>新冠肺炎疫情擴及全球，台灣不少旅居海外的民眾紛紛掀起一波返國潮，且台灣近日新增的確診案例也幾乎都是境外移入，其中案393與案384是一對夫妻，兩人旅居美國30年，期間久久才回來一次台灣，現在卻爆出兩人返國前均</t>
  </si>
  <si>
    <t>東南亞新冠肺炎添亂，打亂光學鏡頭廠佳凌（4976）出貨進程，在客戶生產及原物料供給都出現影響下，致第三季訂單能見度受阻，不過佳凌強調，「訂單只是延後不會不見」，為免客戶復工後，急單湧現，現已預先做好產線調</t>
  </si>
  <si>
    <t>下班順道載同事一程，或許因為車內空氣不流通，同事覺得有點頭暈。加上最近為防武漢肺炎蔓延，儘量避免待在密閉空間，因此同事伸手就要開窗，但正值下班尖峰，窗外瀰漫汽機車廢氣，該開窗還是使用車內空調循環呢？◎</t>
  </si>
  <si>
    <t>總統蔡英文明（8月23日）要打高端疫苗，資深媒體人趙少康表示，之前坊間盛傳蔡英文已經打了疫苗，自己是完全不相信這件事，還跟人爭得面紅耳赤，因此，他呼籲，如果蔡英文想破偷打疫苗謠言，就請蔡英文公開抽血檢查</t>
  </si>
  <si>
    <t>新冠病毒不僅威脅全人類健康，因各國相繼「鎖國防疫」，全球陷入「封鎖悖論」，亦即為防止新型冠狀病毒擴散，各國對外關閉邊境，對內封城或嚴格限制外出，雖產生防疫效果，卻造成經濟及社會活動停滯，付出慘重的經濟</t>
  </si>
  <si>
    <t>大陸當前積極研發新型冠狀病毒肺炎病毒滅活疫苗，在美國總統川普於30日凌晨宣布，美國暫停與世界衛生組織（WHO）的關係後，大陸國資委同日稍後表示，大陸研發的肺炎疫苗預計最快在今年底或明年初上市。香港信報30日</t>
  </si>
  <si>
    <t>台灣疫情升至三級警戒，舉凡進入店家，都得實施實聯制。近日一名超商店員表示，一名阿嬤說要繳費，卻不會使用實聯制，只好教對方用手寫，沒想到對方竟嗆「我不會」，甚至大聲嗆店員「你們都會得肺炎」。該名超商員工</t>
  </si>
  <si>
    <t>新冠肺炎疫情持續延燒，有愛心團體擔心這段期間，在艋舺公園周遭的街友乏人照料，19日下午在公園附近發送愛心便當，資深藝人劉尚謙也擔任志工協助發送，劉表示這次活動是朋友發起的，他覺得很有意義所以來參加，希望</t>
  </si>
  <si>
    <t>受新冠肺炎疫情影響，國內多所大學將在明天開學，花蓮慈濟大學共有16名大陸港澳學生，因過年返鄉無法返台上課，校方開學前啟動安心就學方案，透過網路遠距教學，讓大陸港澳學生開學上課時「一個學生也不能少」，確保</t>
  </si>
  <si>
    <t>亞系外資針對聯詠(3034)出具最新研究報告指出，在疫情衝擊下，智慧型手機和電視相關出貨前景轉趨保守，故一舉將聯詠評等持有調降至減碼，目標價由193元下修到144元。亞系外資指出，聯詠的智慧型手機和電視相關產品占</t>
  </si>
  <si>
    <t>新冠肺炎疫情凶猛，17年前SARS疫情爆發時，由中央統一採購的負壓救護車因早已超過使用年限全部報廢，因應隨時可能升溫的疫情，宜蘭縣消防局長徐松奕表示，已備妥方案，並與醫療器材供應商約定，一旦發生緊急狀況，必</t>
  </si>
  <si>
    <t>新冠肺炎確診病例在全台持續攀升，而林口長庚紀念醫院兒童一般醫學科主治醫師吳昌騰在臉書分享了一個新加坡案例，他坦言，讀完他的診療經過後，「一股寒意在心中升起」，更形容新冠肺炎病毒是一個「奸巧敵人」。吳昌</t>
  </si>
  <si>
    <t>新冠肺炎疫情全球肆虐，但台灣此前控制得不錯，直到近日境外移入確診數不斷增加，引發民眾警覺，各地又掀口罩搶購潮，資深媒體人狄志為今天因緣巧合下加入戰局，po文透露睡少少起大早去知名連鎖超市搶購口罩，被眼前</t>
  </si>
  <si>
    <t>目前新冠肺炎在歐洲擴散，歐洲疾病預防管制中心（ECDC）示警，疫情正朝向社區性傳播發展，確診案例也不斷攀升，若持疫情持續惡化擔憂其他國家也會出現類似像義大利與中國大爆發的情形，應立即採取相對防疫措施，保護</t>
  </si>
  <si>
    <t>中央流行疫情指揮中心宣布7月13日起微解封，但各縣市政府做法不一，民眾看得霧煞煞，對此指揮官陳時中回應，適度放鬆是在整體疫情判斷之下，強度太強，違規的事情就多，防疫疲乏會及早出來，反而強度就不好；所以在</t>
  </si>
  <si>
    <t>微軟、臉書、推特與Alphabet旗下的谷歌等美國科技公司今天發表聯合聲明說，他們正在合作消除平台上關於疫情的不實訊息。路透社報導，這些公司也包含領英公司（LinkedIn Corp.）、Reddit與YouTube。聯合聲明說，他們</t>
  </si>
  <si>
    <t>「鑽石公主號」郵輪幾乎每天都爆出30例以上新冠肺炎確診病例，導致日本境內總確診數不斷飆升，日本政府的防疫能力也遭質疑，包括吉里巴斯在內，目前全球已經有4個國家限制日本人入境。日本讀賣新聞今（13）日報導，</t>
  </si>
  <si>
    <t>高雄市仁武區爆發家庭群聚感染，13人陸續確診，由於指標個案曾在三峽恩主公醫院就醫，一度引爆高雄槓新北疫調不實。個案被公布足跡後，位在高雄市新興區的西服店透過臉書發表聲明，揭露一段20多年前的往事，「充滿濃</t>
  </si>
  <si>
    <t>經濟部即將在3月中召開電價審議委員會，電價已連續三次未調整，但國際原油跌至每桶50多美元，近期又遇上新冠肺炎（COVID-19）疫情肆虐，知情官員透露，4月起新電價維持「連四凍」可能性很大，有不調漲空間。不過目前</t>
  </si>
  <si>
    <t>美國總統川普確診新冠肺炎，住院四天後就出院，引發各界關注，重症暨胸腔醫師黃軒則引述國際研究分析其恢復後，出現肺功能障礙的機率，若川普是輕症將有42.5%的機率出現肺功能障礙、重症則有75.6%的可能性，並羅列出</t>
  </si>
  <si>
    <t>13日起防疫微解封，林務局表示，經與部落社區協調，決定戶外場域開放範圍縮減，太平山森林遊樂區、鎮西堡巨木群步道等仍暫停開放，松雪樓、奧萬大山莊等住宿人數則降載5成。林務局今天表示，經與當地部落社區協調，</t>
  </si>
  <si>
    <t>鈺齊-KY(9802)第一季合併營收為新台幣27.73億元，年增7.6%，創歷史同期新高，毛利率23.8%，較去年同期揚升4.2個百分點，營業利益比去年同期成長35.8%，達新台幣3.56億元，歸屬於母公司稅後淨利為新台幣3.54億元，EPS</t>
  </si>
  <si>
    <t>(18：06更新)韓國死亡病例增至8例。第8例死亡病例是與清道大南醫院有關的人員，被移送至慶北大學醫院接受治療過程中死亡。該患者並未計入當天下午的確診患者人數中。好消息是，有4例患者解除隔離（第9、13、15、20例</t>
  </si>
  <si>
    <t>新北市今日確診者有65人，新北市長侯友宜15日表示，新北已連續3天人數在百人以下，但絕對不要放鬆，今天金山有出現6例，是因為家族群聚，市府明日將派出機動快篩隊，呼籲有疑慮的金山區民眾一起出來快篩，希望把冷區</t>
  </si>
  <si>
    <t>自己先做好防疫安全，才能保護人民！交通警察大隊增設「自動測溫除菌門」，民眾申請交通事故資料及辦理計程車審驗事宜，以及執勤同仁都要經過這道門殺菌，多一層防護的保障，大大降低感染風險，每位同仁都說讚」。考</t>
  </si>
  <si>
    <t>新冠肺炎全球延燒，大陸、南韓投入中藥療法，台灣中醫團隊也研發獨家中藥方「臺灣清冠一號」，經研究可阻斷新冠病毒感染、抑制細胞激素風暴出現，5月已完成中藥廠非專屬授權，最快7月進軍歐美。不過，專家諮詢小組召</t>
  </si>
  <si>
    <t>金管會保險局24日公布，今年到3月23日為止，關於新冠肺炎，產險業共有3,281件理賠案，理賠金額共2,896萬多元，主要是信用卡綜合保險、旅行業責任險中的旅遊不便條款啟動，即民眾規劃出國時，旅行目的地仍未被公布為</t>
  </si>
  <si>
    <t>中央流行疫情指揮中心5月中旬宣布全國三級警戒，一直到7月13日宣布微解封，包括健身中心等做好防疫規範就可以開放民眾進場，但有消費者向消基會反映認為健身房無法提供包括淋浴等服務，但卻有健身房已開始扣款，對此</t>
  </si>
  <si>
    <t>彰化縣衛生局20日下午再次公布確診個案公共場所活動史，包括了溪湖的五星級平價鍋物、嬉遊郵局、員林高中和墊腳石圖書等文化廣場，衛生局強調，看足跡也要比對時間，這段時間內有到過這些地方，出現身體不適症況，就</t>
  </si>
  <si>
    <t>高雄大樹區金鑽鳳梨進入盛產期，卻遇上新冠肺炎，外銷通路受挫，國內一日農夫活動也因民眾宅在家受影響，農業局長吳芳銘為挽救情勢，首度走進鳳梨園區開直播，與網紅高鈞鈞、高雄市議員邱于軒及台北市議員游淑慧、侯</t>
  </si>
  <si>
    <t>行政院長蘇貞昌日前在立院接受質詢時，拿「訂冷凍雞腿」比喻採購疫苗，引發各界批評。台北市議員王世堅直言，現在疫情高漲，使用這種不當比喻很輕率，並指蘇揆的一言一行，神明和人民都看在眼裡，王世堅更表示，自己</t>
  </si>
  <si>
    <t>行政院長蘇貞昌今日召開擴大防疫會議，指揮中心建議，12-17歲青少年應續接種第2劑BNT疫苗，並建議已完成2劑基礎劑者，在完成第2劑疫苗接種的6個月後，依序接種追加之第3劑，蘇裁示，相關規劃請指揮中心於適當時機對</t>
  </si>
  <si>
    <t>桃園市長鄭文燦昨宣布「固安計畫」守住移工「馬其諾防線」，今起700個宿舍工廠5天內完成分艙分流檢查，並針對移工普篩，12個聯合快篩站1站1醫院負責，會跟工業區廠聯會合作，另外141家大型工廠和宿舍則採機動入廠篩</t>
  </si>
  <si>
    <t>新冠肺炎襲擊歐洲政壇，多位政要及高級官員傳出感染新冠肺炎。西班牙政府週三(25日)表示，副總理卡爾沃(Carmen Calvo)接受新冠病毒檢測，結果為陽性。根據路透社報導，西班牙政府表示，這是卡爾沃第二次接受檢測，第</t>
  </si>
  <si>
    <t>高雄4日新增1例本土確診個案，該確診者案10472居住於小港區，3日出現症狀，因此到院就醫、篩檢後，採檢結果呈陽性反應，目前感染源尚未找到，而中央流行疫情指揮中心公布的確診者案10261也曾到過高雄，高市府在防疫</t>
  </si>
  <si>
    <t>NBA緊急停賽之後，球員的荷包也可能遭受重大打擊。他們的合約幾乎都是保證支付，但依據現行勞資協議，資方遭遇「不可抗力」時不必支薪，包括戰爭、自然災害、恐怖攻擊、流行病。這一次的新冠肺炎已被宣告為全球大流</t>
  </si>
  <si>
    <t>鴻海與台積電宣布完成各500萬劑的BNT疫苗簽約採購，行政院發言人羅秉成昨（12日）舉行記者會表示，政府全力支持，捐贈單位全力奉獻，才能在完成這項重要的捐贈案。對此，台灣民意基金會董事長游盈隆認為，常聽到政府</t>
  </si>
  <si>
    <t>下一波疫苗要來了？有消息指出，新一批AZ疫苗可能會在明、後2天將送抵台灣，指揮中心稍早澄清疫苗到貨資訊並非事實，中央流行疫情指揮中心指揮官陳時中在例行記者會再次重申，目前正在多方洽詢中，國產疫苗目前進展</t>
  </si>
  <si>
    <t>新冠肺炎疫情持續肆虐，歐洲已經成為重災區，許多體育選手都遭到感染，而在西班牙出現了第一位體壇人士，因為新冠肺炎死亡的案例，死者是在馬拉加當地擔任教練的Francisco Garcia，當時除了新冠肺炎之外，他還患有白</t>
  </si>
  <si>
    <t>中央流行疫情指揮中心公布確診地圖，北市7例居冠，台北市長柯文哲稱若社區感染到群聚程度，北市就開設一級應變中心；黃珊珊則說，標準不是北市訂，是按中央標準而訂，中央若一級開設、北市就開，北市現在還是「應變</t>
  </si>
  <si>
    <t>新冠肺炎疫情擴散，有防疫大國的日本卻成為大陸以外疫情最慘重國家之一，政府防疫措施也引發民怨，其中鑽石公主號事件更是引起軒然大波。日本厚生勞動省副大臣橋本岳在推特貼出一張照片，反擊質疑聲浪，表示政府有做</t>
  </si>
  <si>
    <t>先前曾多次稱「疫情很快過去」、「美國防疫工作很好」的美國總統川普在睽違數月的疫情記者會上一改先前樂觀態度，坦承新冠疫情在美國在好轉前，恐會更加惡化。不過就在川普態度轉變前幾小時，美疾病管制與預防中心（</t>
  </si>
  <si>
    <t>嘉義縣最大連鎖酒店「長榮文苑」去年底試營運，出師不利遇上新冠肺炎，雖住房率持續受影響下滑，1日長榮文苑仍照時程開幕，同步推出優惠住房專案、抽獎等活動，先搶一波清明連假觀光潮，未來再結合故宮南院等周邊景</t>
  </si>
  <si>
    <t>台中今傳出確診者3日晚間曾到全聯梧棲文化店購物、5日再去全聯清水鰲峰店，目前個案皆無症狀，仍在疫調中，並已通知環保局進行環境清消。全聯表示，依循中央流行疫情指揮中心指示，採取高規格防疫措施，梧棲文化店、</t>
  </si>
  <si>
    <t>星期六有兩個非洲國家通報新冠肺炎的案例，納米比亞與盧安達出現了確診病患，至今已累計19個非洲國家出現新冠肺炎。根據路透社報導，納米比亞衛生部長尚古拉(Kalumbi Shangula)在記者會表示，該國境內今天首度通報有</t>
  </si>
  <si>
    <t>瑞信證券指出，美食-KY（2723）受惠優化成本與產品升級的結構性利多，以及重啟經濟的循環性層面利多，2022～2023年獲利年複合成長率將是極為強勁的25％，初次納入研究範圍給予「優於大盤」投資評等，推測合理股價估</t>
  </si>
  <si>
    <t>新冠肺炎疫情蠢動！交通部長林佳龍今天視察台鐵與高鐵板橋車站後表示，所有搭乘大眾運輸乘客必要戴口罩才能搭車，並呼籲全體民眾配合，不要防疫讓有缺口。但消息一出，網友嘩然表示異議！交通部長林佳龍是在今(31)晚</t>
  </si>
  <si>
    <t>彰化縣衛生局日前因進行精準普篩與中央流行疫情指揮中心槓上，雙方就入境普篩與否至今仍舊各執一詞，今台灣微生物學會召開新冠病毒檢測研討會，「順時中」、「逆時中」兩派人馬首度交鋒，順時中代表由疾管署副署長莊</t>
  </si>
  <si>
    <t>新冠肺炎疫情重創澳洲教育事業，國際學生不來，財務缺口擴大，澳洲大學爆大規模裁員潮，今年以來已經有超過1.1萬名大學教職員失業，這還不包括臨時員工及兼職員工。英國《衛報》（The Guardian）報導，新冠肺炎疫情</t>
  </si>
  <si>
    <t>一場世紀瘟疫──新冠肺炎在全世界已經奪去近490萬人的性命，約等於台灣20%的人口，而全球染疫人數等於台灣10倍人口，已達2億3千萬人，疫情能否平息，還得看今年秋冬是否大幅感染而定。同時，得過新冠肺炎卻幸運逃過死</t>
  </si>
  <si>
    <t>新北市新店渡碼頭去年受米塔颱風衝擊淤積嚴重，影響人力擺渡營運，水利局今年2月起封閉周圍浮筒自行車牽引道，進行渡船碼頭周邊清淤工程，如今工程順利完工，浮筒自行車牽引道也於11日重新開放，提供民眾更舒適的休</t>
  </si>
  <si>
    <t>Omicron變異株蔓延世界各國，國內也有3例境外移入個案，而英國即使疫苗覆蓋率高，Omicron感染數仍然突破3000人，且出現全球首例死亡病例。目前對於Omicron的科學證據仍不足，國內專家分析，應該不至於變成「大魔王」</t>
  </si>
  <si>
    <t>（國人健康力指標變動趨勢。圖／中大台經中心提供）新冠肺炎疫情重大打擊全球的方方面面？在台灣，民眾可能不這樣想。今（25）日和2月消費者信心指數（CCI）同步公布的國人健康力指標，顯示民眾對自己健康感到樂觀，</t>
  </si>
  <si>
    <t>立委周春米26日在臉書指稱，有網友在網路上陳述屏東體育館在做大通鋪臨時醫院，她趕緊請助理到館內拍照澄清，協助闢謠；屏東縣長潘孟安也痛斥「這是惡意假消息，假得太離譜」，已經報請警局全力偵辦，並強調目前屏東</t>
  </si>
  <si>
    <t>世界衛生組織（WHO）祕書長譚德塞2月28日宣布，將新冠肺炎疫情全球風險從「高」上調至「非常高」。不過他仍強調，全球仍有機會控制疫情。譚德塞說，過去幾天全球新冠肺炎病例和受疫情影響國家的數量持續增加，這現象</t>
  </si>
  <si>
    <t>雖然新冠疫情即將進入冬天戰場，但隨著農曆年節即將到來，許多民眾仍有出國需求，必須到醫院進行新冠肺炎自費篩檢，不少民眾看到將近7000元的檢驗費用不禁直呼：「好貴！」尤其香港從12月起大幅調降新冠肺炎檢測費用</t>
  </si>
  <si>
    <t>新冠肺炎病毒持續在全球肆虐，伊朗官方公布的確診病例破萬，超過500人死亡，是僅次於大陸、義大利之外，疫情最為嚴重的國家。繼多位伊朗高級官員陸續染疫，伊斯蘭革命衛隊高級指揮官納賽爾·沙巴尼（Nasser Shabani）</t>
  </si>
  <si>
    <t>義大利新冠肺炎疫情延燒，22日確診病例累計達到51例，由於新增病例均出現在北部地區，當天北部12個城鎮宣布關閉學校、體育館、餐廳、咖啡館、酒吧及其他公共場所，暫停一切辦公、商業、娛樂及公眾活動，停止公共交通</t>
  </si>
  <si>
    <t>中央流行疫情指揮中心今日公布1起北市死亡個案，弔詭的是，該案例早在6月27日死亡，卻在2個月後才通報，衛福部長陳時中也說重話，要北市府介入督導。台北市衛生局今日坦言，該家醫院為北市立聯合醫院中興院區，但院</t>
  </si>
  <si>
    <t>美國勞工部周四公布6月非農就業報告，數據意外強勁，單月就業人口大增480萬，創史上新高紀錄，失業率也下滑至11.1％，由此顯示新冠肺炎造成的經濟衰退可能已經結束，不過最近疫情再度升高則可能衝擊經濟復甦的力道與</t>
  </si>
  <si>
    <t>這恐怕能視為川普連任警訊，路透社的民調指出，川普上任以來，現在是共和黨支持者對未來最悲觀的時候，40年共和黨鐵粉表示對川普感到厭惡，另外將近4成支持者相信美國走錯道路。路透社/易普索（Reuters/Ipsos）6月初</t>
  </si>
  <si>
    <t>中央流行疫情指揮中心社區防疫組副組長楊靖慧表示，今天開始秋冬專案上路，8大類場所民眾需要強制戴口罩，主要是擔心冬季大家在室內時間多，而且呼吸道相關症狀疾病也較多，因此呼籲民眾進入室內或預期會接觸不特定</t>
  </si>
  <si>
    <t>美國總統川普宣布，在因疫情停止競選活動3個月後，他將於19日，在奧克拉荷馬州的土沙（Tulsa），展開新冠肺炎疫情爆發後第一場連任造勢活動。但這個地點對非裔來說，是傷痛與悲劇的代名詞。在將近百年前的1921年6月</t>
  </si>
  <si>
    <t>防堵新冠肺炎南非新變異株（B.1.1.529）疫情，疫情指揮中心26日公布，29日起南非、波札那、納米比亞、賴索托、史瓦帝尼及辛巴威等六國，提升為重點高風險國家，只要抵台前14天，曾至上述國家，包含轉機在內，返台後</t>
  </si>
  <si>
    <t>新華網今天（24日）報導，9月22日下午，江蘇省南通市海門區接到南通市新冠疫情防控指揮部協查函稱：「外省一批自紐西蘭進口的獼猴桃（奇異果）塗抹樣標本檢測新型冠狀病毒核酸陽性」，部分同批次貨物銷往海門區永輝</t>
  </si>
  <si>
    <t>台南市新近獲分配的1萬6000劑疫苗2日開打，台南市議長郭信良除肯定市府先前的施打效率外，也建議開放部分疫苗給年長及病弱者施打。郭信良表示，台南市5月27日獲配1萬3000劑疫苗，5月30日就全數施打完畢，顯示市府衛</t>
  </si>
  <si>
    <t>不畏新冠肺炎疫情全球肆虐對經濟活動帶來強烈衝擊，台穩精密公司憑藉著廠區擁有無數自歐日進口的高階齒輪研磨與加工設備，及生產技術領先業界的賣點，近期持續接獲中部知名輪胎大廠及南部塑膠押出機大廠齒輪箱的訂單</t>
  </si>
  <si>
    <t>25日據北京衛健委官方微博消息，24日0時至24時，北京市新增1例新冠肺炎確診病例，該病例有外省市接觸史，已送至定點醫療機構進行救治。24日北京市新增疑似病例18例，現有疑似病例73例，新增密切接觸者3例，累計確定</t>
  </si>
  <si>
    <t>根據美國製藥大廠默沙東集團今天公布的臨床期中分析結果，還在實驗中用來治療COVID-19（2019冠狀病毒疾病）的口服藥，可使重症高風險患者的住院或死亡機率降低約50%。法新社報導，默沙東集團（Merck &amp; Co.）與Ridgeb</t>
  </si>
  <si>
    <t>美國總統川普的防疫政策大轉彎，取消了之前備受批評、要求經濟在4月中旬前就恢復運作的計畫，周日宣布其發布的禁足令（Stay at Home）指引從原定的4月12日復活節延長到4月30日，以減緩新冠狀病毒疫情的擴散。川普在</t>
  </si>
  <si>
    <t>世界衛生組織（WHO）當地時間18日，在瑞士日內瓦總部召開新冠肺炎例行記者會上，世衛組織衛生緊急專案負責人邁克爾．里安針對媒體關注的美國總統川普稱新冠病毒為「中國病毒」回應指出，不應把病毒同種族相聯繫。央</t>
  </si>
  <si>
    <t>一名32歲、育有三個孩子的美國婦女，竟在確診新冠肺炎（COVID-19）後四肢出現血栓，必須要截肢才能保命。歷經艱辛歷程後，她期待自己的經歷能鼓勵更多人盡速接種疫苗，免於遭遇類似的不幸景況。內科醫生Wesley Ely近</t>
  </si>
  <si>
    <t>近來疫情獲得控制，對於餐飲禁止內用到15日，是否考慮提早解禁，新北市長侯友宜今主持疫情說明會表示，現在疫情還是在觀察期間，我們應該戒慎恐懼、嚴陣以待來面對第一波入侵新北的Delta病毒，目前仍在嚴密觀測、掌</t>
  </si>
  <si>
    <t>北京爆發第二波新冠肺炎，傳鮭魚為傳染源，對此，胸腔暨重症醫生黃軒直言，「倒楣的魚，被人宰殺了，還要被誣陷啊！」新冠病毒需受體ACE2幫忙，才可成功進入感染細胞，而此受體僅存於哺乳類動物，不存在魚中。黃軒表</t>
  </si>
  <si>
    <t>海軍敦睦艦隊赴帛琉出訪後染疫，除了責任最大的國軍，外交部也難辭其咎，外交部長吳釗燮今早在立院「外交與國防委員會」報告，但報告的不是軍艦案，而是談「口罩等醫療物資援助友邦的運用報告」。是否會談及軍艦案爭</t>
  </si>
  <si>
    <t>近來因為新冠肺炎疫情影響，傳出部分旅遊業、觀光業大放無薪假，或是鼓勵員工多休假，勞動部預計在21日修正「充電再出發訓練計畫」，補助訓練津貼為每小時158元、每月120小時，補助訓練費用上限也提高到新臺幣350萬</t>
  </si>
  <si>
    <t>目標3月初上櫃的山富旅行社（2743）12日舉辦業績發表會，面對新冠肺炎強襲觀光旅遊業，山富董事長陳國森表示，公司走入資本場後，旅行團將多元化、主題化與優質化，並強化自由行的元件商品與套裝，同時啟動數位轉型</t>
  </si>
  <si>
    <t>女星李毓芬五官立體、氣質高冷性感，去年推出新單曲《相信你 Believe In You》、愛情電影《絕世情歌》後，爆發新冠肺炎後就很少出席公開場合，連社群平台也不常更新。近日，她終於發文呼籲粉絲要注意健康，附上的美</t>
  </si>
  <si>
    <t>台北市長柯文哲今日上午舉行北市防疫會議，會議中下令要將快篩陽性應視同PCR確診，加速檢驗流程，以盡速匡列確診者，同時也因高齡確診者死亡率高，未來會加強健康照護。柯文哲表示，快篩陽性的case，如何在最短時間</t>
  </si>
  <si>
    <t>新冠肺炎疫情衝擊各行各業，對工具機產業影響頗大，工具機大廠-崴立機電將從加強兩岸三廠生產調控、擴大利基市場、加速新機種開發及積極管控生產成本等多管齊下，期透過各項開源節流措施將危害降至最低。新冠肺炎疫</t>
  </si>
  <si>
    <t>美國股市今天在抗新冠肺炎實驗性藥物瑞德西韋（remdesivir）取得正面結果，大幅抵銷美國經濟衰退噩耗下，大幅勁揚。道瓊收盤大漲532.31點。瑞德西韋的利多，蓋過美國首季GDP萎縮4.8%的利空，美股大漲。道瓊工業指數</t>
  </si>
  <si>
    <t>日本和歌山縣湯淺町（目當於鎮）「濟生會有田醫院」的醫師、患者等共5人感染新冠肺炎，使原本寧靜的小鎮被嚴重汙名化。除了觀光客取消訂房外，還有人要退「故鄉納稅」的回禮。和歌山縣知事仁坂吉伸怒斥，「荒谬！令</t>
  </si>
  <si>
    <t>聯準會（Fed）主席鮑爾與美國財長穆努欽30日前往眾議院金融服務委員會作證。鮑爾在預先準備的書面證詞表示，美國重啟經濟的時間比他們預期來得快，但解封也帶來風險，像是數州確診病例升高。鮑爾表示：「我們已進入</t>
  </si>
  <si>
    <t>這個周末是全台進入第三級疫情警戒的第一個周休二日假期，大家有沒有聽話乖乖「宅在家防疫」，透過國道五號（雪山隧道）及蘇花改的車流量監測結果，答案是肯定的！國道五號南下車道今（22）日上午始終保持順暢，車流</t>
  </si>
  <si>
    <t>美國疫苗開發商諾瓦瓦克斯（Novavax）周四表示，在英國進行第三階段臨床試驗初步發現，其新冠肺炎疫苗防護力89.3％，雖然對英國與南非的新變種病毒防護力會降低，但仍具一定防護力。消息刺激其股價在美股周五盤中狂</t>
  </si>
  <si>
    <t>新冠肺炎疫情衝擊各產業，愛買受惠於「宅經濟」大爆發，實體通路和線上購物本月業績較去年同期最高成長65％；今（19日）起至3月3日正值「春季下午茶大賞」，近300款指定沖泡飲品、烘焙、糖果餅乾等商品58折起，70款</t>
  </si>
  <si>
    <t>新北市議員張錦豪接獲基層公務員投訴，新北就業服務處5月中傳出有志工染疫，但勞工局卻未安排同仁快篩，人心惶惶。對此，就業服務處處長林澤州表示，染疫志工僅有到就服站3小時，第一時間已大清消，未與民眾、同仁接</t>
  </si>
  <si>
    <t>高端疫苗宣布解盲成功，食藥署後續將採中和抗體效價作為替代保護力指標，要求中和抗體效價不得低於AZ疫苗。藍委魯明哲今天質疑，先前說高端疫苗與莫德納疫苗是攣生兄弟，為何挑最弱的比較？衛福部長陳時中說，因為這</t>
  </si>
  <si>
    <t>新冠肺炎疫情趨緩，新北市長侯友宜今(22日)宣布，下周一（25日）起將展開第2階段、第4梯次漸進開放管制，包括畢業旅行、校外教學、隔宿露營等活動皆可如期舉辦，但須落實防疫措施，家長可自行決定是否參與，後續則將</t>
  </si>
  <si>
    <t>美國確診人數已達全球之冠，美國總統川普29日（周日）宣布將全國社交距離準則實施時間延長至4月30日，盼藉由嚴格的措施遏止疫情擴大，致力讓預測死亡人數壓在10萬人以下。不過，延後復工也代表美國經濟第二季恐進一</t>
  </si>
  <si>
    <t>中央流行疫情指揮中心宣布，新北幼兒園群聚案今（11日）仍無進一步擴大，維持27人確診，但感染Delta個案累計20人。居住在土城社區大樓的幼兒園老師（案16129）夫妻2人也都感染Delta，為何只有板橋社區需要清空？指揮</t>
  </si>
  <si>
    <t>國民黨前立委陳學聖昨日（7）指出，日前印尼移工境外移入確診個案激增20位，而近日引發熱議的移工宿舍感染問題也都在桃園，想必桃園市市長鄭文燦壓力一定很大。陳強調，多數移工都從桃園機場入境，等待體檢那幾天會</t>
  </si>
  <si>
    <t>高雄市85大樓內的日租套房發生1名女租客陳屍屋內，47歲蔣姓女子因2天沒有出門，打掃的房務人員4日直覺有異，向警方報案；警消獲報破門，發現蔣女倒在門後，嘴角滲血，已死亡多時，經過檢測後呈現陰性，檢方將擇期解</t>
  </si>
  <si>
    <t>指揮中心今公布新增2例本土確定病例，其中案1153本國籍30多歲男性，是華航航空機師。指揮中心公布其足跡，4月29日凌晨出入台北市松山區HOMIES SOFT BAR飛鏢運動酒吧，當日晚間6點至8點半，到海真私房菜民生店用餐，</t>
  </si>
  <si>
    <t>為即將來臨的東京奧運做準備，日本《朝日新聞》今（6）日報導，日本擬於2021年春天放寬外國觀光客入境，放寬亞洲地區新冠肺炎疫情控制較好國家的小型觀光團入境，例如台灣及中國。路透社報導，日本《朝日新聞》今日</t>
  </si>
  <si>
    <t>新冠肺炎疫情延燒，近期重要活動包括保生大帝、媽祖聖誕等大型宗教活動都已暫停，為讓信眾可為神明慶生及祈福，民政局推出線上祈福活動，與永和保福宮、三峽紫微天后宮、土城慈法禪寺及三重先嗇宮等宗教團體合作，民</t>
  </si>
  <si>
    <t>不畏新冠肺炎疫情影響，改編台灣校園靈異傳說的鬼片《女鬼橋》2月27日上映，經過連假後，全台獲2300萬票房佳績，4天就勝過春節賀歲檔的國片冠軍，電影公司更表示《女鬼橋》是228連假的全台冠軍，讓低迷的電影市場一</t>
  </si>
  <si>
    <t>新冠肺炎連3天零確診，逾半月沒本土案例，疫情中心士氣大振，停業近3周的酒店、舞廳業者，盼政府歡欣之餘，盡快讓他們重新營業。業者估計，全台酒店從業人員、依附酒店為生約25萬人，停業迄今損失營業額破百億，衍生</t>
  </si>
  <si>
    <t>普生（4117）宣布與中央研究院完成簽訂新型冠狀病毒抗原快篩檢測之全球非專屬授權合約、以及新型冠狀病毒抗體快篩檢測試劑之台灣區授權合約。除積極規劃抗原/抗體快篩試劑向台灣食藥署(TFDA)提出專案製造申請許可，</t>
  </si>
  <si>
    <t>2020年應是一個美好的開始。然而，意外的黑天鵝降臨，新冠肺炎衝擊全球經濟與產業供應鏈；斷鏈危機爆發、東京奧運延期，所有的產業預測失效，數字一再下修，疫情平息點尚是未知數，在後疫情時代，科技產業該如何重啟</t>
  </si>
  <si>
    <t>新冠肺炎病毒疫情於歐美國家持續擴大，市場對疫情造成的經濟衝擊擔憂持續上升，截至3月11日VIX指數竄升至53.9點。野村投信表示，近期市場波動下股債齊跌，高收益債券和新興市場主權債在修正過後，價值面投資吸引力浮</t>
  </si>
  <si>
    <t>中央流行疫情指揮中心27日公布新冠肺炎案32在16日至24日曾搭乘藍38公車，新北市交通局指出，雖疫情中心要求接觸者僅需自主管理，三重客運為讓乘客安心，從嚴管理，即日起停派相關駕駛人員，且給予有薪的防疫假。新北</t>
  </si>
  <si>
    <t>繼日本女留學生、泰國移工後，蘋果日報報導，中部今天又傳出一起外籍疑似病例，一名在中部從事離岸風電產業的外籍工程師，沒有任何症狀，但因近日要返回歐洲，依照原母國需先取得在台篩檢陰性證明，但卻傳出第一次採</t>
  </si>
  <si>
    <t>新冠病毒（COVID-19）來勢洶洶，歐美甚至出現病毒變異的情況，疫苗研發緩不濟急，所幸目前已經擁有多項藥物，經臨床試驗陸續被證實具有療效，尤其老藥新用的奎寧，至於其他包括目前被公認為最具療效的吉利德旗下研發</t>
  </si>
  <si>
    <t>紡拓會1日召開董事會進行董監事改選，新任董監事一致推選台塑企業總裁王文淵擔任董事長，為其3度接掌董事長，希望借重其豐富經營經驗、長才及國際高度聲望，在面對新冠肺炎疫情及貿易戰衝擊中，再次帶領台灣紡織業突</t>
  </si>
  <si>
    <t>台灣近期新冠肺炎確診人數爆增，台股受衝擊，元大投信指出，台股近期走勢，仍深受新冠疫情變化影響，短期交投宜謹慎，惟本次台股修正非基本面所致，於疫情穩定後可望收復跌幅。非經濟因素造成的股市影響，多屬於短期</t>
  </si>
  <si>
    <t>蘇內閣防疫，連在野黨立委在立法院都多次稱讚，行政院副院長陳其邁昨深夜在臉書表示，今年1月底過年時，行政院成立了防疫大數據小組。我們用智慧科技廣泛地應用在防疫工作，連歐美都想取經。陳其邁說，身為一個醫師</t>
  </si>
  <si>
    <t>美國退役高球選手吉姆金(Jim King)於當地時間8月10日病逝，死因是新冠肺炎的併發症，他今年86歲。吉姆金年輕時擁有188公分、104公斤的壯碩體格，被認為是PGA美巡賽裡有名的硬漢。吉姆金的老友路易斯(Jeff Lewis)說：</t>
  </si>
  <si>
    <t>美股尾盤變臉，四大指數紅翻黑，道瓊收跌405點，台股今在台積電(2330)開高帶動下，指數開漲5.71點，報在12697.46點，隨即翻黑陷入震盪，回測5日線支撐，電子股僅剩零星題材股點火，傳產股今出頭撐盤，電子股成交比重</t>
  </si>
  <si>
    <t>英國情侶在台居家檢疫，但抱怨環境太差，像住監獄。中央流行疫情指揮中心指揮官陳時中表示，英情侶上午已經發文澄清，BBC也將相關報導下架，相信公道自在人心。莊人祥分享檢疫所的收費，目前是有特殊任務(武漢包機、</t>
  </si>
  <si>
    <t>季節／台北報導新冠肺炎感染者持續增加，但因為篩檢費時導致篩檢數量有限，各界關心新冠肺炎快篩試劑哪時可以上路加速篩檢時間增加篩檢量？對此經濟部長沈榮津表示，還需要半年。國民黨籍立委林奕華今天在立法院質詢</t>
  </si>
  <si>
    <t>義大利新冠肺炎疫情惡化，政府採取封城措施卻打擊經濟活動，導致該國經濟陷入衰退的風險大增。而為了防範病毒擴散至全歐洲大陸，花旗、瑞士信貸與野村控股等投行宣布禁止員工至義國出差。最新數據顯示，義大利新冠肺</t>
  </si>
  <si>
    <t>路透報導，多家正研發新冠肺炎疫苗的藥商計劃本周發表聯合聲明，強調在有足夠數據顯示其疫苗安全有效前，不會急著向美國申請上市批准，以消除外界對政治施壓加快疫苗上市所引發的安全疑慮。外傳輝瑞（Pfizer）、嬌生</t>
  </si>
  <si>
    <t>大陸國家主席習近平10日前往武漢，他表示「疫情防控已取得階段性成果」。這是他於疫情爆發後首次抵達重災區的武漢考察，分析指出，這意味著中國大陸已控制住至今仍在全球肆虐的新冠肺炎（COVID-19）疫情。根據大陸官</t>
  </si>
  <si>
    <t>台北市長柯文哲21日表示，北市的疫苗會進行管制，先讓醫療院所、防疫旅館等第一線作戰人員施打，其他須施打人員以造冊、批次施打的方式管制，與防疫有關的防疫巴士、防疫計程車、救護車人員也都可施打，以確保防疫戰</t>
  </si>
  <si>
    <t>美國有線電視新聞網(CNN)主播安德森．庫柏(Anderson Cooper)在節目採訪前駐北京大使駱家輝(Gary Locke)時多次提到，台灣對新冠疫情的表現受到國際矚目，從網上Instagram的分享圖片可以看到台灣還能維持正常生活，對</t>
  </si>
  <si>
    <t>新北疫情持續升溫，繼板橋某間幼兒園爆發群聚感染，中和區某國小學童PCR陽性，校方昨天深夜緊急通知今起停課3天，由於學童CT值32，研判感染已久，屬於獨立個案，與板橋某幼兒園關連性不大，但市府仍將採取預防性措施</t>
  </si>
  <si>
    <t>高端疫苗開打，傳出零星死亡及不適個案，媒體詢問台中市長盧秀燕看法，她說，疫苗是各喜各愛，強調台灣是自由國家，民眾有自己的選擇權，市府會持續提供疫苗接種站及合約醫療院所，目前台中尚無不良反應個案。建議民</t>
  </si>
  <si>
    <t>(16：12更新)空服員從外站回來不用居家檢疫14天，有長榮空服員擔心成為防疫破口，在航空公司人力不足跟防疫之間，中央流行疫情指揮中心該如何取捨？副指揮官陳宗彥表示，有要求將排班間隔拉開，最少5天以上。陳宗彥</t>
  </si>
  <si>
    <t>因應新冠肺炎疫情延後開學的高中職以下各級學校，25日正式開學，新竹市警察局考量家長關心疫情發展及學童上、下學安全，特於今天上午加強校園安全巡邏和守望勤務，動員警力54人，並結合義警、民防、義交等協勤民力33</t>
  </si>
  <si>
    <t>台北市19日新增1名本土確診個案15515，CT值低只有15.5，該確診者13至14日下午5時到6時30分曾前往World Gym站前店，12至16日下午2時到2時30分在家中經營的汕頭意麵店吃麵。北市副市長黃珊珊今公布案15515公共場域活動</t>
  </si>
  <si>
    <t>經濟部公布針對當前經濟出具最新看法，11月出口及民間消費均有創高表現，在疫苗利多以及基期較低下，國際研調機構IHS Markit也預估，明年全球經濟成長上看4.5%。經濟部統計處指出，今年受新冠肺炎疫情肆虐，各國實施</t>
  </si>
  <si>
    <t>新冠肺炎本土確診疫情升溫，兼任民眾黨主席的台北市長柯文哲昨出席民眾黨國家治理學院國政班結業式前受訪表示，解決疫情擴散，終究還是要靠施打疫苗，在疫苗施打前的半年空檔，他主張台灣應要有「一定程度鎖國」，不</t>
  </si>
  <si>
    <t>衛福部長陳時中31日表示，國產疫苗第二期收案人數有將近有4,000人，屬於擴大型第二期，以此規模若可通過，安全性不會有問題。陳時中表示，綜觀各國，由於疫苗三期實驗會拉很長，若要等三期結束才下決定，會緩不濟急</t>
  </si>
  <si>
    <t>為照顧更多老人與民眾，岡山秀傳醫院與高雄市衛生局協力，到田寮區成立健康友善社區。衛生局長照中心說，希望未來高雄市每里都能有一處健康友善社區，服務各地區的老人。秀傳醫院院長趙昭欽與長輩們相約活到120歲。</t>
  </si>
  <si>
    <t>中央流行疫情指揮中心24日公布台中新增8例本土確診個案，其中案4735西屯區泰安國小附設幼兒園廚工，及案4736廚工的先生、案4737廚工的女兒確診，環保局從昨晚即展開校園消毒清潔，25日上午7時20分在前進指揮所開始作</t>
  </si>
  <si>
    <t>新冠肺炎本土疫情嚴峻，住新北的60歲婦女染疫，被南送到嘉義縣集中檢疫所後病情轉為重症，拒絕插管治療，嘉義基督教醫院醫護人員及家人透過視訊，用親情喚醒她的求生意念，她接受插管治療20天後拔管出院，為感謝嘉基</t>
  </si>
  <si>
    <t>在大陸公布兩會舉行時間的同一天，北京市政府宣布，從4月30日起，北京的防控疫情等級，從一級降為二級，大陸境內低風險地區進京出差，返京人員不再要求居家隔離14天，正在隔離觀察的，可以解除觀察。北京市29日的新</t>
  </si>
  <si>
    <t>台北市大安區某防疫旅館24日上午傳出一名年約80歲居家檢疫男性，倒臥旅館內身亡，警消獲報到場，初步判斷男子身上無明顯外傷，北市府也證實有接獲訊息，台北市長柯文哲表示，新冠肺炎死亡率是2％，但會讓原本健康危</t>
  </si>
  <si>
    <t>新冠肺炎蔓延全球，但台灣的中醫中藥複方的「清冠一號」在藥廠授權製造後，已經熱銷全世界14個國家在使用，總統蔡英文今出席第91屆國醫節大會時大讚，自去年疫情爆發以來，台灣發展中西醫合作的模式受到世界矚目，顯</t>
  </si>
  <si>
    <t>太空人王牌投手韋藍德(Justin Verlander)偕同辣妻阿普頓（Kate Upton）一起做公益，他們要捐出在賽季暫停時大聯盟所預支的薪資，並拍影片透露將把每周獲得的薪水捐贈給正為新冠肺炎努力的非營利組織，來回饋社會也支</t>
  </si>
  <si>
    <t>澳洲總理莫里森（Scott Morrison）18日稍晚表示，澳洲已與英國製藥廠阿斯特捷利康（AstraZeneca）簽訂新冠肺炎疫苗生產和配送協議，將為澳洲2,500萬人口提供足夠的疫苗。所有民眾皆能獲得疫苗，但優先順序將由醫療小</t>
  </si>
  <si>
    <t>江蘇揚州採取了疫情以來最嚴格的社區管控措施。澎湃新聞今天（14）日報導，8月13日，揚州發布公告，要求疫情重點管控區域內的封閉小區、封控管理小區均嚴格執行「足不出戶」。此前，揚州已對主城區低風險小區實施了</t>
  </si>
  <si>
    <t>萬華華西街幫某大哥父親日前病逝，原定預定22日本周六下午將在第一殯儀館舉辦告別式，並廣發訃聞給全國各幫派分子及殯葬業者，預計將有1200人到場參加。消息上周傳出後，令負責對幫派活動進行蒐證的第一線員警憂心不</t>
  </si>
  <si>
    <t>3月過了，但短短31天內，全世界變了樣，都成了新冠病毒肆虐的舞台。在3月結束，迎接4月之際，許多推特推友發起「3月1日v.s. 3月31日」的無奈對照，讓其他人看看，在這一個月內，自己的天地和心境起了多大變化；希望</t>
  </si>
  <si>
    <t>新冠肺炎肆虐全球，台灣本土疫情延燒，三級防疫警戒延長至28日，對此就有網友不禁好奇「餐飲業到底有多慘？」貼文一出隨即掀起熱議，更有內行人點名一類型的餐廳，受到的衝擊最大。原PO在PTT「八卦板」以「餐飲業現</t>
  </si>
  <si>
    <t>中央流行疫情指揮中心今天（17日）公布新增333名本土病例，宜蘭縣有2例，累積有18人確診，雖然宜蘭縣未比照雙北宣布高中職以下停課，但縣長林姿妙呼籲，中央統一停課標準，避免教學現場及家長困擾。宜蘭縣衛生局公布</t>
  </si>
  <si>
    <t>台灣人壽關懷保戶並共體時艱，即日起宣布新增保戶三大服務關懷措施：一、取消新冠肺炎30日疾病等待期之限制，凡生效日期在4月30日（含）之前的保戶，於投保後確診新冠肺炎者皆適用。二、個人險保戶若為醫院或診所之</t>
  </si>
  <si>
    <t>9月1日開學，縣市政府為開學做防疫準備，中醫大新竹附設醫院兒科主任陳思融遇到很多焦慮家長詢問，擔心孩子在未打疫苗的情況下是否能上學？陳思融建議5歲以下孩童除了公費13價肺炎鏈球菌疫苗外，可在6到12個月自費施</t>
  </si>
  <si>
    <t>位於西門町電影街的日新威秀影城，陪觀眾走過13個年頭，因租約到期，地主有意改建為商城，訂於9月8日吹響熄燈號。日新威秀影城前身為日新旗艦店，威秀影城於2007年8月3日接手經營並耗資千萬重新改裝，2008年5月引進</t>
  </si>
  <si>
    <t>新冠肺炎（COVID-19）疫情全球升溫，我國全力防堵疫情擴散，今（8日）中央流行疫情指揮中心說明最新進度，記者會重點如下：◎今日新增0例新冠肺炎確診個案，同時國內已連續26天無本土確診病例。截至目前為止，國內共</t>
  </si>
  <si>
    <t>鴻海集團創辦人郭台銘日前透過永齡基金會向食藥署遞件，盼能引進500萬劑輝瑞／BNT疫苗，剛開始指揮官陳時中指申請文件缺原廠授權書，且必須由政府簽約，前天終於鬆口只要藥廠出具原廠資料，民間可自行簽約，今天陳時</t>
  </si>
  <si>
    <t>美國政府規定，11月以後打完兩劑疫苗的旅客才能入境，若是打了沒有得到國際認證的高端疫苗是否能被允許入境美國？這議題引起廣泛的討論。國民黨立委賴士葆表示，根據疾管署到8月底前的資料顯示，官員打高端的比例只</t>
  </si>
  <si>
    <t>雙北地區日前有14人一起到花蓮參加法會，卻在昨日傳出有1人確診，新北市衛生局長陳潤秋表示，其餘13人陸續完成採檢，目前沒有新增個案，持續掌握中。新北市昨日公布1名三重男性在8月12日下午3時09分到5時47分從台北</t>
  </si>
  <si>
    <t>新冠肺炎直至今日，全球確診人數已突破141萬例，中央流行疫情指揮中心指出，肥胖恐為感染嚴重特殊傳染性肺炎(COVID-19)和導致重症的高風險因素之一，而近年來研究亦發現肥胖者免疫功能較差，得到流感的機率及重症風</t>
  </si>
  <si>
    <t>海軍敦睦艦隊高雄有9人染疫，高雄市長韓國瑜今天表示，744位官兵中扣掉24位已確診，350位戶籍在高雄，當中有92人表示因「未接獲上級指示」，拒絕配合市府進行疫調，高雄衛生局表示，若拒絕可依法重罰30萬。對此，中</t>
  </si>
  <si>
    <t>日前傳出爆發疫情的法國唯一航空母艦戴高樂號(Charles de Gaulle R91)，艦上人員染疫情況超乎想像。法國軍方表示，總共有2300名人員的戴高樂號航母已有1081人病毒檢測呈陽性，比例將近半數。目前該航空母艦已返回母</t>
  </si>
  <si>
    <t>據印度尼西亞《雅加達郵報》報導，11日，印尼報告了該國境內首例新冠肺炎患者死亡病例，爲該國發現的第25例病例。據報道，印尼衛生部疾病控制和預防總幹事烏里安托(Achmad Yurianto)說，第25例患者在接受了近三天的</t>
  </si>
  <si>
    <t>台灣連續4天本土確診數破200例，根據疾管署「全國本土病例地理分布圖」顯示，我國從去年1月累計至今共有1329例本土個案，重災區雙北破千例，而原本維持本土確診數0的台南市也破功，出現2人確診，西半部近8成縣市皆已</t>
  </si>
  <si>
    <t>隨國內疫情越來越穩定及疫苗覆蓋率提升，勞動部經指揮中心同意開放辦理移工專案引進，為了響應政府政策，國泰產險積極參與開發移工防疫保險商品，金管會保險局也加速審查作業，於今天( 19日)核准國泰產險「移工嚴重</t>
  </si>
  <si>
    <t>歐洲議會12日舉行武漢肺炎議題辯論，有6位議員呼籲支持台灣參與世界衛生組織（WHO）機制及相關防疫會議，再次展現對台灣堅定友誼。《中央社》報導，新冠肺炎疫情持續升溫，歐洲議會人民黨團上週提出緊急決議草案，獲</t>
  </si>
  <si>
    <t>中央流行疫情指揮中心今(5)日公布國內新增6例COVID-19確定病例，分別為2例本土及4例境外移入；另確診個案中無新增死亡。指揮官陳時中表示，今天本土案例兩人為同住夫妻，這兩例都在新北市，衛生單位已經匡列接觸者50</t>
  </si>
  <si>
    <t>海軍疫情感染擴大，這讓網友不非常不能接受，灌爆國防部臉書，痛批國防部怎能在這時後出這大包，若防疫視同作戰！國防部已陣亡了！個有網友認為，國防部處理新冠肺炎的作為，有可能成為罷免高雄市長韓國瑜的變數。對</t>
  </si>
  <si>
    <t>國內新冠疫情出現趨緩，但仍造成逾6百人染疫病亡。旅美學者林環牆表示，迄6月27日止，台灣確診死亡率高達4.32%。是世界平均確診死亡率2.17%的兩倍，以台灣的醫療進步程度與經濟發展水準言，這個數字太反常了。他對此</t>
  </si>
  <si>
    <t>台灣帛琉旅遊泡泡2.0開放旅客前往施打帛琉疫苗，起先提供嬌生、輝瑞與莫德納3種疫苗，但當地的莫德納疫苗迅速用完。帛琉觀光局稍早宣布，10月份可提供旅遊泡泡的旅客選擇輝瑞和莫德納2種疫苗。根據帛琉衛福部的通知</t>
  </si>
  <si>
    <t>大陸因介殼蟲檢疫從3月1日起暫停台灣鳳梨輸入，突襲式的動作對兩岸局勢投下震撼彈。港媒評論表示，相較1月禁止台灣將含萊克多巴胺肉品輸入大陸，因這次鳳梨產區多在南台灣綠營票倉，蔡政府明顯反應更加強烈。評論質</t>
  </si>
  <si>
    <t>世衛組織(WHO)總幹事譚德塞(Tedros Adhanom Ghebreyesus)在通報會上表示，現在對新冠病毒已有更多的瞭解，這次疫情讓全球衛生系統不堪重負，破壞了全球經濟，並導致了社會混亂，估計新冠肺炎的致死率是流感的10倍。</t>
  </si>
  <si>
    <t>（16：00更新）韓國今（4）日下午再新增293確診，累計境內共5,621人染疫。值得注意的是，目前感染人數中，將近7成屬於集體感染。韓聯社報導，韓國中央防疫對策本部部長鄭銀敬今日表示，韓國境內新型冠狀病毒確診病例</t>
  </si>
  <si>
    <t>一名領有台灣身分證的女子，昨（14日）從上海搭機返台在松山機場入境，並在機場收下「居家檢疫通知書」，卻仍搭乘高鐵回高雄，遭高雄市衛生局開出舉發單，需在10天內陳述正當理由，否則最高開罰15萬元。據向高雄市衛</t>
  </si>
  <si>
    <t>拜登政府為了向全球展示美國對抗氣候變遷的決心，積極推動立法加速減碳，而最新目標轉向冷媒。美國環保署（EPA）近日頒布新法，目標在未來15年將冷媒採用的氫氟碳化物（HFCs）供應量減少85％。去年12月美國國會通過</t>
  </si>
  <si>
    <t>飛特立航空遭檢舉安排非編制內員工施打疫苗，交通部民用航空局漏夜比對員工名冊、健保資料等相關事證後，確認疫苗施打名冊中，有16位非現有編制員工，因此舉已違反規定，將依違反傳染病防治法，移請主管機關從嚴處罰</t>
  </si>
  <si>
    <t>新加坡是東南亞交通樞紐，往來旅客眾多，由於新冠肺炎持續延燒，致使新加坡疫情越發嚴重，截至16日為止患者已多達72例，當地許多活動紛紛取消，其中包括蕭敬騰（老蕭）原定4月18日的演唱會；至於韋禮安3月28日在金沙</t>
  </si>
  <si>
    <t>新冠肺炎疫情影響民眾出遊興致，卓蘭柑橘買氣明顯衰減，坪林社區自力救濟，將今年賣不完的桶柑加工製成果乾，獨家技術去除表皮精油苦澀味，保留柑橘的酸甜滋味，再透過網路銷售，除拓展銷路、延長農產銷售時間，也期</t>
  </si>
  <si>
    <t>「有線電視新聞網」（CNN）、「半島電視台」（Al Jazeera）等外媒26日報導，為避免來自印度的Delta新冠肺炎（COVID-19）變種病毒繼續傳播，澳洲已下令擴大封城範圍，除原先的第一大城雪梨（Sydney）和其東部郊區外，</t>
  </si>
  <si>
    <t>疫情加速醫藥創新，新藥技術開啟產業獲利之窗，帶領生技醫療產業未來成長可期。法人指出，新冠疫情加速全球醫藥革命，倘若未來疫情流感化，抗疫商機除各類疫苗外，治療新冠確診者的主力藥物未來銷售前景亦十分樂觀。</t>
  </si>
  <si>
    <t>台中市北屯區大坑里家庭群聚感染累計21例確診，首例72歲婦人（案7527）的78歲染疫丈夫（案7928）2日過世，成為中市首起新冠肺炎重症死亡個案。市長盧秀燕說，疫情期間民眾遭遇生離死別，她感同身受；市府將成為市民</t>
  </si>
  <si>
    <t>大陸國家衛健委21日公布數據顯示，6月20日0～24時，31個省（自治區、直轄市）和新疆生產建設兵團報告新增確診病例26例，其中境外輸入病例1例（在福建），本土病例25例（北京22例，河北3例）；無新增死亡病例；新增疑</t>
  </si>
  <si>
    <t>即使陸官方一再強調早已第一時間通報世界衛生組織疫情訊息，但至今仍遭多個國家懷疑隱瞞資訊，美方更揚言要對可能是病毒起源的武漢病毒研究所展開實地調查。至於WHO是否會對該研究所調查， WHO駐陸代表高立（Gauden</t>
  </si>
  <si>
    <t>日本捐贈124萬劑新冠肺炎疫苗給台灣，大陸國台辦也表態要捐疫苗，對此，行政院長蘇貞昌今（4日）下午回應，大陸疫苗依目前我國法律是不能進來。蘇貞昌說，對於任何關係國人健康的疫苗，政府都以非常嚴謹的態度，注重</t>
  </si>
  <si>
    <t>北京市新型冠狀病毒肺炎疫情防控工作第229場新聞發佈會今天舉行，北京市疾病預防控制中心副主任龐星火通報，今天（8月2日）0時至15時，北京市新增1例京外關聯本地新冠肺炎確診病例，為7月29日公佈確診病例的密切接觸</t>
  </si>
  <si>
    <t>美國總統川普周三說，他認為北京處理新冠肺炎疫情的方式足以證明，中方「無所不用其極」，就是要讓他在11月總統大選爭取連任時吃敗仗。據路透29日報導，川普在橢圓形辦公室接受專訪時說，他正就北京處理新冠肺炎疫情</t>
  </si>
  <si>
    <t>國內疫情不斷升溫，繼18日新增確診數「＋0」後，20日新增5例確診，包括東海大學、朝陽科大、潭子、沙鹿等5人確診，幸疫調都有國內熱區旅遊史，其中東海大學大一男生和萬華來的朋友吃飯後即發燒經採檢確診；但先前大</t>
  </si>
  <si>
    <t>歐洲職業足賽因為新冠疫情幾乎全面停擺，不少球隊也盼球員暫時降薪共體時艱。不過瑞士俱樂部錫永在協商後，因為部分球員拒絕減薪，竟一口氣砍掉9名一線隊球員，讓瑞士足球員工會（SAFP）痛批「粗暴」。「如果發生危</t>
  </si>
  <si>
    <t>盧廣仲去年舉行「大人中」世界巡迴演唱會後，原定今年將舉行2020春季巡演，於北中南Legacy舉行4場演出，不料近期新冠肺炎肆虐全球，盧廣仲所屬添翼音樂10日晚間於臉書發文，考量疫情發展與不確定性，確保每位觀眾與</t>
  </si>
  <si>
    <t>第73屆世界衛生大會(WHA)一致通過歐盟提出的應對新冠疫情決議案後，傳出大陸「被迫」加入成為共同提案國。大陸外交部發言人對此表示，個別媒體此一說法完全是的無稽之談。中方支持世衛組織應對疫情工作進行評估，但</t>
  </si>
  <si>
    <t>印度變異株（Delta）侵襲之下，新冠肺炎突破性感染頻傳，許多國家也開始接種第3劑疫苗。近期一項刊登於《新英格蘭醫學雜誌》針對BNT疫苗的研究指出，接種第3劑疫苗可提升對Delta的保護力，尤其對年長族群更為明顯。</t>
  </si>
  <si>
    <t>今天中午有26.5萬劑AZ到台灣，效期到今年12月7日使用上沒有問題，目前訂貨的1000萬來了267萬劑，AZ疫苗包括日本贈送的有500多萬劑、近600萬劑。中央流行疫情指揮中心指揮官陳時中表示，依目前進貨量來，AZ疫苗主要安</t>
  </si>
  <si>
    <t>新冠肺炎肆虐，歐洲成為重災區，總統蔡英文日前宣布捐贈歐美1000萬片口罩，其中包含歐洲700萬片，我國駐德代表謝志偉指出，他一整天不斷接到國會議員來致謝，甚至也對台灣被排除在世衛組織之外感到不能接受，這些外</t>
  </si>
  <si>
    <t>刑事局偵查第三大隊楊姓偵查員，20日因腹瀉，請假前往台北醫學大學附設醫院就醫並且在戶外篩檢區採樣核酸檢測，23日下午1時左右衛生單位通知楊員新冠肺炎核酸檢測(PCR)陽性確定。這是新冠肺炎疫情以來，全國刑事龍頭</t>
  </si>
  <si>
    <t>財政部8日公布2021年1月進出口統計，1月出口值為342.7億美元、創下史上單月新高，年增率則為36.8％，出口連七紅順利達陣。官員分析，關鍵在春節因素，2020年春節假期在1月底、但2021年為2月中，一來一往多三天統計日</t>
  </si>
  <si>
    <t>美國藥物開發商諾瓦瓦克斯(Novavax Inc)週五表示，英國將購買6000萬劑其冠狀病毒疫苗候選產品NVX-CoV2373，用於該國的3期臨床試驗。諾瓦瓦克斯在一份聲明中說，該公司與英國政府將合作進行該試驗，以評估該疫苗在英</t>
  </si>
  <si>
    <t>現效力騎士隊的籃板王德拉蒙(Andre Drummond)是個很大方的人！德拉蒙在佛州棕櫚灘的一家餐館給小費，出手居然高達1000美元(約台幣3萬)，相較之下他只吃了164美元的餐點。拿到小費的女侍Kasandra Diaz興奮得不知所措</t>
  </si>
  <si>
    <t>面對新冠肺炎疫情如臨大敵的NBA，絕對沒有想到爵士中鋒戈貝爾是壓到駱駝的最後一根稻草。專家預估，NBA宣布全面停賽之後的最終損失金額將高達10億美元。根據《富比世》統計，NBA在2018-19賽季總收入88億美元，比賽門</t>
  </si>
  <si>
    <t>國民黨主席江啟臣18日主持中常會，決議邀請「禿子、漢子、燕子」高雄市長韓國瑜、新北市長侯友宜、台中市長盧秀燕三人優先進入黨中央「11人決策小組平台」，決定國民黨未來與方向。新北市長侯友宜19日回應，抱歉目前</t>
  </si>
  <si>
    <t>大陸國家衛健委高級別專家組組長鍾南山5日表示，經過3個月的努力，新冠肺炎疫情在大陸獲得一定程度的控制，大陸進入低危險階段，但不等於沒有危險，提醒民眾不論在居家、公司或公共場所，都要保持一定距離，同時也不</t>
  </si>
  <si>
    <t>立法院三讀通過新冠肺炎特別條例後，總統蔡英文在4小時內就簽署法案，以利行政院儘速依法推動600億元特別預算案。預計行政院會在27日院會中通過特別預算案，院長蘇貞昌3月3日赴立法院備詢特別預算案，經過兩天委員會</t>
  </si>
  <si>
    <t>大陸四川成都一名機場工作人員，在未接觸確診者的情況下，感染Delta變異株，事後衛生單位疫調發現，他曾摸過確診者摸過的電扶梯扶手，兩人之間相隔105分鐘，且經基因定序後發現為同一個感染源。根據大陸周刊《瞭望》</t>
  </si>
  <si>
    <t>有鑒於新冠肺炎疫情肆虐，歐洲足球總會決定將歐洲國家盃延賽一年。■UEFA postpones Euro 2020 by one year because of pandemic.先前，歐洲各國足球聯賽早已受到疫情拖累而紛紛暫停賽事，包括英格蘭足球超級聯賽（Pr</t>
  </si>
  <si>
    <t>原先中央流行疫情指揮中心19日宣布高雄新增8個確診案例，其中確診者的職業包含退休老師、保險員、居服員、學生等，而一位6歲女童第一次採檢雖程弱陽性，但二採呈陰性，因此排除染疫，高雄改為新增7例確診個案，高市</t>
  </si>
  <si>
    <t>就算大陸CBA因為新冠肺炎疫情陷入無限期停賽，林書豪卻沒停止自己苦練不休腳步！林書豪6日在IG貼出自己努力練習全新投籃姿勢影片，更自嘲過往投籃動作有夠醜，不過豪哥最後沒忘記跟好友周杰倫嗆聲，「該你了吧，兄弟</t>
  </si>
  <si>
    <t>國內自上月起爆發一波新冠肺炎疫情，行政院也宣布全國進入三級警戒至6月14日。行政院長蘇貞昌今日表示，在審酌各部會意見後，已裁示全國三級警戒延長至6月28日。蘇貞昌指出，全國各級學校將配合停止到校上課到暑假，</t>
  </si>
  <si>
    <t>非裔男子之死點燃全美各地示威抗爭，美國疾病管制暨預防中心（CDC）已經提出警告，抗爭行動可能再一次引爆新冠肺炎疫情。不過示威人士說出心聲，認為疫情讓他們太無助，現在終於有一件事重要到能夠親自參與。明尼蘇</t>
  </si>
  <si>
    <t>穆迪投資者服務公司（Moody’s Investors Service）18日發布報告警告，新冠肺炎疫情延燒不僅對大陸經濟帶來影響，更可能拖累整個亞太地區成長放緩。而交銀國際控股公司（Bocom International）則認為，此次肺炎對於大</t>
  </si>
  <si>
    <t>新冠肺炎的病毒傳播力不容小覷，各國全都繃緊神經實施防疫作為。從特定國家返台的國人需須配合政策自主管理14天。不過日前有位媽媽控訴，她帶1歲女兒從南韓返台，她們急著要打疫苗，卻遭3家醫院拒絕，讓這名媽媽控訴</t>
  </si>
  <si>
    <t>網路再傳新冠肺炎相關疫情假訊息！有網友在20日下午於PTT版上發文，指親戚在竹市府上班，下午停班囉，疑似有確診案例，市府晚間發出新聞稿澄清並無停班情形，也無確診病例，並再次呼籲民眾勿傳假訊息，以免觸法。今</t>
  </si>
  <si>
    <t>嘉義縣水上鄉某鋁業工廠爆發10人確診的群聚感染，其中，50多歲工廠老闆娘案15760曾到嘉義市拜廟，30多歲男員工案15766曾來嘉義市耐斯百貨、家樂福北門店、順發3C量販店等5處趴趴走。嘉義市政府今天公布此2例確診者活</t>
  </si>
  <si>
    <t>中央流行疫情中心今日公布基隆新增14名確診個案，其中包含成功市場攤販妻子，小姑娘小吃店1員工、2消費者，另家快樂城小吃部也有3名員工確診，群聚感染仍在發生，基隆市長林右昌也呼籲，期望近期有到小吃店工作、消</t>
  </si>
  <si>
    <t>新冠肺炎疫情延燒，台灣超前部署受到肯定，美國商業雜誌《富比士》近日在官網列出各國抗疫有傑出表現的女性領導者，蔡英文總統名列其中。 蔡英文今天表示，關鍵在全體國人的團結一心，台灣的防疫才會有這樣的好成績</t>
  </si>
  <si>
    <t>原油價格已跌至2016年以來的最低水平，因為在OPEC與其盟國之間的價格戰中，新冠肺炎繼續對全球需求造成壓力，從而推動了供應過剩。截至紐約時間上午8:00，國際基準布倫特原油期貨價格下跌多達10％，至每桶30.49美元</t>
  </si>
  <si>
    <t>新冠肺炎全球大流行，民眾紛紛排隊搶購口罩，但嬰兒卻買不到，美國又有6周大嬰兒染疫身亡，讓家長擔憂，桃園議員都為嬰兒請命。衛生局長王文彥表示，嬰兒防疫採「被動防護」，呼籲大人「戴好戴滿」保護嬰兒。進出醫</t>
  </si>
  <si>
    <t>受新冠肺炎疫情影響，中職熱身賽及例行賽賽程都可能隨之變動，中職聯盟研判4月1日進行的6搶1資格賽會延期，因此提早做出應變措施，只要延賽或停辦，中職開幕戰都會改回原本的3月28日開打。今年中職賽程因應6搶1奧運</t>
  </si>
  <si>
    <t>自從去年新冠疫情在世界各地大爆發以來，台灣一直維持極低的感染人數。很不幸的，最近出現了大轉折，新冠疫情開始在台灣各地爆發，讓政府官員、醫療人員、社會大眾措手不及，恐慌及各種傳言四處快速蔓延。這讓我想起</t>
  </si>
  <si>
    <t>新北市今日新增2例，打破了昨日睽違96天迎來的零確診，新北市市長侯友宜昨日在防疫記者會上強調，面對疫情起伏應持平常心，一日的零不代表日後都會是零，也拿出將病毒阻絕於境外的決心，召集市內26間防疫旅館業者，</t>
  </si>
  <si>
    <t>對於台灣目前自豪的防疫措施，包括追蹤手機移動足跡、發送簡訊、管理居家隔離，朱學恒不厭其煩指出，西方世界都不敢跟進，因為這侵犯個資太過嚴重，到時候會有違憲國賠的問題啊！英國倫敦智庫「深入認知」（Deep Kno</t>
  </si>
  <si>
    <t>新北今天新增1例確診，新北市市長侯友宜今日於疫情記者會上宣布，新北將推出新北加倍券，可以把500換1千、1千換2千，甚至最高可以5千換1萬，每種券種都有限定份數，詳細的加碼細節將於日後再宣布。中央公布五倍券相</t>
  </si>
  <si>
    <t>本土疫情嚴峻，其中雙北屬「重災區」，尤其新北市每日確診數居高不下仍維持3位數，民進黨立委吳秉叡今(10)日在立法院質詢時問，為何新北確診數始終蟬聯全台第一？衛福部長陳時中表示，關鍵因素在於新北篩檢數量多，</t>
  </si>
  <si>
    <t>長榮航空三名機師「突破性感染」新冠病毒Delta變異株，不但造成一名機師兒子染疫，風暴也延燒到台中，讓兩名職場接觸者（空服員）及其9名親友遭到匡列隔離，繼日前接觸案16119空姐和其7名同住家屬解隔離後，另外接觸</t>
  </si>
  <si>
    <t>受新冠肺炎疫情(COVID-19,俗稱武漢肺炎)影響，全球確診人數正式突破百萬，其中單是美國一國就近25萬人確診，佔總數約四分之一。引起網友熱議「為何美國防不了肺炎疫情？」，有網友分析，恐是3大關鍵因素的直接影響所</t>
  </si>
  <si>
    <t>台北市長柯文哲6日在防疫記者會上宣布，關於校園接種計畫，國、高中會在校打疫苗，高中五專是9月22日至29日開打，國中是30日至10月6日開打，醫院會跟學校造冊聯絡，時間訂好，疫苗就送到哪校，會用2周來配對。柯文哲</t>
  </si>
  <si>
    <t>大陸國家衛健委26日數據顯示，25日大陸31省市新增新冠肺炎確診病例67例，均為境外輸入。這是近日大陸疫情數據緩和後又一次大增，幅度較24日增加逾40％。衛健委指出，3月25日大陸31省市新增新冠肺炎確診病例67例，均</t>
  </si>
  <si>
    <t>印尼雅加達東部公共秩序局（Satpol PP）宣布，將停止實施引發爭議的違反防疫規定懲罰措施--也就是強迫未在公共場所配戴口罩的民眾，躺入未蓋棺蓋的棺材中，從1數到100，以「感受死亡的威脅」。日前，在雅加達東部Pas</t>
  </si>
  <si>
    <t>新冠肺炎讓蒜頭帶來銷路！疫情發生以來，莿桐鄉農會蒜頭精被搶購一空，正加緊加工中。台灣蒜頭採收期約清明節，蒜商通常在採收前才到產地下訂，今年蒜商提前到雲林產地下訂，雲林縣蒜頭產量占全台九成，其中莿桐鄉又</t>
  </si>
  <si>
    <t>美國影音串流平台網飛（Netflix）製作的影集《指定倖存者》（Designated Survivor）第2季影集有一段劇情是說南卡羅萊州爆發不明流感，地方隱匿疫情，由於南卡居民以黑人為多，隱匿疫情是出於種族歧視。2019年播出的</t>
  </si>
  <si>
    <t>已把事業、生活重心轉往大陸的資深藝人黃安，常在微博評論兩岸時事，日前他回台過年，卻因新冠肺炎疫情回不去，只能繼續待在台灣的他，不僅上街跟民眾排隊買口罩，並持續在微博發文，更因港台還稱「新冠肺炎」為「武</t>
  </si>
  <si>
    <t>前國民黨主席洪秀柱開闢的「護憲保臺論壇－柱姐開講」，昨天邀國民黨立委唯一具有軍事專業背景的吳斯懷，探討當前疫情對國防安全的影響及對政府提出「超前部署」的真相，認為應在有法律依據下更具體與完整的行動方案</t>
  </si>
  <si>
    <t>全球新冠疫情自爆發以來已逾7個月，如今疫情並未減緩，反而有加速趨勢。據路透社統計，全球新冠肺炎確診於17日統計累計超過1400萬，也是首度100小時內增加100萬人染疫。此外，在單日確診中，此外，美國新冠疫情仍是</t>
  </si>
  <si>
    <t>微控制器（MCU）廠紘康（6457）及松翰（5471）雙雙公告3月合併營收，皆改寫單月歷史新高，大啖額溫槍訂單商機。法人表示，目前兩大廠訂單能見度已經看到今年中，後續月營收將可望持續改寫新高表現。此外，紘康目前更</t>
  </si>
  <si>
    <t>湖北的新冠肺炎疫情得到控制，先前疫情頗為嚴峻的浙江也好轉，但3月2日浙江新增新冠肺炎確診病例7例，戶籍皆為青田縣且均為境外輸入病例，都在義大利貝加莫工作。綜合陸媒報導，浙江省3月3日公布新冠肺炎疫情情況，2</t>
  </si>
  <si>
    <t>受新冠肺炎影響，各地媽祖祈福繞境活動紛紛暫緩，每年吸引數萬人參加的彰化媽祖祈福文化節，也在媽祖指示下延期改辦祈福法會，28日彰化萬景藝苑董事長陳蒼興，同為台灣祈福，敦請五明佛学院龍迦仁波切主法，在園區內</t>
  </si>
  <si>
    <t>2019年起全球新冠肺炎（COVID-19）疫情延燒，現先進國家已廣泛接種新冠疫苗，台灣上一年相安無事，不料近月台灣疫情開始延燒，對此台中市大里區立仁里長鄭伯其1日在臉書發文呼籲：不怕政府查水表的來發動，請認同的</t>
  </si>
  <si>
    <t>新冠肺炎疫情升溫，南韓全境擴散，確診人數不斷攀升，截至目前為止已達893例、9死，大邱也出現誇張的購買口罩的排隊人龍，當天141萬個KF94口罩，短短1小時就搶購一空。對此，就有網友好奇，為何南韓檢驗新冠肺炎可以</t>
  </si>
  <si>
    <t>新冠肺炎疫情持續升溫，大甲媽遶境續辦與否，成熱議話題！對此，淡江大學蘭陽校園教授兼全球發展學院院長包正豪認為，因為防疫，可以禁止台商包機返國、禁止醫事人員出國，為什麼不可以「因為防疫，禁止媽祖遶境活動</t>
  </si>
  <si>
    <t>疫情急速升溫，花蓮今天一口氣增6人染疫，其中5人是家族接觸，另1人北上聚餐染案。家族確診中1人是任職花蓮縣政府行政暨研考處採購行政女員工，她於本月15日與來自新北萬華區的舅舅接觸，期間家族有聚餐、打牌等近距</t>
  </si>
  <si>
    <t>日前美國總統川普在新聞發佈會上聲稱，俄羅斯送來的抗疫物資令他感到驚喜，隨後有俄羅斯官方媒體稱：俄政府根本還沒有宣佈。陸媒《澎湃新聞》報導稱，川普昨日稱讚了中國大陸和俄羅斯贈與的醫療援助物資，「我們與很</t>
  </si>
  <si>
    <t>內政部長徐國勇今天在立法院內政委員會宣布，已同意中央流行疫情指揮中心指揮官陳時中的要求，由政務次長陳宗彥擔任副指揮官。陳宗彥受訪表示，他他全力協助陳宗彥，做好協調各部會的工作。新冠肺炎疫情延燒，中央流</t>
  </si>
  <si>
    <t>中國大陸新冠肺炎（俗稱武漢肺炎）全球疫情遲遲未獲得有效控制，全球多國的經濟與日常生活，都受到影響，就連台灣國內，學生開學因此破天荒延期，不少在外求學必須租屋的學生，也受到這項變數影響。房市部落客Sway昨</t>
  </si>
  <si>
    <t>疫情嚴峻，全民防疫，如今戶外都必須戴口罩，運動也不例外，不過自疫情以來，國內外陸續傳出有人運動時戴口罩昏倒，甚至猝死的案例，到底戶外運動戴口罩時，需注意什麼？使用口罩支架會比較好嗎？有氣閥的口罩能夠防</t>
  </si>
  <si>
    <t>新冠肺炎（COVID-19）疫情流行至今，世界各國經濟與人民遭受重大損害。我國政府有鑑於SARS的經驗，超前部署，除增加國內口罩產能外，率先進行口罩管制，組建標榜全台灣製造的口罩國家隊與一系列供應鏈，在政府與國民</t>
  </si>
  <si>
    <t>全新變種病毒Omicron來勢洶洶，為了讓高風險對象獲得更完善的保護力，中央流行疫情指揮中心指揮官陳時中說，即日起開放第三劑，主要對象是第一到三類人員，只要第二劑打完滿五個月就可至指定醫療院所接種，且由於是</t>
  </si>
  <si>
    <t>美國政府捐贈的疫苗抵達台灣，美國在台協會今天表示，美國深知台灣此時此刻迫切需要疫苗的援助。本次疫苗捐贈展現了美國對台灣的承諾，台灣是可信賴的朋友，也是重要的安全夥伴。美台關係長久以來奠基於雙邊人民之間</t>
  </si>
  <si>
    <t>英國上周末發現新冠肺炎的新變種病毒，其傳染力更強而引發外界恐慌。但多位專家認為目前針對新冠肺炎而研發的多款疫苗，仍能有效地預防新變種病毒的感染。華盛頓大學醫學院「健康指標和評估研究所」（IHME）的肺科專</t>
  </si>
  <si>
    <t>為防止新冠肺炎疫情擴散，疫情中心要求展開各項防疫作為，外交部發言人歐江安今天表示，目前外交部及駐外館處均已完成規劃異地、遠距、分組辦公的不同方案與配套措施。外交部配合疫情指揮中心的指示辦理，並試疫情發</t>
  </si>
  <si>
    <t>確診新冠肺炎染疫的案32的非法外籍看護，不僅趴趴走，成為台灣防疫破口，隔離期間還誇張玩直播。中央流行疫情指揮中心昨公布其2月16至19日的活動史，她曾搭過3種大眾運輸，行蹤遍布北車、樹林、板橋等雙北10餘處。由</t>
  </si>
  <si>
    <t>台灣疫情如遍地烽火，光是昨日就暴增180例本土，其中6例住在彰化到台北萬華賣葡萄的一家人。指揮中心表示，經疫調後發現，賣葡萄的婦人（案1424）發病日為4月23日，較5月2日出現不適症狀的基隆婦女（案1217）還要更</t>
  </si>
  <si>
    <t>鑒於新冠肺炎疫情日益嚴重，七大工業國（G7）領袖周一（16日）緊急召開視訊會議，會後發布共同聲明，強調將緊密合作以對抗疫情，並推出支撐經濟所需的財政與貨幣政策。加拿大央行周一宣布新的挹注市場流動性措施，將</t>
  </si>
  <si>
    <t>新冠肺炎〈NCP〉肆虐全球，引發台灣出現「口罩之亂」，政府近日更推行「口罩實名制」的政策，也積極拓展生產線。近日有網友在PTT發文，曝光德國口罩的驚人的價錢，但有網友也透露天價背後的關鍵原因。一名人在德國的</t>
  </si>
  <si>
    <t>刑事局偵四大隊16日接獲衛生福利部疾病管制署轉報，指在抖音APP上，竟有民眾公開刊載「台灣已有數百人，因感染新冠肺炎死亡」的不實訊息，涉觸犯傳染病防治法第63條之規定。警方追查發現，行為人是一名14歲國中少女</t>
  </si>
  <si>
    <t>始終不願意在大眾面前戴口罩的美國總統川普在參觀已改生產口罩和其他醫療設備的福特工廠時表示，他終於克服厭惡感，戴上對抗新冠病毒的利器，但媒體只拍到他反覆的在看手裡的口罩，川普仍不願在鏡頭前出現他戴口罩的</t>
  </si>
  <si>
    <t>台中市15日開放前6類人員施打AZ疫苗，台中市衛生局長曾梓展17日指出，有3人在接種疫苗後死亡，另60歲男子因腎臟癌及糖尿病病史，醫師判定死因為重症引發急性呼吸衰竭。晚間再新增2例猝死個案，其中1名大雅區72歲的阿</t>
  </si>
  <si>
    <t>兩批AZ疫苗5日先後抵台，數量約81萬劑。中央流行疫情指揮中心宣布，第8輪公費疫苗接種將施打AZ，對象為已打過AZ、滿10周的第5、6類民眾，主要為75歲以上長者，以及警察、社福機構人員。對於高風險族群終於能接種第二</t>
  </si>
  <si>
    <t>新冠肺炎疫情在全球大爆發，確診病例激增，WHO終於宣布進入「全球大流行」。財經專家賴政憲看到古書預言嚇一跳：新冠肺炎可能會拖4年。賴政憲在談話性節目《驚爆新聞線》表示，古書《五公經》就有預言，這次新冠肺炎</t>
  </si>
  <si>
    <t>新冠肺炎的致死率到底要怎麼算才貼近事實？世界衛生組織（WHO）表示，致死率僅2％上下，且大陸以外的地區只有極少數人染病，要大家別過度反應。世衛的算法，是死亡人數除以確診人數，按照此算法，確實致死率僅2％上</t>
  </si>
  <si>
    <t>美國總統川普周二宣布，基於世界衛生組織（WHO）應對新冠狀病毒疫情的做法，他已經指示美國政府至少暫停為WHO提供經費。川普在白宮記者會上表示，WHO「未能履行其基本職責，必須為此責任。」他並表示，WHO宣揚了中國</t>
  </si>
  <si>
    <t>高雄銀（2836）走出慶富案陰影，2019年稅後淨利創7.74億元次高、年增61.48％，每股盈餘（EPS）0.72元。展望今年，面對降息及新冠肺炎疫情衝擊，總經理陳長義表示將持續強化風險承擔能力，並透過增量策略來緩解利差收</t>
  </si>
  <si>
    <t>中租-KY（5871）公布2020年1月自結合併營收46.98億元，雖因春節工作天數較少、中國大陸銷貨業務認列準則變更影響，較去年12月59.28億元減少20.74％、降至近11月低點，仍較去年同期45.08億元成長4.22％，改寫同期新高</t>
  </si>
  <si>
    <t>本土疫情不斷擴大，死亡人數已超過300人，疫情最嚴峻的新北市成各界關注焦點。新北市市長侯友宜過去多次蟬聯各大民調冠軍，市政上採取務實、盡量不與蔡政府對抗的路線，然這波疫情卻仍難逃綠營圍剿。港媒評論直言，</t>
  </si>
  <si>
    <t>台灣疫情仍相當嚴峻，前高雄市副市長李四川今（27）日在臉書發表514字長文，關心當前疫情狀況，他同時砲轟，中央流行疫情指揮中心諸多行為，「要這個政府何用」，許多網友大讚，說到心坎裡去了。李四川文中提到，防</t>
  </si>
  <si>
    <t>COVID-19的肆虐全球，以及美中貿易戰、科技戰的開打，加深了全球經濟發展的不確定性。不過，疫苗的接種、各國的解封等正面的因素，也使未來全球經濟的成長，有更好的期待。台灣當前面臨第二波疫情的衝擊，但在政府有</t>
  </si>
  <si>
    <t>突破性感染頻傳，甚至有境外移入個案混打3劑疫苗仍確診。精神科醫師沈政男表示，疫苗不是金鐘罩，打完疫苗也無法恢復正常生活，突破性感染得重症的機率是沒打疫苗者的75％。只能說疫苗保護力與非疫苗防護手段有關，</t>
  </si>
  <si>
    <t>日本共同社報導，日本政府今（5）日已開始規劃，暫停已經向來自大陸、韓國的旅客發放簽證的效力，未來還計劃要求來自兩國的遊客暫時不要前往日本。路透社也引述讀賣新聞指出，日本政府正在考慮中止已經發給來自陸、</t>
  </si>
  <si>
    <t>近來台灣鮪延繩釣協會接獲逾百名漁民陳情，直指遠洋漁業是邊境防疫一環，漁民應列入優先打疫苗類別，因目前有多國港口開放停靠，而船長年齡偏長有慢性病，若無疫苗防護，除增加感染風險，還會因海上醫療資源匱乏而有</t>
  </si>
  <si>
    <t>委內瑞拉反對派領袖瓜伊多（Juan Guaido）今天表示他確診2019冠狀病毒疾病（COVID-19 ），有輕微症狀。瓜伊多在自己的推特（Twitter）帳號表示正接受隔離，同時對委內瑞拉的確診數字表達憂心。瓜伊多寫道：「我想表</t>
  </si>
  <si>
    <t>歷經震驚各界的紛紛擾擾後，美國海軍高層已建議，讓因新冠肺炎爭議遭拔官的「羅斯福」號（USS Theodore Roosevelt，CVN-71）航母艦長克勞齊（Brett Crozier）復職。據美聯社與《政治》（Politico）新聞網24日報導，</t>
  </si>
  <si>
    <t>新冠肺炎疫情延燒，影響時尚圈明星、名人、時尚編輯參加歐美時裝周，不過仍有少數人照原定計畫出席活動。越南近日就出現多起確診，其中包含曾赴歐洲參加米蘭、巴黎時裝周活動的越南鋼鐵大亨女兒、名媛姊妹花阮娥（Ng</t>
  </si>
  <si>
    <t>以核養綠公投發起人黃士修今(14日)日於臉書表示，行政院長蘇貞昌的口罩禁出口政策引起民眾需求心理暴增，進而造成「口罩之亂」，統購統銷政策全面管制，更是一系列違反經濟學邏輯的決策。以下節自黃士修臉書：1月27</t>
  </si>
  <si>
    <t>新冠肺炎肆虐全球，隨著病毒不斷進化，Delta印度變異株已取代Alpha英國變異株，成為目前最流行株，傳播力強到就算接種2劑疫苗仍有機會感染，各國紛紛考慮施打第三劑疫苗。胸腔重症專家、北市聯醫陽明院區胸腔內科醫</t>
  </si>
  <si>
    <t>治療中的癌症病人因無法等待治療，必須頻繁進入醫院，感染新冠肺炎的風險比平常人更高，一旦染病還容易導致重症或死亡，和信治癌中心醫院及癌症病友團體呼籲政府，應將目前需予積極治療的癌症病友，列入7月起的疫苗</t>
  </si>
  <si>
    <t>美國首都出現首例新冠肺炎死亡案例記者許昌平報導當地時間3月20日，美國華盛頓哥倫比亞特區衛生部門宣佈，該地區出現首個與新冠肺炎有關的死亡病例。據海外網報導。據美國廣播公司、福克斯新聞網20日最新消息，死者</t>
  </si>
  <si>
    <t>新冠肺炎疫情不斷升溫，不僅亞洲各國相繼爆發群聚感染案例，國內的家庭群聚感染數目也來到6件，中央流行疫情指揮中心對相關密切接觸者已框列數百人，多位防疫專家也指出，隨著時間推移，台灣進入社區傳播只是時間問</t>
  </si>
  <si>
    <t>日本2019年第四季企業削減廠房與設備支出，加深該國經濟陷入衰退的擔憂。新型冠狀病毒疫情與全球成長放緩，使日本仰賴出口的經濟所承受的壓力升高。日本去年第四季（10~12月）企業支出年減3.5%，與第三季的年增7.1%</t>
  </si>
  <si>
    <t>受新冠肺炎（COVID-19）擴散影響，美股面臨回檔修正壓力，不過，對美股未來前景，仍有相當投資人保持信心。台新智慧生活基金經理人蘇聖峰就表示，美股基本面優於其他市場，如製造業ISM重回榮枯線50，企業去年第四季</t>
  </si>
  <si>
    <t>9月1日開學在即，但新北市昨爆出11例確診，10例是三峽群聚確診，其中5例是學生，引發不少老師、學生及家長擔憂，新北市教育局表示，10例是家族群聚，確診學生防疫期間都沒去上課，也沒到補習班，所以原則上對其他學</t>
  </si>
  <si>
    <t>(14：50更新)國內今日新增2名新冠肺炎境外移入個案，為30多歲本國籍男性(案605)及50多歲本國籍男性(案606)，分別自緬甸、印尼入境。其中，案605曾在緬甸確診，且在當地和案501及案505一起吃飯，研判為案501及案505的</t>
  </si>
  <si>
    <t>大陸國家衛生健康委員會3月20日公布，3月19日全大陸31個省和新疆生產建設兵團報告新冠肺炎新增確診病例39例，新增死亡病例3例（湖北2例、遼寧1例），新增疑似病例31例，新增治癒出院病例730例。在境外輸入確診病例方</t>
  </si>
  <si>
    <t>曾兩度獲選WNBA全明星球員的芝加哥天空中鋒史蒂芬妮(Stefanie Dolson)，上個月才被診斷出感染新冠肺炎，如今康復的她接受《紐約郵報》訪問表示，其實她的全家人都感染到新冠肺炎，其中以她的母親最為嚴重，所幸現已</t>
  </si>
  <si>
    <t>台灣醫界聯盟基金會執行長林世嘉表示，新冠肺炎疫情推動知識快速進展，帶來產業發展的新契機，應給予合數位科技，為抗疫下半場進行超前佈署。由醫界聯盟基金會與衛生福利部辦理數位醫療防疫專家會議登場！首場是數位</t>
  </si>
  <si>
    <t>雲林縣今（25日）出現第7例新冠肺炎確診個案，以及第14例外縣市確診者但有雲林縣足跡。確診者案5083，是麥寮鄉一家往返麥寮與汐止家的工程行老闆，他的妻子（案2776）19日在台北確診，但新北衛生局未通知雲林縣衛生</t>
  </si>
  <si>
    <t>美國食品藥物管理局（FDA）繼上周緊急授權使用血漿療法治療新冠肺炎病患後，近日考慮對尚未通過第三階段人體試驗的候選疫苗核發緊急使用授權，但強調絕非受到美國總統川普施壓。FDA局長哈恩（Stephen Hahn）受訪時強</t>
  </si>
  <si>
    <t>兩岸新型冠狀病毒肺炎的確診病患陸續痊癒出院，大陸醫界公布治療方案，中藥搭配西藥的綜合療法成為重要選項，其中，中醫方劑大多數源自中醫經典著作《傷寒論》，再根據患者病症調整，組成更有效的方劑，效果也經過中</t>
  </si>
  <si>
    <t>台資大陸廠自10日起力拚復工，包括台積電、聯電、國巨、華新科、玉晶光等指標性電子大廠陸續啟動復工，提振市場信心，15檔復工概念股動起來。統計10～11日公告復工或部分復工的上市櫃企業大陸廠區，家數已逾70家，台</t>
  </si>
  <si>
    <t>大陸國務委員兼外長王毅15日與西班牙外交大臣岡薩雷斯通電話，並承諾大陸將向西班牙提供新冠疫情新冠援助。王毅表示，大陸抗擊疫情已取得重要進展，讓疫情入趨緩期。不過疫情現在在全球多點暴發，西班牙確診人數也快</t>
  </si>
  <si>
    <t>華爾街知名經濟學家暨投行Evercore ISI董事長海曼（Ed Hyman）示警，新冠肺炎可能導致美國陷入經濟衰退，並將美國第二和第三季經濟成長預測砍至零成長。海曼1日在標題為「肺炎衰退」的報告中指出，「美國新冠肺炎確</t>
  </si>
  <si>
    <t>昨天(3/22)疾管署宣布新增16例新冠肺炎確診，分別為桃園市新增5例最多，台北市、新北市、台中市各3例，台南市、彰化縣各1例。昨天(3/22) 國內新增16例確診，13例境外、3例本土，有1老師、1長照機構護理師中鏢。從疾</t>
  </si>
  <si>
    <t>針對新冠肺炎在國際延燒，新北市政府今日動員各局處，並協請國軍支援，於新店央北社區舉辦全國也是國際首場大規模演習本場演習，設想狀況係針對平時居家防疫整備、居家檢疫關懷、零星個案確診、單一社區感染到大規模</t>
  </si>
  <si>
    <t>新冠肺炎疫情再起，外資12日拋售台股253億元，累積今年賣超達創紀錄的6,076.65億元，所幸政府多頭大軍12日緊急出動，大手筆護盤50億元，終場台股跌幅收斂，但仍失守年線及萬一。法人指出，雖遭國際資金離場亂流，但</t>
  </si>
  <si>
    <t>美國生技藥廠莫德納（Moderna）周一宣布已經向美國申請新冠肺炎疫苖的緊急使用授權，之後也將向歐盟申請許可。周一稍早前，莫德納宣布後期臨床試驗的完整結果顯示自家研發的新冠肺炎疫苖防護力高達94.1%，且未存在嚴</t>
  </si>
  <si>
    <t>新冠肺炎（COVID-19）持續在全球蔓延，造成民生問題恐慌，民眾除了買口罩，也有人開始瘋搶日常用品，英國一名媽媽好不容易買到18卷衛生紙，沒想到還沒使用，就被小孩子丟進浴缸變成「紙漿」，當場傻眼。英國目前確診</t>
  </si>
  <si>
    <t>新任湖北省委常委、武漢市委書記王忠林，14日就新冠肺炎疫情召開疫情防控指揮部視訊例會。王忠林強調，堅決打好武漢保衞戰。要求各部門將救治患者作為重中之重，繼續新建「方艙醫院」增加床位，配足配齊醫護人員和醫</t>
  </si>
  <si>
    <t>博通（Broadcom）周四表示，第四季財報可望優於預期，原因在於使用較貴晶片的蘋果新機即將上市，以及遠距辦公趨勢推升數據中心晶片需求。周五早盤股價上漲1.35％。蘋果晶片供應商博通亦指出，他們今年提高晶片產量的</t>
  </si>
  <si>
    <t>全球許多民眾皆視2020年為近年來最令人心痛的一年，除了許多國際級名人逝世之外，肆虐全球、至今造成6千5百萬人確診、150萬人病歿的新冠肺炎，不僅造成全球經濟衝擊，民眾生活型態也因此大為轉變。中時新聞網精選美</t>
  </si>
  <si>
    <t>疫情逐漸趨緩，全國陸續解封，但基隆市在防疫上仍採取較嚴格措施，市長林右昌今天下午宣布好消息，基隆已連續12天「嘉玲」，若接下來2天持續零確診，將評估開放籃球場、兒童遊戲場、大武崙沙灘游泳及家人在外共餐等</t>
  </si>
  <si>
    <t>新冠肺炎疫情尚未解除警報，高雄市又面臨漢他病毒威脅。衛生局今（28）日公布，新增1例漢他出血熱確診個案，30多歲居住在鹽埕區的男性，出現發燒等症狀，日前已康復出院，27日經疾管署研判確診，衛生單位針對工作地</t>
  </si>
  <si>
    <t>政府施行口罩限量實名採購制以來，許多都會區民眾仍須要排很久的隊才能買到或甚至買不到，但隨著口罩產量日增，衛福部長陳時中今天表示，考慮在學校配送口罩，讓家長不用去外面藥局買，此外也考慮針對企業施行預約制</t>
  </si>
  <si>
    <t>張理國／台北報導萬元紓困之亂，新北市一度將送9000件案件送到衛福部審核，政務委員龔明鑫今天表示，衛福部長陳時中不止一次與新北市長侯友宜通電，雙方的共識就要趕快合作。萬元紓困之亂，新北市曾把案件交由衛福部</t>
  </si>
  <si>
    <t>World Gym世界健身俱樂部屢爆確診者足跡，迄今累計台北站前店、長春店、內湖店，新北板橋雙十店、蘆洲店、永和店、永和民權店均淪陷，最新傳出台北大安店也有確診足跡，已於1日晚間8時至4日暫停營業，5日將重新開放</t>
  </si>
  <si>
    <t>台灣新冠肺炎疫情近來趨緩，不過何時能打到疫苗仍是國人關心議題，廖人帥上個月才宣布已經在大陸打到疫苗，昨（9日）在Instagram宣布已經接種完第二劑，並PO出手拿證明的自拍畫面，引發網友議論。廖人帥昨（9日）開</t>
  </si>
  <si>
    <t>新冠肺炎疫情爆發後，衝擊上市櫃公司2月營收，導致市場普遍對上月營收未抱持太大期待，然當中卻不乏有逆勢走強的個股出列，包括譜瑞-KY（4966）及立積（4968）等創下歷年同期新高的個股，短線上更易獲得資金青睞。儘</t>
  </si>
  <si>
    <t>紐約州州長古莫(Andre Cuomo)日前才出書，暢談新冠肺炎大流行期間如何抗疫與領導統御；孰料《紐約時報》4日卻爆料，古莫資深助理要求衛生當局在官方報告中，隱匿2020年6月護理之家已逾9,000人死亡的真實數字，最終衛</t>
  </si>
  <si>
    <t>新冠疫情全國三級警戒持續延長下，新力旺智慧精工研發製造的「立體裁奈米銅離子N95口罩」，送往英國劍橋大學生技實驗室測試，實驗室主持人直接把冠狀病毒噴到口罩上面，結果兩個小時之後去採樣，發現99.98％的冠狀病</t>
  </si>
  <si>
    <t>國內本土新冠肺炎疫情持續嚴峻，位於新北市瑞芳區的九份風景區今（6日）店家多直接關門，街道上冷冷清清，以往的遊客人潮、車潮已不復見。瑞芳警分局則表示，反而傳統市場及大賣場等處湧入大批人潮，已加強人潮、車</t>
  </si>
  <si>
    <t>繼好萊塢大咖影星巨石強森後，又有重量級影星確診新冠病毒。媒體報導，當年以吸血鬼愛情片「暮光之城」紅遍全球的好萊塢男星羅伯派汀森（Robert Pattinson），也傳出確診新冠，他參與的新版「蝙蝠俠」拍攝工作，也因</t>
  </si>
  <si>
    <t>北市大同分局傳出警備隊、勤指中心兩名員警確診後，4日又發現延平北路派出所一名員警也確診，警方緊急將全所30人隔離並進行快篩，也暫時將派出所關閉清消。警政署統計，今日又新增兩人確診，使總人數達39人，此外，</t>
  </si>
  <si>
    <t>大陸澎湃新聞17 日報導，江西省上饒市信州區一防疫封控區內的寵物狗被防疫人員「無害化處理」（撲殺）一事持續發酵。連日來，多家公益組織呼籲建立大陸全國性家養寵物隔離制度，15日，中國小動物保護協會公開表示，</t>
  </si>
  <si>
    <t>稍早湖人傳出壞消息，巨星詹姆斯(LeBron James)因觸發聯盟健康與安全協議，確定缺席對陣國王的比賽，而《TMZ》驚傳他有確診狀況，接受三次檢測，兩次呈陽性反應，無任何症狀，球隊已安排私人飛機載他回洛杉磯，據沃</t>
  </si>
  <si>
    <t>大陸南海研究院院長、大陸──東南亞南海研究中心理事會主席吳士存21日指出，新冠疫情重創美國，這當中也包括嚴重影響美軍的戰鬥力和部署。有報導說，目前美國至少150個軍事基地和4艘航母出現疫情。盡管如此，美軍近期</t>
  </si>
  <si>
    <t>據大陸福建省衛生健康委員會通報，12日0~24時，福建省新增22例本土病例，另新增境外輸入無症狀感染者2例，包括由台灣輸入1例（福州市報告）、英國輸入1例（廈門市報告）。截至12日24時，福建省累計報告境外輸入確診</t>
  </si>
  <si>
    <t>疫情嚴峻，全國學校停課不停學，校園在有限人力下仍須每日進行消毒工作，泰山高中師生共同發展「無人自駕消毒車」，自駕消毒車清晨6點會自動巡迴消毒校園，減輕清消人力負擔。校長李立泰表示，泰山高中去年繼研發校</t>
  </si>
  <si>
    <t>新冠肺炎全球肆虐，台灣確診案例破百，新增案例幾乎全為境外感染，中央流行疫情指揮中心宣布，自19日起，外國人禁止入境，本國人入境都須居家檢疫14天。在19日清晨搭乘捷星航空自新加坡來台的法籍旅客，在抵台後得知</t>
  </si>
  <si>
    <t>高雄連續19天「嘉玲」，但高市議員陳若翠21日揭露IKEA宜家家居高雄店一名銷售部門主管，7月15日出境返回馬來西亞時採檢為陽性，高市府接獲通報後，緊急匡列相關接觸者，並展開清消作業，對此，高市府衛生局表示，疫</t>
  </si>
  <si>
    <t>因應新冠肺炎疫情，國防部持續派遣化學兵部隊協助地方政府執行消毒工作，陸軍33化學兵群今日前往臺北市醫院、捷運站及重要車站實施環境消毒，許多一早出門上班的民眾，看到化學兵進行消毒工作，也紛紛拿起手機紀錄他</t>
  </si>
  <si>
    <t>英國媒體BBC在週四(26日)報導英國籍女子娜塔莉．道森(Natalie Dawson)及她男友在台灣隔離14天期間猶如監禁，提供的住宿及飲食都非常基本，不實的指控讓台灣網友氣炸，留言灌爆BBC的臉書貼文。外交部也向BBC澄清情侶</t>
  </si>
  <si>
    <t>新北市長侯友宜28日下午赴三重228和平紀念公園參加紀念儀式，與受難者及家屬一同向228事件亡者英靈紀念碑獻花致意，原本預計有130多位受難者本人及家屬出席，但因新冠肺炎疫情，僅23位到場。侯友宜到場後向受難者遺</t>
  </si>
  <si>
    <t>以色列向來標榜以科技治國，現在面臨新冠肺炎疫情的威脅，以色列想要動用國防科技來防疫。以國國防部宣稱，能用取得人們的手機資訊，再用間諜軟體分析出可能感染新冠肺炎的人，再針對這些人進行檢測。根據路透社報導</t>
  </si>
  <si>
    <t>名模黃百璐2011年閃嫁德籍老公孔友瀚（Johann），便搬到德國柏林居住，兩人婚後9年育有1對子女，不過近來卻在臉書透露在前年已與老公分居，但礙於疫情只能帶著孩子留在柏林，無法返回台灣，讓她發文感嘆：「超想回台</t>
  </si>
  <si>
    <t>新冠肺炎疫情持續升溫，全台累計確診22例中，中部就高達6例、包含全國首例重症死亡，一夕間中部淪為「肺炎重災區」，網路上真假訊息、謠言滿天飛，搞得民眾人心惶惶，加上開學在即，也引發部分家長焦慮，口罩、消毒</t>
  </si>
  <si>
    <t>受新冠肺炎影響，大陸每年3月初登場的全國「兩會」（全國人大、政協會議），今年將罕見延後舉行。大陸全國人大委員長會議和全國政協主席會議17日均建議2020年兩會延後召開，這是改革開放以來大陸全國人大會議首次延</t>
  </si>
  <si>
    <t>新冠肺炎疫情持續蔓延，目前全球確診人數已高達912,276例，其中美國共累計超過20萬確診病例，為全球最高，而各州政府為防疫，紛紛頒布「禁足令」，但竟有70名大學生無視防疫禁令，仍在2週前包機飛往墨西哥度過春假，</t>
  </si>
  <si>
    <t>3月28日清晨5時25分，武漢地鐵2號線常青車輛段，隨著一聲清脆的鳴笛，編號為「B68」的頭班車緩緩啟動，呼嘯著開進地鐵隧道，沉寂了2個多月的武漢地鐵重啟。約1小時後，6條線路184座車站同步恢復運營，截至17時，線網</t>
  </si>
  <si>
    <t>美國總統川普周五說，他已指示副總統彭斯（Mike Pence），別連絡那些不知為政府致力遏制新冠肺炎疫情蔓延而感激的州長。就在約翰霍普金斯大學（Johns Hopkins University）的統計數據顯示，美國新冠肺炎確診病例突破</t>
  </si>
  <si>
    <t>台灣有來自世界各地的美食，也有不少在地小吃，但有些料理因食材關係，所以相當少見。先前有民眾注意到台灣養殖漁業盛行，其中養甲魚技術好，甲魚又有益身體，但卻無法成為主流料理；有老饕秒解惑，直言「煮法不對」</t>
  </si>
  <si>
    <t>台北市今新增2例本土個案，其中案16254為士林區20多歲女性，在19日採檢為陽性，CT值34，衛生局說明，案16254曾在去年9月在國外確診治癒，在3月和7月都有回國，當時採檢都是陰性，並在6月24日接種過第一劑BNT疫苗，因</t>
  </si>
  <si>
    <t>8日桃園2起確診者相關死亡案件傳出，桃園衛生局長王文彥對此做出說明，其中一案死亡男性有多重慢性病且持續就醫，另一死亡案件為一名80歲婦人並且是確診者家人，並解釋之所以未被匡列，是因確診者表示症狀前3天未接</t>
  </si>
  <si>
    <t>「焦糖哥哥」陳嘉行今（1）日打完高端第二劑，並PO文表示「我要煩惱該去哪個國家玩了嗎？」一席話引爆網友論戰，貼文轉發至PPT後，鄉民瘋狂洗板吐槽，「只有印尼能去而已」。焦糖哥哥今早9點前往台北市新光醫院施打</t>
  </si>
  <si>
    <t>亞洲古國尼泊爾，向來給人靜謐祥和的感覺，但3日在首都加德滿都以南的藝術之都─拉利特普爾，爆發數千民眾與警察衝突的混亂場面，造成數人受傷。原來都是為了印度教和佛教一年一度的重頭戲─戰車節（Rato Machindranat</t>
  </si>
  <si>
    <t>針對美國研究使用抗瘧疾藥奎寧能夠治療新冠肺炎一事，中央流行疫情指揮中心指揮官陳時中淡淡指出，每次相關疫情的治療藥會被提出來，可是在臨床上都沒有達到效果，只能希望這次真的有效果，才可以幫助治療。對於奎寧</t>
  </si>
  <si>
    <t>新北市鶯歌區今日傳出BNT疫苗接種事故，25人遭施打未經稀釋的BNT疫苗原液，國內新冠疫苗專家提醒，接種未被稀釋過的BNT疫苗，所產生的抗體濃度是莫德納疫苗的5倍，對人體來說相當危險，擔心接種者會產生有如被火車撞</t>
  </si>
  <si>
    <t>2019冠狀病毒疾病（COVID-19，新冠肺炎）疫情大流行，瑞典政府採取放任措施，讓人民在自律行為下維持正常生活，享受日光浴、運動、上學、工作。但在4月21日，瑞典死亡病例新增185例，創疫情期間單日最大增幅，此前兩</t>
  </si>
  <si>
    <t>導電漿料廠—勤凱(4760)佈局5G相關介質濾波器導電漿有成，順利通過大廠認證，目前已開始出貨5G基站，成為公司營運成長新動能，受惠於被動元件、太陽能及5G相關應用需求強勁，勤凱目前產能滿載，業績可望自9月起展現強</t>
  </si>
  <si>
    <t>新冠肺炎全球肆虐，許多人待在家裡實在悶壞了，這時除了醫護人員逆行往疫區前進外，還有一種「服務」業，也不懼感染病毒往前衝。英國有名人妻應召女，就是開著露營車「前進」疫區，一天接7名客人，還嫌太少。她自比</t>
  </si>
  <si>
    <t>新冠肺炎疫情延燒，中央流行疫情指揮中心今宣布國內新增23例確診案例，其中21例為境外移入病例(4例與土耳其旅遊團群聚相關)、2例為本土病例(1例為埃及旅遊團個案接觸者)。指揮中心指揮官陳時中表示，目前國內確診案</t>
  </si>
  <si>
    <t>新北市公布今（7日）確診案例，其中案16153，於9月3日的19:00至19:15，和9月4日的17:00至17:15，曾至板橋區民生路的全聯長江店。全聯福利中心回應，針對政府公布確診者到過的門市，皆會使用高規格專業食安級清消作業</t>
  </si>
  <si>
    <t>COVID-19(新冠肺炎)疫情持續擴散，台股近期大幅下挫，周三收在最低點9218點，距10年線9,110點僅百點，國安基金決定將於今(109年3月19日)日召開臨時委員會議妥適因應，如有資本市場及其他金融市場失序或損及國家安定</t>
  </si>
  <si>
    <t>晶華（2707）國際酒店集團董事長潘思亮表示，此次新冠肺炎疫情造成的衝擊，是911、SARS、金融海嘯的總和，認為政府對於租金、稅金的減免程度應該高於以往，以「插管」拯救確診重症的觀光業。不過，他也認為此波疫情</t>
  </si>
  <si>
    <t>台灣大學今(26)日首度舉辦線上畢業典禮，校長管中閔以預錄影片發表致詞時提到，對於正在醫療前線奮戰的眾多醫護人員，務必心存感念，「他們是真正的英雄。只要大家共同努力，疫情終會過去，我們一定會贏得抗疫的最後</t>
  </si>
  <si>
    <t>漢來美食（1268）今（28）日召開股東常會，通過2019年財報及盈餘分派案，擬配發每股現金股利7元，其中以盈餘配發4.918元、資本公積配發2.082元。展望今年，公司以各式開源節流方式因應新冠肺炎疫情逆風，並按原定計</t>
  </si>
  <si>
    <t>全國新冠肺炎疫情警戒標準升至第3級，交通部觀光局公布各國家風景區、旅客服務中心、觀光遊樂業防疫措施，以及6月14日前的大型群聚活動取消延期資訊。國家風景區部分，封閉型景點部分，66處遊客中心、114處販賣店全</t>
  </si>
  <si>
    <t>新冠病毒在歐洲地區快速蔓延，就在英相強森向國人喊話「要有與所愛之人生離死別」的心理準備之後，政府團隊的首席科學顧問暗示，政府將放任讓近六成民眾染病，使普遍民眾獲得免疫。此消息一出立即受到廣泛抨擊，認為</t>
  </si>
  <si>
    <t>15歲葉姓特教生15日在學校上體育課時突然身體不適陷入昏迷，護理師立即CPR，但消防員獲報到場已失去生命跡象，緊急送醫仍宣告不治，葉姓少女21天前曾施打BNT疫苗，警方已報請檢方相驗，初步研判是神經異常引發的休克</t>
  </si>
  <si>
    <t>國際半導體產業協會（SEMI）19日公布發布年度半導體產業矽晶圓出貨預測報告，看好全球矽晶圓產業前景，預測出貨量2021年將創下歷史新高，且成長力道一路走強延續到2024年。業界預期矽晶圓供不應求且價格持續調漲，法</t>
  </si>
  <si>
    <t>新冠肺炎疫情持續在全球肆虐，台灣近日的確診案例皆有旅遊史，中央流行疫情指揮中心呼籲，國人非必要應避免出國。台鐵企業工會16日發布公告，呼籲1500名司機員暫時不要出國旅遊，一旦有任何一個人遭到感染，就會連帶</t>
  </si>
  <si>
    <t>(3/19 15：13更新)今天指揮中心宣布，因為案59北市高中生的同班同學確診，該校確診人數達2例，因此宣布自3月20日至3月27日，全校學生停課7天。昨天指揮中心公布了一名北市高中生遊希臘確診新冠肺炎，全班停課14天，</t>
  </si>
  <si>
    <t>首批BNT疫苗93.3萬劑到貨，目前有342.5萬人意願登記想打BNT，有不少民眾期盼下一輪是否會開放BNT預約接種，但中央流行疫情指揮中心發言人莊人祥今天透露，第八輪預約接種不是BNT，由於下周可能還有疫苗到貨，待確定</t>
  </si>
  <si>
    <t>不少人在接種第2劑新冠疫苗後，副作用表現得更明顯、嚴重，加拿大專家指出這很正常，是抗體與免疫系統雙重發揮作用的結果。加拿大環球新聞（Global News）報導，加拿大女子楊蓓佳（Becca Young，音譯）表示，自己接</t>
  </si>
  <si>
    <t>中央流行疫情指揮中心表示，國內今日無新增病例，已連續30天無本土病例，昨日新增363例新型冠狀病毒肺炎相關通報，截至目前累計通報6萬7千758例，其中440例確診，分別為349例境外移入，55例本土病例及36例敦睦艦隊。</t>
  </si>
  <si>
    <t>看好大陸車市需求提升與官方政策扶持，大陸乘聯會25日上調年初時的預估，預料2021年大陸新能源車銷量可望達到220萬輛，這項估計較2020年大陸新能源車銷量增長逾六成，顯見對今年大陸新能源車前景看佳。新浪財經25日</t>
  </si>
  <si>
    <t>不管是情侶、還是夫妻，兩人相處最重要就是互相尊重，一名女網友在網路吐苦水，表示自己平時在英國念書，因為新冠肺炎的關係回台灣，終於見到男友讓女網友相當開心，但兩人與朋友出去時，男友總愛叫她「留英」，直到</t>
  </si>
  <si>
    <t>高爾夫PGA美巡賽這個月恢復比賽，每一站比賽都會針對所有選手、桿弟、工作人員進行新冠肺炎病毒檢測，本周出現首位病毒檢測呈陽性的病例，是美國選手瓦尼（Nick Watney），大會也針對和他有近距離接觸的11人進行病毒</t>
  </si>
  <si>
    <t>新冠肺炎疫情持續擴大，就連知名病理學教授有不敵病毒肆虐病逝！根據美國華盛頓大學醫學院在推特宣布，病理學系核心成員史瓦茲（Stephen Schwartz）教授，因感染新冠肺炎身亡，享壽78歲。根據綜合外電報導，史瓦茲19</t>
  </si>
  <si>
    <t>台灣自5月中爆發大規模社區疫情，單日本土新增確診連續破百震驚全國，但自從升級三級警戒後，靠著疫苗施打及全民努力配合防疫，終於再度控制疫情，將本土疫情再度壓回個位數。一位網友佩服表示，「台灣人非常自律」</t>
  </si>
  <si>
    <t>高雄市府因應新冠肺炎恐釀社區感染風險，特別訂定5月3日要在四維及鳳山行政中心兩地，展開大規模「實兵推演」，並邀請中央流行疫情指揮中心陳時中蒞臨指導，衛生局長林立人今（27）日透透，上周五市府已發函給中央，</t>
  </si>
  <si>
    <t>義大利體育部8日緊急下達禁賽令，防止新冠肺炎疫情蔓延。所有賽事暫停到4月3日為止，但指標聯盟義甲接獲命令當天卻是照踢不誤，部長暴跳如雷。這也是沒辦法的事，英媒BBC指出，單是閉門1場就讓尤文圖斯承受300萬歐元</t>
  </si>
  <si>
    <t>新冠肺炎疫情接連在各國回溫，而且新增病例集中在40歲以下青壯人口，美國的兒童確診人數甚至暴增9成。年輕人感染新冠肺炎雖然多無大礙，傳染力卻不容小覷。新冠肺炎（英文：Covid-19，一稱武漢肺炎）疫情再度延燒，</t>
  </si>
  <si>
    <t>新冠肺炎病毒持續肆虐全球，我國駐外館處亦陸續出現確診案例，且有未歇趨勢。外交部與中央流行疫情指揮中心恐要提出更周全的防疫方案，以保護外交人員的生命安全。必要時，甚至通令關閉一些駐外館處的對外領務大廳，</t>
  </si>
  <si>
    <t>或許只有當災難來臨的時候，我們才知道什麼是真正的幸福。2020年的春天，註定會成為每一個中國人刻骨銘心的記憶。新冠肺炎疫情防控期間，城市如此安靜，可這安靜之下，卻湧動著1500萬天津人民的心跳聲。醫護員與百姓</t>
  </si>
  <si>
    <t>國際油價跌跌不休，首當其衝將是規模較小的石油生產國。國際能源署（IEA）警告油價崩跌，恐讓「脆弱」產油國的石油收入銳減高達85％。■The Paris-based agency said that countries such as Ecuador, Iraq and Niger</t>
  </si>
  <si>
    <t>受到新冠疫情衝擊，這1、2年醫療院所門診量大減，但仍有患者天天往醫院跑，2020年就醫次數之冠，是1名50多歲罹患骨關節炎、頭痛的男性，1年內就診839次，等於每天至少就醫2次以上。健保署統計，2019年就醫總件數3.7</t>
  </si>
  <si>
    <t>新冠肺炎疫情延燒，政府推出口罩實名制後，藥局仍可見許多排隊人潮。作家苦苓日前點出，現在還在排隊買口罩的應該只有四種人，引來許多議論。對此，挺韓五虎將之一的「杏仁哥」直言，有時候他常在想，這些只會挖苦人</t>
  </si>
  <si>
    <t>慧洋-KY（2637）4日公告，2月營收8.45億元，年減19.84％，累計前2月營收18.52億元，年減17.21％，2月單月稅前虧損為0.64億元，自結每股稅前虧損0.09元；累計前2月稅前虧損0.3億元，自結每股稅前虧損0.04元。慧洋指出</t>
  </si>
  <si>
    <t>杏一醫療(4175)3月合併營收4.97億元，較去年同期成長16.04%，第一季合併營收達14.35億元，較去年同期成長17.36%。隨新冠肺炎疫情持續延燒，杏一積極配合政府防疫措施，除了社區健保藥局配合口罩領用及民眾衛教，並在</t>
  </si>
  <si>
    <t>國軍敦睦艦隊發生群聚感染，磐石艦上共計有27名官兵確診新冠肺炎。台北市長柯文哲被問及此事時，他說軍人是國家命脈，該檢討就檢討，大家應坐下來開誠布公，該怎麼解決就怎麼解決。他說就他的專業來看，「這是危機」</t>
  </si>
  <si>
    <t>永捷(4714)受惠轉單效應，3月合併營收1億673萬元，年增2.4倍，第一季合併營收1億7441萬元，年增40%。永捷說，今年除了在國防類新產品開發已完成階段性認證通過，在新客戶開發上有顯著成效，預期可在未來帶進業績成長</t>
  </si>
  <si>
    <t>新冠肺炎（COVID-19）成為全球流行疾病，各國都相繼鎖國來控制疫情，尤其是義大利更成為歐洲最嚴重疫區，也因些讓各精品紛紛投入捐錢、捐物資給醫療機構，來守護第一線的醫療人員。在新冠疫情還看不到盡頭下，寶格麗</t>
  </si>
  <si>
    <t>新冠肺炎疫情延燒，中央流行疫情指揮中心今(12)日公布國內新增2例新冠肺炎本土病例，分別為本國籍30多歲男醫師(案838)及本國籍20多歲女護理師(案839)。消息傳出，各界議論紛紛。對此，同樣是防疫第一線的海巡人員格</t>
  </si>
  <si>
    <t>【愛傳媒黃珊珊專欄】每天的日常，早上七點半晨會，八點與中央指揮中心視訊會議，九點台北市指揮中心會議，中午出去看看防疫旅館與快篩站，下午兩點半工作討論會，三點半台北市政府記者會，四點到六點處理其他公文，</t>
  </si>
  <si>
    <t>18日大陸首度無新增本土確診病例，湖北以外省份，無新增死亡病例，並已連續7日無新增本土確診病例；最近7日，大陸境外輸入確診病例數占新增確診病例總數84.55％，國際疫情快速蔓延，也為大陸帶來輸入性風險增加。19</t>
  </si>
  <si>
    <t>去年以簽約金75萬美元加盟紅襪隊的「火球男」劉致榮今（24）日在臉書報平安表示，他已抵達位於佛羅里達州的春訓基地麥爾茲堡（Fort Myers），由於球團對新冠肺炎的防疫態度十分慎重，劉致榮先被要求隔離1周，以策安</t>
  </si>
  <si>
    <t>中華代表團近日在東京奧運奪下好成績，選手群表現亮眼，更讓全台掀起東奧熱，總統蔡英文更頻頻致電恭喜選手，對此，藍委李德維直言，「疫苗空窗期」已經山雨欲來，這或許就解釋了蔡英文為什麼要化身「蔡主播」，全民</t>
  </si>
  <si>
    <t>國內連續29天沒有本土疫情，是否能準備復辦大甲鎮瀾宮媽祖遶境？中央流行疫情指揮中心指揮官陳時中表示，遶境活動還是要繼續維持社交安全距離，戴口罩。目前來說，他還不贊成這麼快就舉行這麼大型的活動。陳時中說，</t>
  </si>
  <si>
    <t>香港10日新增5例新冠肺炎輸入個案，當中包括3名男患者為機組人員，港專家指出，未來21天要小心，有病徵人士要盡早就醫或檢測，希望盡早發現社區傳播鏈，避免爆發第5波疫情。香港大學感染及傳染病中心總監何栢良今（1</t>
  </si>
  <si>
    <t>明達醫(6527)2019年稅後淨利9107萬元，年增3成，以加權股本計算，每股盈餘約4.2元，董事會決議，每股將配息2.55元，現金殖利率約4%。明達醫去年大陸去年營收占比約13%，相較前一年的4~5%成長，大陸新冠肺炎疫情衝擊</t>
  </si>
  <si>
    <t>南投縣6月9日新增3例確診個案，皆為東方紅案5450之同住者，分別為案12029男性88歲、案12030女性84歲及案12031女性53歲，由於3位為5月24日至6月7日居家隔離期間之第2次核酸（PCR）檢測確診，固無公共場所活動史。縣府</t>
  </si>
  <si>
    <t>雙北研議共同防疫，但從防疫旅館、關閉場館等種種措施都不同調，新北市長侯友宜今出席活動時更重申，沒有所謂資源要不要用盡的問題，關鍵時刻就是要用盡全部力量，否則大規模社區一旦感染發生，得了病想救都沒機會；</t>
  </si>
  <si>
    <t>精選《中時新聞網》5件不可不知的國際大事，帶讀者掌握今天(2月19日)的國際新聞重點。【1】各國防疫反應過度？專家曝新冠病毒可怕關鍵大陸新冠肺炎確診病例數仍持續攀升，包括美國在內，全球多國對陸實施入境限制措</t>
  </si>
  <si>
    <t>新冠肺炎持續在中國市場造成影響，系統廠春節後的復工時間仍受到衝擊，智慧手機出貨量亦同步減少。三星在此之際利用越南廠產能擴大出貨及搶攻市占，持續蠶食大陸品牌手機廠市占，三星因此擴大對零組件供應鏈下單，神</t>
  </si>
  <si>
    <t>年輕族群陸續接種疫苗，一名24歲的女網友上午打完AZ後，晚上開始出現發燒、全身痠痛等症狀，隔天清晨要上廁所時，突然眼前一片黑，甚至失去意識，嚇得她在好轉後趕緊到醫院檢查，貼文一出引起熱議，許多處在搖滾區的</t>
  </si>
  <si>
    <t>彰化縣16日添1例確診，鄉親失望，沒有打破連續4天零確診的紀錄，但是確診在匡列範圍，病毒沒有外擴的危險。衛福部長陳時中表示，今天本土新增29病例、3例境外移入、4人死亡。彰化縣在連續嘉玲之後，10日主動篩檢出1</t>
  </si>
  <si>
    <t>本土疫情趨緩，傳染病防治網台北區副指揮官、台北市立聯合醫院總院副總院長璩大成今天出席疾病管制署「感染管制與防治策略研討會」，談到5月中旬北市爆發大規模本土疫情時，團隊認知到過去習慣的「傳統疫調」已無法</t>
  </si>
  <si>
    <t>台新投信今（21）日表示，在新冠肺炎的黑天鵝衝擊下，全球金融市場普遍難以倖免面臨修正潮，但新興短期高收益債發揮「短天期低波動」及「高息收」優勢，深具抗跌力。台新投信指出，在雷曼事件、美國降評、油價重挫、</t>
  </si>
  <si>
    <t>Big City遠東巨城購物中心因應新冠肺炎疫情，2月起即建立完善防疫機制，9日起更提升防疫等級實施顧客入館量測體溫與管制，除了部分入口以人工進行額溫量測外，更斥資約150萬添購3台熱像儀，打造全年齡消費者最安全無</t>
  </si>
  <si>
    <t>新冠肺炎病例不斷增加，尤其大陸不時傳出醫療緩不濟急的消息，武漢當地居民更是人人自危。一名住在華南海鮮市場附近的武漢高中生指出，封城後他與家人都足不出戶，一家人每天靠做3件事躲過感染。這名學生接受《中新</t>
  </si>
  <si>
    <t>自從新冠肺炎疫情發生以來，大陸各界專業人士紛紛加緊研究腳步。有專家研發出最新檢驗病毒的試劑，可在90分鐘內完成六種呼吸道病毒檢測，而且靈敏度比原本的高三倍，並能在30分鐘內確認病患體內是否有抗體，能有校幫</t>
  </si>
  <si>
    <t>日本捐贈124萬劑AZ新冠肺炎疫苗昨運抵台灣，新北市長侯友宜今（5日）前往五股視察全市首座大型室內疫苗接種站，他表示，新北市大、中型的疫苗接種站總共有23處，整個安排的動線跟順序都非常清楚，整個作業的流程、SO</t>
  </si>
  <si>
    <t>新華社報導，大陸國家主席習近平23日晚間先後與法國總統馬克洪、埃及總統塞西、英國首相強森通電話，表達對各國新冠肺炎疫情的關切。習近平介紹大陸疫情防控形勢，強調願同各方一道加強在聯合國、20國集團等架構下協</t>
  </si>
  <si>
    <t>◎堵住疫情漏洞 防疫車隊上路交通部長林佳龍2日於臉書宣布，目前陸、港、澳、韓、義、伊朗等國家入境旅客都需要「居家檢疫」14天。從機場入境後，就不能搭乘客運、軌道運輸等大眾運輸工具。長程旅客如何返家，才不會</t>
  </si>
  <si>
    <t>武漢肺炎肆虐，大陸政府從1月23日開始封鎖武漢，至今將屆滿一個月。據陸媒最新報導，武漢發布消息，城市運行、生產生活、特殊疾病治療等原因必須出城的人員以及滯留在漢外地人員（以下簡稱出城人員）可以出城，但要</t>
  </si>
  <si>
    <t>就在未接種新冠疫苗的民眾確診率飆升之際，美國新冠肺炎首席專家佛奇（Anthony Fauci）警告，美國正朝「錯誤的方向」走。據BBC新聞網26日報導，Delta新冠變種病毒在接種率低的區域攀向感染高峰。佛奇說，衛生官員為</t>
  </si>
  <si>
    <t>《衛報》7月1日消息，川普政府已經向吉利德（Gilead）購買了超過50萬劑瑞德西韋（remdesivir），這是吉利德公司7、8、9月份所有產能的90%。預計在接下來的三個月里，除美國以外的其他國家將很難買到該治療藥物。專家</t>
  </si>
  <si>
    <t>檢視台股上市櫃3月合併營收創新高，且外資進場搶先布局的個股有台積電、京元電子等15檔，其中半導體及防疫概念股為兩大族群。3月合併營收創新高的個股有52檔，其中外資近五個交易日提前布局的依序是台積電、京元電、</t>
  </si>
  <si>
    <t>法國衛生部星期六公布最新新冠肺炎疫情數字，將近4500人確診新冠肺炎，其中300人住加護病房，91人死亡。隨後，法國總理愛德華·菲力普(Edouard Philippe)也對外宣布: 從星期六午夜開始，全國大部分商店、餐廳、遊憩場</t>
  </si>
  <si>
    <t>三星(Samsung)今年下半年預計推出的 Galaxy Note 20 系列，到底有幾款？先前曾經爆料，指出蘋果不會在新一代 iPhone 中採用 LTPO(低溫多晶矽氧化物)技術的 Display Supply Chain Consultant(DSCC) CEO Ross Young，</t>
  </si>
  <si>
    <t>案379新冠肺炎確診者為一名酒店公關，疫情中心發言人莊人祥表示，目前其接觸者有71位，已經採檢5位，其中3例為陰性，另2位尚檢驗中。莊人祥指出，疫調部分還在持續進行，將針對目前可掌握的工作人員還有客人部分進行</t>
  </si>
  <si>
    <t>台灣新冠疫苗荒，出現民眾赴美打疫苗現象，也有報導稱近期有不少民眾希望能赴大陸接種疫苗，大陸國台辦今天稱，「願意盡最大努力提供幫助」，對搭乘民航客運航班來大陸的台胞，在嚴格執行入境防疫規定、自願和知情同</t>
  </si>
  <si>
    <t>第56屆金鐘獎頒獎典禮於2日舉行，電視劇《斯卡羅》的導演曹瑞原，擔任本屆金鐘獎擔任評審委員會主委，以及金鐘典禮頒獎人，他在頒發最後2個獎項時，向衛福部長陳時中喊話，希望找衛福部來拍片，對此陳時中回應，找羅</t>
  </si>
  <si>
    <t>高雄市長陳其邁砲轟新北市疫調缺失，導致高雄群聚感染，三峽恩主公醫院被推上砲口，醫護人員士氣大受影響，一位恩主公醫院專科護理師請新北市議員葉元之轉發護理部主任鼓勵同仁的信，希望讓更多民眾知道真相，也希望</t>
  </si>
  <si>
    <t>萬華阿公店疫情持續升溫，14日又公布有16例確診，據當地業者表示，其中1名50多歲的染疫女子，是三水街「313」茶藝館的「伊拉客」，花名是「跳跳」，伊拉客就是阿公店派駐街頭，向往來民眾拉客的女子，因嚴重影響市容</t>
  </si>
  <si>
    <t>新冠肺炎疫情全球擴散，不少出國者返台染疫遭撻伐，台南市長黃偉哲日前急令兩名出國旅遊公務員停休返台，其中1人蜜月旅行泡湯，台南市警3分局偵查佐王詠程新婚，原定出國到奧地利度蜜月，碰上新冠肺炎疫情，自行改成</t>
  </si>
  <si>
    <t>許多民眾對AZ疫苗的保護力抱持懷疑的態度，胸腔科醫師蘇一峰分享最新研究數據指出，英國大規模施打後發現，打2劑BNT可預防88.0%的Delta病毒株感染、打2劑AZ則可防67.0%的Delta病毒株感染，雖然兩者數據有差異，但研</t>
  </si>
  <si>
    <t>中國湖北省即將解除封城，預計還會有一波台商返台潮，外界不禁擔憂是否能防範？醫師指出，有些台商的確可能帶著病毒回來，這是下一波挑戰。中央流行疫情指揮中心指揮官陳時中表示，入境一樣都要據實申報，有吃藥和有</t>
  </si>
  <si>
    <t>日本政府今天證實，出現第一起新冠肺炎死亡病例，死者是一名居住在神奈川縣的80多歲女性。這也是除了菲律賓外，全球第二宗在大陸以外地區的新冠肺炎死亡案例。日本厚生勞動大臣加藤勝信在記者會中表示，死者並無海外</t>
  </si>
  <si>
    <t>女星賈永婕持續為台灣醫護送暖，昨（21日）不畏高溫，帶著全家人駕車到基隆礦工醫院送餐和飲料，賈永婕表示這是第一次全家一起出動，兒子因可多玩一小時電動終於加入行列，雖然有在幫忙，不過被媽媽抓包表情不太對，</t>
  </si>
  <si>
    <t>伊朗衛生部證實週三有兩人初步確診新冠肺炎，這是伊朗首度通報新冠肺炎的案例。兩起確診病例都出現在伊朗首都德黑蘭南方的什葉派聖城庫姆(Qom)，病患都是伊朗人。而當日稍晚，庫姆醫科大學負責人向媒體表示，這兩名</t>
  </si>
  <si>
    <t>由於越南新冠肺炎疫情升高，越南總理阮春福21日宣布，即日起暫停所有國際航班入境，但未說明期限至何時為止。據路透報導，阮春福發表聲明說：「越南將暫停所有搭載外國乘客的航班服務，這是為了減少入境旅客數量。」</t>
  </si>
  <si>
    <t>台灣企業永續學院主辦的「2020年第13屆台灣企業永續獎」（TCSA）今進行頒獎，中華航空連續7年摘下「台灣企業永續獎」，長榮航空則再次拿到《企業永續報告類–運輸業白金獎》，並首度獲頒《企業永續綜合績效類–台灣TOP</t>
  </si>
  <si>
    <t>廣告主要為了吸引人關注，因此圖片與字形設計，顯得格外重要。日本中華料理連鎖店「餃子的王將」，為了新冠肺炎防疫措施，日前在店門口貼海報，表示只要外帶商品可享10%折價，明明是開心的優惠活動，但由於字形相當</t>
  </si>
  <si>
    <t>過去曾在1983-1985年非洲衣索比亞大飢荒。為援助饑民，美國歌手推出合唱歌曲We Are the World（天下一家）將專輯版稅捐作賑災用途。隔年。1985年台灣光復節40周年召集台灣60位華語歌手共同錄唱《明天會更好》並推出</t>
  </si>
  <si>
    <t>NFL例行賽還沒開打就有球員嚴重違規，海鷹隊菜鳥席弗藍德(Kemah Siverand)因為偷帶女人進入球隊飯店，直接被球團宣布開除。NFL球隊目前在訓練營，雖然他們例行賽不打算採用隔離式的「泡泡」來阻擋新冠肺炎，他們仍然</t>
  </si>
  <si>
    <t>新北市侯友宜今（26日）主持疫情說明會，全市新增0例確診，居家列管數55人，今天可解隔2人，目前新北市疫情近2周多為0，但也不能太輕忽疫情，侯強調，國外疫情仍嚴峻，必須要阻絕於境外、要戒慎恐懼面對疫情。侯友宜</t>
  </si>
  <si>
    <t>46歲性感女星唐玲身材火辣、大方健談，經常穿梭在各大綜藝節目，前年卻悄悄淡出，原來她得了胃癌，眼見最近本土疫情升溫，主治醫師派去前線支援篩檢，唐玲也擔心醫院量能不足，遲遲不敢回診。唐玲2年前被診斷出胃癌</t>
  </si>
  <si>
    <t>針對海軍敦睦艦隊發生新冠肺炎群聚感染，其中1名確診官兵曾經到過屏東大學，即刻啟動疫調，發現確診個案是音樂系校友，16日夜間到校參加社團活動，地點為屏師校區表演廳一樓弦樂社，未曾到過其他校內場所，當天直接</t>
  </si>
  <si>
    <t>國內新冠肺炎確診人數日益增多，因此從國外回到台灣的旅客都要進行隔離檢疫，而在機場工作的人也無不小心翼翼，但今（28）日傳出觀光局桃園機場旅客服務中心的一名男員工，因身體不適就醫後確診為新冠肺炎病例。根據</t>
  </si>
  <si>
    <t>Omicron變異病毒株日前於我國邊境發現，為加緊防範變異病毒株入侵，中央流行疫情指揮中心今天表示，目前已於夜診、部分車站開放符合資格的民眾接種第三劑疫苗，目前符合接種資格的第一至三類人員共六萬多人，目前已</t>
  </si>
  <si>
    <t>鈺太(6679)第二季營運受惠疫情下帶動的居家商機，NB市場活絡，有助於鈺太MEMS(微機電系統)麥克風出貨，長線也在窄邊框NB滲透率看俏下，於產業界具有發展優勢，除NB市場外，鈺太在無線藍芽耳機(TWS)、遊戲機以及智能T</t>
  </si>
  <si>
    <t>全球新冠肺炎疫情不見趨緩，影響民眾出門意願，產業多少都受衝擊，就連靠著各界善款支應的社福團體也不例外，小額捐款數目急凍，在開源不易、只能靠著節流度冬，屏東創世近日拆掉一半燈管力拚省電，因為不知道防疫還</t>
  </si>
  <si>
    <t>雙北本土病例大爆炸，馬偕醫院今起公告「登記居住於萬華、板橋者」不得入內就醫，但仍在院外設置就醫門診，卻被民眾誤解為全面禁止，質疑馬偕涉嫌歧視；對此新北市長侯友宜今主持防疫會議受訪表示，他目前沒有聽說這</t>
  </si>
  <si>
    <t>本土疫情未降溫，行政院長蘇貞昌承諾的「第一季到貨2000萬劑進口疫苗」至今僅到貨87.66萬劑，到貨率不到5％；即使加上今（4）日下午預計從日本運來的124萬劑AZ疫苗，也僅達承諾的1/10。立委指政府的「疫苗支票」至少</t>
  </si>
  <si>
    <t>因著新冠肺炎的影響，一年一度的西班牙巴塞羅納世界通訊大會MWC也取消以後，各大廠商都改以網路發表會來公布品牌最新產品，像華為就在24日晚上發表了全新升級版5G摺疊手機HUAWEI Mate Xs，而其他陸牌手機如OPPO也將</t>
  </si>
  <si>
    <t>中國大陸24日宣布，湖北省除武漢市以外解除封城禁令，武漢市規畫4月8日跟進。法人指出，陸官方解封，顯示當地疫情已見減緩，隨著對外交通恢復，復工生產進度加快，就供給端而言，可望以PCB族群受惠程度最高，搭上台</t>
  </si>
  <si>
    <t>射頻元件及功率放大器（PA）大廠Skyworks墨西哥封測廠受到新冠肺炎疫情影響，被當地政府要求停工至4月底。雖然Skyworks手中仍有庫存因應市場需求，但考量到封測廠停工若延長至5月，將對全球PA元件供應造成衝擊。據了</t>
  </si>
  <si>
    <t>新冠肺炎本土疫情延燒，全國三級警戒自5月19日實施至今已逾1個月，中央宣布再延長至7月12日，百工百業衝擊大，專門照顧植物人的創世基金會哀嚎成為「重災區」，因為植物人的所需開銷8成來自各界捐款，如今捐款斷崖式</t>
  </si>
  <si>
    <t>《中時新聞網》精選5件不可不知的國際大事，帶讀者掌握今（27）日的國際新聞重點。【1】生死成謎！南韓總統顧問：金正恩依然健在北韓領導人金正恩許久未公開露面，生死行蹤成謎，美媒盛傳他已經成為植物人，也有報導</t>
  </si>
  <si>
    <t>新冠肺炎國內確診病例目前仍以境外移入為主，不過專家表示，相較於外出無時無刻不戴著口罩，在家中密閉空間，若沒有做好徹底防護，家裡可能比外面還危險！防堵大規模社區傳播是目前台灣的防疫關鍵，《Heho健康》報導</t>
  </si>
  <si>
    <t>新冠肺炎持續肆虐全球，也打破台灣長達1年多的平靜日常，掀起本土確診潮，醫療量能因此吃緊，所幸民間也以各自的方式努力送上後援，女星賈永婕就向各界親友募款買救命神器捐給全台醫院，還天天親自送便當，如今雖暫</t>
  </si>
  <si>
    <t>新冠肺炎疫情持續升溫，各國為防堵疫情疲於奔命，台灣方面，近來確診案例多屬境外移入，其中，一對先後從美國返台的夫妻引發熱議，理由是2人30年來鮮少回台灣，且早在搭機前就都出現染疫症狀，先生雖先一步抵台後確</t>
  </si>
  <si>
    <t>美國商務部周五公布1月個人所得創11個月來最大月增幅，個人支出符合市場預期，至於個人消費支出物價（PCE）指數持續上升，但仍低於Fed通膨率目標。相關數據顯示，新冠肺炎疫情未爆發前的美國經濟仍穩定成長，但消費</t>
  </si>
  <si>
    <t>新北幼兒園群聚案今天新增2人確診，累計32人染疫，其中21人的基因定序結果是Delta，而居住在台北市的裝修工人（案16168）與妻子也在其中，疫情指揮中心醫療應變組副組長羅一鈞表示，兩人病毒序列，都與幼兒園病毒序</t>
  </si>
  <si>
    <t>新冠肺炎疫情重創餐旅業，台中多家知名餐廳推出便當外賣，昔日單人消費800到1000元才吃得到的經典名菜，濃縮在盒飯中，還200元有找，討論度破表，其中粵菜名店与玥樓推出198元便當，單日狂銷400份；以藝鴨三吃聞名的</t>
  </si>
  <si>
    <t>大陸國家衛生健康委員會週二公佈，8月10日31個省（自治區、直轄市）和新疆生產建設兵團新增新冠肺炎確診病例44例，其中境外輸入病例31例居高不下，具體為陝西9例，上海8例，山東6例，廣東3例，甘肅2例，河北1例，黑</t>
  </si>
  <si>
    <t>《The Athletic》權威記者查拉尼亞13日凌晨搶先爆料，NBA本季復賽具體賽程已經全部出爐，除了本季例行賽將於7月31日開打，總冠軍賽預計也在10月1日到14日期間進行，不過《紐約時報》記者史坦同時爆出，各隊將先進行3</t>
  </si>
  <si>
    <t>新冠肺炎疫災襲擊全球，嚴峻的防疫挑戰成為重要議題，宏碁（2353）9日宣布將參與由科技部規畫、國防醫學院建置之防疫科學研究中心（Research Center for Epidemic Prevention Science）研究計畫，雙方並將合作透過智</t>
  </si>
  <si>
    <t>素有保險奧斯卡，由金管會及行政院消保處指導、保發中心主辦的「第九屆台灣保險卓越獎」4日宣布起跑，保發中心董事長桂先農表示，2021年將以綠色金融、ESG為新的亮點。桂先農表示，保卓獎是2005年創立，每二年舉辦一</t>
  </si>
  <si>
    <t>繼台北市長柯文哲先前發出「特赦令」，呼籲5萬無證移工「出面篩檢、就醫不會抓捕」，移民署宜蘭服務站也針對在4月21日至5月14日曾經出入萬華或周邊地區的失聯移工提出「安心採檢防疫專案」，強調「不收費、不通報、</t>
  </si>
  <si>
    <t>中央選委會主委李進勇在日前南下了解罷韓投票防疫演練時表示，高雄市要洽借的國立大學、國公營單位場所如果借不到，「我這顆頭剁給你！」在疫情仍持續緊張之際，這種偏頗、情緒性的發言，恐已嚴重傷害了中選會的獨立</t>
  </si>
  <si>
    <t>一個月前，全球將新加坡視為控管新冠肺炎(COVID-19)的模範生，對感染者後續處理的「黃金標準」獲得讚賞，但從3月中開始，新加坡確診案例飆升22倍，從266例增加到5992例，其中有60%是外籍移工，顯示新加坡忽視移工這</t>
  </si>
  <si>
    <t>國內疫情持續升溫，本土今（20日）再新增286例確診。眼看全國進入第三級警戒，台灣疫情陷入水深火熱，一名男網友拿目前歐洲疫情當作對照，直呼「台灣真的像一個笨蛋考生」，引起熱議。據外媒報導，歐盟外交官員今天</t>
  </si>
  <si>
    <t>國內引進COVID-19疫苗進度緩慢，數量嚴重不足，引發中央分配不公、權貴偷打等爭議，近日網路傳出肺炎鏈球菌疫苗可抗COVID-19訊息，引起民眾熱議，確實也出現民眾搶打現象。亞東醫院家醫科醫師翁資閔表示，施打肺炎鏈</t>
  </si>
  <si>
    <t>新冠肺炎境外移入病例再度引起恐慌，民眾又開始瘋搶口罩，尤其特殊色特別搶手，不過專家提醒，口罩別只挑顏色或品牌，最重要的其實是壓條，鼻樑壓條長短不但影響隔絕效果，還攸關製造成本。一名醫材商在臉書社團《口</t>
  </si>
  <si>
    <t>新冠肺炎本土案例激增，新北市14日動員3萬多人展開全市大清消，全面向病毒開戰，新北市長侯友宜昨到現場視察表示，台灣確診個案頻頻出現，新北位置位於北台灣中心點，在足跡還沒有完全掌控下，超前部署消毒有其必要</t>
  </si>
  <si>
    <t>台灣嚴堵新冠肺炎疫情進入大規模社區感染，各公署都有防疫整備工作，警察工作環境與社區接觸緊密，加上機動性高，遇到突發事件根本無暇思考是否要穿著防護衣，若疫情大爆發，恐成感染高風險群，要避免警力在病毒高傳</t>
  </si>
  <si>
    <t>台灣火鍋吃到飽始祖「可利亞」走過52年，全盛時期全台高達42家分店，但不敵日新月異的飲食習慣及後起之秀競逐，目前只剩3家，今（4）日業者宣布，因新冠肺炎疫情影響，高雄和平店業績暴跌6成，決定在5月底吹熄燈號，</t>
  </si>
  <si>
    <t>新冠肺炎持續升溫，新北地院為因應大量人流，全台首創「臨時為民服務中心」，13日上午舉辦啟用典禮，未來民眾可在院外做諮詢、遞狀作業，若有需要再至院內辦理後續事項。新北地方法院長陳賢慧表示，以往每日都有300</t>
  </si>
  <si>
    <t>1名員警在值勤時獲報1名疑似染疫的民眾在家中死亡，他依流程通報衛生局，對方卻是回覆「不到場，不篩檢，一切都給警察、檢察官跟法醫處理」，他最後只能硬著頭皮穿防護裝備到現場處理；而現場3名家屬之後做篩檢均確</t>
  </si>
  <si>
    <t>新冠病毒疫情持續影響，為了因應疫情及衛生問題，避免群聚感染，日本知名連鎖迴轉壽司店開第一槍，宣布目前暫停自動迴轉台，改由平板點餐方式送餐，台灣分店目前尚未實施。日本幾乎每天都有確診案例，為了避免病毒散</t>
  </si>
  <si>
    <t>香港大學感染及傳染病中心總監何柏良今日（31日）接受商台節目訪問，提到潮濕天氣或增加飛沫傳播的速度，形容猶如「超級跑車」。他稱，若於不通風的環境、加上潮濕天氣，有人咳嗽的話，飛沫射程可遠至八米，猶如「超</t>
  </si>
  <si>
    <t>紐西蘭央行周三宣布維持官方現金利率不變，仍為0.25%，但將量化寬鬆（QE）計畫規模擴大一倍，並表明已準備好在必要時採用額外的貨幣政策工具，包括進一步調降現金利率，以緩解新冠肺炎疫情對經濟造成的衝擊。紐西蘭</t>
  </si>
  <si>
    <t>根據美國媒體報導指出，NBA第一位染上新冠肺炎的爵士中鋒戈貝爾以及後衛米契爾因為疫情問題而鬧翻，但爵士副總裁丹尼斯受訪時表示，兩人目前已經握手言和了。戈貝爾可說是NBA的罪人，因為他的染病導致NBA停賽至今，</t>
  </si>
  <si>
    <t>近期大陸因Delta變異病毒導致疫情再起，一度波及約一半省分，包含南京、揚州、鄭州、張家界等地都成為重點警戒城市，同時也衝擊大陸經濟，專家研判雖然復甦趨勢不改，但勢必會影響部分產業的短期表現。這也讓大陸台</t>
  </si>
  <si>
    <t>巴西衛生部上周末表示過去24個小時內，新增確診數4萬1,350人，讓累計確診達384萬6,153人，新增死亡758人讓累計死亡逾12萬人。儘管累計確診與死亡均為全球第二高國家，但近幾周來單日的新增與死亡數已穩定下來而沒再</t>
  </si>
  <si>
    <t>美國代理海軍部長莫德里（Thomas Modly）周一早上向「羅斯福」號（USS Theodore Roosevelt，CVN-71）航母官兵發表談話時，痛批被拔官的前艦長克勞齊（Brett Crozier）是「笨蛋」。據CNN新聞網7日報導，莫德里告訴艦</t>
  </si>
  <si>
    <t>新冠肺炎疫情攀升，行政院長蘇貞昌在臉書表示，為了合作對抗新冠肺炎 ，今天早上外交部 Ministry of Foreign Affairs, ROC（Taiwan）與美國在台協會 AIT 共同發出「 台美防疫夥伴關係聯合聲明 」。未來兩國將攜手合</t>
  </si>
  <si>
    <t>微控制器（MCU）廠松翰（5471）在新冠肺炎疫情持續延燒下，耳溫槍及紅外線測溫MCU訂單持續湧入，預期上半年接單量將可望遠高於2019年水準。法人看好，在陸系、台系客戶追單力道維持強勁格局帶動下，松翰上半年合併營</t>
  </si>
  <si>
    <t>因應新冠肺炎疫情延燒，口罩實名制2.0上路，但站在第一線的醫院防疫物資卻嚴重吃緊，東港安泰醫院估算，目前庫存的隔離衣恐怕撐不到1個月，因此近日啟用獨立採檢室，不讓民眾進入院內以減少資源使用，同時也建置獨立</t>
  </si>
  <si>
    <t>高端疫苗昨天登上公費疫苗接種意願登記平台，開放民眾選擇施打，總統蔡英文也在第一時間上網登記，並選擇高端疫苗。外界關心到時候要如何安排總統接種？衛福部長陳時中今天表示，總統上網登記意願後仍循一般的接種模</t>
  </si>
  <si>
    <t>台灣疫情趨緩，究竟未來疫情會如何發展，有沒有機會清零？精神科醫師沈政男表示，清零絕對有可能，且內用與清零並不違背，從香港經驗就可以看到，他們從確診一萬一千多例，目前已經本土零確診超過50天，更點出台灣現</t>
  </si>
  <si>
    <t>受台積電等企業改按季配發股利等因素影響，財政部昨公布前4月稅收統計，包含綜所稅、營業稅與總稅收都創歷史新高。財政部統計處副處長陳玉豐表示，依經濟部統計，今年以來國內零售、餐飲業銷售額受新冠肺炎波及，逐</t>
  </si>
  <si>
    <t>韓式連鎖餐飲集團豆府（2752）2020年原訂加快旗下品牌展店步伐，惟受新冠肺炎疫情衝擊，門市來客數仍受影響。董事長吳柏勳坦言，目前展店計畫將暫趨保守，籌備中的3家新店仍將如期在上半年陸續開出，其他展店計畫進</t>
  </si>
  <si>
    <t>全台首例！三峽恩主公醫院因醫療作業疏失，將未稀釋的原液疫苗BNT誤認是殘劑疫苗，原本可供150人施打的疫苗變成25人施打，新北市衛生局獲報後對醫院做出即起暫停疫苗施打一周的懲處，恩主公醫院今表示，因部分散裝疫</t>
  </si>
  <si>
    <t>哈佛醫學院根據到醫院就診的衛星圖像和搜尋引擎數據進行的研究顯示，新型冠狀病毒可能最早是在去年8月於大陸傳播。研究顯示，去年12月正式有新冠肺炎疫情記錄之前，武漢民眾到醫院就診、以及有關症狀的網路搜尋就已</t>
  </si>
  <si>
    <t>新冠肺炎擴散全球，台灣在指揮中心的全力防堵下，交出亮眼成績單，更做起「口罩外交」，贈送大量口罩給重災區，未料不論是日本或是歐盟，第一波解禁名單卻都沒台灣，引起網友熱議，就有人表示，若台灣一直沒被解封，</t>
  </si>
  <si>
    <t>自去年初爆發新冠肺炎至今，全國多數國家仍處於嚴峻的疫情中，目前除積極擬定防疫對策外，疫苗也陸續研發完成，日前大陸推出自己研發的疫苗，但功效如何受到外界質疑，有待在對岸的台商爆料，接獲當局寄來的單子，並</t>
  </si>
  <si>
    <t>全台新冠肺炎疫情持續延燒，在防疫優先的前提下，原訂4月將在屏東舉辦的全中運宣布延期，稍後屏東縣長潘孟安將出面說明。</t>
  </si>
  <si>
    <t>新北市長侯友宜今（3日）主持防疫記者會表示，今天有長者非常踴躍施打，2日至3日中午12時共預約4萬8713人，完成接種4萬6385人，接種率達95％，會依據年齡、順序安心施打，請長者安心到現場施打。侯友宜也提到，感謝</t>
  </si>
  <si>
    <t>57歲的葉彥伯擔任彰化縣衛生局長長達16年，創下全台最資深衛生局長紀錄，但這位聲名大噪的食安英雄，卻在積極對抗新冠肺炎防疫時，慘遭中央動用政風單位嚴打嚴辦，只因他戳破了衛福部拒不普篩的神話！葉彥伯是全台唯</t>
  </si>
  <si>
    <t>南投縣長林明溱日前表示盼與上海復星購買30萬劑輝瑞BNT疫苗，遭中央流行疫情指揮中心打槍。國民黨台北市議員羅智強辦公室法案主任楊植斗今爆料，衛福部冷卻倉儲只能存放44萬劑的疫苗，這才是中央處處攔阻南投的主因</t>
  </si>
  <si>
    <t>台灣出現首起院內感染導致1醫師染疫，更造成社區感染，其護理師女友也確診，中央流行疫情指揮中心表示，針對該起感染事件，院內接觸者468人都採檢完畢，全部陰性，社區採檢除了護理師女友外，其他54人也都是陰性。院</t>
  </si>
  <si>
    <t>儘管全球新冠肺炎疫情持續延燒，但大陸在疫情受控後各地加速復工腳步，TPCA預估，今年第1季台商PCB兩岸海內外產值為新台幣1312億元，上半年被疫情影響而遞延出貨的訂單將會遞延至下半年，下半年有機會呈現旺季更旺的</t>
  </si>
  <si>
    <t>指揮中心昨宣布降二級的相關指引，包括開放餐廳內用的規定，但雙北仍舊宣布不鬆綁餐飲內用的規定，讓不少民眾好奇到底啥時才能歡樂聚餐？醫師姜冠宇則回應說，如果是以感染英國變異株為主的前提，第一劑疫苗覆蓋率須</t>
  </si>
  <si>
    <t>2020年全球最嚴峻的問題，目前看來，非新冠肺炎莫屬，更讓人擔心的是，透過醫療技術研發出疫苗解藥，從醫學研究、研發到動物測試、臨床測試，至少要半年時間，實在緩不濟急。所幸世界衛生組織（WHO）傳出一個好消息</t>
  </si>
  <si>
    <t>宏達電(2498)驚傳財裁員！受到產業結構調整、智慧機市場持續萎縮，加上新冠肺炎衝擊大環境，宏達電今日驚爆裁員，對此，公司回應，推動策略性人力資源調整，精簡人力與有效降低營運費用，方有助於實現長遠企業目標，</t>
  </si>
  <si>
    <t>中央流行疫情指揮中心昨天公布新增一例新冠肺炎確診病例，為北部30多歲女性，是國內第48例，於2月28日至3月8日前往英國旅遊及探訪友人，返國後出現頭痛、咳嗽等症狀，兩度就醫後確診，是首例英國境外感染確診個案，</t>
  </si>
  <si>
    <t>中央流行疫情指揮中心今天公布台灣再度零確診，是本土第45天，連續第6天零確診。台南後壁區頂長社區動員40多位長者包2000顆千歲粽子，送至中央疫情指揮中心慰勞防疫團隊，也行銷台灣傳統米食。中央流行疫情指揮中心</t>
  </si>
  <si>
    <t>本土疫情數日來每天都超過200例，傳出衛福部立台北醫院有護理師確診，院方緊急匡列8人隔離採檢，初步結果均為陰性。院方表示，該名護理師有萬華活動史，研判為社區感染、非院內感染，目前等待指揮中心通知二採。據了</t>
  </si>
  <si>
    <t>彰化縣13日零確診，但新增1名死亡案例，為萬華家族返鄉聚餐，導致彰化4名親友染疫男子。1名年約65歲男性在5月15日採檢確診後、同月19日收治住院，至本月12日宣告不治。而中部年輕人跨縣市社交傳播圈，因社交活動型態</t>
  </si>
  <si>
    <t>大陸在進口冷凍食品包裝驗出新冠病毒，擔憂為防疫漏洞，採取嚴格的檢驗及暫停輸入作為，但國內中央流行疫情指揮中心卻僅嗆明「不會比照大陸限制進口」，而邊境抽驗、強制消毒等防制對策至今仍是空中樓閣，時間表付之</t>
  </si>
  <si>
    <t>新冠肺炎症狀難以捉摸，有人可能出現永久性嗅覺喪失，壽險業者表示，若有此症狀，失能險可依失能等級11級理賠，但可能只有一次性失能保險金的5％，並沒有觸及月月或年年給付的失能扶助金理賠。至於新冠肺炎可能造成</t>
  </si>
  <si>
    <t>敦睦磐石艦30人染新冠肺炎，引起社會關注，中央流行疫情指揮中心指揮官陳時中昨在記者會上樂觀指出，第6天過去了，沒有看到第二層的情況，觀察到4月30日大概可知台灣是否過關。陳時中說，台灣連12天沒有本土個案，也</t>
  </si>
  <si>
    <t>新冠肺炎疫情席捲全球，各國實施封城措施導致實體店舖經營陷入危機，研究機構Springboard於周四（3日）出台研究報告顯示，逾一成的英國商店目前處於空置狀態。Springboard的研究指出，英國商店空置率從2020年一月的9</t>
  </si>
  <si>
    <t>外傳新冠肺炎可能藉由蝙蝠傳染，引發部分民眾對蝙蝠的誤解甚至敵視，雲林縣水林鄉黃金蝙蝠生態館3日強調，目前沒有任何科學證明是蝙蝠導致新冠肺炎的發生，請大家不要因此恐懼蝙蝠、甚至傷害蝙蝠，還蝙蝠一個公道。</t>
  </si>
  <si>
    <t>櫃買中心24日表示，遠東新世紀公司（1402）領先國內生產事業，發行首檔社會責任債券，24日於櫃買中心上櫃掛牌。該檔債券發行額度12億元，是目前發行規模最大的社會責任債券，也是繼5月18日中信銀、凱基銀及永豐銀發</t>
  </si>
  <si>
    <t>新冠肺炎疫情升溫，台灣連日來確診數激增，幾乎全是歸國遊客，也讓前陣子堅持出國的人成為箭靶，但一名年輕人堅持赴日，在19日前往高雄小港機場準備出境，一旁母親則含淚送行，原因曝光後網友也紛紛送上祝福。根據《</t>
  </si>
  <si>
    <t>新冠肺炎來勢洶洶！義大利民防保護部1日指出，在過去24小時，境內新冠肺炎疫情死亡數再增加5人，累計達到34死，全國確診病例數來到1694例。另新冠肺炎也入侵中歐，捷克國內首度通報3起新冠肺炎確診病例。此外，新冠</t>
  </si>
  <si>
    <t>韓國新冠肺炎確診病例連日暴增，24日下午韓國中央防疫對策本部宣布增加231例確診個案，累計確診人數來到了833人，死亡人數則有7人。若與大陸各省市確診人數相比，韓國排在第7，次於江西省截至24日中午統計的934人。</t>
  </si>
  <si>
    <t>交通部觀光局表示，為回應產業期待及新冠肺炎疫情紓困宗旨、加速補助款補助，已修正「補貼導遊與領隊人員及國民旅遊隨團服務人員生計費用實施要點」，放寬對導遊、領隊補貼認定條件，並回溯自4月16日起適用。觀光局1</t>
  </si>
  <si>
    <t>中共黨媒《人民日報》鐘聲一文「蓬佩奧四處散布政治病毒，罪責難逃」指出，當前美國新冠肺炎疫情十分嚴重，確診病例和死亡人數持續攀升，讓一切富有同情心的人都感到揪心。正當新冠病毒在美國露出最猙獰的面目，催演</t>
  </si>
  <si>
    <t>南韓29歲人氣女星潤娥，近日公開私下外出時的穿搭照，不僅全身包緊緊，也為了防疫戴上口罩，卻因此受到網友的注意。少女時代出身的潤娥，憑著甜美的外表與清新的氣質受到大眾喜愛，近幾年更將事業重心轉往戲劇圈發展</t>
  </si>
  <si>
    <t>今起接種完整兩劑疫苗者且相隔14天的民眾，可選擇7+7方案入境，為此，台北副市長黃珊珊今凌晨在臉書有感而發說「天佑台灣！」而根據指揮中心統計，春節專案開放首日，入境總人數為826人，其中就有557人選擇「7+7」專</t>
  </si>
  <si>
    <t>引言：　大陸經濟快速成長，匯聚海內外人才助其經濟轉型，並在國際間占有一席之地。不過近年來因中美貿易戰和新冠肺炎疫情衝擊，大陸在「十四五」期間面臨重大挑戰之一就是人才議題。不突圍必難以戰勝環境，工商時報</t>
  </si>
  <si>
    <t>新冠肺炎疫情蔓延，觀光產業首當其衝，對此新北市長侯友宜今(9)表示，這段時間台灣觀光可以說是非常蕭條，像金山好山、好水、好風景，都沒有人走動非常可惜，他也呼籲民眾，有空到戶外走走，看看漂亮的風景，讓自己</t>
  </si>
  <si>
    <t>2020台灣燈會昨（23）日晚間正式閉幕，雖面臨新冠肺炎的防疫艱鉅挑戰，但憑著藉口碑好評，16天燈期人潮仍超乎預期，共吸引1182萬人次前往賞燈。而2021年台灣燈會將由新竹市接棒主辦，交通部長林佳龍表示，將進一步詮</t>
  </si>
  <si>
    <t>去年結束澳洲網球公開賽後，「瑞士特快車」費德勒因為動了2次膝傷手術暫別賽場，台北時間昨天凌晨在卡達網球公開賽正式回歸，是他暌違405天首場比賽，經過2小時24分鐘的3盤激戰，7比6（10比8）、3比6、7比5力克英國</t>
  </si>
  <si>
    <t>日本3月連假後，新冠肺炎疫情升溫，對於台灣疫情是否也會升溫？中央流行疫情指揮中心指揮官陳時中表示，不敢說絕對不會，但是判斷不會，原因是台灣的社區群聚沒有像日本櫻花季的時候那樣，國外入境者也在居家檢疫中</t>
  </si>
  <si>
    <t>全台本土疫情連續10天都破百例，近日更出現死亡案例，其中還有猝死在家的個案。重症醫師黃軒對此表示，其實在國外確診者猝死的案例很常見，國外媒體替這種現象取名為「快樂缺氧」（Happy Hypoxia）。疫情指揮中心專</t>
  </si>
  <si>
    <t>新冠肺炎疫情趨緩，新北市長侯友宜15日宣布擴大開放管制，除校園、親子館仍禁止開放，18日起室外場館500人以下，除了生病者，其他全面開放不用戴口罩，室內場館開放人數上限100人，全程保持社交距離，但仍要戴口罩；</t>
  </si>
  <si>
    <t>施打完疫苗之後可以像做完開刀手術一樣適度進補並注意飲食，將有助於身體狀況的恢復、完善的啟動身體的保護力。嫚嫚營養師表示，施打完疫苗後的飲食，主要可著重在維持免疫力和降發炎反應，良好的免疫力有助於盡早啟</t>
  </si>
  <si>
    <t>新冠肺炎本土疫情爆炸，國內速食龍頭麥當勞今宣布，台北市、新北市逾130家門市自今日上午10點半起禁止顧客內用，實施日至5月28日，寫下麥當勞1984年來台成立首家門市後的罕見紀錄。在中央流行疫情指揮中心宣布雙北進</t>
  </si>
  <si>
    <t>新冠肺炎第12期疫苗採分階段開打，第1階段自18日起開放預約，已在今日中午預約截止。根據中央流行疫情指揮中心統計，BNT、AZ、莫德納合計超過293萬人符合預約資格，但僅188萬人完成預約，其中莫德納疫苗出現11.5萬名</t>
  </si>
  <si>
    <t>國軍敦睦艦隊傳群聚感染，18日軍方緊急召回軍艦官兵採檢、隔離，防疫車竟直駛入台中一中校園，引發反彈。台中市長盧秀燕21日對軍方表達抗議，對選擇在台中一中門口當集合地點，深表遺憾，今早也在市政會議表揚阻擋防</t>
  </si>
  <si>
    <t>美國新冠肺炎疫情升溫，紐約州州長郭謨10日宣布，在嚴重群聚感染的威斯切斯特郡新羅謝爾（New Rochelle）設置全美國第一個「封鎖區」（containment area），防止群聚感染持續擴大。當天紐約州新增病例超過170例，其</t>
  </si>
  <si>
    <t>國內新冠肺炎疫情嚴峻，隨時戴口罩已成為全民共識。1名黃姓男子去年12月間搭公車，因未戴口罩與公車司機起爭執，4名員警獲報到場處理，竟遭黃男辱罵「白癡」，當場遭逮捕送辦。台北地院審結，依侮辱公務員罪判黃男拘</t>
  </si>
  <si>
    <t>衛福部長陳時中今表示，高端疫苗通過緊急使用授權（EUA）後，最快8月就能供貨，對此，資深媒體人羅友志譏諷，「高端過了，小白們袖子挽起來」。陳時中在今（19日）記者會上表示，高端疫苗通過緊急使用授權（EUA）後</t>
  </si>
  <si>
    <t>敦睦艦隊於疫情期間出訪，造成24名官兵確診，全台防疫一夕拉警報。磐石艦從曾有多人看診、5人發燒，至軍艦靠港後有官兵休假等說法不一，軍方的解釋如同擠牙膏，讓人懷疑，海軍是否隱瞞官兵染疫情事，或是敦睦支隊刻</t>
  </si>
  <si>
    <t>首波疫苗混打今正式開打，共有18.3萬人完成預約，其中選擇莫德納疫苗者佔多數，有12.4萬人，選BNT者僅6萬人左右。不過，台大混打研究顯示，初步看起來AZ混打莫德納疫苗的保護力較佳，但相對的副作用的發生率與嚴重程</t>
  </si>
  <si>
    <t>「入境檢疫電子系統」即將上路，中央流行疫情指揮中心表示，具有國內電信業者手機門號的旅客只要掃描二維碼、輸入健康資料、接收確認簡訊、出示手機憑證」四步驟，即可快速通關。為因應新冠肺炎疫情，中央流行疫情指</t>
  </si>
  <si>
    <t>台北市的防疫已經進入第三級警戒，台北市長柯文哲16日深夜發文表示，為了確保防疫的量能足夠，這幾天北市府全體總動員。他說，政治的核心是執行力，現在就是考驗的時候，台北市政府一定會扛起來，面對這場突然爆發的</t>
  </si>
  <si>
    <t>新冠狀病毒疫情在全球快速擴散，繼各地政要、名人陸續傳出確診後，美國職籃（NBA）球星也中鏢，迫使全球主要體育賽事接連宣布暫停或延期，已經受美中貿易戰波及的體育用品巨頭Nike又再面臨疫情大流行帶來的營運挑戰</t>
  </si>
  <si>
    <t>洋基隊的春訓2.0頗為不順，首日投手田中將大受傷，主力打者勒瑪修(DJ LeMahieu)與投手瑟薩(Luis Cessa)同時宣布感染了新冠肺炎！勒馬修沒有症狀，瑟沙則是症狀輕微。勒瑪修早年效力國聯洛磯隊，上季首度轉到美聯球隊</t>
  </si>
  <si>
    <t>美國總統拜登簽署行政命令譴責反亞裔的偏見歧視，禁止聯邦政府使用「中國病毒」的名詞，並且指示司法部要與社區合作，預防針對亞太裔的仇恨犯罪。國民黨立委賴士葆指出，蔡政府凡事以美國為師，但是行政院發言人認為</t>
  </si>
  <si>
    <t>至昨天(4/29)為止台灣已連續4天沒有新增新冠肺炎確診，讓大家燃起希望，若一直+0，是不是就能約吃飯、出國玩？但醫師謝宗學指出，「我必須殘忍地說，不管台灣零確診天數有多少，以前那種出門不用戴口罩、可以自由出</t>
  </si>
  <si>
    <t>今年來全球金融市場受到新冠肺炎疫情擴散全球影響，股債市產生劇烈波動，在疫情擴散全球鎖國效應、美債殖利率攀升、油價下跌眾多利空因素下，全球股債市恐慌性賣壓傾巢而出，許多股市在短短一個月不到時間都跌破10年</t>
  </si>
  <si>
    <t>西班牙地方衛生官員今天表示，瓦倫西亞地區（Valencia）一名男子死於2019年冠狀病毒疾病（COVID-19，武漢肺炎），為西班牙首起武漢肺炎死亡病例。路透社報導，地方衛生首長巴瑟洛（Ana Barcelo）在記者會上說，驗屍</t>
  </si>
  <si>
    <t>義大利外交部週四對外表示，當日新增3起新冠肺炎的死亡病例，總計死亡數攀升至17人，確診病例數已增加至650，新增的病例大多位於北部的倫巴底區(Lombardy)與威尼托區(Veneto)。根據《路透社》報導，梵蒂岡官方表示，</t>
  </si>
  <si>
    <t>新冠疫情全國蔓延，台中市19日爆發朝陽夜唱團首例確診個案，連日來已有朝陽科大、中國醫大兩校學生及家人14人及2名KTV工作人員確診，26日新增鄰近包廂中科大1名22歲女學生確診；為斬斷該傳播鏈，市府積極將5月13、14</t>
  </si>
  <si>
    <t>市場持續關注大陸新冠肺炎疫情發展，日、韓確診人數增加，台灣出現首例新冠病毒患者死亡案例，對市場投資信心造成影響，台股17日開盤，開在11,770.30點，下跌45.4點。美國政府將推動下一輪減稅方案，及給予免稅優惠</t>
  </si>
  <si>
    <t>國內疫情升溫，多數大專院校均已停掉實體課程改為線上教學，但中小學生卻仍要到校上課，引發擔心。國教行動聯盟今天發出聲明要求，位於疫情嚴重地區的各級學校應暫停上課或採遠距教學。國教行動聯盟表示，新冠疫情持</t>
  </si>
  <si>
    <t>為了協助艱困企業渡過難關，並維持員工生計，經濟部將於9月1日公告今(109)年第3季「經濟部辦理製造業及其技術服務業受嚴重特殊傳染性肺炎影響之艱困事業薪資及營運資金補貼申請須知」，凡有稅籍登記的製造業者及提供</t>
  </si>
  <si>
    <t>基隆市議員林旻勳今天下午市政總時詢時指出，日前接擭陳情，暖暖國高中生於9月24日接種第一劑BNT疫苗，其中更有數名國中女學生於2周後施打子宮頸疫苗，再2周接續打BNT第2劑，原訂11月10日還要打流感疫苗，等於48天內</t>
  </si>
  <si>
    <t>由於擔心川普團隊渾身都是新冠肺炎病毒，美國總統當選人拜登已下令，要徹底清理白宮。據《太陽報》（THE SUN）13日報導，拜登明年1月20日宣誓就職後，即將入主白宮，而曾罹患新冠肺炎的現任總統川普將捲舖蓋走路。據</t>
  </si>
  <si>
    <t>新冠肺炎肆虐全球的同時，最早爆發疫情的大陸也面臨貓狗生存大戰，因主人離家多時，大量貓狗恐怕已活活餓死，甚至有地方政府擔心寵物會傳染病毒，已下令對滯留在公共場所、無人看管的寵物格殺勿論。美國有線電視新聞</t>
  </si>
  <si>
    <t>基於新冠肺炎持續衝擊經濟，紐西蘭央行12日宣布擴大貨幣刺激，購債規模將由600億紐元提高至1,000億紐元（約658億美元），以減緩疫情對經濟的影響。央行指出，公衛不確定性仍然持續，基本經濟模擬情境依然存在下行風</t>
  </si>
  <si>
    <t>武漢市衞健委去年12月31日首次通報稱當地出現新冠肺炎，而首批確診患者共27人，大多來自華南海鮮批發市場（下稱海鮮市場）。據大陸媒體取得的一份首批感染者名單顯示，全部人均無活禽暴露史，其中24人有該海鮮市場暴</t>
  </si>
  <si>
    <t>新冠肺炎疫情趨緩，中央流行疫情指揮中心先前提出防疫新生活運動，預告了接下來台灣將走向開放。指揮官陳時中表示，這幾天大家都有疑問，既然台灣很安全，戴口罩要幹什麼？為什麼還要維持社交距離、實聯制、勤洗手等</t>
  </si>
  <si>
    <t>全國的第三級防疫警戒延長至6月14日，為保障環保局防疫消毒隊員的健康安全，桃園市政府日前已向中央爭取隊員可優先施打公費疫苗，目前200名防疫消毒隊員皆已完成疫苗接種，日後將持續執行熱點清潔消毒等繁重勤務，同</t>
  </si>
  <si>
    <t>台灣疫情爆發，疫苗短缺。一名留美的台灣學生表示，校方通知若要返校就必須接種疫苗，且必須施打校方認可的3種疫苗，包括輝瑞／BNT、嬌生及莫德納，而AZ疫苗因未獲得美國FDA的EUA（緊急使用授權），因此不在認可名單</t>
  </si>
  <si>
    <t>五一連假將近，為了避免清明連假部分景點人潮過多，拉高感染新冠肺炎風險的情況重演，政府推出1968app用不同顏色燈號提醒民眾各景點人潮，但台南市長黃偉哲不滿當中台南景點被列最多，認為有些景點人潮根本不多，質</t>
  </si>
  <si>
    <t>新冠肺炎疫情持續在大陸延燒，有專家提醒，目前疫情最嚴重的南方城市即將進入季節性流感高發期，病毒可能與流感病毒混合感染，恐對疫情防治帶來衝擊。根據廣州市公共衛生專家，發表的最新論文就警告，新冠肺炎防疫進</t>
  </si>
  <si>
    <t>中央流行疫情指揮中心24日表示，日官方通報一名20多歲日本女學生，於機場入境時被檢驗出新冠肺炎陽性確診，震撼全國。這也讓前高雄市心聞局長鄭照新感嘆，現在許多專家要求我國有必要時行普篩，對照前高雄市長韓國瑜</t>
  </si>
  <si>
    <t>台灣雲端新創CloudMile萬里雲近期擴大營運觸角，創辦人暨執行長劉永信表示，有鑒於新加坡政府對AI和雲端運算的重視和投入，萬里雲在新加坡設立新總部辦公室，15日正式啟用。劉永信指出，新據點成立將成為萬里雲推動</t>
  </si>
  <si>
    <t>新冠肺炎疫情爆發以來美國影視產業拍攝工作全面停擺，造成大批失業人口。在加州及紐約兩大拍片重鎮醞釀重啟拍攝活動之際，工會提出嚴密安全規範。■The coronavirus has cast a spotlight on a lack of hygiene on se</t>
  </si>
  <si>
    <t>第二批武漢包機遲遲無法成行， 蔡英文總統今天表示 ，我們第二批的作業早就已經完成，接機的班機隨時可以出發。希望在我們已經完全準備好的情況下，中國政府可以配合，讓武漢的台灣人可以早日返台。蔡英文今晚在臉書</t>
  </si>
  <si>
    <t>中央流行疫情指揮中心今(3)日公布國內新增1例境外移入COVID-19(新冠肺炎)確定病例，為本國籍30多歲女性(案687)，自美國入境。指揮中心表示，案687於美國工作，11月29日返臺探親，入境後至住處居家檢疫，同日於住處出</t>
  </si>
  <si>
    <t>大陸央視新聞25日報導，隨著武漢最後一例重症患者新冠肺炎24日治癒，武漢重症病例實現了「清零」。大陸國家衛健委主任馬曉偉接受陸媒專訪表示，新冠肺炎重症救治形成了寶貴的經驗，可與世界分享。馬曉偉指出，湖北武</t>
  </si>
  <si>
    <t>1輛滿載乾洗手液等消毒用品的大貨車，13日凌晨行經台61線快速道路台西鄉段時，後車斗突然起火，由於乾洗手液含有酒精火勢猛烈，經消防隊全力搶救才將火勢撲滅，消防人員呼籲民眾為了防疫購買含有酒精的消毒用品，載</t>
  </si>
  <si>
    <t>BNT疫苗上月開始在校園施打，不少家長都擔心孩子接種後出現心肌炎及心包膜炎。根據中央流行疫情指揮中心統計，國內截至10月6日，所有廠牌的疫苗接種，共有27人出現心肌炎及心包膜炎。指揮中心發言人莊人祥表示，10月</t>
  </si>
  <si>
    <t>國內新冠肺炎情勢嚴峻，頻頻炸鍋的本土個案讓人心惶惶，尤其「阿公店」群聚感染大爆發以來，大量確診病例皆與萬華茶室、茶藝館有關，儼然讓該處成為此波疫情的「重災區」，但今（25）日有PTT眾多鄉民不滿，直指有電</t>
  </si>
  <si>
    <t>衛福部長陳時中今(23)日表示，「口罩實名制2.0」將於3月25日（本周三）起進行第二輪線上預購，歡迎有需求的民眾上網訂購。指揮中心指出，第二輪預購流程與第一輪相同，期程縮短，使民眾可儘早取得口罩。將從25日（周</t>
  </si>
  <si>
    <t>陸配子女回台政策從開放到宣布撤回，一日四變、兩度急轉彎，政策形成之前，上演衛福部長陳時中打臉陸委會主委陳明通的戲碼，兩部會是否溝通失效，政府部門是專業還是看風向來決定疫情走向？陳時中今天坦言，兩個部會</t>
  </si>
  <si>
    <t>美國商務部今天發布經濟數據指出，受到新冠肺炎疫情衝擊，百業蕭條，並導致數千萬人丟掉工作，第二季失業率衝上14.7％。4到6月國內生產毛額（GDP），比去年同期大幅萎縮33％，創下1947年有記載以來的史上最慘烈紀錄</t>
  </si>
  <si>
    <t>台灣新冠肺炎目前共有28例確診案例，台北市長柯文哲屢屢喊話中央公布確診者的居住地點，且稱，對是否有確診者「不知道」。在公布第27、28例前，有網友整理衛福部公開的26例資訊，統計出目前台北市確診者共7人，是全</t>
  </si>
  <si>
    <t>台中市教育局1日表示，上學前家長為孩子先量測體溫，並記錄於自主健康管理表，有助了解孩童每日的身體健康狀況；學校仍有量測體溫機制，將督導校方加強查閱學生自主健康管理表，透過量測雙軌制，落實防疫措施。教育</t>
  </si>
  <si>
    <t>韓國中央防疫對策本部12日通報，新增15例感染新冠新變異株omicron病例，累計90例。其中7例為社區感染。另外，全國新增新冠肺炎確診病例6689例，死亡病例43例。重症患者894例，較前一天增加38例，刷新紀錄。冬季寒冷</t>
  </si>
  <si>
    <t>台中市黃姓男子於神岡區中山路一帶租屋處經營賭場，常有不特定人士進出群聚，警方經多日來監控蒐證，19日持搜索票進行查緝，當場查獲負責人黃男、8名賭客及在場人人士1名共10人，並查扣賭具2組、賭資及抽頭金3萬6200</t>
  </si>
  <si>
    <t>國內新冠肺炎疫情大爆發！高雄市也傳出基隆確診婦女曾在5月初南下高雄廟宇進香，引起各界恐慌，高雄市長陳其邁12日緊急臨時召開防疫會議，決議停辦、延後舉辦各142場大型活動。為了配合中央提升疫情警戒至第二級，高</t>
  </si>
  <si>
    <t>《中時新聞網》精選5件不可不知的國際大事，帶讀者掌握今（11）日的國際新聞重點。【1】聯合國警告 疫情可能引爆50年來最嚴重的糧食危機聯合國秘書長古特雷斯9日警告，新冠肺炎疫情過後的經濟衰退，可能觸發全球50年</t>
  </si>
  <si>
    <t>新冠肺炎疫情擴散全球，才剛正式上路的星宇航空受到嚴重衝擊，如今落到無航班可飛的情況，就有網友詢問董事長張國煒如今在幹嘛，星宇小編在臉書公布答案，貼出2張照片，讓網友笑翻，直呼真的跪了。星宇航空昨天(1日)</t>
  </si>
  <si>
    <t>韓國新天地教會教主李萬熙當地時間今（2）日下午3時（台灣時間下午2時）召開記者會，戴著口罩跪地道歉，也對許多信眾感染新冠病毒感到抱歉。李萬熙雙膝一跪，意外引發網友暴動，PTT版上瞬間湧入大量留言。李萬熙今日</t>
  </si>
  <si>
    <t>中央流行疫情指揮中心今日表示，伊朗近日COVID-19病例數及死亡病例快速增加，目前確診病例數已達95例，15例死亡，病例擴及13省份，死亡病例數僅次於中國大陸，且輸出病例至阿曼、伊拉克、科威特、阿拉伯聯合大公國及</t>
  </si>
  <si>
    <t>全國染疫人數突破萬人，蔡總統幾度透過視訊公開喊話，要民眾不要群聚和隨便移動，遭到網友砲轟。東華大學教授施正鋒直言，蔡英文的談話內容有種何不食肉糜的感覺，並指現在的防疫三級警戒，其實只是半吊子。同時，也</t>
  </si>
  <si>
    <t>中央流行疫情指揮中心今天宣布，6月18日起，配送第二批莫德納(Moderna) COVID-19疫苗7萬3200劑，開放6萬3200劑量的莫德納疫苗給一到三類對象接種，另外一萬劑保留給邊境人員接種。指揮官陳時中表示，昨天已經把第二</t>
  </si>
  <si>
    <t>國發會副主委鄭貞茂30日表示，國發基金管理會通過「對新冠肺炎影響新創事業投資作業要點」，凡受疫情影響的新創事業，即日起至9月底可提申請，獲審查通過者給予6個月的營運資金，而業者則須發行等額的「特別股」給國</t>
  </si>
  <si>
    <t>因應新冠肺炎疫情，內政部長徐國勇今天宣布警政署暫時取消全國性酒測，但地區性酒測還是要做；台南市長黃偉哲表示，防疫期間台南市警察局取締酒駕勤務照常執行，酒後駕車危害市民生命、財產安全甚鉅，市警局仍將持續</t>
  </si>
  <si>
    <t>國內疫情趨緩，兒童樂園已經開放，但公園的遊樂設施卻還不能用，家長難以認同。指揮中心指揮官陳時中今天表示，並未禁止公園的遊樂設施不能開放，因此將跟地方政府反映，只要防疫做得好，開放沒問題。對於是否將雙北</t>
  </si>
  <si>
    <t>經濟部今(24)日表示有鑒於新冠肺炎疫情持續延燒，為減輕受疫情衝擊之承租人負擔，經濟部已研訂「經濟部所屬國營事業提供租金紓困措施」。經濟部表示，紓困措施包括「緩繳租金」及「減收租金」兩部分，在「緩繳租金」</t>
  </si>
  <si>
    <t>民眾黨立委賴香伶昨晚於臉書發文表示，新冠肺炎疫情在世界各地爆發後，政府規定入境者須進行14天居家隔離，政府應結合機場單一窗口，讓防疫車隊和防疫旅館結合，做好「防疫一條龍」。賴香伶說，台灣現在的境外移入確</t>
  </si>
  <si>
    <t>總統蔡英文23日施打高端疫苗時，不經意透露8月底會有一批疫苗運抵台灣，衛福部長陳時中昨天證實，月底一定會有疫苗來台。資深媒體人黃暐瀚在談話性節目中透露，8月底進來的疫苗「數字非常大，比你想像中的還要大」，</t>
  </si>
  <si>
    <t>東京都17日新冠肺炎確診人數達293人，繼16日的286人之後，再度更新單日確診數的最高紀錄，而且已連續9日破百人。神奈川縣也因疫情擴大而獨自發布「神奈川警戒警報」。東京都指出，17日確診者當中，以20至39歲者居多</t>
  </si>
  <si>
    <t>砷化鎵磊晶廠—全新(2455)前2月合併營收為4.25億元，年增52.41%，由於大陸加速推動5G基礎建設，全新3月光通訊訂單狀況優於2月，全新對3月業績不看淡，日系外資則認為，在去美化，以及5G、3D感測等需求推動下，新冠肺</t>
  </si>
  <si>
    <t>停泊在日本橫濱港、新冠肺炎疫情擴大的鑽石公主號郵輪上約3100名乘客19日將以年長者優先依序下船，日本厚生勞動省預測今天將有500人下船。我駐日代表處的車已進到碼頭，副代表蔡明耀和秘書帶了慰問物資準備迎接台籍</t>
  </si>
  <si>
    <t>行政院進行疫情紓困，對有國小以下孩童或國、高中特教學生的家庭，規畫發放每名孩童1萬元家庭防疫補貼。教育部今天表示，6月15日起開始發放，將透過民眾生活上習慣及便利使用的全國繳費網或ATM等方式，讓孩童的監護</t>
  </si>
  <si>
    <t>新冠肺炎疫情升溫，民眾紛紛取消國外旅遊行程，很多不知退費權益如何保障，新竹縣消費爭議諮詢專線1950，近1周有1百餘通詢問案件，其中有1成是6月23日到30日的國高中畢業生取消出國部分，政府並未納入國外旅遊定型化</t>
  </si>
  <si>
    <t>國民黨文傳會主委王育敏今與多位職業工會代表召開記者會，呼籲政府提出無雇主之勞工紓困方案能放寬限制，建議從現行2.4萬元放寬3.48萬元。勞動部次長林明裕今下午出席行政院紓困振興記者會主動回應表示，某政黨這樣</t>
  </si>
  <si>
    <t>泰國出現全球首例接觸遺體後染疫死亡的案例，對此中央流行疫情指揮中心專家諮詢小組召集人張上淳表示，剛過世的人身上還是存在病毒的，之前也發現病人的床單、衣服等都會帶有病毒，若接觸病毒後觸摸到口鼻，也有可能</t>
  </si>
  <si>
    <t>新冠肺炎疫情肆虐，台灣民眾也爭先恐後搶購口罩，隨著開學日即將到來，不少家長也擔心孩子沒有口罩可用，不過彰化一所學校則表示完全不用擔心，因為他們已經備妥1萬5000個口罩，網友也大讚校長根本先知，應該也加入</t>
  </si>
  <si>
    <t>中央流行疫情指揮中心3日公布國內新增7例COVID-19確定病例，均為境外移入；另確診個案中無新增死亡。指揮中心說明，今日新增7例境外移入個案，為3例男性、4例女性，年齡介於10多歲至60多歲，分別自美國（案16532）、</t>
  </si>
  <si>
    <t>新冠肺炎（COVID-19，俗稱武漢肺炎）疫情持續延燒，停靠在日本橫濱港的鑽石公主號郵輪，截至16日為止，全船累計達355人確診感染。人也在船上的台灣知名魔術師陳日昇，不斷透過直播、發文向外界更新船上的狀況，日前</t>
  </si>
  <si>
    <t>這起詭異的搶劫案發生在日本北海道，一名手持電鋸的男子闖進一對老夫婦家，除了大聲嚷嚷討飯吃之外，還搶走現金，離開時卻留下10片口罩，神秘舉動引起網友討論，認為很像日本民間故事，更有人形容男子是「狸貓變身」</t>
  </si>
  <si>
    <t>北京市商務局20日表示，在做好常態化疫情防控基礎上，將按照全面重啟、適度調整、線上為主、重點策劃、有序推進、嚴密組織等原則，重啟北京消費季。據《北京青年報》報導，北京消費季將延續至今年12月底，同時北京市</t>
  </si>
  <si>
    <t>行政院拍板編列600億特別條例與特別預算因應新冠肺炎的衝擊，其中經濟部擬提出20億元抵用券，希望刺激經濟。文化部長鄭麗君也在13日的行政院院會中說明藝文產業受到疫情衝擊的狀況，並提出藝文產業短期紓困及中長期</t>
  </si>
  <si>
    <t>白宮周六發佈聲明說，美國總統川普接受新冠肺炎檢測的結果呈陰性。據美聯社與俄羅斯新聞網報導，原本他一直不願接受新冠肺炎檢測，但最近因接觸過確診的巴西總統新聞秘書，加上包括女兒伊凡卡在內，華府陸續傳出有人</t>
  </si>
  <si>
    <t>新冠肺炎延燒，日前苗栗劉姓女子利用網路社團訂購口罩，沒想到取貨拆開發現，裡面竟全是廢紙，大罵網路詐騙猖獗。劉姓女子在網路發現有網友販賣口罩，與對方私訊訂購2盒口罩。100片口罩加上運費總計1000元，劉女到竹</t>
  </si>
  <si>
    <t>桃園市29日有19例新冠確診者，年齡介於不滿10歲至60多歲間，新增最多行政區為楊梅5人，足跡包含全聯楊梅新農店、Costco桃園南崁店、IKEA桃園店、自由聯盟生鮮超市等。目前桃園累積確診424人、居家隔離2105人。根據桃</t>
  </si>
  <si>
    <t>藥華藥（6446）18日表示，旗下新一代長效型干擾素P1101，與印度已獲緊急核准用於治療新冠肺炎輕中症病患的長效干擾素的Virafin（Pegylated interferon alfa-2b）相同，將可協助國內患者，公司已準備好與各大醫療院所</t>
  </si>
  <si>
    <t>因應新冠疫情，為掌握疫調，政府推出實聯制措施已好一段時間，不過仍有民眾不願配合，甚至大鬧商店事件頻傳。有超商店員以自身經驗親曝5大亂象指出，常遇到包括故意忽略、鬼畫符、死不給看簡訊…等千奇百怪的客人，崩</t>
  </si>
  <si>
    <t>上海今天（3日）上午舉行新冠肺炎疫情防控工作新聞發佈會，對昨日新增1例本地新冠肺炎確診病例的具體情況進行了通報。這名新增病例為浦東機場貨運區一名外航貨機服務人員，男性，53歲，職業為駕駛員，負責外航貨機機</t>
  </si>
  <si>
    <t>口罩成為人們出門必備之物已為期一年多，隨著疫情逐漸有和緩的趨勢，且大陸連續多日無新增本土病例，不少人好奇，「今年能摘口罩了嗎？」上海復旦大學附屬華山醫院感染科主任張文宏表示，依照目前還未完成全民接種，</t>
  </si>
  <si>
    <t>今年以來政治局勢動盪的白俄羅斯，今天宣布將自本月20日起封鎖邊界，該國公民和擁有暫時或永久居留權的外國人，都不准透過陸路離境，希望能遏阻新冠病毒蔓延。但反對派怒批，政府此舉是嘴巴說防疫，實際上是要進一步</t>
  </si>
  <si>
    <t>新冠肺炎衝擊經濟，行政院投入600億元紓困，國發會也發動攻勢；國發會昨提出4項對策，要讓今年公共建設達成率從去年93%提高至95%，官員評估，只要執行率提升，今年執行量就可比去年增加966億元，不僅替經濟成長率（G</t>
  </si>
  <si>
    <t>美國藥廠莫德納今天向美國食品暨藥物管理局申請全面批准其研發的COVID-19疫苗，成為第2家尋求監管機關核准並廣泛使用的藥廠。目前莫德納在美國只取得緊急使用授權。莫德納（Moderna Inc）的競爭對手美國藥廠輝瑞（Pf</t>
  </si>
  <si>
    <t>一位知情人士透露，北韓官方近日頒布了最新的新冠肺炎緊急防疫準則，比過往的防疫規定更為嚴格。被推測或許是有一些疫情，或疑似感染的病例出現！《每日北韓》（Daily NK）報導指出，一位平安道南部的消息人士向他們</t>
  </si>
  <si>
    <t>「內衣女神」拐拐（許采晴）從網拍內衣起家，一路成立美胸泳裝品牌，都有死忠的粉絲緊緊跟隨。近日適逢春酒旺季，她特地打扮成「招財象神」，超浮誇的造型引起網友熱議，連「美胸女神」熊熊（卓毓彤）都忍不住誇讚：</t>
  </si>
  <si>
    <t>國內新冠肺炎疫情大爆發，上市櫃公司也陸續傳出員工確診的消息，大立光（3008）也在15日證實有員工確診，大立光表示，公司確實有一位員工確診，目前與該確診者接觸人員已進行隔離措施，公司除在內部擴大消毒因應，並</t>
  </si>
  <si>
    <t>我駐俄羅斯代表處一名人員在12月1日因感到身體不適，經篩檢後確診新冠肺炎（COVID-19），駐處已依據緊急應變計畫及俄國政府相關規定，立即啟動防疫應變措施。外交部表示，目前已進行辦公室全面消毒，並通知曾與該名</t>
  </si>
  <si>
    <t>日本捐贈台灣的AZ疫苗尚未通過WHO緊急使用認證通過！日本日前捐贈台灣124萬劑AZ疫苗，開打以來，目前接種累積死亡人數229人，而根據世界衛生組織WHO在本月16日最新官網列管新冠疫苗緊急使用名單/更新資料顯示，這批</t>
  </si>
  <si>
    <t>因應新冠肺炎，環保署依據中央流行疫情指揮中心分工，針對居家隔離、居家檢疫者及防疫旅館隔離及檢疫者廢棄物，由縣市政府委託乙級清除機構收運送地方設置集中點，再委託至甲級清除機構轉運送至甲級處理機構處理，已</t>
  </si>
  <si>
    <t>台北市長柯文哲5日主持防疫會議時宣布，新北市民施打新冠肺炎疫苗免費，3小時後中央流行疫情指揮中心緊急宣布早已編列40億元補助醫療院所，對此，新北市長侯友宜今（6日）表示，同仁早在前2天就先告訴他，中央有編列</t>
  </si>
  <si>
    <t>陸委會11日對陸配子女能否來台政策一日三變，昨疫情中心直接宣布撤回陸配來台的政策，堪稱「四度髮夾彎」。民進黨立委高嘉瑜指控，整個事件源頭，是從國民黨立委林奕華開了一場記者會。林則表示，自己從未開過記者會</t>
  </si>
  <si>
    <t>大陸山東省青島市日前出現突發新冠肺炎本土確診病例，感染源不明，宣布針對全市近千萬人口全面核酸檢測，5日內完成檢測1089萬9145個核酸樣本，檢測結果出爐，無新增陽性樣本，引發外界關注。對此，資深媒體人陳揮文</t>
  </si>
  <si>
    <t>蔡依林日前攜手陳奕迅合唱公益歌曲《Fight as One》，用全英文的溫暖歌聲，向全球醫護致敬，歌詞觸動人心，MV更搭配全球不分人種的抗疫鬥士，溫馨又催淚，不過卻意外掀起正反兩派論戰，因為網友發現，MV畫面中有小孩</t>
  </si>
  <si>
    <t>新冠肺炎疫苗覆蓋率陸續提升，昨中央流行疫情指揮中心指揮官陳時中預告，待單劑覆蓋率7成、第2劑覆蓋率6成再談邊境鬆綁。發言人莊人祥今表示，開放邊境的時間點還沒到，至於如何讓別人進來，要看看從哪個國家入境，</t>
  </si>
  <si>
    <t>瑞昱(2379)第二季受惠新冠肺炎疫情衝擊，PC、網通相關出貨湧現急單，預計第二季獲利表現不淡，展望第三季，由於疫情延燒，居家辦公、遠端教學等趨勢將延續，加上TWS新品加持，第三季可望不淡。另外，瑞昱長線耕耘乙</t>
  </si>
  <si>
    <t>台灣本土確診數昨在升回三位數，指揮中心宣布延長三級警戒至7/12，對此，中山醫學大學附設醫院兒童急診科主任謝宗學表示，真的不意外，因為台灣目前沒有可解封的條件，各地仍有許多感染源不明的案例，若在此刻鬆懈，</t>
  </si>
  <si>
    <t>新冠肺炎的來襲改變了2020年全球的生活模式，在疫情之下求職也變得更加有挑戰性。根據勞動部的估計，今年台灣約有19萬新鮮人加入求職潮。而因應海內外疫情仍然嚴峻，企業紛紛改用視訊軟體，如 Zoom 進行面試，一方面</t>
  </si>
  <si>
    <t>新冠肺炎疫情肆虐全球，一對英國情侶入境台灣接受居家檢疫，但屢屢抱怨檢疫所沒熱水、食物品質很差，甚至透過親友向BBC投訴宛如「住在監獄」，此舉不僅惹怒許多台灣網友，就連知名圖文作家吉娜兒也發文怒嗆：「台灣</t>
  </si>
  <si>
    <t>中央流行疫情指揮中心今天公布新增一名境外移入個案，陳時中表示，這名個案為沒症狀的印尼籍移工，案551。個案接觸者25人。中央流行疫情指揮中心今(28)日公布國內新增1例境外移入COVID-19病例，為印尼籍10多歲女性移</t>
  </si>
  <si>
    <t>距離原訂的三級防疫管制解封日還有一個星期，雖然對於是否能如期解封還是個未知數，但民眾已經紛紛提前「自主解封」，甚至開始為解封後的出遊超前部署，太平山莊七、八月份的訂房率不斷提高，假日更是一房難求，解封</t>
  </si>
  <si>
    <t>苗栗縣13日新增1例確診，案15385，37歲男性，居住在頭份市，是新竹縣某電子廠員工，7月9日開始有咳嗽、腹瀉、鼻塞等症狀，自行購藥服用未就醫。7月11日由電子廠安排快篩，結果為陽性，7月12日經就醫採檢PCR後確診，</t>
  </si>
  <si>
    <t>新冠肺炎疫情持續蔓延，國泰人壽貼心提醒，民眾在積極防疫的過程中除了注意健康外，也別忘了檢視自身保障是否完善，而到底保障要多少才算足夠？只要上網搜尋國泰人壽與學界合作開發的「幸福保障七彩盤」，就可以藉由</t>
  </si>
  <si>
    <t>雲朗觀光集團旗下雲品（2748）今（27）日召開股東常會，通過2019年財報及股利分派案，決議配發每股現金股利1元、股票股利1.5元，合計派利2.5元。展望今年，面對新冠肺炎疫情衝擊，集團致力留住人才，期許在疫情過後</t>
  </si>
  <si>
    <t>中央流行疫情指揮中心專家會議召集人張上淳的小兒子被爆，說身為醫師卻仍在疫情期間執意出國看NBA球賽，引發基層醫療人員不滿，也遭到輿論撻伐。網路論壇批踢踢上就有網友提出不同看法，討論「張上淳兒子根本沒錯吧</t>
  </si>
  <si>
    <t>台灣出現新冠肺炎首例死亡病例，抗煞專家、前疾管局長蘇益仁也直言，大陸疫情已經蔓延兩個月，台灣期待沒有社區感染不切實際，呼籲指揮中心不要排除社區感染，該用社區感染的措施去做。台北市長柯文哲表示，即使是社</t>
  </si>
  <si>
    <t>台中北屯家族傳播鏈再添一死，繼6月2日78歲李爺爺染疫身亡後，其妻72歲的奶奶也在12日不治身亡，子孫悲痛因隔離治療無法送別，協助處理後事的民政局長吳世瑋說，家屬透露奶奶生前遺願是火化後要和爺爺的骨灰罈安厝在</t>
  </si>
  <si>
    <t>台灣民意基金會董事長游盈隆今表示，疫情5月風暴民怨已經沖天，11天確診案例破五千大關，四天奪29條人命，這種情況若發生在國民黨主政時期早就天翻地覆了，而指揮中心相關決策者竟無人表示願負起應負責任，連禮貌性</t>
  </si>
  <si>
    <t>台股18日受蘋果示警財測、美國擬擴大華為禁令影響，指數終場下跌0.97％，欣興（3037）股價經過先前修正，加上營運體質轉好，股價18日表現相對穩健，僅小跌0.6％，收41.1元。欣興先前受新冠肺炎衝擊，導致以湖北為主</t>
  </si>
  <si>
    <t>新冠肺炎重創飯店業，三發地產關係企業晶悅飯店25日宣布，客房部將自4月1日起停止營運，全部飯店業務6月30日結束營業，飯店原址將都更重建為住宅。這是繼亞都麗緻旗下台中亞緻飯店與六福旅遊集團旗台北六福客棧後，</t>
  </si>
  <si>
    <t>大陸湖北武漢市方艙醫院，宣布全部休艙。自2月5日成立以來，14家方艙醫院總共容納1萬2千多名輕症的新冠肺炎病患，最後49名病患於今天全部出院。根據《中新網》報導，湖北武漢武昌方艙醫院患者於今（10）日下午2時30</t>
  </si>
  <si>
    <t>新冠肺炎疫情衝擊清明連假掃墓潮，高雄市政府民政局長曹桓榮4日上午代替市長韓國瑜至旗津生命紀念館視察防疫現況。曹桓榮強調，連日來視察發現民眾都能配合防疫分流措施。對於納骨塔位需求漸增的趨勢，曹也指示殯葬</t>
  </si>
  <si>
    <t>有鑑於美國各州重啟經濟，加上失業申請連五週放緩，為華爾街注入樂觀情緒，美股四大指數收漲，亞股也全面彈升，台股今天開盤漲40.3點，加權股價指數報在10883.22點，指數最高達10970.7點，惟其後漲幅收斂，回測10900</t>
  </si>
  <si>
    <t>日本高中體育聯盟26日晚間宣布停辦8月的「全國高校綜合體育大會」，這是史上首度停辦，該賽事首屆於昭和38年(1963年)舉辦。停辦理由是因應新冠肺炎疫情，避免群聚、長途移動造成的感染風險。賽事包含30個項目，參賽</t>
  </si>
  <si>
    <t>美國與大陸再度言詞交鋒，美國總統川普昨（20）日在推特火力全開，痛批大陸是「瘋子」，讓新冠肺炎疫情在全球奪走數十萬人性命，砲轟北京的「無能」造成「全球大屠殺」。法新社報導，美國總統川普20日再度對大陸開砲</t>
  </si>
  <si>
    <t>國內新冠確診近1萬6000人（含境外移入），不少人併發嚴重後遺症，卻有一名確診者「不記得老婆是誰」，檢查發現他連大腦都遭到病毒攻擊。這起個案今年67歲，今年5月因有萬華茶室活動史，送往集中檢疫所隔離，確診後緊</t>
  </si>
  <si>
    <t>中央流行疫情指揮中心今(3)日表示，國內無新增病例，昨(2)日新增178例新型冠狀病毒肺炎相關通報，截至目前累計通報72,683例(含71,729例排除)，其中443例確診，分別為352例境外移入，55例本土病例及36例敦睦艦隊。確</t>
  </si>
  <si>
    <t>先前有不少人特地到國外接種疫苗，台北市長柯文哲9日表示，經疫調發現，7月至今有8人去美國打疫苗，回台結果確診，他說，現在台灣比較安全了，不必特別跑去美國接種。柯文哲今午主持防疫記者會指出，7月到現在發現有</t>
  </si>
  <si>
    <t>嘉義縣新港鄉防疫不落人後，日前退休校長王靜文寫詞、編舞完成《新港IN病毒OUT》防疫舞曲，以大家耳熟能詳的台語歌曲《心花開》改編，未來將結合新港鄉公所的村廣播系統播放，將防疫深植民眾心中，嘉義縣政府教育處</t>
  </si>
  <si>
    <t>大陸軍媒《解放軍報》「鈞聲」專欄21日刊文指出，美國疫情呈暴發態勢，大陸忙於防控新冠肺炎疫情時，美國「蓬佩奧們」卻一邊將黑手伸向新疆、台灣、香港，藉著通過所謂「法案」，頻頻粗暴干涉大陸內政；一邊拋出「中</t>
  </si>
  <si>
    <t>中央流行疫情指揮中心今(5)日表示，清明連假期間人潮移動頻繁，假期結束後民眾仍務必落實個人衛生，並與他人保持社交距離，避免出入人潮擁擠場所，若無法維持社交距離請配戴口罩。搭乘大眾運輸時請全程配戴口罩並配</t>
  </si>
  <si>
    <t>新冠肺炎疫情全球發燒，防疫最前線金門全面備戰，即日起包括本國籍漁船、動力小船、遊艇在內，若離開禁限制水域一定範圍或與大陸漁船接觸，船上人員返金後一律要居家檢疫14天。楊鎮浯縣長強調，全島建立複式防疫網，</t>
  </si>
  <si>
    <t>新冠肺炎疫情蔓延全球，新北市政府今（14日）上午9時許舉辦亞洲城市首場新冠肺炎社區感染大規模防疫演習，新北市長侯友宜表示，擔心未來醫護人員不夠，已指示衛生局要把退休的醫護人員找回來。侯友宜表示，必須要盤</t>
  </si>
  <si>
    <t>新冠肺炎疫情進入第4個月，台灣雖不像其他國家一樣內部封城，但卻對外封國，所有的人都在問何時才能解封？台大公衛學院院長詹長權呼籲以「3個t」：testing（測試）、tracking（足跡追蹤）、tracing（接觸者追蹤）讓</t>
  </si>
  <si>
    <t>新冠肺炎疫情蔓延，南投縣為維持醫護防疫量能，避免醫院內群聚感染，造成社區流行，自3月9日起提高醫院防疫標準，縣內10家醫院含醫院附設護理之家，全面停止探病，陪病採實名制措施並限1人。衛生局表示，因應肺炎防</t>
  </si>
  <si>
    <t>中央流行疫情指揮中心今(31)日表示，「COVID-19公費疫苗預約平臺」( https://1922.gov.tw/ )第七期自8月29日10時開放之AZ疫苗預約接種，已於今日12時截止，總計約80.6萬人完成預約，將自9月3日至9月10日施打。為利疫</t>
  </si>
  <si>
    <t>台南市15日起針對第一梯高齡長者(85歲以上、75歲以上且具原住民身分、75歲以上持重大傷病卡長者)施打疫苗，台南市長黃偉哲說，為方便長者施打疫苗，市府會個別發送接種通知，請長者接到通知後再到指定地點接種疫苗，</t>
  </si>
  <si>
    <t>疫情尚未減緩，蔡英文總統今下午接受電台連線，將透過廣播跟地方鄉親報告防疫工作；這也是蔡總統近來首度接受媒體連線訪問。蔡總統疫情爆發後，最近都採用直播方式對外說明相關防疫工作，安撫人心，但今下午首度透過</t>
  </si>
  <si>
    <t>小編精選《中國時報》5件不可不知大事，帶讀者掌握今天（16日）新聞重點。【1】病毒檢測 川普陰性 彭斯跟著測新冠疫情蔓延，全球逾50名領袖、官員宣告「中鏢」，一向「鐵齒」的美國總統川普13日也終於接受病毒檢測。</t>
  </si>
  <si>
    <t>國內新冠肺炎疫情穩定，但醫師紛紛呼籲打疫苗仍是必要措施，未來萬一疫情再度爆發，才能發揮群體保護力。近來國內青少年BNT第2劑暫緩施打，醫師認為，疫苗預防重症住院的效果比心肌炎的風險來得高，仍鼓勵年輕人都要</t>
  </si>
  <si>
    <t>中央流行疫情指揮中心今(30)日公布國內新增24例境外移入新冠肺炎確診，創下了8個月以來新高，移入國家分別為印尼20例(案653、案655至668、案672至676)、美國2例(案670、671)、英國(案654)及菲律賓(案669)各1例。其中</t>
  </si>
  <si>
    <t>台中市25到40歲是被政府放棄的一群？台中市議會國民黨、超黨派及無黨等，日前提案要求市府編列預算採購疫苗，讓73年次以後的年輕人可以施打疫苗；今天於市議會獲得三讀通過。但衛生局長曾梓展指出，雖然議會通過，但</t>
  </si>
  <si>
    <t>全球的疫情排名，台灣排名第167，台灣現在是486個確診病例、7人死亡；美國最嚴重，有570萬個病例，一天增加4萬4957病例，一天死亡1263人。那到底何時才能回到疫情爆發前的生活？中央流行疫情指揮中心指揮官陳時中指</t>
  </si>
  <si>
    <t>自國內本土疫情爆發，全國進入三級防疫警戒以來，八大行業收入受到重創，遲遲無法恢復營業。今（7日）驚傳停業近2個月的台北西門星聚點已歇業退租，內部設備已全部搬空。星聚點KTV西門館位於西門町鬧區，是許多人的</t>
  </si>
  <si>
    <t>半導體檢測服務廠宜特（3289）上半年營收達15.02億元，稅後淨利為1.45億元，每股盈餘（EPS）1.55元，表現優於預期。隨第三季進入旺季，公司高層表示，7月在手檢測訂單創歷史新高，目前營運不見烏雲，不僅看好第三季</t>
  </si>
  <si>
    <t>香港新生代女星施匡翹外型清新自然，2019年因為翻唱歌曲〈假如真的再有約會〉，脫俗的嗓音讓她開始受關注，在2020年不幸成為香港首位確診新冠肺炎的女星，意外讓她爆紅；施匡翹在染疫康復後，突然轉換風格，最近曬出</t>
  </si>
  <si>
    <t>蔡英文總統宣布行政院長蘇貞昌續任，桃園市長鄭文燦8日表示，蘇內閣是一個有行動力、執行力的內閣，希望未來蘇內閣能夠把台灣建設帶領的更好。鄭文燦8日到議會總質詢，接受媒體提問，他說，蘇內閣的5大任務從疫情防</t>
  </si>
  <si>
    <t>多家疫苗紛紛抵台，指揮中心昨日也宣布，要開放23歲以上民眾預約AZ疫苗，國民黨台北市議員王鴻薇對此批評，許多國家在AZ疫苗接種上，都有提出施打年齡限制，如日本限40歲以上、韓國則是50歲以上，反觀蔡政府卻用「輪</t>
  </si>
  <si>
    <t>新冠肺炎疫情重創義大利，也讓留在台灣付出奉獻超過半世紀的義籍神父呂若瑟為他的家鄉憂心不已，並且對外求助希望募集防疫物資幫助義大利抗疫，消息傳出後立即引發台灣人的熱烈迴響，宜蘭市長江聰淵也在3日出面呼籲</t>
  </si>
  <si>
    <t>新竹縣19日新增3例確診案例都是長照機構住民，竹東c長照機構的80多歲老翁和老婦，被匡列隔離監控採檢，陽性確診，B機構80多歲老翁被匡列隔離，2次PCR採檢陰性，但發燒嘔吐就醫住院前第3次採檢陽性確診， 3人皆已收治</t>
  </si>
  <si>
    <t>大陸官媒《環球時報》引述相關消息人士表示，大陸對美國內以疫情為向中國大陸浮濫訴訟極為不滿，北京已著手準備對一些炮製反華議案的國會議員、密蘇里州以及美方相關個人和實體採取必要的懲戒措施。大陸的美國專家甚</t>
  </si>
  <si>
    <t>台灣日前再度發生新冠肺炎院內感染，前衛生署長楊志良在政論節目稱，應將染疫醫師開除。對此，台北市長柯文哲認為，罵完以後還是應該鼓勵他，醫護人員長期打仗，要隨時都緊繃神經其實不容易。柯文哲表示，大家當然可</t>
  </si>
  <si>
    <t>歡迎收看《無色覺醒》第578集播出，由主講人賴岳謙為觀眾分析：「一場病毒抗疫戰爭？美俄網路輿論開打！」正當中國大陸全力對抗新型冠狀病毒（2019-nCov）之際，美國與俄國的網路輿論戰打得如火如荼、波濤洶湧。美國</t>
  </si>
  <si>
    <t>東京銀座一直是日本地價最高的黃金地段，國土交通省公告地價每坪平均為9,301萬8,782日圓，據說泡沫經濟時代有的土地還漲到每坪逾3.5億日圓。但新冠肺炎爆發後，銀座不動產的身價已大受衝擊。■Real estate company HU</t>
  </si>
  <si>
    <t>國際大型科技會展又再取消一樁！受新冠肺炎（COVID-19）疫情從中國延燒至歐美影響，原訂於6月2日開展的台北國際電腦展（COMPUTEX），將延至9月28日舉行，展覽日期也由原本的6天、縮減至3天，展區則集中至世貿二館。</t>
  </si>
  <si>
    <t>「股神」巴菲特周一（24日）接受財經網站CNBC專訪時指出，新冠肺炎疫情持續蔓延，有極大比重企業受到衝擊，但投資者不應該受疫情影響而改變資產配置決定。另外針對今年美國總統大選，自稱並非是活躍民主黨人的他也提</t>
  </si>
  <si>
    <t>桃園市環境清潔稽查大隊龜山區中隊3名清潔隊員確診，29日新增1名案例，是清潔隊員的家人。桃園市長鄭文燦表示，目前擴大採檢188人，居家隔離185人。他說，擴大隔離、採檢是希望築起防疫防火牆，讓事件獲得控制，另外</t>
  </si>
  <si>
    <t>和碩1名員工確診新冠肺炎，傳出該名員工曾到華碩餐廳用餐，目前2公司都已啟動相關防疫規定，華碩可能與該員接觸的員工都進行居家辦公。和碩今（17日）指出1名員工無症狀確診新冠肺炎，公司接獲通知員工確診後即進行</t>
  </si>
  <si>
    <t>大陸手機品牌業者小米董事長雷軍13日在新機發表活動上表示，受到新冠肺炎疫情影響，預料今年第一季大陸手機行業銷量可能會銳減。本周稍早，雷軍並呼籲大陸手機行業能儘早復工。綜合陸媒報導，在送別銷售疲弱的2019年</t>
  </si>
  <si>
    <t>對於中原大學老師招名威上課時，拿毒奶粉、新冠肺炎開對岸玩笑，還挑釁地說，「就是在說你們。」網友痛批，歧視就是歧視，被檢舉的一點也不無辜。對於中原大學老師招名威上課爭議，中原大學校方表示，中原大學為中華</t>
  </si>
  <si>
    <t>台灣本土疫情雖稍微趨緩，連續4天維持2位數確診，但疫苗數量供不應求，不少民眾選擇飛出國打疫苗。在台發展的美籍男星賈斯汀（Justin Caleb Cooper）是節目《請問今晚住誰家》主持人、《2分之一強》班底，他近日透露</t>
  </si>
  <si>
    <t>防範新冠肺炎，近來酒精、消毒水、漂白水等又成為搶手貨，連噴罐都供不應求，民眾紛紛拿著家中各式舊瓶自行分裝，醫師提醒，拿舊瓶分裝漂白水暗藏陷阱，勸民眾千萬別鐵齒，真的發生過憾事，尤其是用礦泉水瓶來裝漂白</t>
  </si>
  <si>
    <t>邁入21年的貢寮海洋音樂祭，受新冠病毒影響，新北市府先前已決定將其中的「海洋獨立音樂大賞」停辦，雖國內疫情趨緩，國外疫情仍居高不下，新北市府27日討論後，認為活動在沙灘，難以全面落實社交距離或全程戴口罩，</t>
  </si>
  <si>
    <t>被寄予厚望的新冠肺炎新藥「瑞德西韋」傳試驗不理想，中央流行疫情指揮中心專家諮詢小組召集人張上淳表示，其為中國初期試驗，試驗已提早結束，資料是否完，還要再檢視，現在原廠有多國、多中心更大規模的臨床試驗，</t>
  </si>
  <si>
    <t>中央流行疫情指揮中心今公布國內新增299例新冠肺炎確定病例，分別為297例本土個案及2例境外移入個案；另有校正回歸本土個案258例，總計557例。確診個案中新增19例死亡，創下單日新高。指揮官陳時中說，今新增的297例</t>
  </si>
  <si>
    <t>為助推台企復工復產，2020浙江省台資企業創業創新推進會暨台企高品質復工復產座談交流會日前在浙江餘姚市舉行，會上發布針對貫徹浙江省「惠台26條措施」實施指南，介紹5家在浙台企的應對疫情、復工復產經驗做法，並</t>
  </si>
  <si>
    <t>偶像劇男星宥勝日前在臉書感嘆：「突然很感激有水有電有自由的日子。住在台中的我們，今天同時遭遇停水停電，再加上聽說附近有人去過萬華，就突然覺得…如果我們失去一切，那將會是什麼景象？」無心一句話意外引發萬</t>
  </si>
  <si>
    <t>世貿組織（WTO）於日內瓦時間2月15日任命新任祕書長伊衛拉，中國商務部北京時間15日晚表示，中方對她擔任WTO總幹事充滿信心，並期待她履新後，促進WTO盡快恢復正常功能，推動必要改革。新華社報導，中國商務部世貿司</t>
  </si>
  <si>
    <t>新冠肺炎疫情在台灣持續延燒，近日更爆發海軍集體染疫的事件，而國外疫情方面，南韓雖然經歷過疫情大爆發，如今確診人數卻狂降到單日剩下10例左右，消息傳到PTT上後，讓不少網友狂讚。根據韓媒報導，2月爆發超級傳播</t>
  </si>
  <si>
    <t>離島澎湖縣31日再發現染疫第2例，1名50多歲婦人疑似與第1例個案聚餐染疫，經醫院兩次採檢都呈陽性，後續仍待中央認定。縣府表示，第2例女個案於24日晚上曾經與第1例聚餐，衛生局隨即匡列送醫，30日下午醫院進行兩次P</t>
  </si>
  <si>
    <t>德國迄今新冠肺炎確診超過16萬5千例，死亡僅6千8百多件，和鄰近國家相較，防疫抗疫成功許多。德國也自今天起鬆綁部分限制措施，有條件重新開放博物館、理髮院、教堂和汽車工廠等。不過波昂大學最新研究卻警告，德國</t>
  </si>
  <si>
    <t>新冠肺炎疫情持續升溫，且已有學校因確診案例而全校停課一周，壽險業者建議，家長可幫孩子檢視當初投保的保單，也可超前部署「醫療險、意外險及重疾或癌症險等」三種保單，完整孩子的保障規劃。衛福部調查發現，學齡</t>
  </si>
  <si>
    <t>新冠肺炎持續擴散蔓延，居家檢疫人數暴增，公司行號與機關團體，為避免群聚感染並為維護企業員工同仁健康與工作環境的安全，亦進一步提高防疫層級，目前國內已有超過百家大型企業啟動「異地辦公」與「居家辦公」機制</t>
  </si>
  <si>
    <t>桃園市政府17日召開防疫會議，首度公布確診者足跡，其中位於桃園站前商圈的薄多義桃園店上榜，轄區桃園區文化里里長歐陽瀚不諱言，直到昨天早上接到「匿名電話」才知悉轄內有確診足跡，感嘆：「里長都是最後一個被告</t>
  </si>
  <si>
    <t>衛福部長陳時中今(2)日公布，國內出現第41例COVID-19(新冠肺炎)病例，為「案34」的女兒(20多歲)，近期無旅遊史，除自身有過敏體質外，無任何不適症狀。然而，這位第41例確診者，於2月15～26日間曾多次至病房陪伴她的</t>
  </si>
  <si>
    <t>疫情打擾籌資進度。新光金控10日公告，其2.22億股乙種特別股發行計畫，因受新冠肺炎疫情影響，國際經濟環境前景未明，牽動國內資本市場波動劇烈，價格波動過大，決定向金管會申請延後三個月，即9月20日前再視市場狀</t>
  </si>
  <si>
    <t>目前有6名外籍移工確診的京鼎精密公司，9日也對全棟大樓人員進行快篩，包括了京鼎本身的430名員工，以及同棟大樓承租廠房的廠商有2家鴻躍及葉成，另有180名員工，共快篩610人，將在1天內完成。京鼎精密科技公司隸屬</t>
  </si>
  <si>
    <t>市場擔心爆發第二波新冠肺炎疫情，近日股市出現一波修正，但「新興市場教父」墨比爾斯（Mark Mobius）仍對全球股市抱持樂觀態度，認為現在處於新牛市中。外媒報導，投資機構Mobius Capital Partners創辦人墨比爾斯表</t>
  </si>
  <si>
    <t>全國三級警戒持續到7月12日，許多商家苦苦掙扎，尋求各種生存之道。雲林一間連鎖甘草芭樂攤，與農民契作芭樂，2、3天進貨1000斤帝王芭樂，不忍眼睜睜看著芭樂放爛，業者特別請來生計同樣受疫情影響的逆天長腿模特兒</t>
  </si>
  <si>
    <t>在英國政府擔任科學顧問的傳染病學家弗格森(Neil Ferguson)，在被確診感染新冠病毒後，違反社交隔離規定在家中會見一名與自已有不倫關係的已婚情婦。此事遭英媒爆料曝光後，弗格森被輿論冠以「傲慢的偽君子」封號，</t>
  </si>
  <si>
    <t>蘋果公司周一宣布，因新冠肺炎疫情導致iPhone手機生產放緩，並削弱在中國的需求，蘋果將無法達成本季營收目標。蘋果發布聲明表示，在中國的製造設施已經開始復工，但恢復的速度不如原先預期。由於這些生產據點尚未全</t>
  </si>
  <si>
    <t>台南市發生居家檢疫失聯事件，21歲的花姓女子2月4日透過小三通回到台灣，居家隔離到19日期滿，她卻在17日突然失聯，讓防疫人員遍尋不著，台南市民政局昨日傍晚公布姓名盼全民協尋，並轉介警方協助找人。警方循線追查</t>
  </si>
  <si>
    <t>中央流行疫情指揮中心每周五會公布境外移入個案基因定序結果，據指出，本周共定序出2例包括16239、16242例，2例均為DELTA變異株，分別來自菲律賓及宏都拉斯，其中16242例分別在4月及6月接種過2劑AZ疫苗，符合突破性</t>
  </si>
  <si>
    <t>因新冠肺炎影響，全球不少國家民眾入境台灣或民眾回台都需要居家隔離14天，各縣市政府也會提供居家隔離包，讓民眾可以安心在家吃東西及消磨時間，網紅阿侖因從韓國回台也收到了桃園市給的隔離包，當中竟然還有超夯的</t>
  </si>
  <si>
    <t>金曲台語歌王洪榮宏將推出全新專輯《腳步慢慢》，有感於新冠肺炎疫情肆虐，洪榮宏反思，在這個鞠躬盡瘁的社會裡面，大家腳步太匆忙，也沒有想得太遠，所以在這個時間點上，剛好是一個可以靜下來沉思的時刻，而新專輯</t>
  </si>
  <si>
    <t>「鑽石公主」號郵輪因爆發新冠肺炎群聚感染疫情，確診人數已逼近700，如今出現第4名死者。據NHK報導，這名新冠肺炎患者高齡80，送醫治療後不治。至今「鑽石公主」號上的3711名乘客和工作人員中，已有691人確診。而據</t>
  </si>
  <si>
    <t>新冠肺炎導致全球金融市場急劇下滑，導致全球500大富豪2在一天之內，總共損失了1390億。比如亞馬遜集團總裁貝佐斯(Jeff Bezos)一天就蒸發了超過48億美元。俄國衛星網報導，新冠肺炎在中國大陸以外的新病例不斷激增，</t>
  </si>
  <si>
    <t>南庄鄉長與卓蘭鎮景山里里長補選，將於21日上午8時至下午4時舉行投票。苗栗縣選舉委員會為有效防止疫情，將依中選會規定於投票所外開設簡易檢疫站，並籲請選民配合相關防疫措施。選委會指出，民眾應依照中央選舉委員</t>
  </si>
  <si>
    <t>世衛組織6日統計，全球新冠肺炎新增病例數連續3天超過20萬。據美國約翰霍普金斯大學數據，美國累計確診人數逾293萬，死亡人數在當天突破13萬人。美國總統川普推文再次使用「中國病毒」，還說「該病毒在美國的致死率</t>
  </si>
  <si>
    <t>受惠大陸智慧型手機去美化效應，宏捷科（8086）2月營收達2.72億元，再度刷新紀錄、創49個月新高，不但月增0.82％，年增率亦高達1.9倍，累計前二月營收達5.41億元，年增率亦達161.76％，雙雙出現倍數成長。法人預估，</t>
  </si>
  <si>
    <t>台北市長柯文哲曾主張打2劑疫苗可以不用戴口罩，中央宣布明天起戶外運動可不戴口罩，但目前第2劑覆蓋率還很低，恐怕成為破口。柯18日表示，台灣境內沒有什麼感染狀況，只要邊境管制好其實是不必管那麼嚴，但要逐步微</t>
  </si>
  <si>
    <t>政院即將推出振興抵用券，但行政院長蘇貞昌日前表示，不要限制異地消費比較好，經濟部長沈榮津今天又說，只要民眾住宿就會發放，外界愈聽愈花，不知道是否要異地消費。行政院發言人Kolas Yotaka表示，主要是抵用券有</t>
  </si>
  <si>
    <t>敦睦艦隊爆發新冠肺炎群聚感染，目前累計24人確診，海軍緊急召回7百多人，為何放人下船趴趴走、是否隱匿病情，明明已知疫情蔓延，為何還要出航？引法諸多猜疑，隨著事件發展，相關時程也一一曝光。敦睦艦隊官兵爆發</t>
  </si>
  <si>
    <t>國內疫情嚴峻，這周被視為防疫關鍵期。近日高市爆發「串門子」餐廳群聚感染，已有7人確診，高市府針對餐飲業祭出限令，今（22）日起至28日一率禁止內用，否則最高可罰1.5萬元。今早經發局前往哈瑪星商圈稽查，商家皆</t>
  </si>
  <si>
    <t>鮮少在全國性電視台亮相的美國聯準會主席鮑爾，26日罕見登上國家廣播公司（NBC）節目「今天」。他表示，美國經濟「極可能陷入衰退」；不過鮑爾認為，控制新冠疫情擴散的進度，將是決定經濟何時重新開啟的關鍵。鮑爾</t>
  </si>
  <si>
    <t>網傳「蔡總統確診」消息，民進黨今表示，是假的，不要轉傳。刑事局偵二大隊追查，發現IP位址來自境外，不排除是中國網軍所為。民進黨今表示，有網友在網路直播聊天室，留下「蔡英文已經確診還沒有宣布」的不實訊息。</t>
  </si>
  <si>
    <t>新冠肺炎（COVID-19）疫情在國際強勢升溫，目前日本境內確診人數達242例，死亡5例；韓國每日確診數更是瘋狂竄升，至今已累計3,500人確診，死亡17例。看似2國的疫情都相當嚴重，但不少民眾仍對指揮中心定調的疫情旅遊</t>
  </si>
  <si>
    <t>越南衛生部門今天表示，境內2019年冠狀病毒疾病截至目前的最後一例確診患者上午出院。至今16起病例已全數治癒，13日以來未出現新增病例，初步成功控制疫情。越南快訊新聞網站報導，北部永福省（Vinh Phuc）平川縣（B</t>
  </si>
  <si>
    <t>台灣自購加上美國贈送的莫德納疫苗共有855萬劑，扣掉已打第一劑的333.5萬人，之後能夠打滿兩劑莫德納的人數剩不到100萬人，不過根據統計，目前全台仍有約390萬人非莫德納不打，有醫師呼籲這390萬莫德納鐵粉別再等了</t>
  </si>
  <si>
    <t>元樟生技7月21日公布其所研發的新型抗生素YUAN-03，委託台灣大學醫學檢驗暨生物技術學系張淑媛教授團隊進行新型冠狀病毒（SARS-CoV-2）體外抗病毒試驗，結果證實YUAN-03可有效抑制新冠病毒感染率幾近100％，令人驚豔</t>
  </si>
  <si>
    <t>澎湃新聞網報導，中共中央紀委國家監委網站微信公眾號16日消息，北京市15日公布36例新增新冠肺炎確診病例，已完成流調34例，均與新發地市場有關。大陸疾控中心流行病學首席專家吳尊友、國家衛生健康委高級別專家組成</t>
  </si>
  <si>
    <t>中央流行疫情指揮中心今天公布5例境外感染，其中1例又是國籍航空（副）機師，她已經完成接種2劑莫德納疫苗，5天居家檢疫期間住在諾富特飯店，接著返家進行9天加強版自主健康管理，並在最後一天採檢確診。由於加強版</t>
  </si>
  <si>
    <t>台灣昨天新增第19、20例新冠肺炎確診個案，其中一例疑似為社區感染，震驚國人，但國內專家對這起個案是否為社區感染有不同意見，認為目前還很難定義台灣進入社區感染階段，但仍不可掉以輕心，國人出門在外還是應維持</t>
  </si>
  <si>
    <t>新冠疫情肆虐全球，東京疫情也持續嚴峻，近7天的每日新增確診數平均3千多例，尤其最近在東奧選手村又爆發希臘水上芭蕾隊5人確診。媒體指出，東京確診3千人中，有近3成確診者為20多歲年輕人。對此，中央流行疫情指揮</t>
  </si>
  <si>
    <t>新冠肺炎疫情衝擊旅遊業與運輸業，交通部從4月至9月，每月補貼計程車2千元油錢，原本要以加油前500公升、每公升補助4元的方式，昨日宣布改為每月初直接匯入加油卡內，讓司機能更實質運用補助。中油則送出加碼，司機</t>
  </si>
  <si>
    <t>二崙鄉幼兒園為預防小朋友突如其來打鬧口水噴濺或咳嗽，確保幼童用餐安全，日前以五顏六色的PP板作隔板，小朋友都乖乖配合。二崙鄉立幼兒園表示，從新聞報導看到中鋼餐廳以隔板防疫，決定用PP板做用餐隔板，上月25日</t>
  </si>
  <si>
    <t>美國國務卿蓬佩奧（Mike Pompeo）於美東時間14日表示，美國譴責中國相關「網路行為體及其下屬的非傳統情報收集者」企圖竊取與新冠病毒研究有關的美國智慧財產權及數據。路透報導，蓬佩奧在一份聲明中指出，「中國在</t>
  </si>
  <si>
    <t>美國新冠肺炎疫情持續升溫，根據約翰霍普金斯大學統計，美國新冠肺炎確診人數在過去一周新增逾100萬人，讓美國染疫的總人數超過1,103萬人。此外，住院人數亦創下紀錄，截至15日已逼近7萬人。</t>
  </si>
  <si>
    <t>新冠肺炎疫情持續延燒，不少民眾出國行程受到影響，「台灣最美麗的歐巴桑」陳美鳳日前也透露取消和藍心湄的國外旅遊，近日更分享防疫妙招，卻是曬出光溜溜的火辣畫面。原來是陳美鳳有泡澡習慣，她16日於臉書PO出坐在</t>
  </si>
  <si>
    <t>新冠肺炎延燒，蔡政府為了控管口罩的販售，實施口罩實名制，卻造成台灣各地都出現藥局外排隊買口罩的現象，而近來政府更表示，國內口罩的生產線已經完備，日產口罩將達到千萬。但是，自由作家洛杉基卻注意到，民進黨</t>
  </si>
  <si>
    <t>新冠肺炎持續肆虐全球，目前確診數已高達98,047，隨著全球各地病例增加，確診數恐突破十萬大關。對此，世界衛生組織秘書長譚德賽表示，只要世界上所有的政府共同行動、齊心協力，疫情在全球仍可防可控，但也有可能更</t>
  </si>
  <si>
    <t>新冠疫苗第12輪第1階22日開打，針對莫德納疫苗第二劑預約接種，中市傳出造冊接種的65歲到67歲長者也上網搶預約，造成55歲到64歲符合資格市民有3千多人預約不到，市府19日晚間緊急宣布可免預約在指定時間逕往快打站接</t>
  </si>
  <si>
    <t>對抗新冠病毒藥物相關研究有重大突破！據澳洲聯合新聞社報導，蒙納許大學（Monash University）研究團隊發現，主要用來治療頭蝨的「伊維菌素」（Ivermectin）可在2日之內殺死新冠病毒核糖核酸（RNA）。雖然此一藥物</t>
  </si>
  <si>
    <t>新北市14日新增確診數為2人，新北市侯友宜14日表示，這兩人都是居家隔離轉陽的案件，可說新北今天沒有新增個案，新北市從5月22日的384例，用了54天走到今天，這是用民眾低度活動與嚴重經濟衝擊換來的，但他強調一天</t>
  </si>
  <si>
    <t>新型冠狀病毒又出現新變異株Omicron，目前歐洲已有多個國家遭到攻破。胸腔暨重症專科醫師黃軒表示，南非已有88例確診Omicron變異株，經過觀察發現，感染者以輕症表現為主，症狀為肌肉痠痛、疲憊及輕微咳嗽，常見的失</t>
  </si>
  <si>
    <t>台中市連續2日「嘉玲」，24日傳出4起疑施打疫苗後死亡案例，迄今累計34人；台中市衛生局長曾梓展指出，3案例將通報中央釐清死亡與疫苗的相關性。另公布南投埔里1確診個案在台中的疫調足跡，包括，4家旅館及逢甲1間鞋</t>
  </si>
  <si>
    <t>敦睦艦隊傳出同寢室3人確診新冠肺炎，海軍緊急召回3艘軍艦官兵及學生700多人，進行採檢。其中15人已回到澎湖馬公，今（19）日一採結果出爐，這15人皆為陰性。澎湖縣流行疫情指揮中心表示，縣府衛生局18日晚間接獲中</t>
  </si>
  <si>
    <t>身為NBA球員工會主席的雷霆明星後衛保羅，日前在播客節目當中透露，他打算籌拍一部關於新冠疫情對於美國體育造成巨大影響的紀錄片，除了找來知名運動員訪談，曾在現場經歷NBA突然宣布無限期停賽的保羅，當屬最佳的受</t>
  </si>
  <si>
    <t>一名外籍移工3月18日自高雄小港機場入境後，未依防疫規定進行居家檢疫14天，入境當天即失聯，於4月16日尋獲後隨即送至收容處所收容，屏縣衛生局依規定開罰100萬元，該移工逾期未繳，4月30日已移送行政執行署屏東分署</t>
  </si>
  <si>
    <t>工業電腦廠安勤（3479）受美國投票機訂單出貨遞延衝擊，2020年第二季營運轉淡，全年展望趨守。不過，隨著歐洲及中國大陸需求恢復、以及醫療產品急單挹注，可望填補些許缺口。法人預期6月營收與5月相當，第二季營運估</t>
  </si>
  <si>
    <t>據《美聯社》報導，過去2個月以來，印度被第2波新冠肺炎疫情所吞噬，迄今已有逾2,600萬起確診案例、死亡人數更超過30萬。然而，對活著的人來說，生活也不容易。儘管政府積極推廣疫苗施打，但這過程卻意外彰顯出各種</t>
  </si>
  <si>
    <t>國內兩天暴增386本土個案，雙北今天早上宣布高中以下包括幼兒園、補習班全部停課2周，多所大學也開始遠距教學，既然不用到校，學生也整理行李準備返鄉，但醫護粉專「美的好朋友」疾呼，拜託遠端工作及停課者，這兩種</t>
  </si>
  <si>
    <t>新冠肺炎境外移入案例持續增加中，造成民眾恐慌再現口罩搶購潮，台中市長盧秀燕上午在后里受訪時建議中央，境外旅客入境，除目前14天隔離外，應一律再加上普篩，雙管齊下才能確保台灣2300萬人的安全。盧秀燕提到，大</t>
  </si>
  <si>
    <t>疫情指揮中心日前宣布可開放混打，不少人仍猶豫第二劑該選輝瑞／BNT或莫德納。衛福部草屯療養院醫師沈政男表示，若擔心心肌炎副作用，混打就選BNT；如果是追求保護力，就選莫德納。沈政男昨（22）日於個人臉書分析，</t>
  </si>
  <si>
    <t>受新冠狀病毒疫情與相關封鎖措施影響，德國第一季資本投資、民間消費與出口急凍，經濟創下金融危機以來的最大跌幅，並宣告陷入衰退。德國統計廳周一公布，繼2019年第四季國內生產毛額（GDP）萎縮0.1%後，德國第一季</t>
  </si>
  <si>
    <t>雖然復賽在即，但並非所有球員都站在支持的立場，七六人當家中鋒恩比德在受訪時就明白表示，個人立場是討厭復賽，但仍會參加，而且會全力以赴。恩比德說，今年發生了太多事情，所以選擇在此時復賽不是一件正確的決定</t>
  </si>
  <si>
    <t>香港文匯網報導，珠海市新型冠狀病毒肺炎疫情防控指揮部今天（4日）凌晨發布「關於進一步調整珠澳口岸疫情防控措施的通告」，根據當前新冠肺炎疫情防控需要，經珠澳聯防聯控機制協商決定：自8月4日6時起，除保障珠澳</t>
  </si>
  <si>
    <t>新冠肺炎對觀光業營運造成嚴峻考驗，續旅遊業者雄獅開出第一槍後，晶華（2707）國際酒店集團亦啟動自救方案，董事會決議董監事將不領取2019年酬勞，高階主管主動減薪30％，人事部則積極規畫「觀光業轉型培訓」課程，</t>
  </si>
  <si>
    <t>台灣、中國大陸等半導體大廠為迎戰2021年5G、車用電子需求，目前正進行製程升級，其中台積電、日月光正邁向先進製程及強化封裝產能。法人看好，在這波效應下，通吃兩岸半導體及面板大廠廠務設備的漢唐（2404）接單將</t>
  </si>
  <si>
    <t>新冠肺炎在全球持續肆虐，台灣人最愛旅遊的國家日本、韓國確診人數急速上升，疫情也延燒到演藝圈，不少藝人怕疫情擴散，紛紛取消演唱會、簽唱會等大型活動。不過仍有活動單位出奇招，祭出「機械手」與粉絲握手，但引</t>
  </si>
  <si>
    <t>本土疫情嚴峻，新北市長侯友宜昨宣布啟動第2階段病房清空計畫，預計增加至1043間專責病房，專門收治新冠肺炎患者，外界詢問該計畫何時達標。新北市衛生局長陳潤秋表示，第2階段計畫徵用1043間專責病房，這幾日已在逐</t>
  </si>
  <si>
    <t>我國球類陪練員昨確診新冠肺炎，成為國內體壇染疫首例，但中央流行疫情指揮中心、體育署都不願意透露患者的運動項目。社區防疫組副組長莊人祥表示，這位患者目前狀況穩定，屬於輕症。這名國家隊陪練員在2月16日到24</t>
  </si>
  <si>
    <t>紐約州新冠肺炎（ COVID-19 ）確診病例數突破1萬人，成為美國疫情最慘重的地區，對此就有網友好奇「紐約為何比其他城市還多好幾倍？」貼文一出隨即掀起熱議，更有知情人士點破一致命關鍵，直言「紐約完全大染缸！」</t>
  </si>
  <si>
    <t>美國北卡羅萊納州2周前出現民眾上街示威「反封城、反居家令」。不過，諷刺的是，抗議活動領袖惠特洛克（Audrey Whitlock）稍後也被確診感染新冠肺炎，必須隔離14天。之後，她向支持者宣稱隔離期已結束，將繼續投入街</t>
  </si>
  <si>
    <t>雲林縣政府30日公布新增境外移入確診個案1例，案16101為本國籍19歲男性，長年居住在印尼，本月27日返台就學入境，持有3日內PCR檢驗陰性報告，入境時無症狀，於外縣市集中檢疫所居家檢疫，期間無不適症狀，29日採檢結</t>
  </si>
  <si>
    <t>新冠肺炎肆虐，民眾恐慌搶購口罩，引爆「口罩之亂」，政府也開始宣導「口罩不必隨時戴」觀念，口罩彷彿當前最珍貴物資。一位正妹痛批，行政院長蘇貞昌的口罩實名制政策，讓大家一個口罩平均要用三天半，如今大家的問</t>
  </si>
  <si>
    <t>中央流行疫情指揮中心日前宣布將開始針對12歲至18歲的青少年施打疫苗，而學生如接種疫苗可有3天的「疫苗假」、必要時得延長，勞動部表示，如在疫苗假期間，家長有照顧學生需求，其中1人可以申請防疫照顧假，但不強迫</t>
  </si>
  <si>
    <t>新冠肺炎疫情升溫，不只衝擊觀光業，北市雙層觀光巴士也成為重災區，從原本的一天25班減為一天12班，甚至平均一天至少有3、4班一整天載不到客人，因此，業者將祭出優惠搶救載客量，推出銅板價就可搭雙層巴士外，還有</t>
  </si>
  <si>
    <t>台灣新冠肺炎疫情本土確診數最近不斷增加，今(22日)指揮官陳時中宣布新增321例本土病例，校正回歸400例，從5月16日到21日病例數皆有調整，其中「校正回歸」四字引來網友討論，前主播蕭彤雯稍早發文，用記帳的例子解</t>
  </si>
  <si>
    <t>新冠肺炎疫情持續延燒，所有第一線醫療人員都傾盡全力在抗疫，不過有網友PO出醫療人員的便當，和之前台商在隔離所的菜色相比遜色許多，並透露以男生的食量，這樣的便當已經「漲了10元還吃不飽」，希望大家可以稍微體</t>
  </si>
  <si>
    <t>在NBA無限期停賽期間，仍在社群媒體相當活躍的湖人「小皇帝」詹姆斯，9日接受視訊訪問時再次放話，「我很樂意迎接本季的正式回歸，我們的狀態能在復賽後開始為了總冠軍而戰，我更希望能有球迷在觀眾席上的比賽，但我</t>
  </si>
  <si>
    <t>台北市今日新增9例確診個案，其中案15426曾去過全聯西門町店，足跡顯示她連續3天都待在全聯長達10多小時，北市副市長黃珊珊證實，該婦人為全聯女員工，由於先生11日確診，因此被匡為居家隔離對象，但因過去的確有接</t>
  </si>
  <si>
    <t>新冠肺炎疫情嚴峻，全國防疫升為三級警戒，為避免群聚疑慮，東吳大學今(19)日宣布，全校遠距教學由原預定的兩周延長為全學期，至6月26日止，期末考原則上採線上考試，或繳交書面報告取代。至於實驗課、音樂展演等其</t>
  </si>
  <si>
    <t>日前有民眾反映「口罩變薄」，但疫情指揮中心已經解釋過，其實這類口罩一樣具有防疫功能，只是差了一層可防血液潑濺。有一名網友在臉書上貼出一張口罩照片，並發文表示，女友在新竹的藥局排隊領了口罩，但口罩卻非常</t>
  </si>
  <si>
    <t>本土疫情嚴峻，各縣市近日已陸續對轄內85歲以上長者施打疫苗，未料全台卻傳出10多位長者施打疫苗後猝死的案例。新北市長侯友宜今表示，前2天施打率接近6成，但今日施打率只有47％左右，不到5成，相信許多長者看了新</t>
  </si>
  <si>
    <t>新型冠狀病毒未見趨緩，民眾出外用餐總是擔憂，有鑒於此，遠傳(4904)今日宣布，推出智慧餐飲工具「一指點」，餐飲業者免建置系統，僅須前往遠傳直營門市申辦，客人掃描就能用自己的手機完成零接觸的點餐、結帳。遠傳</t>
  </si>
  <si>
    <t>台南市新增1例疑似疫苗不良反應的死亡案例。台南麻豆區一名89歲老翁，16日上午返回戶籍地大內衛生所接種AZ疫苗，隨後回麻豆區住所，當晚出現食慾不振、身體不適，深夜送醫急診，19日不治，醫院診斷為慢性阻塞性肺部</t>
  </si>
  <si>
    <t>北市防疫旅館爆出篩檢後隔天又出現症狀，而沒有再次篩檢，引發質疑。市長柯文哲今早表示，已下令更改SOP，所有防疫旅館都發放快篩劑，出現症狀就篩檢，衛生局下午進一步表示，SOP再稍微調整，只要有疑似症狀，就建議</t>
  </si>
  <si>
    <t>2020年天災人禍肆虐，全球籠罩在新冠肺炎疫情的陰影之下。台南市議員蔡筱薇、李啟維在今日協助台南基督長老教會台南中會舉辦「七月平安暝，台灣好萬年－2020 心靈重建平安音樂會」記者會，希望透過音樂撫平大家心靈</t>
  </si>
  <si>
    <t>雖然世界衛生組織WHO還沒把新冠肺炎列為全球流行疾病，但疫情已擴散至73國，確診案例超過10萬例，2.9億學生停課。醫界權威雜誌《柳葉刀》3月7日發表社論《COVID-19：太少，太晚？》（COVID-19: too little, too late</t>
  </si>
  <si>
    <t>爵士中鋒戈貝爾(Rudy Gobert)在公開道歉之後正式對大眾做出補償，他15日宣布捐出50萬美元(約台幣1500萬)來幫助防疫，包括支援那些因為停賽而生計受影響的時薪工作人員。他慷慨的行為讓球迷也不好意思再罵他了。戈貝</t>
  </si>
  <si>
    <t>日本新冠疫情突然降溫，連當地人都無法確定原因，不過最新研究發現，日本疫情突然降溫可能是Delta變異株自我毀滅的結果。日本第5波新冠疫情在9月之後突然降溫，連當地人都相當困惑，外媒大致統整出幾個原因，包括日</t>
  </si>
  <si>
    <t>七六人跨年夜在客場痛宰魔術，現場開放4000位球迷進場，七六人總教練瑞弗斯(Doc Rivers)對當地人防疫的鬆散感到不可思議。瑞弗斯說：「我實在怕得要命，我很訝異大家對疫情毫不在乎，我明白球場裡只開放3000多人(滿</t>
  </si>
  <si>
    <t>西洋流行樂壇天后瑪丹娜（Madonna）日前才自爆體內驗出新冠肺炎抗體，還口出狂言會外出呼吸新冠病毒空氣，更去參加攝影師好友史蒂文卡萊恩的生日派對，完全無視病毒，今(7日)她發文承認的確有感染病毒，同台表演者也</t>
  </si>
  <si>
    <t>前衛生署長楊志良日前參與聯亞疫苗的二期臨床試驗，但他昨天自爆6月7日抽血檢測體內抗體（ANA）僅有40且為陰性，質疑國產疫苗效力，然而醫師林靜儀在臉書指出，ANA是抗核抗體，是風濕免疫相關疾病的其中一個血清指標</t>
  </si>
  <si>
    <t>衛福部開放新冠肺炎家用型檢測試劑，興櫃股萊鎂醫（6633）、達亞國際（6762）搶搭利多，宣布引進新冠肺炎檢測套組，激勵萊鎂醫股價15日開盤10分鐘「漲到熔斷」，衝上21.05元；達亞一開盤也隨即漲停鎖死。國內疫情嚴</t>
  </si>
  <si>
    <t>國內自主研發疫苗再傳新進度，上周甫通過食藥署核准進行人體試驗的國光生技，今天宣布已進行第一波受試者施打，過程一切平順，可望按計畫於十一月底進入第二期臨床試驗，最快年底開始量產。國光生技今天召開說明會指</t>
  </si>
  <si>
    <t>新冠肺炎防疫期間，亞馬遜的電商、雲端運算與視訊串流業務需求強勁，該公司繼3月宣布增聘10萬人後，打算再招募7.5萬名員工，業務前景亮眼帶動股價改寫新高紀錄。亞馬遜股價繼13日收在2,168.87美元後，14日盤中揚升至</t>
  </si>
  <si>
    <t>新冠肺炎〈NCP〉持續在全球升溫，不少民眾為了自保，紛紛搶購口罩、酒精等防疫商品，一名在藥局工作的網友近日在臉書上敘述一名客人口誤鬧出的笑話，讓不少網友聽了都笑到噴飯。一名在藥局上班的網友日前在臉書社團</t>
  </si>
  <si>
    <t>對抗新冠肺炎，除勤洗手外，也要注意眼睛部位的預防。岡山秀傳醫院近來接獲1名女士使用乾洗手消毒雙手後，不慎揉了眼睛，以及1名工人進入正在整修的開刀房油漆，不慎誤按紫消燈開關，導致皮膚發紅和眼睛劇痛、流淚張</t>
  </si>
  <si>
    <t>彰化員林秀妃養生館感染再擴大，今天下午新竹市長林智堅證實新竹1名50歲男子，21日曾到秀妃消費，昨天採檢今確診，目前已匡列4人隔離，但明明15日就三級警戒八大行業停業，卻能在21日消費確診令人不解，轄區警方表示</t>
  </si>
  <si>
    <t>熱火「英雄哥」希洛最近運氣也太差了吧！先前才因頸部受傷缺席7場例行賽，才剛傷癒復出打了兩場的希洛，1日卻又遭逢噩耗，因為跟他同住的室友突然傳出新冠檢測呈現陽性反應，直接觸發聯盟健康與安全守則，至少面臨1</t>
  </si>
  <si>
    <t>「上知天文、下知地理」中天新聞氣象團隊王牌氣象主播戴立綱，因播報專業、預測精準、解說氣象接地氣，廣受觀眾喜愛，優質表現獲「財團法人氣象應用推廣基金會」評選為「2019年度最佳氣象主播」，該協會自2015年起每</t>
  </si>
  <si>
    <t>民進黨立委邱泰源今與多個醫師公會舉行「全球疫情期間全民配合政府 共同合作阻疫情，維護健康好生活」記者會。台大兒醫院長黃立民指出，疫情期間，民眾的免疫長期未被病毒激發，形成免疫負債。因此呼籲高風險民眾盡</t>
  </si>
  <si>
    <t>裕融企業公司新臺幣60億元聯貸6月28日簽約，由華南銀行擔任統籌主辦暨額度管理銀行，臺灣銀行為文件管理銀行。裕融企業聯貸金額原本僅新臺幣50億元，但因各銀行參貸踴躍，超額認購達2.1倍，最終以新臺幣60億元結案，</t>
  </si>
  <si>
    <t>萬金石馬拉松昨宣布停辦，各地盛事跟著拉警報；據了解，即將在4月登場的新北市潑水節，確定取消實體活動，改採線上舉辦；4月的鐵道馬拉松雖已報名收費，觀旅局考量同為馬拉松性質，正研議是否停辦，緊接著7月新北市</t>
  </si>
  <si>
    <t>國內疫情延燒不斷，第一線醫護人員首當其衝成為高風險族群，像是日前台南安平一名50幾歲男子，因桃園旅遊史確診，18日前往牙醫診所植牙時，一口氣就傳染新冠肺炎給7人，男牙醫師和女護理人員全遭感染，更讓人訝異的</t>
  </si>
  <si>
    <t>衛福部今（11）日晚間最新表示，民眾因為新冠肺炎受隔離、檢疫者及其照顧者，依法可發給每人每日防疫補償金1,000元，將於23日、31日分兩階段開放「臨櫃或線上」申請。衛福部表示，已經依「嚴重特殊傳染性肺炎防治及</t>
  </si>
  <si>
    <t>台灣本土疫情爆發，連日確診個案破百，總和已超過千人，尤其雙北更淪為嚴重疫區，各大醫院的醫療量能備受挑戰，面對負壓隔離病床數吃緊，外界擔憂如果接下來重症患者爆量恐怕無病床可用。對此中華民國防疫學會理事長</t>
  </si>
  <si>
    <t>為防堵北農群聚傳染，日前桃園針對5大果菜市場進行快篩，桃園市長鄭文燦指出，目前採檢1139人次中，全部呈陰性，並表示24日下午還有800人次要進行快篩，桃園新聞處表示預計24日可完成市場人員全部的篩檢。日前北農爆</t>
  </si>
  <si>
    <t>衛福部昨日宣布與高端簽訂500萬劑疫苗採購合約，遭不少朝野立委質疑有炒股嫌疑。綠委陳亭妃今日表示，這都是傳言，炒股的說法也太狹隘，我自己也沒有買。陳亭妃指出，在野黨從AZ疫苗進口就開始唱衰，到現在又說高端</t>
  </si>
  <si>
    <t>桃園市宣布美容美髮業6月4日至14日停止營業，新北市副市長劉和然說，美容美髮屬民生需求行業，也有很多人靠這份工作生活，必須審慎小心，目前經發局已訂定營業規則，市府會嚴加稽查管制，防疫若做好，不會要求停業。</t>
  </si>
  <si>
    <t>新北某幼兒園爆發新冠肺炎群聚，今增8位幼童、1名成人確診，衛福部長陳時中更坦言未來陽性個案可能更多。國外也有研究指出，幼童傳播新冠肺炎的機率高於青少年，成人須更小心防範，避免家戶感染、社區感染擴大。中時</t>
  </si>
  <si>
    <t>國內上月爆發一波新冠肺炎本土感染，除國人關注疫苗何時能取得全面施打，也有國內企業、團體自行向國外藥廠接觸採購。行政院長蘇貞昌今日表示，疫苗將會陸續抵達，也感謝熱心的企業團體幫忙。有關日本打算捐贈AZ疫苗</t>
  </si>
  <si>
    <t>新冠肺炎改變人類生活，更徹底翻轉產業趨勢，2020年疫情催生數位轉型，造就那斯達克指數狂飆，法人觀察，2020年全球股市在新冠疫情拖累下，唯獨與科技相關指數能脫穎而出，根據恒生指數公司2020年總結報告資料顯示，</t>
  </si>
  <si>
    <t>世界衛生組織（WHO）26日會議後宣布，將近期在南非傳播的新變異株「B.1.1.529」命名為Omicron，且列為「高關注變異株（VOC）」。德國BionNTech公司表示，正著手研究現有疫苗對Omicron的防護力，2周內將有結果，若有</t>
  </si>
  <si>
    <t>中央流行疫情指揮中心今(27)日表示，國內今日無新增病例，昨(26)日新增310例新型冠狀病毒肺炎相關通報，截至目前累計通報71,405例(含70,330例排除)，其中441例確診，分別為350例境外移入，55例本土病例及36例敦睦艦</t>
  </si>
  <si>
    <t>新冠肺炎的疫情延燒全球，我國在中南美洲的邦交國海地，總統朱特(Joseph Jouthe)星期日在他的推特上發文，考慮封鎖機場和海港，以及關閉與鄰國多明尼加共和國的陸路邊界，形同封鎖全國，就為了防堵新冠肺炎的疫情，</t>
  </si>
  <si>
    <t>2020年新冠肺炎的衝擊，宅經濟發酵，兩大遊戲大廠營收表現強勁，智冠(5478)公布全年營收72.64億元，年增達27％；橘子(6180)營收106億元，年增9％。智冠去年12月營收5.93億元，月增3％，年增24％，全年在點數經銷服務</t>
  </si>
  <si>
    <t>中央流行疫情指揮中心今(30)日表示，國內今日無新增確診病例；昨(29)日新增486例新型冠狀病毒肺炎相關通報，截至目前累計通報62,844例(含61,354例排除)，其中429例確診，分別為343例境外移入，55例本土病例及31例敦</t>
  </si>
  <si>
    <t>台北市某間牙醫診所2日傳出一名植牙手術患者突然暴斃。這名植牙患者為53歲劉姓男子，是廣州台商，返台隔離14天後去牙醫。在倒下之前男子出現不停咳嗽、呼吸不順等狀況，與新冠肺炎病徵相符，引發感染疑慮。目前一採</t>
  </si>
  <si>
    <t>新北板橋幼兒園6日爆群聚感染，且預期確診數還會再增加，加上長榮3名機師及機師兒也都確診感染力極強的Delta變異株，使得台灣疫情再度拉警報。對此，資深媒體人李艷秋直言，這波疫情有3個問題讓人感到憂心，對於民進</t>
  </si>
  <si>
    <t>新冠肺炎(COVID-19)全球疫情爆發，台灣反應速度快、加上控制得宜，許多大陸、香港民眾都希望可以來台「避難」，部落客艾兒莎在臉書PO文，表示日前在機場收到很久沒聯絡、來自香港的約會對象傳訊息，她一句話霸氣回嗆</t>
  </si>
  <si>
    <t>本土疫情肆虐，全台進入三級警戒，為避免八大行業成為防疫破口，高雄警方祭鐵腕斷開「人與人的連結」，無奈依舊有色情業提供「外送茶」、「行動茶車」 服務，而且車上準備近百個保險套供客人挑選，讓警方直搖頭，大</t>
  </si>
  <si>
    <t>萬芳出道30週年，18日舉辦記者會宣布三喜，將在6月13日2度登上台北小巨蛋舉行「萬芳30 你的30 ____，你今天有沒有來」演唱會、近來加盟新東家「何樂音樂」及5月將推新專輯，讓粉絲十分期待。不過現新冠肺炎肆虐，她</t>
  </si>
  <si>
    <t>新冠肺炎病徵詭譎多變、無法捉摸，近期更有部分患者出現嗅覺喪失；除法定傳染病相關保單能予以保險理賠給付外，若新冠肺炎確診患者不幸發生鼻子失能導致嗅覺喪失的情況，亦視為11級失能，此時「失能扶助險」將啟動及</t>
  </si>
  <si>
    <t>新冠肺炎疫情全球蔓延，至今約已導致超過1.71億宗確診病例，其中有近370萬人死亡。而據《浮華世界》（Vanity Fair）與《紐約郵報》（New York Post）3日報導，在解放軍人員參與下，中方似乎利用名為CRISPR的基因編輯</t>
  </si>
  <si>
    <t>新冠肺炎疫情仍未受控，各地民眾仍需部分防疫物資，鄭秀文（Sammi）自2月中開始，多次與社福機構親赴落後地區分派物資，她心有所感地說：「疫情令很多人的工作都停了，但在生命裡，我們依然可以做到老、學到老。」此</t>
  </si>
  <si>
    <t>(15:00更正)繼爵士中鋒戈貝爾之後，美媒報導爵士替補後衛穆迪埃在經過檢驗之後也確診新冠肺炎，成為NBA第2位染病的球員。不過相關消息並未獲得證實，恐為誤傳。爵士在戈貝爾確診後，將替所有球員做新冠病毒檢測，最</t>
  </si>
  <si>
    <t>新冠肺炎疫情入侵NBA！繼爵士戈貝爾、米契爾與活塞伍德之後，籃網宣布隊中4名球員確診新冠肺炎，雖然沒有公布球員名字，但超級巨星杜蘭特對外宣告自己中標，希望大家能夠保護好自己的健康。現年31歲的杜蘭特，2104年</t>
  </si>
  <si>
    <t>全球興起新冠疫苗混打風潮，為什麼許多國家採取混打策略？混打有什麼優缺點？《康健》20日邀請振興醫院感染科主任級醫師顏慕庸直播開講，從全球疫苗混打經驗，分析台灣應有的作為，並釋疑臉書粉絲提出的疑問。以下為</t>
  </si>
  <si>
    <t>法國財政部長勒梅爾（Bruno Le Maire）周二表示，受新冠病毒危機影響，今年法國經濟恐將萎縮11%，且直到明年一切恢復之前，經濟情勢恐將更為艱難。法國在3月中旬起實施嚴格的封鎖措施，以防止新冠狀病毒疫情持續擴散</t>
  </si>
  <si>
    <t>2021年世界棒球經典賽(WBC)取消了？根據美媒ESPN報導，這場明年3月的比賽受到新冠疫情衝擊，西語記者羅哈斯(Enrique Rojas)引述他的消息來源說：「這比賽不是我們優先度最高的事，官方遲早會正式宣布取消。」明年經</t>
  </si>
  <si>
    <t>中央流行疫情指揮中心日前宣布，開放桃園機場過境轉機，首2批轉機旅客26日先後搭乘長榮班機抵台轉機，這也是3月24日實施轉機禁令後，桃園機場首度出現轉機客。第1批7名轉機旅客下午搭乘長榮BR272班機，從馬尼拉出發</t>
  </si>
  <si>
    <t>天成飯店集團旗下台北花園大酒店因應新冠肺炎疫情衝擊，今年提前啟動改裝計畫，首波已完成大廳改裝，將原六國點心坊、六國酒吧改裝為「花園thai thai」泰式餐酒館，後續將陸續展開241間客房分批裝修，預計將斥資上億</t>
  </si>
  <si>
    <t>洋基隊新王牌寇爾(Gerrit Cole)的第一個小孩在7月3日出世了，是個健康的男嬰，取名為Caden。寇爾說：「母子都很平安。他很強壯，頭髮有點淡，非常可愛有藍色的大眼睛，讓我捨不得移開視線。」現年29歲的寇爾在2016年</t>
  </si>
  <si>
    <t>經濟部日前斥資2億元，購置60台口罩機委託業者生產。中央流行疫情指揮中心指揮官陳時中表示，本周將有9條生產線上線，預計可增加72萬片口罩。3月中以後，所有生產線將全開。經濟部所購置的口罩機，每個機台每周約可</t>
  </si>
  <si>
    <t>背光模組廠元月營收出爐，因為淡季以及工作天數減少等影響，瑞儀（6176）、中光電（5371）元月營收相比去年同期都衰退了近兩成。受到新冠肺炎影響疫情影響，瑞儀、中光電大陸各廠區延至2月10日才陸續復工，預期2月營</t>
  </si>
  <si>
    <t>台南傳出接種疫苗個資疑似外洩風波，市府27日偕同台南市診所協會代表醫師張富全、台南市醫師公會共同發表聲明，強調衛生局、各區衛生所及各醫療院所，對於個人資料的蒐集、處理或利用，將秉持最嚴謹態度，除依法律規</t>
  </si>
  <si>
    <t>Delta（印度變種病毒株）正在世界蔓延中，大陸廣州市疫調時發現，Delta在無任何接觸的情況下就能傳播，且傳播速度只要14秒。對此，一名網友認為，去年政府準備一年也未看到實質的超前部署，不該只想著要防守邊境，應</t>
  </si>
  <si>
    <t>台灣新冠肺炎疫情嚴峻，嘉義市是全國人口密度第二高的城市，市長黃敏惠市長今天下午召開緊急會議，市宣布嘉義市以準三級規格備戰，黃敏惠表示嘉市除配合行政院防疫四大措施外，5月28日前還有各項措施，包括夜市攤販</t>
  </si>
  <si>
    <t>基隆成功市場豬肉攤商日前確診，市場緊急封閉，市府昨天針對所有攤商186人進行PCR檢測，有6人呈現陽性，陽性率達3.2％，市長林右昌表示，其中有1確診攤商也在仁愛市場營業，因此，下令仁愛市場今天晚上6點關閉至6月2</t>
  </si>
  <si>
    <t>指揮中心今宣布，新增2例境外移入，我國目前累計有523例確診，因此下午2時指揮官陳時中將召開記者會說明個案相關事宜。中央流行疫情指揮中心（7日）宣布，新增兩例境外移入，國內截至目前累計523例確診，分別為431例</t>
  </si>
  <si>
    <t>Delta變種病毒造成英國新冠肺炎確診人數再次上揚，英國首相強生可能延後數周放寬防疫措施。英國政府原先計劃在6月21日解封，不過鑑於近日確診人數飆高，外界預測英國可能延長封城至多1個月，而強生並未否認媒體臆測</t>
  </si>
  <si>
    <t>世界衛生組織正式宣布，新型冠狀肺炎疫情定性為全球大流行，西班牙，法國和德國確診人數均逾2千，義大利政府更擴大封城措施至全國。此外，美國新冠肺炎確診個案亦破千，加上川普並不積極採取預防措施，未來確診病例</t>
  </si>
  <si>
    <t>比爾及梅琳達．蓋茲基金會、惠康基金會和萬事達卡10日共同宣布啟動新冠肺炎治療加速器（COVID-19 Therapeutics Accelerator），承諾投入最高1.25億美元種子基金，透過篩選、評估、開發和擴大推廣新冠肺炎的治療方法</t>
  </si>
  <si>
    <t>新冠肺炎疫情衝擊全球，連帶的牽動企業主租賃辦公室的決策過程和需求，商業用不動產市場首當其衝，不過反觀台北市，受惠企業重新加碼布局台灣所賜，辦公租金漲好兇！漲幅叫我亞太第一！以2％的單季漲幅、3.8％的年漲</t>
  </si>
  <si>
    <t>新冠肺炎疫情導致死亡人數攀高，民眾懼怕之餘多數在家中抗疫情，連帶激勵電商、網購平台、防疫物資、貨運公司、宅經濟的手遊公司、零售通路及食品業者等業績長紅，如鈊象（3293）、富邦媒（8454）等。台灣的新冠肺炎</t>
  </si>
  <si>
    <t>(20:12更新)中秋連假將屆，而中秋相聚民眾最愛烤肉賞月，但受到國籍航空3名機師發生突破性感染，且還是傳染力最高的Delta變異病毒，加上新北板橋幼兒園爆發15人大規模群聚，讓各地方政府神經緊繃，目前新北巿、桃園</t>
  </si>
  <si>
    <t>高市掀長輩搶打莫德納疫苗潮，2日來接種率高達101.16％、2日晚間緊急宣布3日起暫停不在籍施打，引發民怨。市長陳其邁多次致歉，強調5日新一波疫苗就會到，這禮拜沒打到，下禮拜保證一定打得到。陳其邁表示，高市疫苗</t>
  </si>
  <si>
    <t>中秋連假將至，新北將在連假結束後安排學生施打BNT疫苗。新北市長侯友宜說，目前可接種的疫苗有AZ、莫德納、BNT校園和非校園專案、高端，相關接種時間、對象都會公布在市政府、衛生局網站，本月15日至下月2日都會有</t>
  </si>
  <si>
    <t>台股短線報復性反彈1,200餘點，跌深且營運績優的個股短線反彈快速，PCB周邊的個股有銅箔基板（CCL）聯茂（6213）、華通（2313）等。聯茂26日股價上漲3元，漲幅2.36％，收在130元，收復年線。華通26日股價上漲1.9元，</t>
  </si>
  <si>
    <t>北農83例確診染疫，北市議員黃郁芬28日踢爆，其中竟有10例接觸的匡列人數是「0」，基隆、嘉義等外縣市都做得到發出細胞簡訊通知確診個案的周遭人，北市竟沒有；議員苗博雅也質疑，83例中有36例是這次北農2.0專案篩出</t>
  </si>
  <si>
    <t>南韓電子大廠三星(Samsung)在 2 月中旬正式發表了三款 Galaxy S20 系列以及 Galaxy Z Flip 可折疊螢幕手機，其中後者已經率先在台限量開賣。根據台灣三星官方公布的資訊，Galaxy S20 系列在台上市計畫的記者會將罕見</t>
  </si>
  <si>
    <t>小編今天(29日)精選5件不可不知的國內外財經大事。非洲出現新冠肺炎新變異株Omicron，此病毒傳染率高，利空消息傳來，全球股市全倒，台股26日一度重挫超過300餘點，終場下跌284.80點，收在17,369.39點，跌幅1.61％，</t>
  </si>
  <si>
    <t>新冠肺炎衝擊商家生意，創世基金會12日說，與去年1至3月相比，高雄地區的發票數量減少3至4成。由於12日是國際護士節，在創世基金會也有一群辛苦的護理人員，其中，高雄院的到宅護理師34歲許心怡擔任護理師已有14年，</t>
  </si>
  <si>
    <t>中央流行疫情指揮中心昨白天先公布新增確診1例，為白牌車司機的妹妹；深夜則再公布一新確診個案，國內第24例新冠肺炎（COVID-19）確定病例，為北部一名60多歲退休女性，近2年無出國史，且作息單純，平常活動範圍僅在</t>
  </si>
  <si>
    <t>北部知名夜店30歲女公關確診新冠肺炎，中央流行疫情指揮中心9日宣布，酒店和舞廳即日起停業，台中市政府更加碼針對其他八大行業再祭出「實名制」登記，太平警分局9日晚上由分局長高誌良親率員警前往轄區內數家電子遊</t>
  </si>
  <si>
    <t>因應新冠肺炎疫情，台中市政府以高標準實施防疫作為，原本長青學苑課程延期至4月6日開學，即日起將直接暫停上學期課程。社區照顧關懷據點方面，自3月23日暫停健康促進活動及老人共餐；將以提供便當、送餐等方式進行</t>
  </si>
  <si>
    <t>今（5）日傳出一名孕婦要施打第二劑莫德納時，卻被預約的醫院告知，第二劑疫苗已被完成登錄，且是混打高端，令她心急地直奔疾管署尋求協助。對此，北市衛生局表示，該名孕婦打第一劑莫德納時，院方接種名冊上傳異常</t>
  </si>
  <si>
    <t>美國總統川普不斷鼓吹使用抗瘧疾藥物「奎寧」治療新冠肺炎，引發專家撻伐科學證據太薄弱，質疑療效，美國疾病管制暨預防中心（CDC）昨（7）日也悄悄移除了官網上原先建議醫師使用奎寧的治療指南。路透社報導，美國CD</t>
  </si>
  <si>
    <t>大遠百櫃姐出現確診個案，新北市長侯友宜表示，業者今天自主停業1天，今天啟動企業快篩，預計篩檢1500人，並全棟清消。侯再次強調，如果因為疏失造成疫情擴散，就會勒令停業、停工。侯友宜說， 防疫是每個人的責任，</t>
  </si>
  <si>
    <t>從昨晚傳出北部某醫院出現緊急事件，到指揮中心公布今（12）日有本土2確診，台灣民眾一直關注此消息，現在得知發生首例醫生感染，大家都很緊張。對此，精神科醫師沈政男認為，醫師照顧病患時被感染，沒人會怪罪他們</t>
  </si>
  <si>
    <t>「功夫皇帝」李連杰26日迎接57歲生日，因新冠肺炎疫情關係，眾人居家隔離，他也不例外，在家中與結婚21年的老婆利智和2個女兒Jane及Jada簡單慶生。他在IG上貼上日常生活照，感謝影迷獻上的祝福，也許下生日願望：「</t>
  </si>
  <si>
    <t>科技大廠適逢5G起飛期，今年相繼啟動大型募資計畫，但卻遭逢新冠肺炎的疫情亂流，包括聯茂、牧德等有驚無險，可望完成募資；被動廠國巨、華新科也備有腹案，9月底以前可望完成相關計畫，科技業募資可望在驚險中達陣</t>
  </si>
  <si>
    <t>英國政府祭出全民居家隔離以防疫，除了少數行業外，全國幾乎陷入停擺。但新措施上路2天以來亂象不斷，地鐵車廂依舊塞爆人潮，而大家幾乎都沒有戴口罩。由於營建類工作並未名列在首相強森的停工範圍內，強森政府面臨</t>
  </si>
  <si>
    <t>本周起封鎖76天的武漢正式解除聯外交通，大量被封在外省的武漢人陸續返回，困在武漢的外地人也趕緊安排返鄉。面對這一來一往的數百萬人潮，大陸官方繃緊神經，要求武漢市民盡量不要外出，做好社區防疫管理，外地返回</t>
  </si>
  <si>
    <t>疫情逐漸趨緩之際，國民黨團關注下階段振興經濟作為，上午舉行記者會指出高達87.7％民眾支持直接發放現金，主張修訂紓困條例，為全面刺激消費，政府應撥用1420億元預算，直接發給每人6千元現金，可省除印製消費券成</t>
  </si>
  <si>
    <t>TrendForce記憶體儲存研究(DRAMeXchange)表示，雖然大陸疫情看似趨緩，然中東、歐洲與美國疫情急速擴散，世界衛生組織(WHO)已正式宣佈新冠肺炎成為全球大流行傳染病，將讓全球經濟陷入系統性風險，記憶體市場恐怕提</t>
  </si>
  <si>
    <t>新冠肺炎疫情擴散，造成人流物流急凍，行政院日前拍板600億紓困計畫要搶救觀光、餐飲與製造業。中華採購與供應管理協會對此認為，短期救急政策雖是需要，但是政府更應該此時藉由降稅去引導企業引進風險管理機制，以</t>
  </si>
  <si>
    <t>陸軍十軍團昨（22日）證實，1名國軍同仁的配偶日前因身體不適就醫後確診，國軍同仁後赴醫院篩檢也確診。對此，時代力量立委王婉諭表示，自己接獲許多國軍弟兄陳情爆料，說雖然睡覺有戴口罩，但是竟然用保鮮膜當隔板</t>
  </si>
  <si>
    <t>美國總統川普確診感染新冠肺炎，住院4天就出院；對此，感染症專家、中華民國防疫協會理事長王任賢表示，川普染疫應該不假，但這也突顯美國社區感染真的很嚴重，才會連總統都染疫，他痛批，川普「疫」Q零蛋，不管是染</t>
  </si>
  <si>
    <t>新冠肺炎存在無症狀感染，一直都是民眾關心的重點，在今（11日）中央流行疫情指揮中心記者會上有媒體端出國外研究指出，無症狀感染恐早已大量存在社區裡。對此，陳時中表示，未來不排除對社區人口做血液抽樣，但目前</t>
  </si>
  <si>
    <t>新冠疫情爆發至今近2年，不少民眾搶打疫苗，盼能早日出國旅遊，對此，台大前感染科醫師林氏璧表示，日本東京昨僅9人確診、大阪也只有7人染疫，全日本單日的確診數降至雙位數，顯示疫情趨緩，如果能這樣一路控制，不</t>
  </si>
  <si>
    <t>摩爾投顧分析師鐘崑禎表示，美股7日雖開高走低，終場收黑，台股8日卻不受影響，逆勢上漲，終場漲幅達1.41％，但遭遇前方跳空缺口反壓，短線不容易直接上攻，加上成交量稍嫌不足，預計大盤短線將進入區間震盪格局。類</t>
  </si>
  <si>
    <t>大陸武漢市為對個體工商戶復工復產復市增加政策支持力道，18日推出《關於積極應對疫情影響加大對個體工商戶扶持力度的政策措施》，設立200億元（人民幣，下同）貸款額度的定向紓困資金，對在今年底之前的金融機構向</t>
  </si>
  <si>
    <t>根據聯合國統計，受到新冠肺炎影響，全球近8億高中以下學子無法上學，這還不計大學以上的停課情況。這個數字幾乎是3天前的一倍。聯合國教科文組織16日指出，因為新冠肺炎的傳播，無法上學的兒童和青少年人數達到空前</t>
  </si>
  <si>
    <t>BNT疫苗抵達台灣即將開打，藍委洪孟楷今在臉書表示，再次感謝民間企業、宗教團體及醫護、第一線公務人員的努力，並提醒民眾，若施打BNT疫苗有三件事情需要注意。洪孟楷今（5日）表示，接種BNT疫苗，除了一般常見疼痛</t>
  </si>
  <si>
    <t>台灣因應新冠肺炎疫情全球延燒，日前限制外籍人士入境，但針對外籍配偶釋出「簽證自動展延30天」的政策，不過仍有在台停留總天數不得逾180天的規定，而此讓不少人質疑為「防疫破口」，潮州邱姓越婿就怕已2度延簽的新</t>
  </si>
  <si>
    <t>時力立委邱顯智今日表示，2003年SARS期間，前總統陳水扁親自調動軍醫體系，補上醫療缺口，美國總統川普、拜登、英國首相強森在疫情期間也都是親自指揮作戰，也請蔡總統站上第一線，指揮抗疫戰爭，讓人力、物力盡速到</t>
  </si>
  <si>
    <t>高林（2906）實業19日宣佈，轉投資事業高昌生醫，針對新冠肺炎新研發出呼吸輔助系統，將與原有雙階陽壓呼吸器交由台灣廠商製造生產銷售，且今年年底前將申請美國FDA- EUA(緊急使用授權)認證，如通過該緊急使用授權認</t>
  </si>
  <si>
    <t>美國股市連續三天下跌，全球股市也多受波及，根據摩根士丹利資本國際(MSCI)全球股指表現，全球股市市值在過去四個交易日內蒸發3.3兆美元。但也有分析師表示，新冠肺炎只是個藉口，為已經漲過頭股市，冷卻下來的出口</t>
  </si>
  <si>
    <t>中央流行疫情指揮中心為了避免醫療量能潰堤，昨天開始輕症患者不再進入醫院，而是改前往「加強版集中檢疫所」，指揮中心統計，昨天已有133位確診病患已經入住。目前還有235間「加強版集中檢疫所」可用。指揮中心醫療</t>
  </si>
  <si>
    <t>1名52歲女性在3月確診新冠肺炎後，因為病情急轉直下，衛福部桃園醫院決定採用「血液淨化療法」，讓患者從病危到可以回家過母親節。院方形容，就好像跟人家打架，直接移除過多的敵人，就有機會贏，此舉也獲國際期刊發</t>
  </si>
  <si>
    <t>從前年底起新冠肺炎在全球肆虐，最近各國藥廠終於紛紛推出疫苗，盼有效減低疫情，66歲女神林青霞今(5日)凌晨透露本周三已經接種第一劑科興疫苗，她的心得是：「沒什麼反應，心情愉快」。由大陸科興控股生物技術有限</t>
  </si>
  <si>
    <t>金門尚義機場防疫再升級，入境旅客今（22）日起均以紅外線監測儀量體溫，發燒者立即送醫就診。縣府也加開居家檢疫報到站，入境就開始列管追蹤。楊鎮浯縣長強調，在「超前部署、全面防堵」的大戰略下，只有一個目標：</t>
  </si>
  <si>
    <t>因「護國舞小姐」而聲名大噪的高雄金芭黎舞廳昨晚突然遭到臨檢，原來是基隆確診婦曾隨進香團到高雄活動，為防止疫情延燒，經方特別針對密閉式空間的八大特種場所加強臨檢、宣導，避免成為防疫破口。去年初一名台商確</t>
  </si>
  <si>
    <t>台北市萬華區西園醫院昨日晚間發布緊急通知，表示無法如期收到疫苗，原訂16日上午接種疫苗被迫暫停，請該時段預約的長者在家等通知，再來醫院施打疫苗，沒想到西園醫院今早突然又在官網發出公告，指疫苗已於早上到院</t>
  </si>
  <si>
    <t>「等等會送疫苗過去」。台北市立聯合醫院中興院區的藥劑科主任翁紹恩表示，從下午1點等到晚間8點仍等不到疫苗，再次接到電話只換來對方一句「今日不送了」，讓他氣得直接衝到台北市衛生局，沒想到卻看到科員各個忙進</t>
  </si>
  <si>
    <t>新冠肺炎疫情亮紅燈，63歲奧斯卡影帝湯姆漢克（Tom Hanks）12日在臉書宣布自己與同齡演員妻子麗塔威爾遜（Rita Wilson）在澳洲因出現感冒症狀，在篩檢後2人確診，成為首例感染新冠肺炎病毒的影壇名人。湯姆漢克在聲</t>
  </si>
  <si>
    <t>二二八連假這幾天，網路上關於武漢肺炎討論最熱的話題，不是韓國增加多少例，也不是台灣疫情如何如何，而是爭論：到底病毒是不是來自美國？這個話題最早是日本朝日電視台報導，但很快就被美國疾病管制暨預防中心(CDC</t>
  </si>
  <si>
    <t>中央流行疫情指揮中心今(25)日說明，國內疫情近期趨緩，並將自110年7月27日後降級、部分項目解封，若在汽車旅館及相關旅宿群聚開趴或歡唱，提高疫情傳染風險，將由各主管機關依情節輕重，分別依「發展觀光條例」、「</t>
  </si>
  <si>
    <t>新冠肺炎疫情嚴峻，雙北尤為重災區，第一線警消暴露在染疫風險中，北市府29日緊急釋出3千多支疫苗給暴露風險較高且未曾接種者，優先提供接種，不過卻有基層警爆料，2名三線一星的督察也跑去施打；對此，台北市警局回</t>
  </si>
  <si>
    <t>昨天(3/28)台灣新增了2個本土病例，其中一位案269是一名北部30多歲男性，3次就醫後沒好轉被通報採檢，最後確診新冠肺炎。最新消息指出，他的工作是在桃園機場接待貴賓，上周曾接待一名菲律賓返台的某部會官員兒子，</t>
  </si>
  <si>
    <t>新冠肺炎有數起確診個案沒有特別症狀，但出現低血氧快速惡化後猝死情形，及時掌握生理數據已成防疫重要課題。經濟部技術處支持工研院聯合跨域業者，與新竹台大分院共同合作開發「生理訊號即時監測整合平台」，可望成</t>
  </si>
  <si>
    <t>因新冠狀病毒全球大流行的衝擊持續擴大，推特（Twitter）與半導體設備大廠應用材料（Applied Materials）周一宣布撤回業績預測。周一應材股價收漲5.74%，收在40.17美元，盤後漲2.32%，報41.10美元。推特周一收漲3.05</t>
  </si>
  <si>
    <t>北京在連續兩天出現3例「來源不明」的本土新冠肺炎確診案例後，今(13)日又傳出新增6例本土病例。由於北京疫情有擴大趨勢，目前北京已關閉多處市場和社區，並採取多項措施避免感染繼續擴大。《新京報》報導，大陸國家</t>
  </si>
  <si>
    <t>新冠肺炎疫情擴散，世界各國紛紛「鎖國」應對，也讓觀光業遭受嚴重衝擊。一名網友就貼出長榮空服員班表，表示這個在長榮上班的朋友一路休到月底，這名空服員還在照片下方苦中作樂說「哪裡缺打工小妹嗎」。一名網友在</t>
  </si>
  <si>
    <t>新冠肺炎疫情延燒，最新一例確診病例，是27例老翁的印尼籍看護，不料她昨日竟在個人臉書直播，還貼出藥袋曝光自己所在的醫院。新北市衛生局副局長許朝程指出，看護行為有違法之虞，同仁得知消息已緊急要求該名個案將</t>
  </si>
  <si>
    <t>全球新冠確診人數突破80萬人大關！世界衛生組織對亞洲發出預警，指亞太各國各項防疫措施只是在「為大規模社區傳播爭取時間」，亞洲新冠疫情離結束還很遠，呼籲各國做好準備。WHO並警告病例數開始下降的國家，千萬不</t>
  </si>
  <si>
    <t>高雄市6日新增3名肺炎確診案例，兩例為小港家庭群聚感染再擴大，祖母、女婿疑似因母親節聚餐接觸雙雙確診，造成該家族共5人染疫。另一例為北部軍人，開車回到高雄發病，但無接觸連結史，風險不大。市長陳其邁再度呼</t>
  </si>
  <si>
    <t>桃園地區規模最大的金沙酒店有小姐確診，引發酒客恐慌，今天（20日）與金沙酒店相關確診案例增加2名，包括一名酒店女員工（案2705），以及一名自述住附近的女性（案2604），因經常在該區域附近出沒，且出現咳嗽、發</t>
  </si>
  <si>
    <t>台積電（2330）12日在美股崩跌拖累台股情況中，跌破300大關、收294元，外資近期輪番出來信心喊話，美銀證券最新疾呼：當新冠肺炎疫情塵埃落定，手上一定要擁有台積電，且台積電過去20年遭逢任何危機，最終都能急速收</t>
  </si>
  <si>
    <t>有「末日博士」之稱的知名經濟學家魯比尼（Nouriel Roubini）近日警告，新冠肺炎疫情將撼動大陸經濟，使該國今年GDP無法超過4%，而全球經貿都會受到波及。外媒報導，由於中美貿易戰的關係，大陸商品已經變得更貴，導</t>
  </si>
  <si>
    <t>台北車站K區誠品地下街4店5人染疫，台北市副市長黃珊珊表示，這應該是職場上的群聚。對此，精神科醫師沈政男昨發文表示，台北地下街K區的群聚，最有可能是在「公廁」被感染的，未來如果成功解封，大家會特別注意用餐</t>
  </si>
  <si>
    <t>受到新冠肺炎持續未歇的影響，預定在 2/24-2/27 舉辦的 MWC 2020(全球行動通訊大會)已經宣布停辦，是 33 年來首例，對於全球行動通訊相關產業而言，影響幅度不小。而原定在 MWC 期間發表新品的廠商，因應措施不一。O</t>
  </si>
  <si>
    <t>外傳台塑六輕廠區有員工新冠肺炎確診，不過中央流行疫情指揮中心今天（4日）公布的確診名單並無此例，雲林縣府未承認也不否認，消息頗為混亂，可以確定的是麥寮六輕廠區今下午確實在宿舍區的活動中心做快篩。外傳六</t>
  </si>
  <si>
    <t>行政院長蘇貞昌與經濟部長沈榮津金在立院總質詢，對於新冠肺炎快篩試劑研發議題，沈表示預計半年之後可以完成上市。沈榮津6日在立法院總質詢中，回答國民黨立委林奕華質詢新冠肺炎快篩試劑研發時程時表示，新冠肺炎</t>
  </si>
  <si>
    <t>「日本放送協會」（NHK）報導，日本專家使用最新型的超級電腦「富岳」，模擬新冠肺炎（COVID-19）的飛沫傳染狀況，結果發現若未配戴口罩，行人在邊走邊說話時的飛沫會飄散在自身後方，距離可達3公尺之遠。日本的理化</t>
  </si>
  <si>
    <t>受到新冠肺炎疫情影響，新加坡航空子公司酷航23日宣布停飛，為廉價航空界丟下一顆震撼彈。酷航聲明指出，新冠肺炎疫情造成各國加強邊境控管、旅行需求下降，故自即日起至4月中下旬，暫時停飛幾近所有航線，「一個沒</t>
  </si>
  <si>
    <t>新北市今對85歲以上在籍長者全面施打疫苗，新北市長侯友宜今表示，今日接種率約為58％，接近預估的施打率，目前已規劃非在籍85歲以上長者在18日接受施打，即日起至17日下午5時可向里辦公室或區公所填寫意願調查表。</t>
  </si>
  <si>
    <t>新冠肺炎疫情肆虐全球，儘管各國救市措施相繼出爐，然隨著世界衛生組織宣布全球疫情進入大流行階段，加劇投資人恐慌情緒，市場賣壓沉重。投信法人表示，資產價格震盪加劇，投資上更需要有風險控管意識，特別是近期金</t>
  </si>
  <si>
    <t>新冠肺炎疫情肆虐全球，國內外醫護人員身處在第一線抗疫，見證不少令人心碎的畫面，馬來西亞醫師提摩西（Timothy Lau）就透露，一名重症老婦人在插管前打電話向兒子「道別」，並叮囑「如果媽媽最後沒有醒來，不要自</t>
  </si>
  <si>
    <t>晶心科(6533)耕耘RISC-V多年，預計明年RISC-V授權金、權利金將會開始貢獻，總經理林志明表示，2021年晶心科會做更多的研發投資，新產品會陸續出來，且隨著大陸全力衝刺半導體自製比重，晶心科也看到了很多機會，會積</t>
  </si>
  <si>
    <t>旅遊業者五福（2745）2019年獲利動能回升，稅後淨利0.26億元，年增達1.26倍，每股盈餘（EPS）0.89元。面對新冠肺炎疫情對營運嚴峻衝擊，董事會決議跟進自救，董事自3月起不支領薪酬及2019年酬勞，高階主管支持自主減</t>
  </si>
  <si>
    <t>國內新冠疫情爆炸，許多民眾跑到各地快篩站、急診篩檢，但檢驗量能不足，醫檢師工作量大增，連三天校正回歸826例，前立委、婦產科醫師林靜儀昨天呼籲，擔心被感染但是沒症狀又排不到篩檢的民眾，可先自我隔離、斷絕</t>
  </si>
  <si>
    <t>防新冠肺炎病毒，消毒相關商品瞬間變搶手貨，許多人好奇，洗完手到底要不要再噴一下酒精消毒？皮膚科醫師表示，多數人對於酒精的認知存在錯誤迷思，過度使用反而適得其反，甚至恐讓防疫破功！為了徹底消毒，不少人會</t>
  </si>
  <si>
    <t>3艘國際商船停靠高雄港傳出多名船員染疫，高市衛生局共匡列295名接觸者，最新採檢報告出爐，295人PCR全為陰性。高雄市長陳其邁14日一早至高雄港視察，宣布邊境管制加嚴，強化港埠防疫措施。陳其邁表示，近兩周內3艘</t>
  </si>
  <si>
    <t>民間捐贈BNT疫苗陸續到貨，第10輪將開放64歲以上、18至22歲以及第九類對象預約接種，這樣的安排讓不少中間族群爆氣直呼，上班族活該被跳過嗎？國民黨台北市議員李明賢直言，自己就接到一個25歲年輕人的特殊案例，希</t>
  </si>
  <si>
    <t>疫情延燒不斷，機組員檢疫期限原為3天居家檢疫加11天自我健康管理，中央流行疫情指揮中心13日宣布，若未施打疫苗或施打第一劑疫苗但未滿兩周者，需要接受7天居家檢疫及7天加強版自主健康管理，令機師大喊吃不消，直</t>
  </si>
  <si>
    <t>新冠病毒疫情在歐洲迅速擴散，瑞士與義大利接壤的提契諾州政府宣佈自11日午夜起全州進入緊急狀態。瑞士聯邦公共衛生部負責人表示，瑞士的其他地區接下來也將跟進此一措施，瑞士將全面進入緊急狀態。據《央視新聞》報</t>
  </si>
  <si>
    <t>東京奧運今天首度傳出選手村內有選手確診，南非足球協會說，確診者是南非國家足球隊的2名隊員與1名影片分析師，晚間傳出又1名南非橄欖球隊教練確診。日本放送協會（NHK）報導，日本東奧暨帕運組織委員會今天公布，提</t>
  </si>
  <si>
    <t>台北市立聯合醫院松德院區傳出有員工和看護確診；對此，松德院區證實不是院內感染，員工是住在萬華，另因為松德院區主要是精神疾病專責醫院，所以看護目前已轉由其他院區協助處理。松德院區院長楊添圍受訪時證實，的</t>
  </si>
  <si>
    <t>日本疫情持續升溫，今21日沖繩縣新增207例確診，創當地新高紀錄，日本政府決定將沖繩縣納入緊急事態宣言對象地區，近日根據日本媒體的報導，24歲日本藝人新田真劍佑原定上週五（14日）要到美國拍攝新片，不料在出發</t>
  </si>
  <si>
    <t>隨著疫情持續趨緩，各行各業的相關禁令也陸續鬆綁，但中央規定補習班仍維持每名學生須有2.25平方米空間，使得補習班經營仍顯困難，補教團體特別在教師節發起連署，呼籲教育部、中央流行疫情指揮中心能儘鬆綁此項規定</t>
  </si>
  <si>
    <t>小編精選《中國時報》5件不可不知大事，帶讀者掌握今天（15日）新聞重點。【1】WHO顧問稱 全球2／3人口會被傳染新冠肺炎令世人聞之色變，世界衛生組織（WHO）顧問朗吉尼（Ira Longini）語出驚人稱，估計全球感染新型</t>
  </si>
  <si>
    <t>台北市即日起至11日在花博爭豔館開設「隨到隨打」疫苗接種站，每天上午與下午各準備500劑莫德納疫苗，副市長蔡炳坤表示，配合中央政策，民眾21日前接種莫德納都可獲百元禮券，若施打人潮湧現花博場地，會隨時追加疫</t>
  </si>
  <si>
    <t>新冠肺炎全球肆虐，病毒源頭尚未查清，近來美國與大陸就為此爆發外交口水戰，川普16日就在推特上稱「中國病毒」，引起爭議，連學霸女星陳法拉也看不下去，開轟川普根本是種族歧視。川普以往談到新冠肺炎時，都是用「</t>
  </si>
  <si>
    <t>新冠肺炎疫情趨緩，全台確診數多日掛零，舞廳、酒店等陪侍行業仍不見解封，台南市萬象舞廳為幫員工找出路，8月成立綜合性社團，22日再申請通過全台首張舞廳職業工會牌照，未來台南市八大的員工與小姐皆可納入會員，</t>
  </si>
  <si>
    <t>近兩周全球股市宛如坐大怒神，當股市出現疑似止穩反彈跡象，股市又開始崩跌，尤其在3月9日美股道瓊崩跌兩千逾點，道瓊、美債一度都因為市場過度反應出現溶斷機制，市場風聲鶴唳。主因來自於一、新冠肺炎擴散至全球，</t>
  </si>
  <si>
    <t>新竹縣疫情升溫！新竹縣長楊文科26日宣布，新增4名確診者，其中案6099為60多歲男性，為長期住在機構中，感染源不明，仍需疫調釐清，新竹縣衛生局已經匡列接觸者194人，仍在持續採檢、調查中。26日新增的確診者包含案</t>
  </si>
  <si>
    <t>近期指控世界衛生組織（WHO）以大陸為中心的美國總統川普，14日宣布中斷對WHO資助，引起全球譁然。對此，美前官員投書媒體表示，川普要改革WHO有許多手段，除斷金援之外，也可考慮承認台灣為WHO會員國；而在下月的世</t>
  </si>
  <si>
    <t>新冠肺炎疫情升高，南韓在短短幾天全國淪陷，感染患者以倍數暴增，目前確診病例已達1261人，並有12人死亡；面對嚴峻疫情，不少大咖明星慷慨解囊，盼和大家共同抗疫，一起度過難關。據韓媒報導，為幫助政府預防疫情，</t>
  </si>
  <si>
    <t>鑽石公主號郵輪的台籍旅客今解除隔離，同船魔術師陳日昇分享，近1個月的隔離生活結束，真得很開心，現在最想做的就是和家人聚餐，並呼籲大家，防疫大家一起努力。鑽石公主號爆出疫情後，台灣政府採包機方式，將船上1</t>
  </si>
  <si>
    <t>新冠肺炎疫情蔓延全球，歐美已經成為重災區，台灣至今67例確診病患，社區傳染並未大面積爆發，令西方輿論刮目相看。台灣公衛團隊的專業高效、行政措施的果斷有力、防疫資訊的及時透明，以及全社會的廣泛配合，都是台</t>
  </si>
  <si>
    <t>危機就是轉機，當新型冠狀病毒肆虐，人們紛紛躲在家中時，各種「應景」 的應用紛紛出爐。有鑑於許多國家與地區已有疫情傳出，有人腦筋動得快，想到以 WebXR 應 用程式來追蹤疫情。由MIT畢業生和XR策略師 Michael DiB</t>
  </si>
  <si>
    <t>過去一周，美國單日新增新冠肺炎確診病例突破18萬大關，累計病例已約1100萬，甚至還傳出連美國特勤局有超過130名探員確診。對此，前立委林濁水直言，民粹總統忙造勢，糟殃的那裏只是特勤，但不民粹怎能衝高選票，並</t>
  </si>
  <si>
    <t>桃園市長鄭文燦17日在防疫會議中宣布，桃園2大遊樂場龍潭小人國和青埔Xpark水族館分別於今日上午和下午起停業至5月28日，天幕球場因常常有年輕朋友群聚，晚上不開燈、停止使用，市府則採彈性2小時上下班，外送業者禁</t>
  </si>
  <si>
    <t>正在備戰東京奧運的美國女籃隊，總教練休斯（Dan Hughes）之前因為帶領母隊西雅圖風暴爭奪WNBA總冠軍戰暫時缺席，隨著賽事結束，他也打了新冠肺炎疫苗，將加入國家隊第二次迷你訓練營。「我真的很幸運。」休斯開心跟</t>
  </si>
  <si>
    <t>經過長達5天的艱辛談判與討論，歐盟各成員國終於達成7500億歐元的振興方案，刺激歐盟經濟盡快從新冠危機後脫身。美國有線電視新聞網（CNN）指出，這份振興方案聚焦透過「三大支柱」提供資金：建立改革以幫助企業從疫</t>
  </si>
  <si>
    <t>新冠肺炎疫情蔓延，「防疫計程車」成為載運居家檢疫、隔離者交通工具，桃園市與機場合計共400餘輛，新竹市27日也成立防疫車隊，初期規畫3輛。大多數防疫計程車司機都認為目前載客量銳減，雖然會「怕怕的」，也只能硬</t>
  </si>
  <si>
    <t>新冠病毒至今已奪走全球逾21萬人性命，英國研究指出，由於染上新冠肺炎，平均每位死者少活11至13年。綜合英國《每日郵報》（Daily Mail）、《每日星報》（Daily Star）報導，由蘇格蘭公共衛生局（Public Health Scot</t>
  </si>
  <si>
    <t>李㼈17日出席董氏基金會「2020戒菸就贏比賽」活動開跑記者會，並撂兄弟許碩文一起加入戒菸行列！正值新冠肺炎疫情肆虐，他也藉機呼籲，如果身體好的話，病毒就算靠近，但最後可以打敗，「如果是老菸槍，心肺功能差，</t>
  </si>
  <si>
    <t>敦睦艦隊群聚事件，集中檢疫的官兵將於5月3日解隔離，疫情指揮中心指揮官陳時中表示，向磐石鑑官兵致歉，雖磐石艦對社區影響非常小，但因是群聚事件，所以解隔離前需再採檢，恐要多留1至3天。陳時中在記者會上表示，</t>
  </si>
  <si>
    <t>新冠肺炎疫情改變民眾生活型態，並醞釀出新商機。資策會產業情報研究所（MIC）針對台灣網友調查發現，有53.3％在上半年疫情時間曾使用美食外送服務，且首度使用者占10.9％，另有22.1％曾使用的網友，在疫情期間增加</t>
  </si>
  <si>
    <t>屏東枋山發生Delta變種病毒群聚感染，連帶影響當地芒果遭退訂。農委會今天表示，目前全球並未有因蔬果及包裝而染疫的案例發生，將媒合企業團體訂購，盼全民一同消費挺農民。屏東縣枋山鄉發生最早在印度發現的Delta變</t>
  </si>
  <si>
    <t>苗栗縣10持續「嘉玲」，但新增1名確診死亡案例，這名71歲的女性，有高血壓、心血管疾病及糖尿病史，6月18日確診，採檢時無症狀，因隔離期間發生其他疾病轉至外縣市醫院治療，7月7日治療無效宣告死亡。苗栗縣在接種疫</t>
  </si>
  <si>
    <t>新冠病毒肆虐全球，但越南迄今僅288例確診，無人死亡，堪稱遏制新冠肺炎的模範生。該國也自我定位為安全的經商國度，積極向那些有意把供應鏈從大陸轉移的國際製造商招手。組裝工廠業者Kizuna聯合開發公司指出，「越</t>
  </si>
  <si>
    <t>進入秋季，新冠肺炎疫情蠢蠢欲動，民眾一面搶打流感疫苗，一面詢問中藥保健法提升免疫力，安南醫院中醫部主任黃升騰19日提供中醫保健的綜合性預防措施，提醒中藥預防不是萬靈丹，避免與新冠病患者接觸是預防傳染最佳</t>
  </si>
  <si>
    <t>在爵士明星中鋒戈貝爾確診新冠肺炎，導致NBA火速宣布無限期停賽之後，假設依照14天潛伏期來看，過去14天戈貝爾共跟暴龍、活塞、塞爾提克、尼克、騎士與巫師等6隊交手，超過50名球員在場上跟他對到位，其中以暴龍前鋒</t>
  </si>
  <si>
    <t>紐約市單日確診數超過百人，目前已有923人感染新冠肺炎，市長白思豪（Bill de Blasio）預告，48小時內可能祭出「就地避難」（shelter in place）命令，形同全面禁足紐約客。《紐約郵報》（New York Post）報導，紐約</t>
  </si>
  <si>
    <t>2月國際原油慘跌10美元，台塑化遭逢帳上跌價損失50億元壓力，單月營運由盈轉虧；不料，3月沙國發動原油價格戰、新冠肺炎疫情全球蔓延，國際油價再度重挫三成，台塑化第一季營運虧損包袱加大，身為台塑化大股東之台塑</t>
  </si>
  <si>
    <t>新冠肺炎爆發至今，台灣防疫成績有目共睹，但桃園市議員「村長」詹江村提出質問：「台灣真的安全嗎？」，他舉例「越南逼近200例，總理呼籲做好封城準備」，而「台灣已經超過300例確診，死亡人數也達5人」，所以，「</t>
  </si>
  <si>
    <t>新北市今新增6例本土病例，新北市長侯友宜今表示，昨日社區篩檢站篩檢了4496人，其中有華南、北農接觸史的有196人，全數都是陰性，繼上周四至本周三2度出現「零陽性」。侯友宜說，顯見新北市隱形傳播鏈已經有效控制</t>
  </si>
  <si>
    <t>因應新冠肺炎疫情，台中市經發局發函給各公、民有市場，要求落實配戴口罩營業。台中市議員鄭功進17日為民有市場自治會請命，抨擊市府不應只照顧公有市場及觀光夜市業者，民有市場恐成防疫破口！經發局指出，將調查業</t>
  </si>
  <si>
    <t>印度變種病毒Delta進入屏東社區，引發民眾恐慌，台大公衛學院流病與預醫所教授陳秀熙表示，感染Delta與英國變異株Alpha的症狀不同，發燒已不是主要症狀，與一般感冒症狀類似，因此建議詢問TOCC時除了旅遊史、接觸史</t>
  </si>
  <si>
    <t>中央流行疫情指揮中心日前公布社交距離指引，室內需維持1.5公尺距離，室外則是1公尺，無法維持的地方，如大眾運輸就得戴口罩。國內一名男子搭乘捷運不願戴口罩，大鬧北捷東門站，經發現為健保署非正式公務人員，男子</t>
  </si>
  <si>
    <t>英國正面臨源自於印度的Delta變種新冠病毒肆虐，單周暴增逾3萬例相關病例，即便已經有80%成人接種過1劑疫苗，英國政府首席醫療官惠提（Chris Whitty）仍悲觀表示，今年冬天英國可能還會面臨新一波疫情襲擊，他預測，</t>
  </si>
  <si>
    <t>鍾欣凌、王彩樺、小甜甜、蔡燦得、郭靜等不少藝人6日晚上都在社群平台上傳照片、發文感謝黃子佼請吃晚餐，原來他默默發起「疫起遠距離一起吃個飯」，請王彩樺、小甜甜、鍾欣凌、蔡燦得、卜學亮、黃韻玲、郭書瑤、郭</t>
  </si>
  <si>
    <t>日本朝日電視台（TV Asahi）新聞節目「報導站」的43歲男主播富川悠太11日確診感染新冠肺炎，他發燒後連續4天播報新聞，7日在鏡頭前還咳到受觀眾關注。富川染疫後網上引起「新聞主播失格」、「關掉報導站」等嚴厲的批</t>
  </si>
  <si>
    <t>近期北農、士林養護之家爆發群聚感染，引發熱議，就連台北車站的街友在上周也爆出有PCR陽性確診，台北市社會局緊急對上百名街友PCR採檢，社會局指出，萬華艋舺公園列冊街友截至6月底前，有6名街友陸續確診，已匡列接</t>
  </si>
  <si>
    <t>疫苗陸續到貨，但捐贈的數量遠遠多於政府自購數量，國民黨立委質疑政府採購疫苗的預算到6月底共花了67億元，但真正用於購買疫苗的錢大約只有10億元，其他的錢都花到哪裡去？審計長陳瑞敏以「疫苗採購支付是機密」拒</t>
  </si>
  <si>
    <t>半夜吃消夜突收與確診者接觸通知！一名網友今在PTT上發文分享，收到台灣社交距離App的通知，說他在6/21曾與確診者接觸6分鐘，讓他相當驚訝原來App真的有用，目前也只能先做好自主管理。貼文也引起網友討論。一名網友</t>
  </si>
  <si>
    <t>新台幣太強，不避險會賠到趴地下。新台幣前8月兌美元已升值1.9％，金管會6日公布，壽險業若完全不避險，海外投資匯兌損失高達新台幣2,059億元，但即便用避險契約避掉1,137億元、及用61億元外匯準備金沖抵匯損，但同</t>
  </si>
  <si>
    <t>傳奇殞落！美國有線電視網（CNN）當家脫口秀主持人賴瑞金（Larry King）23日與世長辭，享年87歲。本月初傳賴瑞金感染新冠肺炎，在洛杉磯醫院治療多時，但家屬未透露他確切死因。賴瑞金官方推特發布聲明指，他在加州</t>
  </si>
  <si>
    <t>97歲高齡也抗疫成功！2月29日上午，湖北武漢的華中科技大學附屬協和醫院西院，有一位97歲的新冠肺炎危重症患者治癒出院，為目前院內成功治癒、歲數最大的患者；與其同時染疫入院治療的75歲女兒，也已於2月23日出院。</t>
  </si>
  <si>
    <t>疫情持續升溫，新北市長侯友宜25日宣布，26日開始將再新增永和、新店兩處各10里設置熱區防疫中心，設置在活動中心，強化三級警戒服務。侯友宜說，新北市今天最新疫情新增本土154，校正回歸89人。新北市衛生局表示，</t>
  </si>
  <si>
    <t>台南市列管的非法日租套房有上百家，因應未來微解封後可能出現的旅宿訂房潮，市府觀光旅遊局超前部署，針對隱身市區住宅或社區大樓內的非法日租套房，邀集各局處加強查緝，避免防疫產生破口。觀旅局表示，非法日租套</t>
  </si>
  <si>
    <t>南韓文化廣播公司新聞(MBC News)6日報導，Delta變種病毒的強大傳染能力，讓疫情變得極有威脅性。南韓全羅道木浦市3日傳出2名確診的大學生，即使沒有接觸到確診者，也沒有拿下口罩或飲食，疑因坐在確診者曾坐過的椅子</t>
  </si>
  <si>
    <t>中央流行疫情指揮中心宣布，無陪侍服務的歌聽、舞廳、夜總會等八大行業11月2日起，只要符合防疫規定，可有條件開放營業，至於有陪侍服務的業者，預計11月16日解禁，不過顧客必須符合一個關鍵「低消」條件，也就是至</t>
  </si>
  <si>
    <t>新冠肺炎疫擴大，嚴重衝擊觀光飯店餐飲生意！由於擔心染疫，外食人口銳減，觀光飯店繼啟動餐飲外賣與外送服務「開源」後，更正式實施「節流」方案，紛紛調整館內餐廳、酒吧，甚至Room Serveci客房餐飲服務與供餐時間</t>
  </si>
  <si>
    <t>在台灣新冠疫情嚴峻之際，和世界衛生組織（WHO）共同運作COVAX疫苗分配計畫的全球疫苗與預防注射聯盟（GAVI Alliance）今（17）日表示，預期台灣最慢6月底前就能獲得所分配的AZ新冠疫苗。路透社報導，在台灣社區傳播</t>
  </si>
  <si>
    <t>在醫護員歡唱「生日快樂」樂聲中，6月1日確診併發重症緊急剖婦生產的新北周姓婦人產後15日陽轉陰，就在今天（16日）媽媽終於見到寶寶要出院返家；中山醫學大學附設醫院也透過直播為這為勇媽辦慶生以及歡送會，她也用</t>
  </si>
  <si>
    <t>新冠肺炎疫情擴散，觀光產業受影響，攤商生音心大不如前，集集鎮公所紓困開第一槍，自4月起，集集火車站東側臨時攤販區，清潔費5折優惠2個月，有20多位業者受惠。肺炎疫情全球蔓延，民眾聞之色變，不敢出門搭車，觀</t>
  </si>
  <si>
    <t>美國聯準會前主席葛林斯潘周一(17日)發文稱，美國應對新冠肺炎疫情失敗，可能破壞其經濟復甦，並使美國在爭奪全球霸權的長期鬥爭中處於競爭的劣勢。他表示：「美國未能有效地限制新型冠狀病毒的傳播，使它的經濟復甦</t>
  </si>
  <si>
    <t>Youtuber「一隻阿圓」在2/20前往韓國工作，兩日後新冠肺炎警戒卻飆高至二級，在緊急返台後，不料她沒有遵守自主管理出門工作，更全程沒有戴口罩參加Youtuber界「走鐘獎」聚會，引發網民撻伐，雖然她已出面道歉，卻難</t>
  </si>
  <si>
    <t>國內爆發首起院內感染，感染科專家黃立民呼籲民眾，出門就要戴口罩，中央流行疫情指揮中心指揮官陳時中今天呼籲民意代表暫停「跑攤」，並以台語說「不跑攤，不失禮啦」，並強調，「對於密閉不通風的地方，大家態度要</t>
  </si>
  <si>
    <t>疫情連日升溫，各縣市政府管控加嚴，台北市長柯文哲表示，北市感染數趨緩，目前疫情雖可控制，但是是靠民眾自主封城，若再拖3個月，餓死的會比病死的多。柯文哲表示，目前看起來感染數目沒有一直上升，「好像還有趨</t>
  </si>
  <si>
    <t>大陸廣東省廣州市增城區密集發現病例，出現跨市和跨省感染。自4月27日以來，廣州增城區新塘鎮已第5次被通報為病例來源地。廣州市疾控中心副主任張周斌介紹，這些感染者都是無症狀感染者。大家不用擔心，因為他的傳播</t>
  </si>
  <si>
    <t>新冠肺炎疫情蔓延全球，行政院僑務委員劉金枝2個女兒在西班牙擔任醫護，力抗新冠肺炎，竭盡全力拯救病人，結果兩人卻雙雙不幸確診。所幸在醫院照料下，兩人病況逐漸好轉，當劉金枝大女兒被推出加護病房時，現場醫院</t>
  </si>
  <si>
    <t>新竹縣沒有焚化爐，近年受垃圾堆置所苦，新竹縣促進民間參與高效能垃圾熱處理設施投資BOO案公聽會，原訂15日下午2點在蓮花寺召開，未料廟方臨時以不知辦「有爭議性公聽會」、未行文為由，臨時取消場地租借，新竹縣環</t>
  </si>
  <si>
    <t>因應國內新冠疫情升溫，雙北市升級為第三級警戒，包括遠傳電信已先將台北萬華地區、新北蘆洲地區的14間直營及加盟門市暫停營業，並視疫情狀況發展再決定何時開業；台灣大也決定台北萬華地區、新北蘆洲地區共15家據點</t>
  </si>
  <si>
    <t>新冠肺炎在2020年重擊全球經濟，隨之而來的是因封鎖措施帶來的經濟衰退，亞洲國家在同年下半年疫情獲得控制後迎來復甦，歐美各國則是在疫苗接種下，預計在2021年下半年迎來復甦。但根據外媒報導，為計算國內生產毛額</t>
  </si>
  <si>
    <t>指揮中心今天公布自歐、土耳其、埃及返台的國人，過去14天約1.6萬人，也預告之後的確診病例有暴增的趨勢。讓網友害怕，「現在菜價油價低，感覺這波我們未必然擋得住，但守住的機會非常大，畢竟歪國人不能來」，那小</t>
  </si>
  <si>
    <t>因應新冠肺炎病毒可能存留環境，成為傳染媒介，新竹市政府25日成立防疫消毒大隊，配置6組專業消毒人力，啟動公共場所環境消毒計畫，鎖定車站、公園人潮密集區的周邊環境消毒，預計2周內完成137處消毒工作。林智堅昨</t>
  </si>
  <si>
    <t>新華社2日報導，根據香港特區政府入境事務處的最新數據，「五一」勞動節假期首日，有1528人次入境香港，其中香港居民占比超過9成，大陸訪港旅客僅有119人次。而去年5月1日當天，有逾106萬人次進出香港，其中訪港陸客</t>
  </si>
  <si>
    <t>新冠肺炎疫情攀升，台灣昨天(20日)確診案例來到135例，死亡人數攀升至2人，對此藝人隋棠轉發《犀利人妻》改編版影片，呼籲大眾好好遵守防疫原則，能一起挺過這波疫情，不過一句「要被我前夫氣屎了」，立刻引發網友議</t>
  </si>
  <si>
    <t>新冠肺炎疫情延燒「拉長戰線」，不僅考驗當局防疫應變能力，也考驗各方面對疫情時的平衡關係，日前有記者在中央疫情指揮中心記者會上，提出社區傳播疑慮的問題，恰好首度直播開放網友聊天室討論，當下引發論戰，事後</t>
  </si>
  <si>
    <t>車用電子與家電大廠元山科技（6275）受惠於高階IT及網通出貨續旺，11月營收出現雙成長，另累計前11月收也出現雙位數成長，元山指出，相關訂單能見度已達到2021年第一季，此外，車用訂單需求也接續向上，對2021年展望</t>
  </si>
  <si>
    <t>特力(2908)因與大型客戶長期往來，貿易出貨受到信賴，且零售事業銷售穩定，讓特力集團上半年營運未受到太多衝擊，特力集團營運長何采容亦表示「審慎樂觀」看待下半年，特力目前已選定越南辦公室建置，未來將逐步提高</t>
  </si>
  <si>
    <t>新冠肺炎疫情期間，不少民眾有檢測是否染疫的需求。臺北榮總為因應近日暴增的篩檢人潮，減少民眾在酷熱天氣下排隊候檢的不便，在微遠文化藝術基金會顧芸董事長及微風慈善基金會廖曉喬策略長善款捐助下，緊急增建第二</t>
  </si>
  <si>
    <t>高雄台鋁MLD影城日前傳出將與交棒給秀泰影城管理，8日再被爆料影城員工、團隊已解散，記者致電影城客服也無人接聽。詢問MLD台鋁生活商場客服人員，對方僅表示商場部分仍維持由台鋁營運，戲院部分將交棒給秀泰影城。</t>
  </si>
  <si>
    <t>台灣新冠肺炎疫情日益趨緩，今天又是零確診，中央流行疫情指揮中心宣布酒店、舞廳等行業只要達成4個關鍵條件，各縣市評估符合防疫及安全條件後，即可決定是否開放營業。台南市長黃偉哲對此表示，中央給出標準，台南</t>
  </si>
  <si>
    <t>大陸各地區加速復工，淘帝-KY(2929)(淘帝國際有限公司)3月旗下經銷商已逐步復工恢復門市營業，帶動TOPBI品牌童裝訂單出貨需求回升，3月1日至3月13日訂單出貨已達去年3月約30%多之水準，集團仍積極加速訂單物流出貨排</t>
  </si>
  <si>
    <t>新冠肺炎益情持續擴散，口罩需求量大增。政府徵調口罩工廠後產量不斷提升，經濟部所採購的60台機器，已陸續運送至口罩工廠安裝；首波9條產線已進行測試，預計下周投入生產，日產能可達640萬片。至於其餘設備預計在3</t>
  </si>
  <si>
    <t>春節返台檢疫措施提前12月14日上路，但不少旅外國人最近規劃回台時，卻發現已經訂不到防疫旅館。衛福部長陳時中今天在立法院接受質詢時表示，春節期間4萬人返台「應該是低估了」，他也透露昨天疫情指揮中心已簽核外</t>
  </si>
  <si>
    <t>國內新冠肺炎疫情持續升溫，屏東縣23日公布確診個案高達8人，屏東縣政府也宣布，從即日起至28日，餐飲業者全面禁止內用、改為外帶。由於群聚確診者足跡以潮州鎮為範圍，因此，屏縣府除確診後的消毒外，23日更將請求</t>
  </si>
  <si>
    <t>據「自由亞洲電台」(RFA)報導，為抵禦新冠肺炎，北韓於2020年關閉與中國大陸邊界，卻造成嚴重的糧食短缺。孰知平壤官員的因應政策，卻是要民眾勒緊褲帶、少吃一點。民眾憂心，政府雖然承諾2025年會重新開放邊界，但</t>
  </si>
  <si>
    <t>對於幼兒園負責人結束居家隔離後，自主健康管理期間才發病，新北市衛生局長陳潤秋今在疫情說明會表示，案件發生後有跟中央反應，針對此狀況也會跟中央討論。陳潤秋說，7天的自主健康管理期間有要求不舒服就要安排去</t>
  </si>
  <si>
    <t>台北市衛生局分析，北市8月1至7日一周新冠肺炎疫情，北市共新增確診本土病例16例，較前一週35例減少一半，各行政區分佈以中山區及萬華區各4例最多，其次為內湖區3例、大安區2例，松山區、南港區及士林區各1例。北市</t>
  </si>
  <si>
    <t>美股帶頭下殺，國際股市空頭肆虐，菲律賓今日直接暫停交易，台股開盤大跌近180點，隨後在台積電(2330)開低11.5元領跌之下，大盤跌點一度迅速擴大至300餘點、殺至9371.35，所幸股王大立光(3008)牽手聯發科(2454)、緯</t>
  </si>
  <si>
    <t>我國採購的10萬劑莫德納疫苗今抵台，中央流行疫情指揮中心指揮官陳時中表示，今日入境的莫德納因劑量不多（9.96萬劑），指揮中心會馬上研究如何做最適當分配，目前尚未定案。這批莫德納疫苗抵台後，各界關心如何運用</t>
  </si>
  <si>
    <t>北市副市長黃珊珊21日指禾馨診所有違法施打疫苗給非醫事人員，禾馨稍早開記者會公布向北市衛生局取得疫苗的所有對話紀錄，並說施打名單都有核衛生局溝通來駁斥，針對政風處報告到底調查進度如何，台北市長柯文哲說「</t>
  </si>
  <si>
    <t>IC封測廠矽格公司（6257）9日針對竹東兩個廠區及湖口兩個廠區的外籍員工643名，展開預防性快篩作業。所有人員的快篩檢測結果全數呈現陰性。矽格表示，此舉系因應陸續發生的外籍移工新冠肺炎確診事件，及為確保員工健</t>
  </si>
  <si>
    <t>新冠疫情擋不住，全球超過40億人被迫宅在家中，生活變調。但各國卻都有官員陽奉陰違，甚至還被抓包。紐西蘭衛生部長克拉克，日前違反該國居家守則，開車到離家2公里的公園騎越野車，還被民眾拍到。糗到極點的克拉克</t>
  </si>
  <si>
    <t>雙北市昨宣布九年級生與高三生停課，但連夜壞消息不斷，包括台北，桃園，台中，彰化都有中小學生確診；國民黨立委李德維質疑是「變形的三級警戒」，政策邏輯難以理解，不同年級的兄弟姐妹也還要上課，單獨讓這兩個年</t>
  </si>
  <si>
    <t>受新冠肺炎疫情影響，大陸深圳鹽田港缺櫃、塞港情況持續惡化，貨物進出口時程遭嚴重推遲，有專家預估，鹽田港卡船的狀況已超過2周，對全球航運影響超過長賜輪事件。英國媒體The Loadstar報導，大陸廣東新冠肺炎疫情</t>
  </si>
  <si>
    <t>日本大相撲「春場所」平安落幕，今年在疫情堪憂的大阪舉行，比賽相當精彩，出現了暌違7年的「相星決戰」。兩大橫綱白鵬、鶴竜以相同戰績(12勝2敗)進入周日決賽日(千秋樂)，打得很激烈，最後白鵬把鶴竜抬出界，摘下生</t>
  </si>
  <si>
    <t>近日各方一再疾聲呼籲端午節不返鄉，退票並免收手續費。國光客運企業工會理事長楊榮德強調，客運業完全認同「萬事莫如防疫急」，無異議配合到底，不過1車30個座位只賣6張票，每發1班車賠不只1班車，付駕駛薪水都不夠</t>
  </si>
  <si>
    <t>IPO人氣王網通新兵康全電訊(8089)今上櫃，股價大漲48%，蜜月行情火熱，看好通訊產業仍將持續蓬勃發展，加上積極複製亞洲成功經驗拓展歐美市場下，後續業績、獲利成長可期。康全電訊公開募股(IPO)期間，成功吸引63.23</t>
  </si>
  <si>
    <t>北巿出現全台第一個因新冠肺炎全校停課學校，中央流行疫情指揮中心指揮官陳時中表示，今天唯一的本土個案，第103案，是59案同班的鄰座男同學，就是原本國內已經停課的同班同學，因此按照原本規定，一班有一個人就停</t>
  </si>
  <si>
    <t>疫情趨緩，餐飲內用不需設置隔板，雲林縣北港鎮朝天宮周邊知名小吃，5日已有部分店家撤除隔板，但還是有些店家觀望中，持續不開放內用。另外，有條件開放進香團，朝天宮認為將可帶來團體進香人潮，有助商圈店家生意</t>
  </si>
  <si>
    <t>中央流行疫情指揮中心今(19)日公布國內新增6例COVID-19確定病例，分別為1例本土及5例境外移入；另確診個案中新增5例死亡。指揮中心表示，今日新增之1例本土病例(案16006)，為本國籍50多歲男性，近期無國內外旅遊史，</t>
  </si>
  <si>
    <t>高雄市長韓國瑜拍板5月3日將進行「兵推演練」，未料卻遭誤解為要封城，綠營更狂酸是「封城秀急」，韓國瑜今動怒說，已經講了第7次了，從未說過要封城，更自嘲「我是『封城秀急』的弟弟『封城不急』」，希望外界別再</t>
  </si>
  <si>
    <t>因應新冠肺炎疫情衝擊，高市衛生局防患未然12日宣布，上百處長照據點，即日起暫停老人供餐服務，改為打包成便當，讓長輩帶回家享用，減少病毒傳播及群聚感染機會，目前暫定至3月底，是否延長或何時恢復正常，將視疫</t>
  </si>
  <si>
    <t>新冠病毒在日蔓延，據日媒NHK報導，包含停留在橫濱港的鑽石公主號在內，日本已有705人確診新冠肺炎，且至今官方仍未能確任病毒傳播途徑。不過在此防疫工作吃緊之際，日本首相安倍晉三竟忙著接待出於同鄉的河豚業者，</t>
  </si>
  <si>
    <t>中印邊境衝突依舊緊張，近來局勢甚至持續升級。在上述背景下，美日印澳四國（Quad）外交部長將於10月初在日本會晤，商討大陸、新冠疫情等重要問題。《日本經濟新聞》19日引述東京消息人士報導，經過日本政府與相關國</t>
  </si>
  <si>
    <t>中央流行疫情指揮中心今(15)日公布國內新增2例境外移入COVID-19(武漢肺炎)病例，為50多歲男性(案444)及40多歲女性(案445)，兩人為一對夫婦，分別於今(2020)年1月下旬及3月上旬至孟加拉工作，6月12日一同自孟加拉搭機</t>
  </si>
  <si>
    <t>「半島電視台」（Al Jazeera）13日報導，在新冠肺炎（COVID-19）疫情下，斯里蘭卡偏鄉的孩童們無法去學校上課，但村內又連不上網路，只好每天穿過茂密且有猛獸出沒的叢林，登上村子附近的小山，以連上網路接受線上授</t>
  </si>
  <si>
    <t>中央流行疫情指揮中心指揮官陳時中表示，日前針對規模1000人以上企業、100人以上中央政府機關，對有意願的人進行造冊，他強調，這是預先的準備，並不是由這個當作施打依據，目前先造冊了解，以做未來疫苗分配的規劃</t>
  </si>
  <si>
    <t>鈺太(6679)今年因疫情帶動NB需求大好，整體營運大彈升，法人預估全年每股有機會挑戰大賺7元，目前因疫情再掀變種危機，筆電廠積極拉貨，鈺太第四季營運預計更勝第三季，鈺太今股價抗跌，上漲逾1%。全球疫情再掀波瀾</t>
  </si>
  <si>
    <t>全球商業不動產服務機構高力國際公布第三季旅館前景報告（Hotel Insights），認為隨著部分國家國境逐步解封，預期亞太區觀光旅館業營運將不至於再轉壞，未來可望呈現U型趨勢復甦，但長途跨國旅遊可能要到2023年才有</t>
  </si>
  <si>
    <t>馬光-KY(4139)診所業務成長帶動，2月合併營收為新台幣6107.9萬元，較去年同期成長5％，其中診所業務成長更達15％。前2月營收為1億2867萬元，年減10.24%。馬光表示，2月份馬光整體合併營收若屏除去年10月出售的國際學</t>
  </si>
  <si>
    <t>在先後爆料麥基、杜德利兩名湖人球員接受新冠病毒檢測呈現陰性，《Yahoo Sports》資深記者海恩斯21日繼續爆出湖人替補後衛庫克沒有中鏢，更用視訊進行專訪，談到接受檢測的過程，庫克不禁表示，「那是你人生最糟糕的</t>
  </si>
  <si>
    <t>因應疫情持續嚴峻，中央流行疫情指揮中心已宣布提升全國疫情警戒至第三級，台電為落實防疫，確保員工健康及供電不受疫情影響，台電總管理處於24日實施異地辦公措施，並配合疫情指揮中心指引辦理相關防疫措施。台電說</t>
  </si>
  <si>
    <t>台灣新冠肺炎疫情趨緩，但國際卻越來越嚴峻，台大公衛學院院長詹長權昨指出，只要沒有疫苗，就很難終結新冠肺炎，但台灣疫苗沒有國家隊只有「國際隊」，遺憾台灣在這塊缺席。他強調，台灣要與國際有連結，不可能一直</t>
  </si>
  <si>
    <t>「今天是我和孩子分開的第22天，我怕不小心中了沒發現，就此傳染給孩子...」前立委黃適卓近日收到許多殯葬業的反應，感嘆新冠肺炎患者必須24小時內火化，但身處第一線的他們，日夜接觸確診個案，卻幾乎被政府遺忘，</t>
  </si>
  <si>
    <t>美國新冠肺炎死亡人數在昨（22）日正式超過20萬人，對此，美國總統川普回應時坦言「很遺憾」，但也稱防疫工作做得「很出色」，否則美國可能會有300萬人喪命。綜合《今日美國報》（USA Today）、美國有線電視新聞網（</t>
  </si>
  <si>
    <t>為振興國旅市場並讓民眾出遊更加安心並刺激買氣，易遊網獨家承包的「環島之星Hello Kitty繽紛列車」商品遊程，不僅全面提升列車防疫並嚴格把關每日消毒清潔，並於今日推出環島之星和離島澎湖指定商品，3月底前出發，</t>
  </si>
  <si>
    <t>繼台北市傳出多起去美國打疫苗回國，民眾在檢疫期間驗出新冠肺炎病毒案例，雲林縣今天（3日）也有一起，下午3點雲林縣府將舉行線上記者會說明。據了解，雲林縣今天下午將宣布一起境外移入確診病例，該患者到國外打完</t>
  </si>
  <si>
    <t>越靠近美國總統大選，壽險業投資越趨保守？據保險局27日公布最新統計，到9月底壽險險投資台股總市值為新台幣1兆6,523億元，比7月高點時的部位，少了1,082億元，其中估算有800億元左右為減碼操作，獲利落袋為安。9月</t>
  </si>
  <si>
    <t>紐約大都會被驗出2人感染新冠肺炎，其中1人是球員，他們21日對馬林魚、22日對洋基的比賽臨時喊停。大都會在客場邁阿密與馬林魚已經打了3連戰，第4戰之前才被驗出感染者。大都會周末有3場在洋基主場的「地鐵大戰」，</t>
  </si>
  <si>
    <t>桃園24日新增7例確診，累計桃園市確診病例789例，且有2案家庭事件，疫調確診足跡經金時代自助洗車店，以及桃園大業郵局外刷簿機，桃園衛生局呼籲，曾出入相關場所者，請於足跡重疊次日起14天進行自我健康監測。桃園</t>
  </si>
  <si>
    <t>新冠肺炎疫情仍嚴峻，但高雄傳來好消息，睽違14天，嘉玲終於又回到高雄，高雄市長陳其邁感謝市民的配合及醫護的努力，他也強調，雖然7日0確診，但面對疫情仍然不能掉以輕心，必須戰戰兢兢如實做好防疫工作，他也相信</t>
  </si>
  <si>
    <t>中華民國紅十字會為提升新北市第一線救護人員出勤防護裝備及能力，捐贈捐贈防疫物資，於（26日）下午1時30分於南雅分隊車庫舉辦中華民國紅十字會捐贈新北消防防疫物資儀式，並邀請新北市謝副市長政達代表受贈及回贈</t>
  </si>
  <si>
    <t>第12期公費疫苗預約亂象叢生，許多民眾無法預約第二劑莫德納疫苗，指揮中心昨天傍晚臨時加開兩萬多個名額，再次引發民怨。衛福部長陳時中今天解釋，這是因為有原先被造冊接種的11萬人跑去平台預約，因此佔去約2萬多</t>
  </si>
  <si>
    <t>新冠肺炎疫情全球蔓延，打亂各產業發展布局，線材廠強新工業（5013）董事長吳玉堂日前接受訪問時表示，疫情造成消費力延遲已是事實，該公司對今年景氣持謹慎、保守態度，但仍會按公司既定腳步前進，投入大陸滁州EP管</t>
  </si>
  <si>
    <t>（16：45更新）日本首相安倍晉三正式宣布，東京等7個都府縣進入緊急狀態。據日媒NHK、共同社報導，日本首相安倍晉三7日在新型冠狀病毒感染症對策總部會議上宣布，東京都、大阪府、神奈川、埼玉、千葉、兵庫、福岡縣</t>
  </si>
  <si>
    <t>日本上周才傳出莫德納疫苗發現雜質，停打163萬劑疫苗，沖繩昨（28）日再發現莫德納疫苗出現黑色、粉色雜質，導致沖繩政府緊急暫停施打。綜合路透社、日本放送協會（NHK）報導，沖繩一處大型疫苗接種中心的藥劑師昨日</t>
  </si>
  <si>
    <t>北科附工3日有1名學生感染新冠肺炎Delta變種病毒，全校師生及同班同學的家屬進行PCR採檢，結果均為陰性。7日再對住在集中檢疫所的同班同學、老師及其家人進行第2次PCR採檢，目前皆為陰性，但還有4人待採。桃園市政府</t>
  </si>
  <si>
    <t>出國旅行近在咫尺了，台灣與帛琉的旅遊泡泡即將成真，近日旅遊業已傳出4月起每天直飛帛琉，更盛傳3月15日帛琉總統惠恕仁將來台細談旅遊泡泡，今天中央流行疫情指揮中心指揮官陳時中下午2點將召開記者會最新說明。指</t>
  </si>
  <si>
    <t>新冠肺炎國內又新增2境外移入病例，中央流行疫情指揮中心宣布今（21）日14:00召開臨時記者會，由發言人莊人祥說明最新情形。指揮中心昨(20)日公布的境外移入病例，為菲律賓籍30多歲女性(案507)，9月18日自菲律賓入境</t>
  </si>
  <si>
    <t>工業電腦廠事欣科（4916）2020年3月合併營收續升至5.81億元，惟首季合併營收仍「雙降」至15.97億元，創近11季低點。展望後市，公司預期受新冠肺炎疫情干擾，歐美出貨將出現遞延狀況，但將盡全力將訂單按原計畫出貨，</t>
  </si>
  <si>
    <t>新冠肺炎肆虐情況不減反增，不只發源地中國大陸封城管控，在他國也出現確診甚至死亡病例，讓全球如臨大敵，而地理位置首當其衝的台灣，如今正拚盡全力防堵疫情，日前國民黨立院黨團力推500億紓困專款，沒想到此舉遭</t>
  </si>
  <si>
    <t>農曆年期間因跟隨媽媽回大陸湖北探親，結果因新冠肺炎疫情而滯留湖北的新竹女中高3學生Cindy，10日晚間11點終於透過2次武漢包機回來了，校方表示，Cindy在完成隔離檢疫後可趕上3月31日確定2階段面試，其父則透過感謝</t>
  </si>
  <si>
    <t>澳洲維多利亞省省長安德魯斯（ Daniel Andrews）周一宣布，因該省的新冠肺炎疫情升高，與新南威爾斯省接壤的省界將於周二起無限期關閉。這將是澳洲人口最多的這兩個省100年來首度關閉邊界，政府上次對兩地之間的人員</t>
  </si>
  <si>
    <t>高端疫苗啟動混打試驗，將召集上百名接種過一劑莫德納疫苗的受試者，安排接種第二劑高端疫苗，衛福部長陳時中今天表示，由於試驗將用到莫德納疫苗，必須經由總公司同意，這部分需要先獲准，將由指揮中心來擔任窗口進</t>
  </si>
  <si>
    <t>英首相強生宣布確診感染新冠肺炎消息公布後，原已下跌的歐洲三大指數跌幅擴大，到晚間21:00時左右，英、德、法三大指數跌幅3%至5%，其中英國跌幅最重。美國三大指數期貨跌幅亦隨之擴大，跌幅約在3%左右。到台北時間2</t>
  </si>
  <si>
    <t>新冠肺炎疫情持續蔓延，從2018年中美貿易戰開打，2019年加碼演出，再加上今年的新冠肺炎肆虐，大陸出現前所未見的封城、封省景象，世界產業供應鏈很可能斷鏈，進而重新解構調整幾乎勢不可免，全球經濟板塊可預見將出</t>
  </si>
  <si>
    <t>新冠肺炎疫情衝擊下，外食人口減少，餐廳、自助餐、旅遊業餐飲買菜量銳減，雲林縣西螺鎮、二崙鄉、崙背鄉等蔬菜產地，農民哀鴻遍野，採收不敷成本，紛紛耕鋤成熟的蔬菜。縣長張麗善在縣議員李明哲、游淑雲、廖偉晴陪</t>
  </si>
  <si>
    <t>疫情升溫，如果社福機構防出現缺口怎麼辦？為落實身障福利機構防疫，台中市政府社會局舉辦「新冠肺炎應變作為兵棋推演」，由中區傳染病防治醫療網副指揮官黃伊文等專家分享經驗，模擬社福機構發生群聚感染進行推演，</t>
  </si>
  <si>
    <t>鑽石公主號結束14天隔離期，各國陸續派專機接回國人，昨（19）日首批下船的旅客中，有5名台灣人，駐日代表謝長廷一早就在碼頭迎接，看見台人下船情緒激動，他也忍不住濕了眼眶。謝長廷和副代表蔡明耀、橫濱處長張淑</t>
  </si>
  <si>
    <t>新冠肺炎疫情造成全球已逾500萬人感染，32萬8千多人死亡，而自疫情開始以來，不少國家都出現一罩難求的口罩荒，沒想到越南一名身材火辣的嫩模，竟突發奇想，將口罩拿來遮3點，製成「口卓罩比基尼」，還將照片PO到社</t>
  </si>
  <si>
    <t>有民眾在網路爆料，指台南市政府調查南科防疫人員及施打疫苗，擬將大企業老闆、主管納入優先施打對象，台南市政府今澄清，預先調查南科防疫第一線人員，是以利未來疫苗大量抵達能加速接種效率，針對造謠行為，將與南</t>
  </si>
  <si>
    <t>航港局7日表示，COVID-19疫情嚴峻，全國自5月19日起提升至三級警戒，航港局考量民眾因疫情關係，可能無法如期依法檢查船舶、申請換照或參加訓練，為降低群聚感染風險及維護民眾安全健康，特別提供「船舶檢查」、「船</t>
  </si>
  <si>
    <t>電動車大廠特斯拉（Tesla Inc）執行長馬斯克（Elon Musk）13日推文表示，他在同一天接受4次新冠肺炎病毒篩檢，結果兩次陰性、兩次陽性。他說，這事非常詭異（bogus），並提到自己只有典型感冒症狀，其他沒有什麼異狀</t>
  </si>
  <si>
    <t>新冠疫情止不住，全球確診人數已突破1700萬人。世界衛生組織（WHO）今天宣布，維持2019冠狀病毒疾病為「國際關注公共衛生緊急事件（PHEIC）」，這是世衛宣告的第6次公衛緊急事件。世衛秘書長譚德塞（Tedros Adhanom</t>
  </si>
  <si>
    <t>富邦金控董事長蔡明興日前從美國返台時，於機場採檢後確診，經過數日的治療，富邦金控表示，蔡明興健康恢復情形良好，昨已經解除隔離出院，返家後進行自主健康管理。對於各界關心，富邦金代蔡明興表達，「再次感謝各</t>
  </si>
  <si>
    <t>受新型冠狀病毒(COVID-19)影響，全國各級學校都延長寒假，雖然假期拉長，但對染病的擔憂、既定考試與行程變動等不確定性因素，還是引發部分家長及學生的焦慮。尤其開學人群聚集，口罩購買不易，恐慌情緒容易交互渲染</t>
  </si>
  <si>
    <t>中央流行疫情指揮中心今日公布，國內新增2例境外移入新冠肺炎確定病例(案602、603)，分別自日本及美國入境。本周累計25例確診，不但超過上周數量，也是自今年4月底以來單周確診人數新高。指揮中心表示，案602為40多</t>
  </si>
  <si>
    <t>駐日代表處證實，鑽石公主號日前確診感染新冠病毒的兩名台灣旅客，1男、1女26日已出院，其中女性將盡快回國，代表處領務組正協助辦理返國手續中。中年男性將去櫪木縣的醫院探望住院治療中的85歲父親，暫不返國。兩人</t>
  </si>
  <si>
    <t>因為新冠肺炎（COVID-19，俗稱武漢肺炎）疫情持續在台延燒，疾管署為了即時向民眾更新最新資訊，特別推出LINE聊天機器人「疾管家」，不僅能和民眾作互動，更能及時提供疫情指南。不過，行政院副院長陳其邁卻透露，「</t>
  </si>
  <si>
    <t>女星小甜甜（張可昀）日前在節目《小明星大跟班》透露，受新冠肺炎影響，導致戲約暫緩，由於小甜甜幾乎把所有積蓄投資做凍膜副業，但她的房貸、車貸等一個月開銷仍約要20萬，消息傳出後不少網友都對小甜甜月開銷要20</t>
  </si>
  <si>
    <t>據湖北黃石市黃石港區紀檢監察部門7日通報，2月2日晚，黃石港區新閘社區計生專幹程繽漫向新閘社區書記陳亞麗通電話提出辭職，未說明辭職原因，經陳亞麗勸說，程繽漫仍執意辭職。面對嚴峻的疫情防控工作，在社區人員</t>
  </si>
  <si>
    <t>新冠肺炎疫情肆虐，大多行業生意慘淡，甚至被迫熄燈。日前酒店、舞廳等行業遭中央流行疫情指揮中心停業後，有應召站腦筋動得快，立馬吸收酒店女陪侍，透過包養網站釣魚吸客，以1.5萬元起價碼從事性交易，月營收直逼6</t>
  </si>
  <si>
    <t>糾纏數天的美國總統選舉開票，終於在關鍵州開票結束，而告大勢底定。拜登以306票大勝川普232票，即將當選！川普雖然持續指控通訊選票有弊端，由於並未提出任何具體的證據，想要扭轉大選結果，可說是機率渺茫。也因此</t>
  </si>
  <si>
    <t>雲林縣12日新增1名本土確診案，案12838為雲林縣麥寮鄉臺塑六輕工業區員工，9日回高雄住處、11日在高雄就醫確診，與案12838住在工業區同棟宿舍的142名員工返回高雄過端午連假，12日在高雄市政府要求下，以遊覽車將142</t>
  </si>
  <si>
    <t>今（19）中央疫情指揮中心記者會上再度宣布新增8名新冠肺炎確診病例，其中有7位是境外移入，1例本土案例，目前累積一共累積108位確診。由於近幾日新型冠狀病毒感染者不斷上升，台大公衛系院長詹長權表示，中央應該要</t>
  </si>
  <si>
    <t>據陸媒報導，白岩松連線援鄂前方專家組組長、呼吸科專家劉又寧稱，在檢測過程中曾發現健康人士攜帶新冠病的個案。劉又寧稱，目前在軍隊的診療方案中，採用強調抗體的「金標準」檢測方案，雖核酸檢測是一個重要的手段</t>
  </si>
  <si>
    <t>新冠病毒在全球如火如荼延燒，眾所關切的是全球疫情對台灣的影響為何？我國前3月表現雖亮麗，未來將面臨哪些挑戰？應有何系統化的因應作為？剖析全球疫情，不難發現：一、愈早著手具體防疫措施，降低疫情的宏效也愈</t>
  </si>
  <si>
    <t>作為確保2020年東京奧運會和殘奧會安全計畫的一部份，國際奧委會(IOC)今天宣佈與輝瑞公司(Pfizer Inc.)和(BioNTech SE)達成共識，將提供來自世界各國奧林匹克和殘奧委員會的運動員新冠肺炎疫苗。國家奧委會(NOC)將與</t>
  </si>
  <si>
    <t>北京市疫情防控領導小組5日在市新型冠狀病毒肺炎疫情防控工作新聞發布會通報，對高風險地區進入（返回）北京人員一律實施14天集中觀察和7天健康監測；對中風險地區已來（返）京人員，一律實施14天居家觀察和7天健康</t>
  </si>
  <si>
    <t>大車「內輪差」致死車禍頻傳，弘光科大7日舉辦新生啟航校園文化體驗活動，特別配合台中市交通局交通宣導，安排「內輪差」體驗活動，開來一台大巴士、放氣球當假人，提醒學生騎車、走路時避開大型車輛，以確保安全。</t>
  </si>
  <si>
    <t>資策會產業情報研究所(MIC)「34th MIC FORUM Spring新局」線上研討會登場，預估2021年全球半導體市場規模成長10.9%，達4,883億美元，成長態勢將延續至2022年，成長率預估為12.7%，四大動能為筆電、5G、高速運算(HPC)</t>
  </si>
  <si>
    <t>近來3名長榮機師感染Delta變異株，為精進國籍航空機組員防疫作為，中央流行疫情指揮中心今天晚間與相關工會、交通部及民航局召開會議，其中針對機組員接種第3劑疫苗一事，指揮中心承諾將納入未來施打規劃考量，惟目</t>
  </si>
  <si>
    <t>家扶基金會至今已認養全球35個國家兒童，近7萬名國外兒童。近日因新冠肺炎疫情肆虐，全球宣布進入緊急狀態。家扶基金會教導當地民眾包括使用酒精消毒、乾洗手或是肥皂洗手、製作布口罩並教導當地社區民眾如何配戴，</t>
  </si>
  <si>
    <t>實在太扯了！自孟加拉返台夫妻前天確診新冠肺炎後，昨先爆出兩人搭機根本未穿防護衣後，孟加拉台灣商會會長又爆料，兩人並非商會成員，基於好心協助回台，但這對夫妻完全沒說在孟加拉當地有感染新冠肺炎，讓整團成員</t>
  </si>
  <si>
    <t>桃園市16日新贈15例為14本土、1境外，年齡為不足10歲至90多歲，其中有7人是確診者接觸者、8人調查中。公布足跡包含NOVA桃園店、楊梅市場、全聯楊梅中山店、愛買楊梅分店等等。桃園市新聞處資料顯示，確診者接觸者有3</t>
  </si>
  <si>
    <t>面對新冠病毒肆虐，世界各國紛紛採取減少外出或與人接觸，甚至封城等減少社會接觸等措施，而一向以鐵腕執法聞名的新加坡，面對國內突然惡化的疫情也祭出嚴厲規定，要求人與人之間必須保持1公尺以上距離，若遭舉報或</t>
  </si>
  <si>
    <t>香港新冠肺炎第4波疫情嚴重，衞生防護中心傳染病處主任張竹君公布，香港今日(28日)新增84宗確診個案，其中包括80宗本地個案，其中27宗源頭不明，其餘53宗與之前個案有關連，當中48宗為「歌舞群組」，該群組確診人數</t>
  </si>
  <si>
    <t>中央流行疫情指揮中心6日通報苗栗縣新增確診病例有75例，其中，外籍移工64例、本國11例。其中京元電員工有65例，包括菲籍移工55例，本國10例，另外，苗栗第3家出現群聚感染的電子廠是智邦科技，共有10例確診，其中外</t>
  </si>
  <si>
    <t>本土疫情趨緩，中央宣布各縣市防疫措施能夠適度鬆綁，開放戶外活動空間，室內展場、電影院、健身房等場域。不過考量疫情仍存有風險，六都之中僅台南市跟進餐飲業微解封措施，開放夜市、餐廳可內用。對此也引起許多民</t>
  </si>
  <si>
    <t>北市刑大林姓小隊長20日傳出快篩陽性，大隊部當晚即進行全面消毒，小隊長工作的該棟樓層約20多名同仁，21日全部請假停止上班，其他單位也進行分流及異地辦公，據了解，該名小隊長經核酸檢測後，下午已確認確診，被送</t>
  </si>
  <si>
    <t>國內新冠死亡人數破五百例，至今還未對任何一例死亡個案執行病理解剖，釐清死亡原因，指揮中心專家諮詢小組召集人張上淳今天坦言，過去SARS時國內透過解剖的方式來更進一步了解疾病死因，這次因病患發病太快，且散播</t>
  </si>
  <si>
    <t>有關防疫交通車，中央流行指揮中心今天表示，從明天起，居家檢疫通知書會明確說明，檢疫者優先由親友接送或自行駕車，其他只限防疫車隊方式，如果違反，搭乘大眾運輸，開罰10萬至100萬元罰額。交通部次長祁文中表示</t>
  </si>
  <si>
    <t>滯留湖北的血友病少年母子今（24）日晚間搭乘長榮航空從成都返台，晚間10：46抵達桃園機場。滯留在湖北荊門的血友少年和其母親，24日晚間搭乘長榮航空BR-766的航班，19時15分自成都雙流機場起飛，機上43名乘客有11人</t>
  </si>
  <si>
    <t>新北市中和區公所31日將於中和華新街舉辦「2020光明點燈節」活動，26日舉辦宣傳記者會，由於新冠肺炎疫情蔓延，現場特別用小燭光排出「No COVID-19」的字樣。中和區長賴俊達也強調，要在中和點燈，為世界祈福，歡迎</t>
  </si>
  <si>
    <t>AZ+高端混打結果出爐！長庚醫院今公布100人臨床試驗結果，發現混打AZ+高端的中和抗體效價在接種後10天、28天都是2劑AZ組的2倍以上，而B細胞、T細胞反應也顯著上升。值得關注的是，長庚醫院將試驗對象以不同間隔區分</t>
  </si>
  <si>
    <t>為因應新冠肺炎防疫需要，證交所今（15）日召開董事會，通過110年股東常會由原訂6月17日延期至8月20日（周五）下午2時，假台北國際會議中心4樓貴賓廳（台北市信義路5段1號）召開。證交所去（109）年稅後盈餘57.96億</t>
  </si>
  <si>
    <t>美國總統川普表示，美國很快就有能力每日進行500萬個新冠狀病毒檢測，儘管檢測不足仍是美國許多州對重啟商業感到不安的最大障礙。在被問到對美國每日檢測量達到500萬個是否有信心時，川普表示，檢測量很快就會大幅提</t>
  </si>
  <si>
    <t>莫德納混打高端疫苗臨床試驗將啟動。台北市青工總會長滿志剛表示，高端未做三期臨床試驗，且招募混打的受試對象也不過百人，再加上品管及生產都不穩定，痛批政府如此護航高端，只會讓民眾更加反感，「高端還是老實做</t>
  </si>
  <si>
    <t>新冠肺炎與感冒症狀極為相似，不少人擔憂自己可能染疫。前高雄長庚醫院兒童內科主治醫師徐嘉賢指出，兩者症狀的確容易混淆，但確診新冠肺炎的患者，主要症狀包含發燒、乾咳、倦怠以及呼吸急促，因此建議4種人才須要</t>
  </si>
  <si>
    <t>新冠肺炎疫情幾乎全世界的觀光產業都受到衝擊，幾個月之內國人也都難以出國旅遊，有網友對此好奇詢問，台灣有很多日本旅遊中毒者，想知道若是還未有疫苗問世的情況下，大家會什麼時候就前往日本旅遊？底下網友紛紛點</t>
  </si>
  <si>
    <t>新竹市27日新增1例確診病例，案14682是30幾歲男性，是本月12日桃園確診的案12665的兒子，當時案14682是帶著妻子、孩子1家4口到桃園探視手術後的祖母，祖母確診後，家住新竹市的兒子1家4口都被匡列隔離，其中媳婦與6</t>
  </si>
  <si>
    <t>蔡英文總統今在臉書表示，今天本土確診案例的數量明顯增加，說明了疫情確實難纏，她也提出三個拜託。總統指出，「不要氣餒，更不可以鬆懈，有三件事情，我要拜託大家一起繼續努力，第一，拜託大家繼續堅持防疫指引」</t>
  </si>
  <si>
    <t>一項驚人的新調查報導顯示，中國大陸科學家2013年在廢棄的礦坑內發現類新冠肺炎病毒株RaTG13，但始終未將這祕密公開。綜合《周日泰晤士報》（The Sunday Times），《澳洲人報》（The Australian）與《太陽報》（The</t>
  </si>
  <si>
    <t>華視女主播林彥汝今(29日)晚間在臉書拍片證實，包括她、老公與小孩一家三口全部確診新冠肺炎，坦言今日是她確診第6天，同時揭露目前醫療能量嚴重不足的殘酷現況，不僅1922、1999電話都滿線，檢疫所跟醫院更是爆滿，</t>
  </si>
  <si>
    <t>新冠肺炎期間在醫院內穿著兩節式性感比基尼裝，罩上一襲透明防護衣，讓春光一覽無遺而一夕全球爆紅的俄羅斯辣護士，幸運躲過疫情後人生有了新轉機，該名女護士日前意外被服裝品牌相中成為代言人；而日前更傳出新消息</t>
  </si>
  <si>
    <t>美國針對2019冠狀病毒疫情而提出的9000億美元振興方案，因聯邦準備理事會放款規定而引爆爭議，導致始終擱置不前；不過，美參議員在19日連夜挑燈協商後，已突破障礙並達成協議，最快20日國會就可表決該案。根據國會領</t>
  </si>
  <si>
    <t>葡萄盤商傳播鏈今天（19日）再添6例，包括了10日去吃個燒烤，1家3口就染疫了，其中1歲男童還是父母輪流抱著，另外3例是昨天公布歌唱班成員的家屬，彰化縣衛生局更新公布最新足跡，呼籲搭配時間，留心注意，有接觸史</t>
  </si>
  <si>
    <t>台北市中正區防疫旅館接連兩例確診，分別是案16859及擴大採檢發現的案16870。台北市副市長黃珊珊今召開記者會說明，個案在美國回來第二天、12月6日就不舒服、有發燒，採取通訊診療，用藥之後緩解，到12月14日採檢案1</t>
  </si>
  <si>
    <t>處理器大廠美商超微（AMD）在x86架構中央處理器（CPU）市場持續攻城掠地，第三季在排除半客製化、嵌入式及物聯網市場後的總體x86處理器市場占有率飆升至22.4％，較去年同期增加6.3個百分點，並創下2007年第四季以來</t>
  </si>
  <si>
    <t>台北榮總將遠距會診模式，擴大應用於防疫專責病房，協助醫護人員與隔離區內病人診療與跨團隊互動。醫務企管部李偉強主任表示，過去護理師協助家屬提供病人關懷時，僅能利用手機視訊，然而許多老人家視力不好或聽力退</t>
  </si>
  <si>
    <t>國民黨立委林思銘今天表示，他一早就接獲基層員警反映，中央疫情指揮中心5月15日宣布暫停預約接種新冠肺炎疫苗，消防隊員明明要負責載送確診病患，屬一線防疫人員，儘管名列公費接種對象第二順位，但跑遍縣內各醫療</t>
  </si>
  <si>
    <t>全國三級警戒至7月12日，由於近日確診數趨緩，民眾預期解封日即將倒數，台北街頭比起剛宣布三級警戒時，人潮明顯變多，有網友PO出今(30)日下午台北捷運車廂滿座的照片，驚呼：「捷運人潮是不是已經自動解封了？」照</t>
  </si>
  <si>
    <t>美國勞工部20日上午公布的前周（8月15日為止的當周）新增的初次申請失業救濟金人數，再度回升到百萬以上，來到111萬，也遠高於經濟學家預測的92.5萬人。前一個星期，初領失業救濟金人數，才以97.1萬寫下疫情3月初大</t>
  </si>
  <si>
    <t>衛福部長陳時中18日宣布說，今天一口氣新增23例，全國新冠肺炎確診人數累計達到100例，其中本土案例新增有一例，沒有旅遊史，正對他進行疫情調查，其餘人則是來自先前被查出確診的埃及團、土耳其團。陳時中強調，「</t>
  </si>
  <si>
    <t>大陸新型冠狀病毒（簡稱新冠肺炎）疫情持續延燒，恐將影響美國的GDP？國際學生為美國各大學收入的重要來源，新型肺炎疫情在大陸各地爆發，一些國家先後發布具針對性的旅行禁令，導致許多大陸學生被困在國內，無法返</t>
  </si>
  <si>
    <t>衛福部長陳時中率領防疫團隊南下墾丁，走訪墾丁大街、參訪日照中心，最主要目的就是告訴大家國內旅遊很安全，不過外界最關心的還是出國旅遊何時解禁？面對媒體詢問，陳時中笑答：「台灣先玩，出國晚點開放」。針對國</t>
  </si>
  <si>
    <t>近日菲律賓COVID-19（新冠肺炎）疫情來勢洶洶，中央流行疫情指揮中心今（4）日公布國內新增1例境外移入病例（案476）。個案長期居住菲律賓，2日回國表示有發燒症狀，並於今日確診。最新消息一出，不少國人忍不住直呼</t>
  </si>
  <si>
    <t>中央流行疫情指揮中心今日表示，國內今日無新增病例，昨(9)日新增272例新型冠狀病毒肺炎相關通報，截至目前累計通報67,133例(含66,005例排除)，其中440例確診，分別為349例境外移入，55例本土病例及36例敦睦艦隊。確</t>
  </si>
  <si>
    <t>疫情指揮中心強調防疫新生活運動，指揮官陳時中今（6）日表示，中職可以從本月8日（周五）起要開放球迷進場，目前以1000名球迷做為初步的規畫。不過，中職必須滿足指揮中心規定的「購票資訊實名制」、「進出動線安全</t>
  </si>
  <si>
    <t>新冠肺炎全球延燒，台南市古都馬拉松與國際蘭展等大型活動，也都因應疫情接連延期，台南市長黃偉哲2日接受電台訪問時表示，馬拉松損失幾百萬，蘭展損失4000萬，但不幸中的大幸，228台南的住房率94％、229住房率84％</t>
  </si>
  <si>
    <t>《關鍵時刻》主持人劉寶傑轉向了？他日前在節目中一段開炮台北市長柯文哲「你柯文哲變笑話了」影片引爆話題，令PTT網友直呼寶傑要被柯粉罵爆了！衛福部長陳時中因防疫有成一戰成名，滿意度高居不下，台北市長柯文哲</t>
  </si>
  <si>
    <t>新冠肺炎疫情已致蘋果等全球科技巨擘產能受到衝擊，如今疫情迅速在韓國擴散，分析師預料，若三星電子因疫情嚴重而停工，將使韓國經濟面臨重大威脅。韓國人口約5,100萬人，近日新冠肺炎確診人數急遽上升，從幾天前的5</t>
  </si>
  <si>
    <t>皇家捕手蓋拉格(Cam Gallagher)是隊上第4位新冠肺炎感染者，更糟的是他在周五的模擬賽之後才確診，他已經接觸了很多隊友！蓋拉格聲明指出：「晴天霹靂不足以形容我的震撼，我前晚的比賽感覺狀況很好，隔天早上就接到</t>
  </si>
  <si>
    <t>美國央行（Fed）、歐洲央行（ECB）相繼推出史無前例的寬鬆與紓困政策，加上主要國家宣布重啟經濟活動，市場信心逐漸回復，投資人目光再次轉向收益率較高的新興市場債券，刺激發行人發債意願，新興債市回復熱絡。鋒裕</t>
  </si>
  <si>
    <t>日本厚生勞動省針對發生新冠肺炎群聚感染的鑽石公主號郵輪下船的乘客，發放了返家後注意事項的「健康卡」。厚勞省要求乘客在2周內盡量不要外出，但部分乘客拿到的「健康卡」中卻漏了相關的記載。厚勞省致歉表示，「</t>
  </si>
  <si>
    <t>台灣新冠肺炎疫情越來越嚴峻，影響層面擴及政治、經濟、觀光等，幾乎衝擊所有產業，抗煞專家蘇益仁指出，大陸全面佈局，從封城、蓋醫院等，都是為了盡快復甦做準備，一旦四月疫情受到控制禁令解除，所有台商、陸生就</t>
  </si>
  <si>
    <t>中央流行疫情指揮中心證實我法國駐外人員確診新冠肺炎，指揮官陳時中表示，其在4月23日採檢，4月27日確診，依法國規定，確診者需居家隔離，這名駐外人員中現在法國居家隔離中。</t>
  </si>
  <si>
    <t>台灣近期本土新冠肺炎新增個案趨於平緩，中山醫學大學附設醫院兒童急診科主任謝宗學分析，國內整體疫情處於尾聲，研判7月26日後應該能迎來解封、降級。但他指出，台灣要「清零」的難度很高、機率極低，未來社區出現</t>
  </si>
  <si>
    <t>雲林縣1對到北部發展的夫妻感染新冠肺炎，先生為無症狀、太太為重症，經插管加護病房治療，與跨團隊一系列治療後，太太於本月2日順利拔管，隨後透過視訊接受呼吸復健治療，逐漸恢復肺功能，夫婦雙雙恢復出院，16日以</t>
  </si>
  <si>
    <t>台塑(1301)集團總裁王文淵今(13)日出席台北紡織展，他表示，台灣已躍升全球機能性紡織品主要原料供應的重鎮，現階段正值美中關係緊張、疫情升溫，對經濟的影響遠遠超過2008年金融海嘯，因此，期許政府審慎面對儘快適</t>
  </si>
  <si>
    <t>演出Netflix影集《彼岸之嫁》爆紅的田士廣，最近初嘗走紅滋味，日前他剛受國際知名品牌COACH吉隆坡旗艦店之邀，回到故鄉馬來西亞出席活動，衣錦還鄉的他全程受到高規格接待。不過才返台2天，田士廣就驚聞大馬已宣布1</t>
  </si>
  <si>
    <t>因應新冠肺炎疫情蔓延，台中市政府教育局陸續接獲開課單位、學生及家長們的意見，為避免學子異地移動及群聚感染風險，決定暫停108學年度第2學期「優遊台中學-跨校選修課程」，教育局已彙整線上學習資源，讓學生在家</t>
  </si>
  <si>
    <t>中央流行疫情指揮中心宣布即日起至6日止開放20歲以上民眾，有意願接種第1劑高端疫苗免至預約平台登記即可到醫療院所預約登記接種，台東縣內計有16各鄉鎮市衛生所及7間診所共23間醫療院所參與，民眾可至醫療院所預約</t>
  </si>
  <si>
    <t>美國疾病管制暨預防中心（CDC）把台灣列為出現明顯「社區傳播」現象，台北市長柯文哲21日指出，重點不是名稱，實務比較重要，必須在出現後很快找到撲滅掉，才是正確作法。美疾管中心指台發生社區傳播，柯文哲認為，</t>
  </si>
  <si>
    <t>港星黃秋生昨日提到自己因工作來台，目前正在接受14天隔離檢疫，更引起大票網友鼓吹「入籍台灣」，他也大方地回應「準備中」；但現在正處疫情期間，先前政府有禁止陸、港、澳人士或去過上述地區都暫緩入境，因此黃秋</t>
  </si>
  <si>
    <t>新冠肺炎疫情愈演愈烈，衝擊全球經濟，台灣經濟也受影響。國泰金控及台大組成的產學團隊18日舉辦線上說明會，國泰台大產學合作團隊協同主持人徐之強指出，2020年台灣經濟成長率由2.3％下修至2％，仍可「保二」。第二</t>
  </si>
  <si>
    <t>雲林縣食品業者也遭受疫情波及業績下滑，但仍對防疫第一線醫護人員表示關懷及支持，縣府除了配合中央周全部署各項防疫措施外，縣長張麗善則帶頭號召一級主管茹素3天，藉以祈望疫情快遠離。疫情當前，一切都以防疫為</t>
  </si>
  <si>
    <t>民進黨台中市立委莊競程服務處結合民力，16日準備3000瓶「茶樹乾洗手凝膠」隨身瓶，給北屯區弱勢家庭防疫，倡導勤洗手的衛教觀念。為避免群聚感染，莊競程服務處當場示範防疫，所有參加者，進行量額溫、雙手噴上消毒</t>
  </si>
  <si>
    <t>行政院長蘇貞昌23日到新北市樹林區農業改良所台北分場，視察花卉、蔬果栽種情況，蘇揆表示，這裡的桂花很香，可以測試嗅覺有無異狀，並藉此得知是否感染新冠肺炎。對此，新北市議員葉元之痛批蘇揆無知、歧視，他更直</t>
  </si>
  <si>
    <t>研勤(3632)在疫情關係下，以人臉辨識為核心基礎研發之「Face8台灣臉霸」接案量持續攀升，上月更拿下政府機關標案，公司持續走在轉型的路上，研勤今股價開高震盪，一度大漲逾8%，最高達14.95元，盤中漲幅收斂到3%附近</t>
  </si>
  <si>
    <t>行政院會周四將通過新冠肺炎紓困特別條例，外傳行政院長蘇貞昌本周一已聽取簡報，條文名稱定為「嚴重特殊傳染性肺炎防治及紓困振興特別條例」，行政院發言人Kolas Yotaka澄清，蘇揆尚未聽過簡報，各條文均在討論中，</t>
  </si>
  <si>
    <t>印度巴拉特生技（Bharat Biotech）周一表示，其跟印度醫學研究委員會（ICMR）的國家病毒研究所（NIV）合作研發治療新冠肺炎的疫苗Covaxin，成為印度政府批准首款進行人體第1和第2階段臨床實驗的疫苗。其計劃7月開始</t>
  </si>
  <si>
    <t>雙北本土疫情連日以來激增數百例，更早之前的華航、諾富特群聚事件，反而逐漸「歸零」。竟有一名機師在臉書PO文嘲諷目前的疫情，酸「歡迎各位自主健康管理」，還嗆「什麼？你們台中還沒三級喔？」囂張言論引起網友不</t>
  </si>
  <si>
    <t>日本新冠肺炎（COVID-19）疫情嚴重，導致負責處理相關業務的公務員疲於奔命，日本政府坦承，內閣官房防疫對策推進室中，有一名職員1月的加班時數高達391小時，遠超「過勞死警戒線」的每個月80小時標準。「日本放送協</t>
  </si>
  <si>
    <t>台新冠肺炎最近新增不少境外移入案例，還有外籍駐台工程師找不到感染源，對照近來的爆炸性出遊潮，防疫是否會有破口令人擔憂，台南市因觀光人潮多，為防堵疫情決定提前備戰，明天（4日）起將要求室內場所若未能保持</t>
  </si>
  <si>
    <t>新冠肺炎肆虐全球，這次高齡及有慢性病的被視為感染高風險族群，而在荷蘭1位101歲婦女確診後，經治療已康復出院，被醫院喻為「希望的火花」。根據《路透》報導，這名101歲婦女在一周前因呼吸困難入住位於鹿特丹的艾</t>
  </si>
  <si>
    <t>什麼！帶N95口罩反而會增加身體負擔？新冠肺炎疫情擴大，人人戴上口罩自保，有些人會選擇戴上過濾效果最好的「N95口罩」防疫。不過胸腔重症醫生蘇一峰卻認為，N95口罩的效果不一定比醫療口罩還好，事實上，一般民眾</t>
  </si>
  <si>
    <t>基隆市2日確診數新增3例，對於北市環南市場暴增41例，是否有人流到基隆？基隆市長林右昌表示，北北基桃是生活共同圈，病毒不會分北市、基隆，人的流動來去頻繁，防疫沒有什麼大道理，將「場所防疫管理」、「個人防疫</t>
  </si>
  <si>
    <t>行政院2日公布「振興三倍券」方案，排除電商、不能找零等問題，引發民眾反彈，因此政府將提出藝文、體育、旅遊票券白名單，納入振興三倍券使用範圍；實體券部分也不會強制規定不得找零，民眾黨立委蔡壁如批評行政團</t>
  </si>
  <si>
    <t>林秉樞毆打立委高嘉瑜，扯出案外案，台北市議員游淑慧接獲檢舉，林秉樞7月15日和10月5日分別在禾馨、台中榮總打莫德納疫苗，但當時只開放50歲以上長者，質疑43歲的林秉樞，是不是特權施打。台北市衛生局今早派員到禾</t>
  </si>
  <si>
    <t>新冠肺炎風暴襲來，大陸全力抗疫之餘，也要確保經濟成長平順運轉。大陸海關總署16日推出10條新措施，支持外貿企業抓緊時間復工生產。不過，大陸財政部長劉昆發文坦言，面對疫情，大陸財政可能要拉警報；因減稅關稅收</t>
  </si>
  <si>
    <t>國內一名從美國返台的案16066國籍航空機師已完整接種2劑疫苗，返台後PCR檢測仍確診，為機組員的首例突破性感染個案，中央流行疫情指揮中心指揮官陳時中表示，匡列的26人當中，21人，19人陰性，檢驗中2人，5人待採中</t>
  </si>
  <si>
    <t>日本埼玉縣21日發生新冠肺炎輕症患者在家待機時突然死亡的病例，引起社會的震驚，23日又有1名70多歲男性輕症患者在家待機時突然病重，送醫急救後也不治死亡。70多歲男性4月6日出現發燒、咳嗽等症狀，9日接受病毒檢測</t>
  </si>
  <si>
    <t>新冠肺炎（COVID-19）疫情在全球肆虐3個月後，全球的病毒株經過不斷變異，讓當初的呼吸道症狀紛紛衍生出許多「非典型症狀」。然而，林口長庚兒童急診醫師吳昌騰指出，近期美國有多名確診青少年腳部出現病變，腳趾上</t>
  </si>
  <si>
    <t>香港爆發新冠肺炎第4波疫情，23日傳出其中一個「跳舞群組」已累積超過百個確診案例，成為全港最大感染群組，而香港娛樂圈大亨林建岳前妻、64歲的影星謝玲玲也牽涉其中，對此她發出聲明，承認自己確診，但她強調自己</t>
  </si>
  <si>
    <t>經營85度C的美食-KY（2723）受惠中國大陸門市逐步恢復營運，2020年3月合併營收谷底回升，惟首季合併營收仍降至5年半低點。展望後市，面對美國門市營運亦受疫情影響，集團以推出套餐、強化外送方式因應，透過衝刺宅家</t>
  </si>
  <si>
    <t>隨著國內新冠疫情群聚感染的風險拉升，造成此波確診病例大幅增加的原因是感染力更強的變異病毒株所致。新安東京海上產險表示，該公司「健康御守+」健康險，若是因法定傳染病住院時，日額給付最高。在市售防疫保單中</t>
  </si>
  <si>
    <t>隨著疫情逐步趨緩，曾遭新冠肺炎蹂躪的義大利已漸進解封，宅在家超過2個月的義大利人，迫不及待出門透氣，甚至打算開趴狂歡。不過總理孔蒂今天潑了他們一盆冷水，警告民眾不要掉以輕心，否則下一波疫情可能捲土重來</t>
  </si>
  <si>
    <t>美國因新冠肺炎而死的民眾，在27日正式跨過10萬大關，總統川普最討厭的假新聞媒體之一，美國有線電視新聞網（CNN），甚至在網頁頭版以斗大的標題寫著，「這10萬美國人可以不必死！」嚴厲批判川普對新冠肺炎的回應措</t>
  </si>
  <si>
    <t>美國國家過敏與傳染病研究院（NIAID）院長佛奇（Anthony Fauci）昨（27）日表示，擁有大量突變的新冠變異株「Omicron」有可能已經入侵美國。在棘狀蛋白（spike protein，S蛋白）上發現32個突變的新冠變異株Omicron已</t>
  </si>
  <si>
    <t>繼美國食品暨藥物管理局（FDA）緊急核准使用「瑞德西韋」，以治療新冠肺炎重症患者後，日本政府2日召開內閣會議，決定跟進。厚生勞動相加藤勝信表示，已下達指示，一旦開發該藥品的美國吉利德藥廠提出申請，就會「爭</t>
  </si>
  <si>
    <t>隨著大陸北京再次傳出嚴重新冠肺炎疫情，根據《天天體育》報導，包含林書豪在內的北京首鋼，以及北控兩支CBA球隊，已經決定提前到15日各自前往復賽賽區(北京首鋼前往青島、北控前往東莞)，北京首鋼也宣告取消下周公</t>
  </si>
  <si>
    <t>台灣進入三級警戒後禁止內用，夜巿也因生意冷清自主停業，台中大甲知名粉腸攤只能改到自家門前擺攤，生意慘跌到只剩一成，讓當阿公的老闆感嘆快撐不下去，「一家老小15人就靠這個攤子過活啊！」《東森新聞》報導，傳</t>
  </si>
  <si>
    <t>新冠肺炎疫情延燒，中央流行疫情指揮中心日前一級開設，由衛福部長陳時中接任指揮官，一級開設後，每次會議都需各部會最高決策者出席，指揮官也可調動所有行政資源，各部會需予以配合。專家認為，此階段不應再堅持有</t>
  </si>
  <si>
    <t>香港新冠疫苗顧問專家委員會今（15日）下午開會，討論將科興疫苗接種年齡限制降至3歲。香港醫院藥劑師學會會長崔俊明今早表示，科興有關兒童接種疫苗的第1、2期數據非常少，涉及3至5歲兒童只有50多名，6至11歲者約80</t>
  </si>
  <si>
    <t>患難見真情！為築起病毒防線，居家隔離、居家檢疫者都不能隨意外出，垃圾也都由環保局專車清運。台南市政府環保局收運人員洪文弘日前來回200公里前往山區收運防疫垃圾時，垃圾包下竟留有一張寫著「謝謝，辛苦你們」</t>
  </si>
  <si>
    <t>台灣本土疫情今年自5月11日起，這波本土疫情短短2周確診人數迅速累積達3656人，且14日開始，死亡人數累積17人，其中有慢性病者有14例、無慢性病2例、不詳1例。加上今天新增的6死，短短15天以來，就有23人死亡。指揮</t>
  </si>
  <si>
    <t>25日就要開學了，因應新冠肺炎疫情，新竹市長林智堅已推出「6大校園防疫守則」與「校園防疫手冊」，為開學日嚴陣以備，24日更率同相關單位前往培英國中視察，啟動跨局處機制，確保校園防疫SOP整備完畢。林智堅表示，</t>
  </si>
  <si>
    <t>新冠肺炎襲向全球，蔡英文政府不願對大陸伸援手，但日本不論民間或是官方都對大陸提供物資和捐款。對此，台灣有部份網友竟消遣日本義舉。國民黨議員羅智強感慨表示：「自己不願付出愛心，還要嘲笑別的國家付出愛心」</t>
  </si>
  <si>
    <t>今確診的案393是案384的家人，但卻傳出案393返台前，航空公司完全不知情患者已被註記，被質疑有隱匿通報的嫌疑。指揮中心今天回應，案393返台之所以航空公司事前不知情，是因為個案臨時更改返台班機，過程指揮中心均</t>
  </si>
  <si>
    <t>世界衛生大會（WHA）從周一起在日內瓦召開，在澳洲提案，要求世界衛生組織（WHO）獨立調查新冠肺炎因應方式後，已有超過120個成員國連署。綜合外電18與19日報導，就在WHO同意多數成員國所請，展開調查之際，北京下了</t>
  </si>
  <si>
    <t>好不容易治癒新冠肺炎，從疫情中康復，首要面對第一個現實的問題，就是「醫療費用」，一位美國高中教師，在醫院待了幾個星期，罹患新冠肺炎痊癒後，終於回到家裡，但他有新的困擾，他收到第一份醫療費用帳單，上面寫</t>
  </si>
  <si>
    <t>台灣新冠肺炎急遽升溫！中央流行疫情指揮中心今天公布國內一口氣新增6名確診個案，是有史以來單日天確診數最多的一次，國內累積個案共59案。指揮官陳時中指出，這次新增的54案到59案都是境外移入，讓台灣感到很警惕</t>
  </si>
  <si>
    <t>因受新型冠狀病毒肺炎疫情影響，澳門地區現已升級為橙色旅遊警示，並且建議旅客避免非必要之旅行。為回應現行主管機關針對澳門採加強防護措施，台灣虎航4月往返澳門航班將取消。台虎2020年4月1日起至2020年4月30日，</t>
  </si>
  <si>
    <t>「印度神童」阿南德日前發出預言，針對歐洲、中東、美國、日本等地，警告「將有大事發生」；結果英國及以色列疫情升溫、日本靜岡爆發奪命土石流、美國邁阿密大樓倒塌。今他呼籲做5件事，可幫助健全身心，度過這波疫</t>
  </si>
  <si>
    <t>新北市開放75歲以上長者預約接種莫德納疫苗，今為開放接種第2天，新北市衛生局長陳潤秋今在防疫會議上受訪表示，目前尚未接到莫德納疫苗的不良反應通報；市長侯友宜則強調，新北市不斷優化、調整施打場地，一定讓長</t>
  </si>
  <si>
    <t>疫情影響收入減少、日子難過，勞動部「全時受僱勞工生活補貼」明（12日）起開放申請，只要月投保薪資在3萬4800元以下，5或6月薪水較4月減少逾2成，就可以領到1萬元的生活補貼，《中時新聞網》整理申請、發放方式、證</t>
  </si>
  <si>
    <t>受到新冠肺炎疫情升溫影響，原定3月1日舉行的「東京馬拉松」規模大幅縮減，預計將有3.8萬跑者參與的賽事，最終僅開放200位職業跑者競賽，並且不會退還報名費。消息一出掀起參賽者反感，不過一名住在台灣的日本網紅則</t>
  </si>
  <si>
    <t>台灣疫情爆發，疫苗短缺儼然成為危機。奇美醫學中心加護醫學部主治醫師陳志金表示，肯定想要協助政府買疫苗的企業、地方政府，但即使買到疫苗，施打到發揮效果仍需要一段時間，呼籲大家目前還是要做好個人防護，避免</t>
  </si>
  <si>
    <t>新冠肺炎疫情變幻莫測，年輕人卻悄悄被新興毒品毒害！台灣高檢署6日統計指出，今年1至3月已有42人因吸食新興毒品死亡，其中施用超級搖頭丸（PMMA）死亡高達31人，遠高於新冠肺炎。為遏阻毒害，檢警擬將非工業用途的P</t>
  </si>
  <si>
    <t>疫情指揮中心日前宣布，已接種高端者，若有緊急出國需求，可加打國際認可疫苗。不過一名男子表示，年初打2劑高端後，10月又施打1劑輝瑞／BNT，當時他還高興地喊「我可能是全台灣，甚至是全世界第一個打完2劑高端，再</t>
  </si>
  <si>
    <t>國內疫情持續炸鍋，本土個案從5月11日至昨日止，迅速累積3066人確診，今日來到第14天，中央流行疫情指揮中心今（23）日公布再新增590例，其中334本土，256例為校正回歸，至今有84名病患使用呼吸器，面對如此嚴峻的新</t>
  </si>
  <si>
    <t>香港《文匯報》報導，香港新冠疫苗接種計畫昨日推出第100天，有約50400人接種，首次單日突破5萬大關，成為歷來新高紀錄。香港公務員事務局局長聶德權表示，近日接種、預約的人數都較踴躍，令人鼓舞，希望各界快打疫</t>
  </si>
  <si>
    <t>新冠肺炎疫情未歇，世界各國都在與時間賽跑，緊鑼密鼓研發疫苗。但英國政府的網路安全機構「國家網路安全中心」（NCSC），16日罕見發布聲明，指控接受俄羅斯政府資助的駭客團體，正針對英、美和加拿大等國參與研發新</t>
  </si>
  <si>
    <t>昨天(3/29) 指揮中心宣布新增8例新冠肺炎確診，1例本土7例境外，有7縣市確診人數增加，六都確診接增加，其中新北市新增2例最多，台北市、桃園市、台中市、台南市與高雄市各1例，此外還有新竹市增加1例，全台共累計30</t>
  </si>
  <si>
    <t>美國新冠肺炎確診病例再攀新高，為免疫情加速擴散，美國疾病管制預防中心（CDC）19日勸告美國民眾，下周感恩節假期勿外出旅行，並針對旅遊及聚會活動提出安全建議。疫情當前，美國很多家庭面對感恩節這類傳統節慶，</t>
  </si>
  <si>
    <t>全球新冠肺炎疫情仍緊繃，出門在外還是必須戴口罩、保持社交距離，不過自從疫情爆發以來，發生不少人對無辜民眾咳嗽、吐口水，導致對方感染新冠肺炎，而這次「咳嗽攻擊事件」竟然發生在小嬰兒身上，一名婦人拉下口罩</t>
  </si>
  <si>
    <t>為避免新型冠狀病毒肺炎(COVID-19)疫情假訊息以訛傳訛，特別是在昨日確認國內出現首例死亡個案後，更應密切注意防疫假訊息散播造謠，企圖引起社會大眾不安、同時強化打擊囤積口罩等防疫物資，警政署長陳家欽特別於昨</t>
  </si>
  <si>
    <t>台灣企盼已久的首批新冠疫苗終於到手了！今日上午自韓國運送抵台的20萬劑AstraZeneca疫苗，按照疫情指揮中心預定的時程，將在一周內開打。AZ到底是何種類型的疫苗？接種後會產生哪些副作用，第一、二劑須間隔多久施</t>
  </si>
  <si>
    <t>桃園一名女子上月接種莫德納後，腋下摸到顆粒般的腫塊，由於沒有任何痛感，因此並未放在心上，後來至醫院檢查後才發現，右乳侵襲癌和右腋下淋巴轉移，確診乳癌，目前正接受治療。乳房外科醫師黃鴻銘表示，打完疫苗後</t>
  </si>
  <si>
    <t>新冠肺炎253天本土零確診破功，中央流行疫情指揮中心今（22日）宣布新增1名本土個案為廣達女員工（案771），她是確診紐西蘭籍機師的接觸者（案765），12月7日到12日間與機師密切往來。有網友在PTT發問：密切往來5天</t>
  </si>
  <si>
    <t>近日行政院政務委員唐鳳在日本大受歡迎，因開發了「口罩地圖查詢」以及「鑽石公主號旅客路線圖」，成防疫的關鍵角色，日媒還將他封為「天才IT大臣」。唐鳳謙虛表示，自己只是把政府資料、民間社群的貢獻來進行匯集，</t>
  </si>
  <si>
    <t>台北兄弟大飯店傳出一名西餐廳廚師確診，但與廚師有接觸的員工仍無被匡列。北市衛生局表示，目前個案太多、無法追蹤；兄弟飯店低調回應，目前遵從北市府、衛生局等主管機關的調查及回應，廚師確診前即已向飯店請假未</t>
  </si>
  <si>
    <t>第六輪高端預約今中午截止，將在8月23日開打，但有許多民眾仍在觀望，無法下定決心。對此，一名網友認為，大家糾結的主因是目前政策規定不能混打，因此現在選高端豈不是把自己未來的路封死了？貼文引起眾人討論，不</t>
  </si>
  <si>
    <t>新冠肺炎疫情在中國陸續實施封城及閉環管理下，至2月底中國境內新增確診人數似有獲得控制，然中國以外地區於2月下旬陸續出現疫情且感染人數大幅攀升超過中國境內，美、歐以及中東相繼出現社區傳播，衝擊市場信心與全</t>
  </si>
  <si>
    <t>英國官方21日公布，英國接種第一劑新冠疫苗的人口超過1,760萬，此外近來單日新冠肺炎死亡數及確診數都見下滑。官方周日的數據顯示，28天內確診罹患新冠肺炎的人數中，又有215人死亡，但較上周六報告445人病故的數據</t>
  </si>
  <si>
    <t>新冠肺炎本土疫情趨緩，警戒等級降至2級，台北市立兒童新樂園1日起有條件開放，睽違2個多月，再度迎來大小朋友們的歡笑聲。為做好防疫，採網路預約制，單日限制1600人進場，開放的15項遊樂設施都要先掃QR Code預約，</t>
  </si>
  <si>
    <t>台中市府15日首度對居家檢疫卻擅自離開住居所的民眾開罰外，另針對一名具居家檢疫條件卻棲身布棚搭建的場所，安排至檢疫所進行隔離；民政局長吳世瑋指出，市府接獲通知後，迅速追蹤該名民眾居家檢疫資料並妥適安排隔</t>
  </si>
  <si>
    <t>為了預防新冠肺炎疫情擴散，馬來西亞發布行動管制令，禁止全國各地的大型集會及人民移動，包括宗教、體育、社交及文化活動。不過有19名男女不甩政府管制令，租下公寓大白天開趴狂歡，遭警方逮捕。雪蘭莪州東南部加影</t>
  </si>
  <si>
    <t>民主黨總統候選人拜登在黨內初選時呈現的弱點，在11月的大選決戰中，卻可能讓他贏得勝利。BBC新聞網29日的分析指出，就在民主黨向左傾斜時，拜登走務實的中間路線，卻是個利多，因為無論是五大湖舊工業區的死硬派保</t>
  </si>
  <si>
    <t>台股電子股吸金，重量級權值股台積電（2330）、聯電（2303）、日月光投控（3711）、聯發科（2454）等股價頻創高點，資金集中在電子股，傳產光芒不如電子，使得股價評價偏低，台股傳產股大股東紛紛逢低買回持股力挺，</t>
  </si>
  <si>
    <t>心悅生醫（6575）23日宣布，今年辦理的4億元現增案，在台杉生技基金領投下，已順利募足，該資金將用於執行新冠肺炎SNB011及精神分裂症SND11、12、13三項新藥臨床試驗，估計年底前後，SNB011臨床試驗二期解盲及SND13</t>
  </si>
  <si>
    <t>法國總統馬克宏辦公室周三表示，馬克宏上周四新冠肺炎檢測結果為陽性後，健康已持續好轉。他依規定七天自我隔離，期間繼續遠距離工作。馬克宏說自己做為康復者，工作效率有點慢，但仍繼續把包括抗疫和英國脫歐談判等</t>
  </si>
  <si>
    <t>國外有醫師使用已康復者的血清治療新冠肺炎患者，國內會不會跟進採取相同作法？專家諮詢會議召集人張上淳指出，過去大陸也有嘗試相同的辦法，但這種做法較適合在病人數目不多時，有緊急需求上可以考慮的方式，但目前</t>
  </si>
  <si>
    <t>因應武漢肺炎衝擊產業紓困，經濟部擬提出20億元的酷碰折扣（抵用券），行政院發言人Kolas說，抵用券絕對不是人人都有的消費券。PTT網友稱，只有817能超過765、時空背景不同啦！行政院會今天討論因應武漢肺炎衝擊產業</t>
  </si>
  <si>
    <t>全國疫情指揮中心副指揮官陳宗彥今天證實，今天會有一批疫苗抵達，這批疫苗約24萬劑，因為還在飛行途中，預計下午4點左右抵台，這批疫苗效期是今年12月15日。目前傳出，先有24萬劑的莫德納就在今天下午會抵達台灣，</t>
  </si>
  <si>
    <t>台灣化學產業協會（TCIA）日前舉辦第六屆第五次理監事會議，近40位產學研菁英齊聚一堂。TCIA理事長暨李長榮集團總裁李謀偉表示，今年新冠肺炎蔓延，全球化學業都面臨了艱難時刻，感謝會員廠商提供口罩國家隊所需熔噴</t>
  </si>
  <si>
    <t>瑞基（4171）繼1月營收以5,257萬元逆勢創下新高後，25 日宣布，已成功開發二種新冠肺炎病毒檢測試劑，分別適用一般實驗室與瑞基POCKIT檢測平台，即日起即可出貨。由於該試劑約85分鐘即可產生檢測結果，目前已引國、</t>
  </si>
  <si>
    <t>指揮中心指出傳統市場恐是最大的防疫破口，嘉義市、基隆市、高雄市呼籲民眾採身分證字號單雙號分流購物；對於新北市是否跟進？市長侯友宜今受訪表示，每個市場動線、經營方式、場域都不一樣，不管是身分證、門牌號碼</t>
  </si>
  <si>
    <t>台灣新冠疫情延燒，立法院預定5月31日針對紓困條例進行修法審查，如果順利通過，第一波紓困資金在6月4日就可以緊急入帳，其中企業薪資補貼2萬為上限做補助。對此，綠委陳明文加碼呼籲政府，針對受薪階級與勞工，每人</t>
  </si>
  <si>
    <t>中央疫情管理中心證實，一名位於台北市某知名酒店的公關小姐成為確診案例後引起台北酒店業恐慌。據了解，該家酒店算是台北市是老字號的高級酒店，旗下在同一地區有至少4家連鎖店，由於酒店小姐大多屬於經紀公司，常</t>
  </si>
  <si>
    <t>台灣新冠肺炎疫情趨緩，疫情指揮中心擬在6月7日擴大解禁，不少境外生關注何時也能解禁進入台灣，教育部長潘文忠今天表示，最快這周就會由行政院召開跨部會會議做出評估，目前教育部提出境外生回台相關規畫，對於國外</t>
  </si>
  <si>
    <t>巴西總統波索納洛（Jair Bolsonaro）驚傳發高燒至攝氏38度，當地時間6日他戴著口罩告訴聚集在總統府外的支持民眾，自己剛做完新冠病毒檢測，「肺部很乾淨，一切都好」，不過也警告民眾不要靠近他。上周，巴西總統波</t>
  </si>
  <si>
    <t>台灣鋼鐵集團旗下扣件線材大廠春雨(2012)2020年3月自結營收7.54億元，為今年來新高，但較去年同期減少15.95%。1-3月自結合併營收19.37億元，較去年同期減少15.73%。展望上半年，春雨審慎以對，主要是新冠肺炎疫情蔓</t>
  </si>
  <si>
    <t>新冠肺炎(COVID-19)疫情期間，為了讓使用者能夠了解即時且正確的資訊，微軟(Microsoft)、Google 以及蘋果(Apple)三大巨頭都不約而同推出了新冠肺炎專屬網站。不僅如此，Twitter、Facebook 等社群平台也都優化介面，</t>
  </si>
  <si>
    <t>大陸國務院主辦中央直屬黨報《經濟日報》13日報導，近日，兩家美國製藥公司默沙東和輝瑞接連發布新冠口服藥好消息，因為資料樂觀，被不少人視為新冠「特效藥」研發成功，甚至說這樣的新冠「特效藥」可以成為全球疫情</t>
  </si>
  <si>
    <t>週二，烏克蘭衛生部公共衛生中心代理負責人庫辛（Ihor Kuzin）對說，烏克蘭已確認首起新冠狀肺炎的病例。路透社報導，庫辛表示，患者曾去過義大利，他經羅馬尼亞轉機，在2月26日返回烏克蘭。在機場，曾進行了體溫檢</t>
  </si>
  <si>
    <t>新冠肺炎疫情遲遲未趨緩，若染疫也只能靠自身免疫力戰勝病毒，醫院只是提供支持性療法。大陸工程院院士、抗疫專家鍾南山，建議吃雞蛋、牛奶2種食物增加免疫力、補充蛋白質，平時不妨多吃，早餐更是不能少了它們。大</t>
  </si>
  <si>
    <t>日盛投信日盛基金經理人楊遠瀚今（14）日表示，新冠肺炎短期受到控制，但仍需觀察病例變化與城市封城、復工狀況，全球景氣原處於緩步回溫狀態，惟新冠肺炎疫情將衝擊中國內需、製造業，並可能影響全球經濟，短期數據</t>
  </si>
  <si>
    <t>大陸國務院聯防聯控機制在17日召開的新聞發布會上，中國工程院院士王軍志發布一項重要進展稱：大陸新冠病毒的疫苗科研團隊已開始招募受試者。王軍志表示：「大陸目前已有疫苗研發進展較快的單位，同時向國家藥監局遞</t>
  </si>
  <si>
    <t>勤業眾信（Deloitte）聯合會計師事務所23日舉辦「勤業眾信消費產業2021零售力量趨勢與展望OMO虛實整合全通路」線上論壇，面對新冠肺炎帶來的產業衝擊，台灣企業應投入數位資源整合全通路，以緩和疫情期間下滑的業績</t>
  </si>
  <si>
    <t>新冠肺炎從開始出現明顯疫情，至今已將近半年，對於這種完全新的病毒，疫苗進展如何？何時可以上市？是不是人人都要打？上海復旦大學附屬華山醫院感染科主任、上海市新冠肺炎醫療救治專家組組長張文宏教授，接受陸媒</t>
  </si>
  <si>
    <t>蘋果發布全新iPhone 12款新機，惟繼嬌生疫苗喊卡後，又有美國跨國藥企禮來盤中宣布暫停新冠治療後期試驗，整體消息面多空交雜，台指期今開漲21點、電子期開漲1.6點，金融期則相對偏弱，開盤後小跌約0.6點，目前仍在</t>
  </si>
  <si>
    <t>行政院長蘇貞昌昨日上午邀集立法院民進黨團成員會面，針對振興五倍券討論，會中定調全民免支付1000元，可免費領取五倍券，並規劃「數位加碼」系統，預計10月上路，《中時新聞網》依照目前規劃整理5大重點，包括發放</t>
  </si>
  <si>
    <t>內政部長徐國勇下午為雲林北港朝天宮除疫息災梁皇大法會開香，對於因新冠肺炎疫情遭隔離者卻四處趴趴走，他強調，視同通緝犯及重大刑案嫌疑犯，下令警方全面搜尋。徐國勇由朝天宮董事長蔡咏鍀及立委蘇治芬等人陪同，</t>
  </si>
  <si>
    <t>大陸一線防疫醫護人員頻傳確診死亡案例，為了保障醫謢人員健康，提升其免疫力，武漢市新冠肺炎疫情防控指揮部今天（21日）明確提出，一線醫護人員工作10天休息不少於2天、醫療隊員用餐標準每人每天200元（人民幣，下</t>
  </si>
  <si>
    <t>端午節將至，北高雄家扶中心連續17年為經濟弱勢家庭舉辦親子慶端午的活動，除了民眾的小額捐款外，還有榮譽主委柯男烈伉儷捐助的50萬慶端午基金，讓今年活動不受疫情影響，也讓弱勢民眾備感溫馨。北高雄家扶中心15日</t>
  </si>
  <si>
    <t>行政院會今（23）日通過新冠肺炎防治及紓困振興特別預算追加預算案，追加1500億元、將預算上限自600億元增加至2100億元，全數以舉債支應。其中，以經濟部編列預算追加774億元、勞動部追加310億元、衛福部追加198億元</t>
  </si>
  <si>
    <t>中央流行疫情指揮中心專家諮詢小組召集人張上淳22日分析目前台灣確診個案，指出19日時唯一一例使用呼吸器的個案，後續有出現併發症而重新戴上呼器，今日則正式宣告順利脫離呼吸器；此外，最後二例使用葉克膜案例中，</t>
  </si>
  <si>
    <t>章子怡與音樂人汪峰結婚5年，今年初湊得一個「好」字，在美國迎接兒子報到，沒想到時隔不到半年，章子怡今(5/18)於微博宣告正式復工，曝光一天的工作行程，足見即使身為國際巨星又天生麗質，產後要回歸幕前，都需要</t>
  </si>
  <si>
    <t>台灣昨爆一例本土，為中研院P3實驗室的研究人員，初判是11月操作實驗時，不慎被老鼠咬到而感染，推估感染的病毒株是Delta，目前已匡列85名接觸者。毒理學專家招名威表示，令人匪夷所思的是，個案明明是被Alpha老鼠咬</t>
  </si>
  <si>
    <t>新冠肺炎疫情嚴峻，其中「隱形缺氧」因事前無任何徵兆，且致死率高，讓不少民眾瘋買血氧機方便檢測。近日有一名男子在網路上購買了3台血氧機，測試女兒的布偶娃娃，竟然也有血氧、心跳，令她氣得大罵難怪一堆人隱形</t>
  </si>
  <si>
    <t>關於醫護人員的防疫津貼，不只照顧病人的醫師、護理師，中央流行疫情指揮中心指揮官陳時中今（9）日表示，包括清潔工、檢驗師等參與防疫的人員都有一定比例的補助，詳細辦法最快明天公布。對於新冠肺炎防疫的第一線</t>
  </si>
  <si>
    <t>原定7月24開幕的2020年東京奧運會，受到新冠肺炎疫情影響而被迫到明年，雖然東京都在24日當天放煙火祈禱疫情能盡快過去，但已建蓋好的場館卻是異常冷清，甚至還傳出雜草叢生，讓外界不禁感慨萬分。本應是全球注目焦</t>
  </si>
  <si>
    <t>國內疫情居高不下，台灣科技大學傳出1名學生確診。台科大校長顏家鈺發布校內信，向教職員生表達，今(28)日進行宿舍與校園徹底消毒，強調校方會以最慎重的方式，採取各式因應的相關措施，並進行校內疫調，確定需匡列</t>
  </si>
  <si>
    <t>大陸境內新冠肺炎官方統計數字，確診已破8萬例，武漢市宣布共要建30間以上的方艙醫院，收治輕症患者。近日有醫生、病患相繼表示，院內伙食非常好，甚至有「甲魚」可以吃。不過大陸網友看了之後大驚，認為甲魚應屬「</t>
  </si>
  <si>
    <t>保險局10日才宣布新醫療險保單可以對法定傳染病取消或縮短等待期，國泰人壽11日就宣布，即日起對10張現售住院醫療險以批註條款方式，取消法定傳染病的30天等待期，保戶不必再額外付費，先前已投保且還在等待期的保戶</t>
  </si>
  <si>
    <t>中央流行疫情指揮中心今(10)日公布國內新增263例本土個案，確診個案中新增28例死亡，連日以來確診死亡數皆為雙位數，目前致死率仍高於全球平均2.16％。前疾管局長、現任陽明大學教授張鴻仁指出，分析台灣死亡個案有3</t>
  </si>
  <si>
    <t>中央流行疫情指揮中心今天公布嘉義市新增2例及1例校正回歸案例，共3例本土案例，分別是案6548、6549、6550，1男2女年齡介於40多歲至70多歲，3例都是與親友接觸而感染，案6549是昨天確診的案6104的家人。嘉義市長黃敏</t>
  </si>
  <si>
    <t>新冠肺炎疫情重創美國，死亡人數27日正式跨過10萬大關。儘管各州逐步解封，重開經濟，但先前各種防疫、封鎖限制導致百業蕭條，失業人口暴增。據勞工部28日上午公布的前周（5月23日為止的當周）新增的申請失業救濟金</t>
  </si>
  <si>
    <t>因應新冠肺炎疫情不只未降溫且有升溫跡象，2月25日開學在即，各校開啟防疫大作戰，繼昨天邀集各區中心學校校長代表針對「上學期間」、「訪客到校」等不同情境做體溫量測實際演練，今起３天於各分區辦理共9場學校實際</t>
  </si>
  <si>
    <t>目前跟隊友戈貝爾都已宣告從新冠肺炎病情痊癒的爵士明星射手米契爾，29日公開自己確診前夕到隔離至今的內心煎熬過程，米契爾除了坦承自己在等待檢驗結果出爐的那一晚，只睡了短短25分鐘，更承認自己確診過後，曾有可</t>
  </si>
  <si>
    <t>疫情指揮中心日前證實，國內有3個批號、共7萬劑的莫德納疫苗即將在8月6日到期，又以北市1萬多劑最多，如各縣市政府尚未安排接種計畫，將在本月28日前收回，提供教師等第7類專案對象接種。陳時中今天強調，經過一天和</t>
  </si>
  <si>
    <t>中國工程院院士鍾南山、李蘭娟昨出席新冠疫情防控經驗國際線上分享會。鍾南山警告，如果一些國家控制不了疫情，會給全世界帶來災難。他還說，「我有點擔心美國即將發生的情況，美國的問題將是全球的問題，聯邦政府必</t>
  </si>
  <si>
    <t>109學年度全國學生表演藝術類競賽原訂3月舉辦決賽，教育部以衛福部立桃園醫院發生疫情為由決定停辦，讓認真練習且甫通過預賽的孩子們感到無奈；學生家長17日向市議會國民黨團陳情，懇請教育部給孩子證明自我的機會。</t>
  </si>
  <si>
    <t>擔憂新冠肺炎疫情持續擴散，美國股市連兩天賣壓湧現，拖累道瓊指數連續兩個交易日大跌近2千點，美國總統川普為此大為震怒，直批衛生官員的警告嚇壞了投資人。美國疾病控制與預防中心（CDC）免疫和呼吸系統疾病中心主</t>
  </si>
  <si>
    <t>美股受新冠肺炎疫情單日確診人數攀升，選情膠著影響連日修正，台股周五同樣收黑116.57點下跌0.92%，收12,546.34點，成交量1,972.64億。富蘭克林華美投信認為，受美歐新冠肺炎疫情單日確診人數再攀高，加上美國總統大</t>
  </si>
  <si>
    <t>日本政府25日制定因應新冠肺炎疫情擴大的基本方針，包括一般醫院也要接受感染新冠病毒的患者；民眾出現發燒等症狀時要請假，避免外出；症狀輕的人原則上居家靜養等。日本全國知事會則對中央政府至今的防疫措施感到不</t>
  </si>
  <si>
    <t>台中34歲洪姓男子在防疫期間化名「KN Aug」、「Na Kina」、「Ar ch」在網路臉書平台社團上PO文販賣口罩圖利，在收取買家訂金後，卻遲不交貨，經被害人向台中市政府警察局第三分局報案，警方12小時內鎖定他並在彰化找</t>
  </si>
  <si>
    <t>指揮中心日前宣布，明年1月1日起，全國26種從業人員須完成兩劑疫苗接種，遭民眾反應政策太倉促。指揮中心發言人莊人祥表示，本次規範的類別，都是我國自三級降為二級時就有訂出的復業指引，當初就有規範第一劑疫苗接</t>
  </si>
  <si>
    <t>疫情來襲，許多家長擔憂密閉空間容易感染，因而將假日郊遊行程轉移至戶外空間，其中高雄市立壽山動物園寓教於樂皆具，佔地廣大寬闊，變成家長防疫期間的「遛兒」第一首選，假日平均前來參觀人數高達3千多名，讓小朋</t>
  </si>
  <si>
    <t>中國大陸宣布全面禁食野生動物後，引發龜鱉養殖業反彈。對此，中國農業農村部昨天緊急發出通知，將中華鱉（甲魚）與烏龜列入水生動物管理，這也代表甲魚與烏龜今後在大陸還是可以養殖食用。據《中央社》報導，大陸官</t>
  </si>
  <si>
    <t>美聯社指出，美國東岸新英格蘭地區已經成為全美各州的防疫典範，該地區6個州超過60%民眾至少接種過1劑疫苗，即便當地擴大疫苗接種順位的速度較慢，但是專家指出當地政府更專注在讓脆弱族群優先施打疫苗，現在疫苗接</t>
  </si>
  <si>
    <t>大陸經濟原本受到中美貿易戰的干擾，已呈現成長趨緩態勢，如今再遭逢新冠肺炎風暴的侵襲，更讓大陸經濟成長拉警報。為了穩增長，大陸各省市也卯盡全力催動公共工程建設（大陸稱鐵公基）上路，透過大量政府投資，帶動</t>
  </si>
  <si>
    <t>新北市長侯友宜今（25日）上午視察新店集中檢疫中心並慰問檢疫中心的醫護人員、房務後勤人員，關於北市傳出施打疫苗後的牙醫師染疫及確診者年輕化趨勢，侯強調，不斷篩檢才能夠有效的控制疫情，所以社區篩檢、企業篩</t>
  </si>
  <si>
    <t>國內疫情延燒，繼企業快篩開放後，中央疫情指揮中心指揮官陳時中首度鬆口開放居家快篩。前民進黨立委郭正亮表示，陳時中是牙醫出身，對醫療產業不太熟悉，但他質疑，衛福部不可能沒人知道這些事情，但為何這些聲音沒</t>
  </si>
  <si>
    <t>美國目前已有約半數州的企業陸續恢復生產營業，但隨著經濟活動重啟，一些州的新冠肺炎疫情出現反彈。美東時間5月2日，疫情重災區紐約州的單日新增死亡病例仍未見下降趨勢，紐約州州長表示，不能要錢不要命，過早重啟</t>
  </si>
  <si>
    <t>鑒於新冠肺炎疫情快速蔓延，美國多州政府已相繼祭出居家避疫命令，影響所及全美約有三分之一人口遭到禁足。面臨疫情日益嚴峻，由共和黨主導的1.3兆美元抗疫紓困案，卻因為過度偏重企業利益，周日在參議院遭到封殺。</t>
  </si>
  <si>
    <t>南京市衛健委副主任楊大鎖今（8／1）日上午表示，自本輪疫情發生以來，南京市已經進行了三輪全市大規模新冠病毒核酸檢測。其中，三輪期間發現確診病例74例、81例以及49例，共發現確診204例。楊大鎖表示，從疫情發生</t>
  </si>
  <si>
    <t>為防止新冠肺炎疫情擴散，民眾除了在出入公共場所時盡量配戴口罩、勤洗手外，居家環境建議也應確實清潔。一般家具、廚房設施可以使用1：100的稀釋漂白水（500 ppm）調配後擦拭，並且隨時確保室內空氣暢通，保持良好</t>
  </si>
  <si>
    <t>台灣採購新冠疫苗波折不斷，中央流行疫情指揮中心指揮官陳時中日前受訪抱怨，原訂向德國BNT採購500萬劑疫苗，但因有外力介入而計劃生變，還稱「有人不希望台灣太高興」，對此國民黨立委鄭麗文接受《中時新聞網》訪問</t>
  </si>
  <si>
    <t>新冠肺炎再傳好消息！中央流行疫情指揮中心表示，繼先前女台商後，我國再出現第2名可出院的個案，個案為第10例確診新冠肺炎的男子，因狀況好轉，最快今日解除隔離，近日可出院。男子坦言，入住負壓隔離病房後，家人</t>
  </si>
  <si>
    <t>新冠肺炎疫情升高，南韓在短短幾天全國淪陷，被視為疫情源頭的「新天地教會」教主李萬熙2日首次下跪道歉，仍止不住民眾努火，沒想到網上現還流出一份藝人信徒名單，掀起熱議。新天地教會在韓國擁有逾20萬信徒，這回</t>
  </si>
  <si>
    <t>在新冠肺炎的疫情影響下，優惠的購物節成為了消費者的小確幸，而小米也看準時機一口氣推出了11款新品，並於7日到12日進行一年一度的米粉節，而此次的新品最亮眼的，當然少不了一次到位的旗艦級米家掃拖機器人，能夠</t>
  </si>
  <si>
    <t>受新冠肺炎影響，民眾大幅減少外出，新北市立圖書館借閱電子書與使用自助借還書機的冊數明顯增加，據統計，今年1月電子書借閱冊數相較於去年同期成長4成，利用總館自助借還書機的冊數也增加7％；此外，各分館也提供</t>
  </si>
  <si>
    <t>日前滯留湖北的血友病童，與母親回台後，採檢都呈現陰性，送到隔離所展開為期14天的隔離，母子2人10日凌晨解禁，並由親友在今早8點接送返回高雄，此外母子還透過手寫信感謝各界援助，「非常感謝一路走來所有幫助我們</t>
  </si>
  <si>
    <t>投資人對新冠狀病毒疫苖的開發抱持樂觀看法，周一隔夜盤美股指數期貨走高，展開因國定假日而縮短的一周交易。美國周一（5月25日）為陣亡將士紀念日，美股休市，因此期貨市場交投仍顯清淡。目前道瓊指數期貨漲311點或</t>
  </si>
  <si>
    <t>本土疫情嚴峻，其中又以雙北病例最多，被視為「重災區」，一名網友表示，他同事的父親過世，因此從台北南下屏東奔喪，沒想到竟遭屏東老家的左鄰右舍大罵防疫破口，甚至說「把台北的病毒帶來屏東想害死誰？」不禁令他</t>
  </si>
  <si>
    <t>新竹一名居家檢疫男「林東京」27日因居家檢疫失聯，因多次修改居住地址，讓防疫人員遲遲無法聯繫，只好靠縣政府公告協尋。發現他竟到處「趴趴走」，逼得新竹縣衛生局祭出重罰100萬元，隨著尋獲本尊，林東京身家也遭</t>
  </si>
  <si>
    <t>義大利新冠肺炎疫情嚴峻，呼吸器等醫療設備相當缺乏，羅馬當局早就禁止呼吸器出口，現在傳出，義大利近期扣押近2,000台運往希臘的呼吸器。法新社報導，義大利海關昨（24）日宣布，扣押1,840台運往希臘的呼吸器。官員</t>
  </si>
  <si>
    <t>93萬劑BNT疫苗今天清晨抵台，12到17歲青少年是首批開打對象，18至22歲為第二批優先，外界相關關心下一批會開放哪個年齡層，中央流行疫情指揮中心指揮官陳時中表示，先把第一波做完整，下一波會再做討論。截至今天下</t>
  </si>
  <si>
    <t>環南市場在7月2日驗出41位PCR陽性確診者後即休市3日，並進行大範圍清消，今(6)日為復市首日，台北市長柯文哲、副市長黃珊珊、衛福部長陳時中以及前進指揮所指揮官王必勝今早均於現場視察，陳時中表示，北農與環南市</t>
  </si>
  <si>
    <t>中央流行疫情指揮中心今天公布1例接種AZ疫苗發生疑似嚴重過敏反應個案，為一名50多歲女性，4月6日施打AZ疫苗10分鐘後出現嘴唇、舌尖麻痺、腫脹等症狀，被食藥署ADR中心改判為疑似嚴重過敏個案，但指揮中心發言人莊人</t>
  </si>
  <si>
    <t>本土零確診再度破功！繼中研院女助理（案16816）染疫後，台北市一名8旬老婦人今證實確診。她日前因身體不適，自行到醫院就醫，採檢後確診。初步了解，這名老婦不常出門，大部分時間都待在家裡，足跡相對單純，目前匡</t>
  </si>
  <si>
    <t>新冠肺炎疫情持續延燒，屏東縣出現首例確診案例，疾管署各縣市確診地圖，原本確診數為0的屏東縣。增為1例確診，為境外移入個案，目前收治於縣內負壓隔離病房治療中。縣府21日下午也召開「屏東縣疫情指揮中心會議」，</t>
  </si>
  <si>
    <t>先前傳出許多偶像歌手和團體的演唱會，因疫情關係紛紛喊停，連世界級天團BTS防彈少年團也不例外，在南韓當地4場演唱會取消外，北美洲巡迴也延期；但日前BTS卻給全球粉絲大禮，決定要在18、19日連2天辦線上演唱會。防</t>
  </si>
  <si>
    <t>據日本NHK在15日報導，聯合國國際民航組織（ICAO）發表的預測數據顯示，由於新冠肺炎疫情不斷蔓延，大陸遊客大幅減少，日本的旅遊產業在截至今年3月末的3個月期間，預計損失約1400億日圓（約台幣382億元）。這一預測</t>
  </si>
  <si>
    <t>葡萄王(1707)在新冠肺炎一開始即提供一線防疫人員生技營養品，4月中更是擴大捐贈機能飲料給全台疫情較嚴峻的重度收治醫院，包含17間醫學中心及14間區域醫院；同時配合地方政府居家檢疫及隔離政策，提供機能飲料給居</t>
  </si>
  <si>
    <t>新冠肺炎全球肆虐，世界各國老早疫情整得天翻地覆，馬來西亞就是其一，且自出現疫情至今，狀況都沒能好轉，始終維持在每天6千確診數左右，而政府在第一時間就宣布了全面封鎖令，但因情況始終不明朗，日前又宣布全國</t>
  </si>
  <si>
    <t>中央疫情流行指揮中心24日公布國內新增新冠肺炎本土確診病例，校正回歸部分苗栗縣出現2例確症，其中案4905住在三灣鄉，近期並無出國史，5月20日發現身體不適，連續3日都未外出，23日確診，案4906則住在造橋，是一名</t>
  </si>
  <si>
    <t>近日台灣疫情趨緩，疫苗也持續拚接種率，不過民眾對於防疫、新冠疫苗相當謹慎的優點，也出現了不少「打完疫苗能不能ＸＸ」的疑問。例如打完疫苗能不能運動、能不能打手槍、能不能喝酒等。對此胸腔內科暨重症醫學黃軒</t>
  </si>
  <si>
    <t>打新冠肺炎若出問題，將有保單可理賠。保險局局長施瓊華22日在立法院財委會透露，已有一、二家產險公司正在設計疫苗醫療費用保險，即被保險人若因施打新冠肺炎疫苗出現問題，相關醫療費用將有保單可承保，金管會將會</t>
  </si>
  <si>
    <t>日本捐贈124萬劑AZ疫苗日前完成檢驗封緘，也已配發到各縣市施打，然而身為重災區的雙北所配發到的疫苗卻比高雄來得少，遭疑「大小眼」，中央流行疫情指揮中心指揮官陳時中表示，配發給各縣市的疫苗中包含國軍專案的</t>
  </si>
  <si>
    <t>新冠肺炎全球蔓延，第一線醫護人員之前在網路發起「i stay at work for you ，you stay at home for us」，呼籲民眾多待在家中，引起好萊塢眾多藝人響應，由演員凱文貝肯發起名為「#IStayHomeFor」的Hashtag活動，包</t>
  </si>
  <si>
    <t>大陸國家主席、中共中央總書記習近平今日召開政治局常務委員會議時指出，在全國上下和廣大人民群眾共同努力下，全國疫情防控形勢持續向好、生產生活秩序加快恢復，但也面臨境外疫情擴散及其對世界經濟產生不利影響的</t>
  </si>
  <si>
    <t>巴西央行周三宣布調降Selic基準利率75個基點至3%，改寫歷史新低，雖然已是連續第7度降息，但該央行暗示將進一步降息，以緩解新冠肺炎疫情與相關封鎖措施對經濟造成的衝擊。巴西央行貨幣政策委員會（Copom）周三一致</t>
  </si>
  <si>
    <t>台北市政府8日晚間爆出，產發局一名女公務員確診，該名同仁在5月底因身體不適前往快篩與核酸檢測（PCR），得知快篩結果為陰性，但6月8日收到PCR結果出爐卻呈陽性，北市府雖已採居家辦公，但6月4日該名女公務員曾到達</t>
  </si>
  <si>
    <t>新冠肺炎疫情於全球延燒，針對即將陸續召開的公司股東會，金管會指示集保結算所制訂開會防疫指引。集保調查，指引公告後召開股東常會或臨時會的公司，均未出現發燒股東親自出席，多數股東均採電子投票表達意見，對此</t>
  </si>
  <si>
    <t>美國已成為全球新冠肺炎確診病例最多的國家，紐約州疫情尤其嚴重，累計病例達37802例，占全國逾4成，最新一天病亡人數激增逾100人，累計達454例。而人口稠密的紐約市死亡人數為281人，則占全州的73％。由於醫療物資</t>
  </si>
  <si>
    <t>春節國人返台檢疫規範有望再放寬！衛福部長陳時中今天透露，由於防疫旅館數量不足等多重因素，擬將10+4的檢疫方案改為7+7，最快本周就會宣布，否則會來不及。由於春節期間返台人數眾多，指揮中心估計今年返台人數將</t>
  </si>
  <si>
    <t>AZ疫苗打氣不佳，中央流行疫情指揮中心昨日宣布，21日起開放民眾自費接種。對此，台北市議員游淑慧質疑，疫苗的有效期只到6月15日，假設民眾於21日馬上施打，但兩劑施打至少要相隔8周，自費民眾可能沒有第二劑可打，</t>
  </si>
  <si>
    <t>不少大型活動或賽事都因新冠肺炎疫情延燒陸續取消，但2月26日到3月1日在高雄登場的港都盃田徑賽事如期，僅取消開閉幕儀式；高市府新聞局長鄭照新表示，那是開放、戶外型，基本上是尊重專業主辦單位，除非中央有特殊</t>
  </si>
  <si>
    <t>面對新冠肺炎疫情，台灣前一波守得不錯，備受國人肯定也贏得國外推祟，豈知歐美疫情急劇升溫，從歐洲返國的民眾成為新一波防疫危機，連2天增添14例，恐將辛苦防疫的成果毀於一旦。對於硬要出國旅遊的民眾，中山醫大</t>
  </si>
  <si>
    <t>新冠肺炎疫情引發全球股災，道瓊指數12日崩跌2,352點，創1987年「黑色星期一」以來最大跌幅，13日台股開盤前財長蘇建榮親上火線，宣示國安基金隨時備戰，必要時將召開臨時會議討論進場護盤。總統蔡英文也信心喊話，</t>
  </si>
  <si>
    <t>大陸國家衛健委今（27日）公布，前一日大陸新增71例新冠肺炎確診病例。其中江蘇再多31例本土確診病例，新增病例一連兩日達雙位數。南京祿口機場疫情持續擴大，已涉及5省9市，南京疫情傳播鏈已經達到了126人。南京市</t>
  </si>
  <si>
    <t>國內疫情大爆發，全國更是統一升至三級警戒，雙北疫情險峻，即便台北市長柯文哲再三呼籲「沒事乖乖待在家裡」，但上週末陽明山仍出現大批遊客及車潮，眼見仍有許多不守規矩的民眾，讓藝人吳鳳痛批：「疫情就是這樣擴</t>
  </si>
  <si>
    <t>對本來就受電商衝擊而身處困境的傳統零售業來說，新冠肺炎疫情造成了更致命打擊，這慘況在美國是現在進行式。據美國勞工統計局統計，全美零售業員工有近1600萬人，多面臨衝擊，且面臨無薪假風險的多是基層員工；另外</t>
  </si>
  <si>
    <t>15日大陸網上盛傳武漢病毒所一名女性研究生為新冠肺炎「零號病人」，武漢病毒研究所人員對此回應稱，可以保證武漢病毒所目前「零感染」。陸媒《新京報》報導，15日有一則關於「武漢病毒研究所一名女研究生黃燕玲是新</t>
  </si>
  <si>
    <t>新冠肺炎在亞洲全面蔓延，亞股昨幾乎全倒，晚間開盤的美股期指也重挫，道瓊指數一度大跌近千點達997.04點，歐股開盤重挫3％、義大利更是跌破4％，宛如2008年金融海嘯重現；華南投顧董事長儲祥生解讀，疫情擴散比想像</t>
  </si>
  <si>
    <t>疫苗突破性感染令許多國家開始規劃加強劑的施打，但在低收入地區如非洲，民眾至少接種1劑疫苗的比例卻只有1.3％。對疫苗覆蓋率高的國家而言，加強劑的接種可有效對抗印度變異株（Delta），但隱憂在於可能導致新的變</t>
  </si>
  <si>
    <t>中央流行疫情指揮中心24日召開疫情說明記者會，宣布調升韓國的旅遊疫情建議等級，至於是否也會調升日本的建議等級，中央流行疫情指揮中心指揮官陳時中坦言，日本地區的確診案例也是在上升中，「在（調整等級）的邊緣</t>
  </si>
  <si>
    <t>中央流行疫情指揮中心今(13)日公布國內新增1例境外移入COVID-19(新冠肺炎)病例，為本國籍40多歲男性(案530)，今(2020)年2月至中國江蘇工作，10月11日返台。是時隔8個月以來再傳台商染疫。指揮中心表示，個案返台前，</t>
  </si>
  <si>
    <t>大陸國家衛健委通報，5月30日0至24時，31個省（自治區、直轄市）和新疆生產建設兵團報告新增確診病例27例，其中境外輸入病例7例（廣東3例，上海2例，福建1例，河南1例），本土病例20例（均在廣東）；無新增死亡病例</t>
  </si>
  <si>
    <t>台北市長柯文哲與中央疫情指揮中心指揮官陳時中為了是否公布病例地點屢次隔空交火，柯還曾酸「現在都要順時中，別逆時中」，如今北市的防疫旅館地點卻不公開，柯4日受訪表示「這不是只有我們片面決定，這個就真的只</t>
  </si>
  <si>
    <t>全國各縣市疫苗紛紛開打，台北市今（15日）起替預約接種的85歲以上長者及65歲以上原住民施打疫苗，但信義區長輩卻必須頂著艷陽，在飽受高溫曝曬的天氣下排隊等待，引起討論。財經網美胡采蘋在臉書「Emmy追劇時間」分</t>
  </si>
  <si>
    <t>新竹市政府為促進民間景氣復甦，持續推動「後疫情」紓困振興方案，並決定針對市府委外營運的OT廠商減收3月至5月50％、為期3個月的促參案件權利金、土地租金，包括委外經營藝文場館如辛志平校長故居以及市場攤商、停</t>
  </si>
  <si>
    <t>新冠肺炎疫情持續升溫延燒，嘉義市累計3例確診案例，防疫再升級，27日學生幾乎都戴口罩上課，市府雖仍舉辦春祭國殤典禮，但市長黃敏惠及參加祭祀者都距離至少1.5公尺，原訂28日辦理的反毒街舞大賽活動則暫停。春祭國</t>
  </si>
  <si>
    <t>新冠肺炎確診人數持續攀增，新北市長侯友宜今召開新冠疫情第26次應變會議，會後新北市衛生局長陳潤秋宣佈，新北市53家醫院一般病房、142家護理之家，20日起全面禁止探病、陪病限1人；加護病房則需訂定探病時段，每次</t>
  </si>
  <si>
    <t>清明連假期間，不少國人到各大熱門景點趴趴走，連假過後，急診呼吸道症狀患者暴增，陽明醫學博士胸腔重症醫師蘇一峰爆料，短短一小時內就來了三個連假出遊後發生呼吸道症狀的患者，預估連假後的大量篩檢潮將出現！蘇</t>
  </si>
  <si>
    <t>近來本土疫情增溫，教育部今（11）日公布最新全國學生確診人數統計，截至10日下午5點半，新增本土和境外各1名學生確診，總人數增至746人，其中本土確診學生720人，境外移入26人。教育部校安中心統計4月20日至9月10日</t>
  </si>
  <si>
    <t>全國各級學校因疫情從5月下旬便停課至今，疫情期間實體課程改為線上遠距教學，上課方式新穎、新奇，此舉意外吸引中輟生參與，桃園的國中小中輟生有50人回歸學習。桃園市國中小中輟生原有103位，每位中輟生有不同的狀</t>
  </si>
  <si>
    <t>39歲男星黃少谷是強辯樂團主唱兼吉他手、龍之家族吉他手，去年與37歲Weather Girl天氣女孩林采薇結婚，今年3月宣布太太有喜，本以為事業、婚姻皆得意，想不到新冠肺炎重創經濟，黃少谷頓時失去工作機會，眼看老婆快</t>
  </si>
  <si>
    <t>新北今無新增個案，連續9天加0，新北市長侯友宜今在疫情說明會會後表示，疫情持續穩定，如假日又零確診的話，會考慮停開線上疫情說明會，平日則偶由副市長劉和然代理主持。</t>
  </si>
  <si>
    <t>新冠肺炎防疫打持久戰，依規定須居家隔離、居家檢疫、自主健康管理者，在14天的隔離期間若有非發燒與呼吸道症狀的就醫需求，即日起可撥打防疫專線（05）2341150，由嘉義市衛生局指定22家醫療院所視訊看診。市衛生局</t>
  </si>
  <si>
    <t>在一對前往夏威夷旅遊的日本夫妻返回名古屋，傳出入院治療新冠肺炎的消息後。達美航空（Delta Airlines）與夏威夷航空（Hawaiian Airlines）正與美日衛生當局合作，追蹤他們曾行經的路線。據《今日美國報》（USA TOD</t>
  </si>
  <si>
    <t>國防部規劃，這批17具自動化核酸分析儀，將優先部署於執行長期偵巡任務之船艦單位、外離島偏遠單位、及各作戰區國軍醫院，俾利單位醫官運用小型自動化核酸分析儀設備，針對疑似出現新冠肺炎各類症狀之出勤官兵，實施</t>
  </si>
  <si>
    <t>美國部分學區近期相繼打開大門讓師生返校上課，不過現在傳出，有中學開學第一天就傳出學生感染新冠肺炎，迫使校方在開學幾小時就祭出隔離措施。綜合《紐約時報》（New York Times）、美國哥倫比亞廣播公司新聞網（CB</t>
  </si>
  <si>
    <t>美中貿易戰和科技戰後，由於美國對大陸高科技的管制造成下單轉單效應也使台灣的科技業商機暢旺。尤其是半導體的搶單轉單效應，以及AI、5G、物聯網等技術的開展，對半導體需求量大增的情況下，成為各方爭搶訂單的標的</t>
  </si>
  <si>
    <t>新冠肺炎疫情延燒中，前國民黨副祕書長蔡正元上午在臉書發文，指台北市政府最應在全台防疫工作發揮領導作用，急診醫師出身的台北市長柯文哲，也應比牙醫出身的疫情指揮中心指揮官陳時中，更懂如何準備，卻連演練都不</t>
  </si>
  <si>
    <t>昨（2月29日）中央流行疫情指揮中心公布新增5例新冠肺炎確診，台灣境內已出現院內感染。受到疫情影響，許多行業收入銳減，計程車若不跑車載客，就沒有收入；一名網友貼出搭車照片，只見小黃司機自製「防疫神簾」，短</t>
  </si>
  <si>
    <t>是方(6561)堪稱中華電(2412)小雞金，去年每股大賺8.67元，以歷史成長軌跡來看，今年有機會挺進1個股本，獲利在疫情中突圍，加上101%的配息率，台股績優生當之無愧，市場就斷言，「在這波疫情下、帶動靠雲端相關維繫</t>
  </si>
  <si>
    <t>台北市公布2例確診者足跡，其中案15907在10日確診，初判可能感染源尚待釐清中，個案曾在8月7日到過遠百寶慶店，10日曾到過台灣銀行萬華分行，皆已完成清消，遠百寶慶店今停業1天；個案曾搭乘的捷運8／10已完成清消。</t>
  </si>
  <si>
    <t>台中市清水區一處社區6日晚間傳出有住戶確診COVID-19被安置到醫院隔離治療；對此台中市衛生局指出，是5名孟加拉籍船員租屋在此，已解隔離後要再登船做PCR篩檢，未料5人中有1人為陽性，令人憂心的是其中1人10月29日入</t>
  </si>
  <si>
    <t>11月初荷蘭新冠肺炎住院人數再飆高，令政府考慮重啟防疫限制，可能成為今夏以來西歐第一個提高防疫限制的國家。由防疫專家組成的疫情管理團隊近日建議，政府應下令取消大型集會活動、關閉電影院，並縮短餐飲業營業時</t>
  </si>
  <si>
    <t>「印度神童」阿南德多次預言成功，讓不少網友深信不疑。他曾警告12月要更加小心，全球疫情可能會加劇，沒想到Omicron變異株就出現，讓世界各國紛紛祭出邊境政策，近日他又有最新預言，他提醒12月有6件事要特別小心，</t>
  </si>
  <si>
    <t>UVC LED消毒殺菌應用多元、且技術門檻較高，隆達電子（3698）身為光電半導體解決方案提供者，專注於光、機、電、熱的技術整合及產品創新，也是業界少數可提供晶粒、封裝、模組一條龍生產的LED光源提供者，近年也積極</t>
  </si>
  <si>
    <t>大陸浙江寧波市疾控中心日前針對新冠肺炎感染案例進行特徵分析，其中發現，1月22日~2月22日期間，寧波市累積的157起確診個案中，有近9成為群聚感染，最大宗的群聚感染事件則是來自1月19日的一場大型佛寺活動，總共導</t>
  </si>
  <si>
    <t>首批混打預約今天上午10點開搶，截至下午1點，已有17萬人預約，預約已於今天下午4點截止。原定混打將在11月20日、21日進行，但考量適逢周末，中央流行疫情指揮中心宣布延長至24日。有民眾今天一早上網預約混打，意外</t>
  </si>
  <si>
    <t>JYJ成員金在中昨(1日)稱罹患新冠肺炎，結果不到1小時內又自首稱是「愚人節玩笑」，引發軒然大波，韓國網友怒上青瓦台網站請願要求懲罰金在中，消息傳到PTT，台灣網友則虧他成了「確診中」。韓媒報導，多次散布假消息</t>
  </si>
  <si>
    <t>不用戳鼻孔、也不用等待24小時，只需對小袋子呼氣30秒，就可以在5到10分鐘內確認新冠檢測結果的技術已不是夢想。近日線上發表於國際學術刊物《呼吸研究雜誌》一篇論文表明，北京大學環境學院教授要茂盛團隊與北京朝</t>
  </si>
  <si>
    <t>全國三級警戒延至6/28，許多人關注是否再繼續延長，台大醫院前副院長王明鉅發文表示，是否延長應看這5個指標，並表示要完成這些指標，就必須要「主動、大量、快速的採集檢體與完成檢驗的能量」，否則就算達成了，也</t>
  </si>
  <si>
    <t>新冠肺炎疫情攻入南半球，澳洲和紐西蘭19日皆宣布，將自20日晚間起全面禁止外國人入境，因為確診病例以境外移入為主。不過一場婚禮讓澳洲GG了，確診病例一下子暴增35例，而且全是境內感染。新冠肺炎疫情嚴峻，敏感期</t>
  </si>
  <si>
    <t>中央流行疫情指揮中心昨晚宣布，國內又新增第24例新冠肺炎確診個案，為北部一名60多歲的退休女性，近2年都無出國史，感染源還在調查中。Icu醫生陳志金表示，最令人擔憂的是，台灣首例是1月20日入境，第24例1月22日發</t>
  </si>
  <si>
    <t>繼西班牙巴塞隆那大學研究指出當地在2019年3月12日採集的廢水發現新冠病毒後，巴西聖卡塔琳娜聯邦大學昨(2)日宣布，在巴西聖卡塔琳娜州首府弗洛里亞諾波利斯市發現去年11月份的下水道水樣中存在新冠肺炎病毒。顯示新</t>
  </si>
  <si>
    <t>全球醫療及科學家團隊都積極研究採用何種藥物治療新冠患者，一份近期發表於刺胳針呼吸醫學雜誌（The Lancet Respiratory Medicine）指出「吸入劑Budesonide」可做為改善緩解COVID-19症狀的選擇用藥之一。北醫附設胸</t>
  </si>
  <si>
    <t>慈濟大學一位學生因咳嗽、呼吸道感染，且有發燒症狀，懷疑染上新冠肺炎，經慈濟醫院篩檢並安排胸腔科診斷，確認感染的是「肺結核」，雖虛驚一場，不過肺結核傳染力很強，花蓮縣衛生局在學校配合下，大規模召回一百多</t>
  </si>
  <si>
    <t>台語金曲歌后李愛綺與外籍老公Duke結婚13年，育有1子1女，近年來她與從事健身運動事業的老公，一同合開複合式健身房，豈料受到疫情影響，損失嚴重，加上昨雙北市宣布防疫警戒提升至第3級，健身房、遊藝場所等休閒娛</t>
  </si>
  <si>
    <t>新北市某幼兒園群聚案，各界猜疑埃及爸就是這起事件的傳染源，疫情指揮中心發言人莊人祥表示，目前無法確定是境外或國內染疫，會盡量做基因定序釐清感染途徑，但不會回頭匡列當時與埃及爸搭同班機入境的旅客，因為即</t>
  </si>
  <si>
    <t>基隆市長林右昌日前表示，要各院A1醫護人員與基層診所醫師全面施打疫苗，如此才能守護醫療人力，確保醫療量能充足。他在今日進一步表示，全市共有701位A1醫護人員，目前已有400位施打完畢，扣除私人因素不便接種外，</t>
  </si>
  <si>
    <t>新冠肺炎疫情在南韓急遽攀升，這段時間內，確診病例數已遠遠超越日本，但台灣網友卻指出，「大家看到南韓病例數炸裂，但這是靠政府積極篩檢，可見韓國政府做得比日本好吧」？近日南韓新冠肺炎疫情嚴峻，原PO卻在PTT</t>
  </si>
  <si>
    <t>威潤(6465)跨入防疫領域，成立新品牌「滅菌者聯盟UVengers」，規畫開發一系列搭載深紫外線(UV-C)殺菌技術的消毒產品，最新宣布，攜手桃園敏盛醫院，提供威潤旗下防疫新品牌滅菌者聯盟UVengers高科技深紫外線(UV-C)攜</t>
  </si>
  <si>
    <t>新冠肺炎若進入社區傳播，如何找出輕症或無症狀患者，將決定疫情傳播速度，專家學者表示，目前國內尚無快篩，無法進行全面普篩，但可重點區域防護，如進入總統府或進醫院的人，可先做PCR（聚合酶連鎖反應），等兩天</t>
  </si>
  <si>
    <t>新冠肺炎延燒全球，美國聯準會（Fed）武器全開，一口氣降息4碼，利率趨近於「零」，大動作反引起恐慌，台股終止史上最長萬點行情，美股周一開盤立刻暴跌2250點，跌幅達9.71％，S&amp;P500指數也下殺8.14％，開盤瞬間即啟</t>
  </si>
  <si>
    <t>中研院基因體研究中心P3實驗室爆發感染，其中一名女研究助理疑未落實SOP，兩度被實驗小鼠咬傷，成為染疫關鍵。國家政策研究基金會今針對中研院的調查報告提出五大質疑，認為管理實驗室的關鍵人物詹中校（詹家琮），</t>
  </si>
  <si>
    <t>新北市衛生局預計9月22日開始學生接種BNT疫苗，全校採居家線上授課2天，如果不適可以請疫苗假，北市是否會跟進，北市副市長蔡炳坤說，學生接種後有需要的話，可以請3天的疫苗假；至於線上教學部分，蔡指出，台北市這</t>
  </si>
  <si>
    <t>庶民信心在2020年初如同坐雲霄飛車般大起大落。國泰金控20日公布2月國民經濟信心調查結果，今年元月民眾才因總統大選結果將出爐、中美貿易戰暫歇，而對未來信心指數大增到10，創56個月最樂觀，但2月馬上就有50.3％的</t>
  </si>
  <si>
    <t>全球爆發新冠肺炎人人自危，經常需要出國的超模娜歐蜜坎貝兒（Naomi Campbell）為了防疫出動醫療人員的配備現身機場，讓網友都看傻眼。照片中，娜歐蜜身穿白色防護衣、戴著護目鏡、口罩和手術手套，全身包到只留下眼</t>
  </si>
  <si>
    <t>台灣14日暴增180例本土病例，指揮中心緊急宣布雙北地區升到第3級警戒，不少名人也呼籲大家戴好口罩、沒事少出門，不過仍有人不遵守，讓網紅潔哥相當憤怒，提出「一新政策」防堵那些仍不戴口罩的人，讓網友都讚爆。潔</t>
  </si>
  <si>
    <t>新北市今日新增195本土病例、115名校正回歸，共增310例本土個案，累計3947人；新北市長侯友宜下午主持防疫會議表示，今天新增個案以板橋39例最多，土城區因為有長照機構群聚染疫事件，導致數字大幅增加，若扣除長照</t>
  </si>
  <si>
    <t>新冠肺炎持續擴散，全球病例數已超過4萬人，學者研究潛伏期恐長達42天，民眾恐在不知不覺中被感染，此次瘟疫不禁回想起1918年的「西班牙大流感」（1918 flu pandemic），曾造成全球5億人感染，至少5000萬人死亡。根</t>
  </si>
  <si>
    <t>台股上周連四日收紅，一舉站上月線及季線，摩爾投顧分析師鐘崑禎指出，以周線格局，本周大盤高點預期將至12,000點，隨後將進入高檔震盪，投資人可趁2月財報公布前積極的來回操作；本周投資組合前兩大為國巨（2327）</t>
  </si>
  <si>
    <t>中央流行疫情指揮中心昨（10日）新增176例疫苗接種後不良事件，其中包含7例死亡，4例為接種AZ疫苗、3例為接種莫德納疫苗。目前國內疫苗接種後死亡個案累計1055例。疫情指揮中心莊人祥說明，疫苗接種後不良事件新增通</t>
  </si>
  <si>
    <t>新冠肺炎疫情未退，香港有確診病患飼養的寵物犬驗出冠狀病毒弱陽性，香港證實新型冠狀病毒會人畜傳播。我中央流行疫情指揮中心執行官周志浩28日在記者會說明，目前不排除這種可能，但仍需要檢測。此外，最新研究指出</t>
  </si>
  <si>
    <t>台股拚重新吸聚人氣，外資圈再出招，麥格理證券看好景碩（3189）營運自2020年起翻揚、最壞情況已過，升評至「優於大盤」，摩根士丹利除同步重申看好景碩，還針對華邦電（2344）發出戰術性買進報告（RTI），疾呼現在</t>
  </si>
  <si>
    <t>高雄鳳山賭場群聚案共造成15人染疫，先前卻一直找不到感染源，經過多日調查，高市府2日召開防疫會議，宣布抓到感染源頭，凶手竟是先前確診的仁惠醫院男行政人員，該男確診後，對衛生局疫調人員隱匿曾到鳳山瑞竹路賭</t>
  </si>
  <si>
    <t>近期影響美股盤面，主要在於聯準會主席鮑爾的聽證演說、肺炎疫情發展、企業財報及經濟數據公布。鮑爾的演說內容，再次強調對於美國經濟的正面看待，且景氣擴張將邁入第11年，目前的低失業率、薪資穩健成長將持續支撐</t>
  </si>
  <si>
    <t>繼藝人賈永婕募集342台「救命神器」高流量氧氣鼻導管全配系統HFNC，分送各大醫院後，中央流行疫情指揮中心指揮官陳時中昨(13)日也宣布，目前已購買500台HFNC，卻遭批評慢半拍。一名自稱是HFNC設備從業人員的網友揭內</t>
  </si>
  <si>
    <t>新冠肺炎病毒擴散，防疫成熱門話題，長榮女中邀請奇美醫院中醫部長許堯欽客座授課，教學生製作養生茶與防疫香包，內服外用提升免疫力，對抗病毒。防疫除了勤洗手、戴口罩外，增強免疫力是防病毒入侵最基本方式。長榮</t>
  </si>
  <si>
    <t>一向自詡為「防疫模範生」的台灣，近期卻從華航機師染疫起疫情持續擴大，中小企業好不容易從去年的疫情中恢復，如今又再度面臨因為疫情導致經營危機；民眾則面對沒有疫苗可以打的焦慮與恐慌，對蔡政府來說是前所未有</t>
  </si>
  <si>
    <t>上海市衛生健康委員會宣布，30日報告6例境外輸入性新冠肺炎確診病例，其中1例來自台灣，為台灣民眾。若消息為真，這應是台灣輸出至大陸的第4例新冠肺炎確診病例。不國中央流行疫情指揮中心發言人莊人祥表示，一早也</t>
  </si>
  <si>
    <t>5G新機開賣前夕，宏達電再傳人事異動，上任不到1年的原執行長Yves Maitre辭職獲准，由董事長王雪紅回鍋兼任，這是王雪紅去年9月17日卸任執行長後，二度兼任執行長。搶攻5G換機商機，宏達電本周宣布HTC U20 5G正式在</t>
  </si>
  <si>
    <t>辛辛那提紅人隊被驗出有1位球員感染新冠肺炎，大聯盟緊急喊停16日、17日剩餘的兩場海盜系列賽，進一步檢測與追蹤。國聯中區由於聖路易紅雀隊長期停賽被搞得賽程混亂，唯一沒受影響的是紅人，現在紅人終於也中鏢了，</t>
  </si>
  <si>
    <t>新冠肺炎疫情升溫，北部傳出有醫護感染情況，為超前部署，同時配合年前清潔工作，台中市環保局特別針對人潮聚集熱點執行環境防疫消毒，也加強巡檢清除積水容器及孳生源、疏通水溝；值得一提的是，日前還發生清潔人員</t>
  </si>
  <si>
    <t>新竹縣25日新增一名確診個案，新竹縣長楊文科25日下午宣布，該名確診者為案5299，為本國籍20多歲女性，住在竹北市，在發病前的公共地區活動史，僅有花蓮縣1處民宿，另外針對新竹市通報的確診者在新竹縣的足跡，新竹</t>
  </si>
  <si>
    <t>南非爆出最新變種病毒Omicron，各國嚴陣以待，擔心疫情再次蔓延；高端今指出，已著手展開因應方案，評估高端疫苗第3劑追加施打的免疫生成性，及疫苗混打評估的可行性。高端疫苗指出，已建構Omicron偽病毒，評估現有</t>
  </si>
  <si>
    <t>因應開學防疫，全澎湖縣學校24日展開防疫機制總體檢，各校已成立防疫小組，擬定防疫管理措施計畫，縣長賴峰偉親率隊視察，重申確實測量體溫，宣布400人以上學校補助購置紅外線體溫儀。縣府強調，即日起開學後，校園</t>
  </si>
  <si>
    <t>新冠肺炎疫情嚴峻，台灣累計確診人數382人，對此，中山醫學大學附設醫院兒童急診科主任謝宗學醫師發文表示，9日中央流行疫情指揮中心指揮官陳時中語重心長的警語，「台灣沒有大意的本錢」，且新冠肺炎傳染力遠大於SA</t>
  </si>
  <si>
    <t>受新冠肺炎疫情及各地不同程度封城影響，大陸大眾運輸載客量大減，飛機票價更是跌得比客運車票還低。今天從上海飛往重慶的機票，最高才人民幣59元，最低更只要49元（新台幣約211元）。《中央社》報導，26日從上海飛</t>
  </si>
  <si>
    <t>全台疫情持續嚴峻，目前人在大陸的張鈞甯心繫台灣，這段期間得知各大醫院有物資的需求，希望醫護同仁們都能在安全的防護措施下為民眾服務，她協助提供防水高筒鞋套及防水隔離衣等，表示現在所需的物資已經陸續到位，</t>
  </si>
  <si>
    <t>聯詠(3034)第二季營收創下歷史新高，帶動今股價開高走高，漲幅一度達8%，股價衝上291元歷史新高。聯詠6月受到面板驅動IC業務減少影響，單月營收58.53億元，月減5.77%，但累計第2季營收仍達186.1億元，季增10.2%，超</t>
  </si>
  <si>
    <t>國民黨主席江啟臣今天在中常會重批政府振興政策，並指朝野互信因罷韓越顯薄弱，民進黨無視當前紓困振興工作混亂，國際局勢變化，在內外交迫中，不放棄以行政手段協助罷韓；而國民黨要更積極串連包括高雄市在內的執政</t>
  </si>
  <si>
    <t>台北市松山區某國中學生染疫，周邊校園紛紛預防性停課，昨日共有12校受影響、4399名學生請防疫假。北市副市長蔡炳坤今日指出，今日請防疫假的人數已從4339名，增加到5113名，目前共有61個班仍在停課中，共有1550名學</t>
  </si>
  <si>
    <t>美國一名65歲男子在接種第2劑莫德納（Moderna）疫苗10天後，因為持續頭痛、腿部疼痛住院，並且確診血栓併血小板低下症候群（Thrombosis with Thrombocytopenia Syndrome，TTS），男子在接受積極治療後仍不幸身亡，這</t>
  </si>
  <si>
    <t>在新冠肺炎疫情橫掃下，據約翰霍普金斯大學（Johns Hopkins University）統計，至今美國已有直逼19萬人確診，而死亡人數也突破4,000。據俄羅斯衛星網1日報導，聯合國祕書長古特瑞斯（Antonio Guterres）周二警告，全</t>
  </si>
  <si>
    <t>教育部23日早上表示，受新冠肺炎影響，為避免因學生個人或父母等主要家庭成員，發生非自願失業、減班休息或經濟急難等情況，導致學生本人就學及生活出現困難，已積極研擬規畫對學生的紓困計畫。教育部指出，為讓未來</t>
  </si>
  <si>
    <t>普生(4117)搶攻新冠肺炎檢驗試劑市場率先告捷。普生表示，核酸檢驗產品已出貨印度、印尼、墨西哥與馬來西亞等國，營運加速衝刺。本月底包括印度及尼泊爾都會有大型標案結果出爐，若順利得標，可望挹注新一波動能。普</t>
  </si>
  <si>
    <t>大陸國家衛健委6日通報，截至6月5日，全大陸31個省（自治區、直轄市）和新疆生產建設兵團，累計報告接種新冠病毒疫苗7億6306萬劑次；截至6月4日，累計向80多個國家捐贈、向40多個國家出口疫苗3億5701萬劑，同時大陸</t>
  </si>
  <si>
    <t>桃園28日新增2起本土確診案例創新低，其中1人是一間大型護理之家的住民，有糖尿病史，18日曾施打疫苗，但25日因血糖飆高送醫，採檢確診，雖然CT值高且二採陰性，不排除感染已久，但衛生局不敢大意，連夜將護理之家住</t>
  </si>
  <si>
    <t>北京市海淀區1名赴京人員，今天（12月2日）核酸檢測結果為陽性。經初步調查，該陽性人員常住哈爾濱市，11月26日與哈爾濱市確診病例在密閉空間有接觸，11月28日乘坐CZ2628航班從哈爾濱太平國際機場到達北京大興國際機</t>
  </si>
  <si>
    <t>李英宏14日情人節在IG曬出與女友的甜蜜合照，浪漫說：「啾咪一波。」據悉，他與女友交往多年，女友曾在他4年前的〈台北直直撞〉MV參與拍攝，李英宏昨回應：「關於放閃，只想讓對方開心一下，沒想太多，大家就一起情</t>
  </si>
  <si>
    <t>半導體測試板廠雍智（6683）11日公告第一季財報，受惠於5G及WiFi 6等晶圓測試板及IC老化測試載板出貨暢旺，第一季合併營收、平均毛利率、營業利益、稅後淨利、每股淨利等同步創下歷史新高，單季每股淨利2.52元優於預</t>
  </si>
  <si>
    <t>近期國內的確診個案中，從歐美返國的民眾有不少為嗅、味覺喪失，中央流行疫情指揮中心專家諮詢小組召集人張上淳證實，國內嗅味覺喪失的患者基本上都是歐洲、美洲返國的境外移入者，因此不排除當地的病毒株已有變異，</t>
  </si>
  <si>
    <t>「清明連假去過國家級警報示警的11個景點嗎？」台南市議會國民黨團6日要求市府，主動調查公部門員工及學生的清明旅遊史，並建議有前往11景點旅遊的公務員及同學們，上班、上學一定要戴口罩，不要成為防疫破口。未來</t>
  </si>
  <si>
    <t>全球政經環境危機四伏，知名經濟學家馬凱表示，新型冠狀病毒肺炎疫情可能拖累大陸經濟無法「保5」，經濟成長下滑20%左右，進而影響全球40%的經濟成長動能。但他說，新冠肺炎疫情最快在2月底獲得控制，加上貿易戰和緩</t>
  </si>
  <si>
    <t>公費新冠肺炎疫苗今起開放第九類18歲以上有重大疾病患者，以及第十類50歲以上民眾接種，共有94萬1095人完成預約，今起可依預約時間前往醫療院所施打，但如果因故不小心錯過預約怎麼辦？如果臨時想要更改疫苗廠牌又該</t>
  </si>
  <si>
    <t>為幫助因新冠肺炎疫情影響生計的民眾，勞動部日前推出「安心即時上工計畫」，但因申請門檻太嚴格，新竹市政府7日再推出放寬應聘條件的「安心即時上工2.0」就業博覽會，錄取者每月可有80小時工時、1萬2640元補助、最</t>
  </si>
  <si>
    <t>新冠肺炎疫情持續擴散，衝擊到大陸宏觀經濟的表現，多家外資投行甚至預估今年首季大陸GDP年增速恐怕連「保5」都有困難，有鑑於此，大陸官媒開始預期「降準、降息」已經不遠，新華社旗下的刊物《中國證券報》12日就報</t>
  </si>
  <si>
    <t>新冠肺炎疫情肆虐全球，台灣靠著衛福部長陳時中坐鎮指揮，防疫措施獲得各國肯定，不過歌手楊培安卻在微博嘲諷：「蔡政府沒了陳時中，疫情還能控制在現在這樣的狀況嗎」，對此女星郭昱晴不滿反嗆：「扯台灣後腿的人」</t>
  </si>
  <si>
    <t>受疫情影響，許多海外國人不便返國，超過2年未入境，遭依法遷出戶籍，恐影響健保等權益。對此，內政部表示，為了正確戶籍資料，出境2年以上，依法應遷出登記。只要出境未逾4年，一回國立即可參加健保，其他相關權益</t>
  </si>
  <si>
    <t>基隆市政府從疫情爆發迄今累積22例，只有1案感染源來自桃園，其餘都和萬華群聚案有關，其中有一案2564為一名年約60多歲男子，平時在成功市場擺攤，5月2日、10日前往西門町紅寶石歌廳消費，13日不舒服，但仍有在市場</t>
  </si>
  <si>
    <t>雲林縣今（5日）新增第13例新冠肺炎確診案，案10663是家住台西鄉蚊港村的77歲男性，他3日出現症狀後病情就急轉直下，確診當天下午血氧濃度掉到54％，CT值29，緊急插管收住於負壓隔離病房，目前感染源不明，衛生局今</t>
  </si>
  <si>
    <t>日本贈送的124萬劑AZ（AstraZeneca）疫苗日前開打，連日來已傳出多例接種後死亡事件，國民黨立委陳以信指出，「這五天累計死亡通報數是65例，除下來發現最近五天打AZ後的死亡通報率高達「百萬分之105」，已經突破萬</t>
  </si>
  <si>
    <t>銀行也是新冠肺炎疫情受災戶。金管會5日公布，國銀3月稅前獲利182億元，創十年來同期獲利最低水準，且比去年同期大幅衰退44％，是歷年3月最大衰退幅度。累計國銀首季稅前獲利809.5億元，較去年同期衰退16.9％，也是</t>
  </si>
  <si>
    <t>國際新冠肺炎疫情再爆發，我國自11月8日起至今，以連續5天出現確診個案，指揮中心今宣布，我國再增5例境外移入，發言人莊人祥今（12日）下午2時舉行記者會說明。今天再增5例確診，指揮中心統計，國其中589例確診，分</t>
  </si>
  <si>
    <t>台北市某診所遭爆8日深夜違規替不符資格者施打AZ疫苗，北市政府昨（9）對診所重罰200萬元，並終止合約。市長柯文哲坦言管控有問題，在記者會現場認錯並將案件送政風處調查，此事也引發綠營群起撻伐。藥師林士峰認為</t>
  </si>
  <si>
    <t>中央疫情指揮中心今天公布國內323例新冠肺炎確診病例，另有400例本土個案為校正回歸上週各日個案，藍委陳玉珍痛批，真的是有政府會作帳，人民將對政府公布數據的公信力失去信心；國民黨文傳會副主委鄭照新開酸，「這</t>
  </si>
  <si>
    <t>疫情嚴峻，台北市長柯文哲認為「最難搞的是發病前就開始傳染的案例」，3日下午在防疫記者會重申，無症狀的確診者都送防疫專責旅館，除了可避免家戶傳染外，也防止老人疫情變壞、來不及送醫，或是單獨在家死掉卻沒人</t>
  </si>
  <si>
    <t>以搞笑、綜藝起家的日本藝人志村健，靠著「怪叔叔」、「瞳婆婆」一角，創下演藝事業高峰，受封喜劇王的他在螢幕上活躍48年，卻在全球爆發新冠肺炎時染疫過世。志村健留下的14億資產和他的私生活，再度成熱議。出生公</t>
  </si>
  <si>
    <t>資深媒體人周玉蔻今又再度「獨家」爆料，表示最新一批的疫苗將在5月底、6月中旬準時抵台，引發網友討論，有網友就譏諷，已經有周玉蔻了，不知道還要衛福部長陳時中幹嘛，另有網友指出，這則訊息之前就有相關報導，不</t>
  </si>
  <si>
    <t>澳洲總理日前公開呼籲，調查新冠肺炎起源，引發北京不滿，先後對澳洲大麥課徵關稅、禁止牛肉進口，雙方關係降至冰點。坎培拉當局數周來持續尋求和北京磋商，不過至今仍吃閉門羹，專家分析，北京持續已讀不回，主要在</t>
  </si>
  <si>
    <t>藝人蘿莉塔從《大學生了沒》出道，是各大綜藝節目邀約的對象，甜美外型加上直率性格，圈了無數粉絲力挺，近日隨著新冠肺炎疫情延燒，所有工作不是取消就是延後，不過她也透露到超商買食物時，卻被網友私訊提醒「要囤</t>
  </si>
  <si>
    <t>受惠於高頻高速時代來臨，網通、伺服器等相關設備需求增溫，雖然新冠肺炎疫情打亂電子供應鏈，短期仍在等待復甦中，但業界看好伺服器供應鏈不受新冠肺炎干擾，相關業者如PCB廠博智（8155）、金像電（2368）備受市場</t>
  </si>
  <si>
    <t>國內力拚10月底前達到1劑疫苗涵蓋率7成、2劑疫苗涵蓋率3成的目標，中央流行疫情指揮中心指揮官陳時中今天表示，目前兩項指標分別為69.49％及29.6％，預計明天就能達標。陳時中表示，昨（26日）國內疫苗接種共38萬689</t>
  </si>
  <si>
    <t>52歲的好萊塢動作片巨星馮迪索（Vin Diesel）不懼新冠肺炎疫情，新片《血衛》如期於下週上映。他在該片化身被操控記憶的超級英雄，展現拳拳到肉的打鬥場面。他在台灣時間6日接受媒體視訊訪問，他除了大讚曾合作《比</t>
  </si>
  <si>
    <t>世界球王喬柯維奇（Novak Djokovic）今年球場上不如意，場外也鬧出不少風波，此前他才剛爆冷止步塞爾維亞男網公開賽，蒙地卡羅大師賽更是僅止步於16強，本季狀況十分不佳，而近日他談到ATP規定為球員打疫苗一事，他</t>
  </si>
  <si>
    <t>新冠肺炎疫情橫掃全球，奪去超過200萬人的性命，也導致不少國家被迫進入封城狀態，嚴重影響日常生活。人人都在問，新冠肺炎到底甚麼時候可以結束，讓生活恢復正常。綜合外電5日報導，美國新冠肺炎首席專家佛奇（Anth</t>
  </si>
  <si>
    <t>Lady Gaga（女神卡卡）受WHO之邀，統籌舉辦慈善抗疫演唱會「One World：Together At Home」，並在演唱會前夕的記者會上，大讚WHO秘書長譚德塞是「真正的超級巨星」，引發熱議，現更有網友挖出卡卡母親曾擔任世衛親善</t>
  </si>
  <si>
    <t>國內一名印尼籍非法看護日前確診新冠肺炎，中央流行疫情指揮中心日前表明反對掃蕩非法移工，但勞動部、北市衛生局紛紛「逆時鐘」，要求取締非法移工。指揮中心指揮官陳時中表示，已與勞動部部長再三討論，表明需加強</t>
  </si>
  <si>
    <t>打完莫德納後竟重度中風，新北市一名66歲李姓男子，7月14日接種莫德納疫苗後臉色發白、頭暈，隔天出現心絞痛、瞳孔放大緊急送醫，李男妻子表示，醫師診斷先生已經是重度中風狀態，一個月過去後情況仍未好轉，癱瘓在</t>
  </si>
  <si>
    <t>中央流行疫情指揮中心今(10)日表示，國內6月7日後已擴大鬆綁生活防疫規範，為鼓勵民眾落實防疫新生活，特別邀請我國桌球好手江宏傑擔任防疫新生活宣傳大使，陳時中表示，4月30日講到現在，我們已經不夠吸睛，因此特</t>
  </si>
  <si>
    <t>新冠肺炎疫情大爆發，各國亟需即時檢測產品，總部坐落在丹麥哥本哈根的柏勝生技，已成功開發新冠肺炎病毒血清檢測設備，不只能在12分鐘內快篩，甚至也可應用於社區回溯與檢測疑似無症狀患者，這項技術平台預計在5月</t>
  </si>
  <si>
    <t>嘉南藥理大學保健營養系今年因遭逢新冠疫情肆虐全台，在保護營養系實習生安全及兼顧同學取得營養師專技高考資格的雙重前提下，除與營養學會、營養師公會視訊會議外，同時與實習醫院共同商定「因應新冠肺炎（COVID-19</t>
  </si>
  <si>
    <t>AZ疫苗3月22日開打，昨國內新增14例疑似嚴重不良事件，另有1例從非嚴重不良事件改列疑似嚴重不良事件，合計有15例，創下新高。發言人莊人祥表示，15名疑似嚴重不良事件中，有3人疑似血栓，年齡分別是20幾歲、30幾歲</t>
  </si>
  <si>
    <t>救人者反被砍！確診新冠肺炎的62歲洪姓男子，昨疑因不滿遭隔離入住新北市雙和醫院負壓病房，竟持水果刀砍傷3名護理師，警方獲報著隔離衣趕往醫院將他壓制上銬，同時在病房完成筆錄，但學姊卻在臉書中爆料，其中一名</t>
  </si>
  <si>
    <t>衛福部長陳時中24日到桃園參加桃園市政府的防疫會議，盛讚桃園很多措施都已到位，但提到公布確診個案戶籍地，他直言慢慢的每個縣市都會有，也不認為疫情都會集中在北部，反問：「還沒完全結案誰又知道呢？」重點在避</t>
  </si>
  <si>
    <t>台灣菸酒公司投入防疫用酒精生產行列，朝每日產能20萬瓶目標邁進，宜蘭酒廠為此停掉其他產品生產線，明天開始生產，預計可日產4.2萬瓶，今天（16日）酒廠開賣不到1小時就賣完酒精，但早起排隊的民眾，大約5分鐘就能</t>
  </si>
  <si>
    <t>新冠肺炎疫情持續延燒，大甲鎮瀾宮媽祖遶境是否如期舉行引發議論，基進黨立委陳柏惟表示，鎮瀾宮將取消1300桌「起駕宴」，直言「這是主辦與防疫單位充分溝通的結果」。不過，大批網友認為，還是要延期舉辦遶境，相信</t>
  </si>
  <si>
    <t>教育部為因應嚴重特殊傳染性肺炎疫情，統一配發一般醫用口罩予各縣市供短期補習班及課照中心使用。台中市目前獲配發2660盒一般醫用口罩，並將依教育部所定發放原則一班一盒進行發放。台中市政府教育局與疫情指揮中心</t>
  </si>
  <si>
    <t>《雲遊兵馬俑》考古工作者發掘三座兵馬俑坑，秦國「銳士」作戰使用哪些武器？秦陵考古二號坑出土「高科技」兵種雲集！帶您近距離直擊！</t>
  </si>
  <si>
    <t>就連保險套都出現缺貨潮！受到新冠肺炎影響，台灣曾出現搶購衛生紙、口罩等物資的狀況，沒想到由於全球最大的保險套生產商停產，造成保險套在某些國家、地區成為了被瘋搶的物資。根據陸媒《每日經濟新聞》報導，全球</t>
  </si>
  <si>
    <t>台灣新冠肺炎疫情趨緩，防疫措施曾獲多國肯定，不過，一位剛從英國返台的網友發文表示，就他自己所見，台灣現在防疫超鬆懈！下機只量體溫、防疫專車的司機也沒照標準程序做，居家檢疫回報全憑良心，想自費篩檢還難符</t>
  </si>
  <si>
    <t>北市高中生遊希臘後回國確診新冠肺炎，由於這名高中生是1月與家人同遊希臘，3月5日才返台，確診消息傳開後飽受輿論抨擊「爽玩歐洲兩個月」。不過有知情人士用時間軸揭高中生染病始末，怒嗆「案59」原本就是安排3月5</t>
  </si>
  <si>
    <t>隨著全球新冠肺炎疫情的擴大，台灣的防疫措施也不斷強化。其中對可能受感染卻仍在潛伏期者，分別有居家檢疫與居家隔離的措施，以避免疫情擴散。但近日陸續傳出有隔離者趴趴走或失聯的狀況，對違反者的處罰是否有效、</t>
  </si>
  <si>
    <t>新冠肺炎疫情延燒，今天（2日）新增549名本土確診案例、12例死亡，疫情不見趨緩跡象，也讓民眾人心惶惶，藝人Makiyo（川島茉樹代）就透露居住的社區管理員驚傳確診，目前正在進行隔離，但誇張的是沒有任何人通知住戶</t>
  </si>
  <si>
    <t>新竹縣11日再增加一名確診者，為新竹台大分院生醫醫院竹東院區附設護理之家90多歲男性住民，10日因發燒採檢確診，先前5度採檢均為陰性，新竹縣衛生局匡列33名接觸者，並擴大採檢75人，其中66為陰性，9人結果尚未出爐</t>
  </si>
  <si>
    <t>新冠肺炎起源引起美中外交系統發言人隔空交火，美國國務院發言人歐塔加斯（Morgan Ortagus）推文指出，台灣去年12月早已警示世衛組織（WHO），並批評中國試圖掩蓋疫情。我外交部發言人歐江安證實，自疫情爆發以來，</t>
  </si>
  <si>
    <t>中租-KY（5871）雖受中國大陸銷貨業務認列準則變更影響，2020年1月合併營收仍改寫同期新高。投顧法人認為中租獲利能力良好，新冠肺炎疫情對營運影響應屬短期，近期回落為良好進場時機。中租今（17）日股價開高走揚，</t>
  </si>
  <si>
    <t>自武漢包機回台的專機，今日（11日）清晨4時08分抵台，由中華航空、東方航空分別載169人、192人抵台。中央流行疫情指揮中心公佈8張現場照片，將專機抵台後所有的檢疫措施曝光在國人面前；交通部次長王國材也貼出現場</t>
  </si>
  <si>
    <t>新冠肺炎本土疫情延燒，國民黨青年部主委陳冠安指出，過半民眾認為這次疫情危機，係屬人禍有關，他並觀察網路社群討論，發現綠營負面聲量大漲，衛福部長陳時中成為負面聲量王，疫情討論藍營吃香綠營吃鱉，現在的蔡政</t>
  </si>
  <si>
    <t>新冠肺炎衝擊全球影視產業，繼好萊塢大片《007：生死交戰》、《花木蘭》、《玩命關頭9》等片紛紛延檔後，由史嘉蕾喬韓森（Scarlett Johansson）主演的漫威電影《黑寡婦》台灣時間18日也宣布延後上映，原訂北美地區5</t>
  </si>
  <si>
    <t>◎星聚點資遣費爭議 勞動局呼籲資方妥善處理對星聚點發生資遣費給付爭議，勞動局局長陳信瑜說明，星聚點有2家登記公司，名稱各為星據點文創公司與星聚點壹號文創公司，員工勞保投保人數分別為621人與85人。3月至4月有</t>
  </si>
  <si>
    <t>英國首相強森（Boris Johnson）日前一席「群體免疫」說，震撼全球，也引來各界批評。不過英國政府真的腦子進水？攝影藝術家久方武提出不同觀點，他認為英國政府至少進行了3項神操作，而「群體免疫」更是用了孫子兵法</t>
  </si>
  <si>
    <t>正值新冠肺炎疫情蔓延之際，近日24小時內共機二度繞台，國台辦也勸民進黨不要玩火，威懾之意明顯。在此非常時期，北京如此動作，自然讓人聯想是國際間挺台聲浪大漲之故，尤其是賴清德訪美的後果，而《環球時報》也已</t>
  </si>
  <si>
    <t>新冠肺炎疫情再度來襲，防疫保單再度成為熱門商品。新光人壽26日表示，2020年因應新冠肺炎疫情推出的一年期住院日額防疫保單「活力罩」，主打若因法定傳染病住院，每天最高給付5千元，去年4月到7月之間就銷售逾2.5萬</t>
  </si>
  <si>
    <t>中央流行疫情指揮中心今(8)日公布國內新增1例境外移入新冠肺炎病例，為菲律賓籍50多歲男性船員(案524)，因工作於今(2020)年9月15日入境台灣，登機前三日內檢驗報告及入境機場採檢均為陰性。指揮中心表示，個案入境迄</t>
  </si>
  <si>
    <t>伊朗新冠肺炎疫情擴散，恐已出現社區感染。該國衛生部發言人賈漢普爾（Kianush Jahanpur）昨日透過官媒宣布，全國確診病例又新增15例，總確診病例已累至43例、死亡人數8人。伊朗也成為中國大陸以外死亡人數最多的國</t>
  </si>
  <si>
    <t>新冠肺炎肆虐，最近日本確診案例連環爆，但日本政府在防疫措施上相當輕忽，腎臟科醫師江守山在節目上分享，許多日本朋友只把新冠肺炎當作是感冒看待，不用理它，讓他超驚訝。鄭弘儀昨在節目《新聞挖挖哇》上指出，新</t>
  </si>
  <si>
    <t>華航機師染疫案持續延燒，中央疫情指揮中心今公布，桃園諾富特飯店某主管染疫新冠肺炎，曾到診所三度就醫；據了解，該診所在新北市三重區，診所接獲中央通報後，已緊急歇業，新北市環保局白天也完成全面大消毒，全力</t>
  </si>
  <si>
    <t>美國規定11月18日起，未接種美國認定的疫苗品牌將無法入境，新規是否會讓已接種高端的總統蔡英文、副總統賴清德無法赴美？指揮中心發言人莊人祥表示，外界不必擔心，因為外交部已開始協調，確保接種高端的政府官員赴</t>
  </si>
  <si>
    <t>國內疫情從12日起急遽升溫，全台陷入高度恐慌。民進黨立委林岱樺12日在立法院院會中堅持不戴口罩，引來現場同黨立委邱議瑩不滿，兩人當場互嗆。藥師林士峰指出，林受訪時稱一切都「慈悲就好」，顯然林堅持不戴口罩的</t>
  </si>
  <si>
    <t>中國國務院總理李克強24日在北京出席瀾湄合作第三次領導人會議時表示，瀾湄合作應與「國際陸海貿易新通道」對接，以進一步暢通貿易通道。此外，中國的新冠肺炎疫苗研製成功後，將優先提供給湄公河的國家。瀾湄合作（</t>
  </si>
  <si>
    <t>英格蘭超級足球聯賽上周針對996名球員及球隊工作人員進行新冠肺炎病毒檢驗，當地時間周六結果出爐，來自兩隻不同球隊的兩人呈陽性，而英超雖然尚未確定復賽日期，但計畫周二開放管制人數的團體訓練，目前在聯盟頂級</t>
  </si>
  <si>
    <t>興櫃餐飲公司乾杯(1269)公布2019年合併營收為28.97億元、創歷史新高，年增19.58%，合併稅後淨利達0.92億元，為歷史第三高，每股稅後盈餘4.97元。董事會4/24決議擬每股配發2元現金股利。展望後市，面臨新冠肺炎疫情嚴</t>
  </si>
  <si>
    <t>新竹縣6日新增3例確診個案，住峨眉鄉的40多歲男子為京元電子員工，由公司安排採檢後陽性確診，居家隔離的30歲婦人和50多歲婦人，分別為萬華接觸史和機構群聚確診者的家人，居家隔離後採檢陽性確診。縣長楊文科表示，</t>
  </si>
  <si>
    <t>三星電子22日證實，韓國龜尾市手機廠一名員工確認感染新冠肺炎，整座廠房將暫時停工直至24日（周一）上午。三星兩款折疊手機皆在龜尾廠生產，一旦停工的時間延長，三星恐難以滿足市場對新款折疊機的需求。三星透過電</t>
  </si>
  <si>
    <t>日媒14日報導，全國13日新增1705名新冠肺炎，再度創下單日新高。首相菅義偉13日堅持，專家認為「我們還沒到需要再次頒布緊急狀態的情況」。日本放送協會（NHK）報導，專家指日本已出現第三波疫情。自疫情爆發以來，</t>
  </si>
  <si>
    <t>美國繼參議院率先出現新冠肺炎確診病例後，眾議院近日也有二名議員染疫，使越來越多議員被迫自主隔離，令國會不得不考慮改採代理人或遠距投票等其他替代表決方案。眾議院議長裴洛西（Nancy Pelosi）在23日發表的調查</t>
  </si>
  <si>
    <t>新冠肺炎疫情延燒，新竹縣除對各醫院陪病及探病人數進行限縮與管制，衛生局8日發佈各護理之家探、陪病時間表，其中芊馨園、瑪琍亞、禾韾、富林、懷恩、福韾、豫萱等7所護理之家禁止探訪。衛生局表示，其它護理之家因</t>
  </si>
  <si>
    <t>立法院朝野黨團周五同意將因應新冠肺炎紓困法案逕付二讀，預估最快可在25日完成三讀。朝野各黨與社會各界對紓困並無異議，但我們仍要再進一言：紓困不能常態化，朝野政客應珍惜民脂民膏，不能以紓困為由亂撒幣，甚至</t>
  </si>
  <si>
    <t>(05:45新增  陸委會凌晨書面聲明指出，這名血友病少年是兩岸婚姻在台所生的子女，在台辦理出生登記，領有台灣身分證，具有中華民國籍。有關媒體及網路流傳「血友病童並沒有台灣國籍，他是徹頭徹尾的『中國人』」訊息</t>
  </si>
  <si>
    <t>新冠肺炎疫情衝擊百工百業，尤以觀光業、運輸業快撐不下去。立委李昆澤、許智傑4日邀集交通部等部會與高雄相關產業座談，針對紓困振興方案說明，業者大吐苦水，李昆澤呼籲紓困預算須持續滾動檢討，回應產業需求。高</t>
  </si>
  <si>
    <t>在美國也遭新冠肺炎重擊後，事態的走向，悄悄回歸到中美兩強的結構性對抗，近期中美爭論「誰是病毒起源地」，就是鮮明例子。而台灣也陷入兩強結構的盤算，在本就應該專業至上的防疫決策中，屢屢採用雙重標準，處處著</t>
  </si>
  <si>
    <t>北市府今公布4例確診足跡，其中案15680與案15681為父子，兒子案15680在知名手搖飲料店「約翰紅茶公司」擔任工讀生，父親案15681為美國在臺協會（AIT）油漆工，已打過2劑BNT疫苗仍確診，目前已匡列12名AIT相關人員。</t>
  </si>
  <si>
    <t>中央流行疫情指揮中心29日公布嘉義縣新增4起新冠肺炎本土確診個案，源頭指向設籍新北市、曾有萬華史的70歲男子，該男子返嘉縣大林鎮與3名堂兄弟泡茶聊天，造成群聚感染，最小的堂弟中鏢後又傳給同住的兒子。嘉縣衛生</t>
  </si>
  <si>
    <t>崔碧珈擁有36G火辣魔鬼身材，讓她被封為「香港新一代波神」，上個月剛渡過32歲生日的她，在IG放上性感照催促粉絲訂閱自己頻道，火辣的魔鬼身材讓所有人直呼要噴鼻血了。新冠肺炎肆虐全球，讓原本要到國外工作的崔碧</t>
  </si>
  <si>
    <t>新冠肺炎〈NCP〉爆發以來，全球各地都陸續傳出確診案例，近日更是在日本迅速蔓延。近日有網友就在PTT發問，表示如果現在日本官員全都開始清醒認真防疫，這樣還來的及嗎？文章瞬間引起網友熱議。一名網友近日在PTT八</t>
  </si>
  <si>
    <t>英國新冠肺炎疫情惡化，但首相強森19日強調，他相信疫情可以在未來12周內受到控制，不過前提是民眾須遵從政府的抗疫指南去做。從19日起，英國疫情較嚴重的倫敦關閉部分地鐵站，但首相府稱目前倫敦「封城」機會為零。</t>
  </si>
  <si>
    <t>行政院今日召開擴大防疫會議，行政院長蘇貞昌表示，台灣在5月爆發疫情後，在70多天內就將疫情控制住，被外媒稱為第2次奇蹟。疫情指揮中心指揮官陳時中則表示，國內仍有社區隱形傳播鏈風險，建議繼續維持二級警戒。疫</t>
  </si>
  <si>
    <t>檢調搜索東洋，涉及內線交易案，對此，國民黨台北市議員王鴻薇表示，自己和幾位議員去年告發東洋炒股，當時衛福部長陳時中還幫東洋說話，結果現在被檢調打臉，真不知道陳是單純看不出來，還是太壞選擇看不到。針對檢</t>
  </si>
  <si>
    <t>《紐約時報》27日爆料，儘管美駐聯合國總部大使布倫博格(Andrew Bremberg)，5月底才親自向世界衛生組織(WHO)提交7大條件，試圖表達對WHO在新冠疫情中的不滿並要求改革；孰料數小時後，美國總統川普便自行在白宮宣布</t>
  </si>
  <si>
    <t>新北市禁高中職以下師生出國，宜蘭縣政府並未跟進，縣府表示，縣府所轄的各校出國計畫已經暫停，6月前也禁止各項出國計畫，學校教職員如有出國計畫，是依據中央疫情指揮中心政策，禁止前往第3警示地區。縣府表示，所</t>
  </si>
  <si>
    <t>全球升溫的新冠肺炎疫情，成為詐騙集團的新手法？30歲單身林姓女子的網路情「MR.Cheng」，自稱是香港人，還秀出大肌身材猛男照，以甜言蜜語擄獲林女芳心。「MR.Cheng」向林女指稱因疫情管制，導致他收入大幅減少，要</t>
  </si>
  <si>
    <t>技嘉(2376)5月營收再創單月歷史新高，站上116.01億元，月增5%，年增52%，連續第3個月營收站上百億元；累計前5個月營收為510.14億元，年增64%。今年以來，宅經濟發酵，品牌大廠輝達、超微新品推出，帶動技嘉板卡、伺</t>
  </si>
  <si>
    <t>台南市警方9日晚間在新營區查獲某健身連鎖店內有7人違反室內群聚；業者堅稱，沒有客人、未營業，只有3名工作人員和4名教練。但警方認為已明顯違反群聚規定，將在場違規者，依違反傳染病防治法函送衛生單位開罰。目前</t>
  </si>
  <si>
    <t>國際經濟情勢：　全球新冠肺炎疫情持續惡化，儘管各國官方出台利多救市，依舊無法消彌市場的恐懼。日前世界衛生組織（WHO）宣布新冠病毒疫情為大流行病，美國總統川普限制歐洲國家到美國旅遊，歐洲央行（ECB）未如市</t>
  </si>
  <si>
    <t>印度總理莫迪（Narendra Modi ）周二對全國發表演說時宣布，新冠肺炎防疫封鎖措施的實行期間將延至5月3日。原本為期21天的封鎖措施訂於周二午夜解除。莫迪表示，封鎖及其他社會疏離措施已使國家受益，儘管經濟成本隨</t>
  </si>
  <si>
    <t>中央流行疫情指揮中心指揮官陳時中表示，因為疫苗陸續來台，預計下周就會配發7萬多劑莫得納疫苗給第一類對象施打，因為第一類尚有3成左右人員未施打，也就是7萬多人。至於大家關心日本捐贈的124萬劑疫苗，相對數目比</t>
  </si>
  <si>
    <t>被稱為「日本第一牛郎」、「夜之帝王」的羅蘭（Roland）年薪高達日幣3億元，他開的男公關店發薪也相當闊綽，但受到新冠肺炎影響，日前宣布暫時停業。不過羅蘭昨（2日）罕見曬了兩張裸照，說：「想要被我擁抱（上床）</t>
  </si>
  <si>
    <t>本土疫情升溫，中央流行疫情指揮中心昨將全台升至第3級，並要求地方政府在發現確診者後，第一時間，即6小時內將個案送往檢疫所或醫院。根據統計，目前已有500多名輕症、無症狀、快篩陽性者入住加強版集中檢疫所，目</t>
  </si>
  <si>
    <t>儘管伊朗官方數據顯示，新冠肺炎確診病例破萬，死亡超過400人。除了中國大陸外，這疫情仍在災情慘重的義大利之後。不過，據《華盛頓郵報》（Washington Post）和《每日郵報》（Daily Mail）報導，衛星影像顯示，伊朗</t>
  </si>
  <si>
    <t>新冠肺炎疫情蔓延全球，目前國內確診病例仍以境外移入為主，相對於大陸、日本、韓國，台灣疫情控制備受肯定，根據近日公布的一份國際榜單，台灣在「最安全國家」中排行第五名，至於全球最安全國家第一名是位於中東地</t>
  </si>
  <si>
    <t>治療新冠肺炎住院病患，可望有全新療法！國衛院近日發布最新研究成果，指出使用瑞德西韋搭配一款用於器官移植抗排斥的免疫製劑「環孢素」老藥，來治療新冠中、重症患者，可達成「一加一大於二」的療效，進一步縮短病</t>
  </si>
  <si>
    <t>新冠肺炎疫情擴散，造成民眾瘋搶民生物資如口罩、酒精與衛生紙，好市多更是出現一次又一次的喪屍潮，但如今竟然連某個以前就算特價也沒人想買的東西，如今也成為搶手貨，讓網友傻眼。女網友在臉書《Costco好市多 商</t>
  </si>
  <si>
    <t>香港衞生防護中心22日公布，當地新增44宗新冠肺炎確診個案，有29宗病例為境外輸入，其中7人是留學生；另外15宗是本土感染病例。信報財經報導，香港衞生防護中心指出，新增患者年齡介於20個月大～72歲。其中境外輸入2</t>
  </si>
  <si>
    <t>因應新冠肺炎，高雄市各早療中心及據點不敢大意，老師們在療育課程設計運用巧思，將洗手、個人衛生習慣、健康促進等內容融入繪本教材課程，希望讓孩子養成良好衛生習慣，打造強健抵抗力來面對傳染性疾病。為照顧0至6</t>
  </si>
  <si>
    <t>台灣也將有輝瑞／BNT疫苗！根據衛福部疾管署近期公告新冠疫苗冷鏈倉儲採購需求，我將採購攝氏負70度冷鏈技術50萬劑，由於僅有輝瑞／BNT疫苗需要在零下70度的保存條件，因此估算，我國應可從COVAX配貨50萬劑量，不過</t>
  </si>
  <si>
    <t>新冠肺炎可能在秋冬捲土重來，屆時將直接碰上流感的衝擊。專家表示，過去流感季節，國外曾出現醫療量能崩潰的情況，加護病房被佔滿，排擠了其他病患的需求，今年流感季節碰上新冠肺炎，醫療整備必須做好，流感疫苗的</t>
  </si>
  <si>
    <t>打破連續13天零確診，中央流行疫情指揮中心昨公布2例自孟加拉返國的中年夫妻確診，返台前因其妻未取得2此採檢陰性證明，今遭爆料自稱全程戴口罩、著防護衣的兩人其實根本。指揮中心今天證實，經調閱錄影帶跟照片確認</t>
  </si>
  <si>
    <t>針對大陸新冠病毒疫苗是否輸入台灣的議題，大陸國台辦24日晚間再度表態，稱陸方「願意迅速作出安排，讓廣大台灣同胞盡快有大陸疫苗可用」，並稱，如果有需要，大陸也願意「積極考慮向台灣派出疫情防控專家。」國台辦</t>
  </si>
  <si>
    <t>新纖(1409)去年底公告其杭州廠將搬遷，原訂2020年中結束營業，春節期間即為停工狀態，因此不受影響；杭州廠的搬遷補償及獎勵補貼為人民幣7.8億元，公司表示因有稅負問題須考慮，尚無法確定可認列獲利金額；此外，新</t>
  </si>
  <si>
    <t>不少民眾選擇疫苗廠牌，除了考慮保護力之外，也會考量到未來出國能否被承認。對此，醫師陳昶宇表示，無論是混打AZ＋莫德納、AZ＋BNT，還是打2劑高端，恐怕都無法被美國承認為完全接種，因為美國疾病管制與預防中心（</t>
  </si>
  <si>
    <t>疫情指揮中心日前開放符合資格的民眾至「COVID-19疫苗預約平台」預約接種意願，今發送第一輪開放預約的簡訊，沒想到收到簡訊的民眾瞬間湧入「1922」網站及「健保快易通」App，造成掛點，網友怨聲連連，事實上除了上</t>
  </si>
  <si>
    <t>本土疫情不斷升溫，截至2日已有149人死亡，超越SARS時期紀錄。國民黨立委鄭麗文指出，「沒有全面篩檢」、「官僚文化處處阻擋」、「全台灣不敢逆時中」是台灣防疫失敗的三大主因；痛批在衛福部部長陳時中的帶領下，指</t>
  </si>
  <si>
    <t>中央宣布，全國疫情警戒自7月27日起降為2級，台中市長盧秀燕23日指出，距離場域開放措施以及防疫措施還有幾天時間，台中將採「1前提、2態度」，確保防疫安全，漸進式開放，而非為了開放而開放，每個場域開放與否及程</t>
  </si>
  <si>
    <t>全國三級警戒，民眾外出一定得戴口罩，不過有些戶外工作者相當無奈，喝水、吃飯都得偷偷摸摸，深怕被人檢舉，搞得像過街老鼠。一名網友抱怨，他獨自一人關車門在車內吃便當，竟然被人敲窗提醒要「戴口罩」，讓他相當</t>
  </si>
  <si>
    <t>在新冠肺炎疫情火速延燒下，據約翰霍普金斯大學（Johns Hopkins University）統計，至今全球有超過72萬人確診，破3.4萬人喪生。據CNBC新聞網30日報導，貝倫堡（Berenberg）分析師認為，這次新冠疫情爆發，意味著所有</t>
  </si>
  <si>
    <t>韓國中央防疫對策本部通報，至今天凌晨零時，2019年冠狀病毒疾病（COVID-19，武漢肺炎）確診病例達8565例，較18日增加152例；連同稍早確認的病例，死亡人數增至92例。新增確診數時隔4天又回到100例以上，其中109例來</t>
  </si>
  <si>
    <t>繼富邦產、國泰產以及旺旺友聯產之後，為防疫以及提供保戶更多保障，新安東京海上產也將旗下健康險再升級，包括取消法定傳染病等待期等五大保障。新安東京海上產險表示，為了提昇民眾健康保障，推出升級版的「健康御</t>
  </si>
  <si>
    <t>新冠肺癌病毒肆虐全球，為鼓勵民眾施打COVID-19疫苗，增加身體保護力，21日開始，日本政府實施企業、大學等「職域接種」，引發各界關注。不過當地電視台拍攝長髮正妹小露香肩接種疫苗的畫面，意外讓日本、台灣網友超</t>
  </si>
  <si>
    <t>中央流行疫情指揮中心昨天公布國內新增8例新冠肺炎病例，累積個案達108例。新增個案中，其中7例為境外移入，唯一本土個案，就是國內首例高中生染疫（59案）的同班鄰座同學（103案），指揮中心緊急宣布該北部高中全校</t>
  </si>
  <si>
    <t>兩性專家黃越綏曾是陳水扁時期的總統府國策顧問，她今(18日)在臉書談起日前新北市中和區瓦磘里里長林綺芳在記者會上為率隊前往歐洲旅遊道歉，卻坦言不知道哪裡錯了，忍不住動怒，直言「這種人恐怕只能用館長的口頭禪</t>
  </si>
  <si>
    <t>電子化學材料通路商—崇越電(3388)受到原物料價格下滑及中美貿易戰干擾，致使2019年營收及獲利均呈現下滑，2019年每股盈餘為5.1元，崇越電表示，今年以來全球受到新冠肺炎影響經濟景氣，目前全球市況仍存在諸多不確定</t>
  </si>
  <si>
    <t>儘管3月19日蘋果股價未隨美股反彈逆勢收低，但大陸各地全面復工，且短線股價跌幅已大，今天蘋果供應鏈在大立光(3008)盤中亮燈領軍下全面止跌反彈，玉晶光(3406)、台郡(6269)、新日興(3376)及正崴(2392)盤中股價連袂</t>
  </si>
  <si>
    <t>根據TrendForce表示，自2019年躋身為全球第二大智慧型手機市場的印度，近期因新冠肺炎疫情日趨嚴重，民生經濟再次遭受重創，進而影響各大手機品牌的生產與銷售力道。TrendForce預估，2021年全球智慧型手機市場的年增</t>
  </si>
  <si>
    <t>鑑於以美國為首的主要經濟體祭出大規模的刺激方案，以及全球疫苗加速接種，國際貨幣基金（IMF）發布最新世界經濟展望報告調高今明年全球經濟成長預測，今年成長率上調至6％，將創1970年代以來新高。同時，IMF將台灣</t>
  </si>
  <si>
    <t>新冠肺炎「疫」外助攻股東會電子投票，集保結算所統計，今年1773家發行公司股東會整體電子投票率高達56％，在電子投票筆數及股數成長高達7％，累計筆數達793萬筆、股數達3347億股，外資持股中亦有97％透過電子投票系</t>
  </si>
  <si>
    <t>全台三級警戒延長，政府機關呼籲民眾減少外出，不少產業受影響，藝人也因疫情停工，連出道40年的資深男星曹西平，也直呼入行從沒遇過這樣的狀況，無奈嘆「病毒還沒有離開，可能就先餓死了」。曹西平27日在臉書發文，</t>
  </si>
  <si>
    <t>新冠疫情導致旅遊相關產業損失慘重。據聯合國旗下的世界旅遊組織（UNWTO），今年前10個月，國際旅客抵達人數比去年同期慘跌72％，寫下1990年以來首見的低點。該組織指出，全球各目的地的國際旅客人數，比去年同期足</t>
  </si>
  <si>
    <t>新冠肺炎疫情人心惶惶，搶購口罩、酒精彷彿成為台灣人的全民運動。台灣採取實名制，與健保特約藥局配合販售。不過這也讓藥師的工作量倍增，雖然民眾事先可在口罩地圖查詢，然而卻面臨困難，排隊人潮眾多，不少藥局會</t>
  </si>
  <si>
    <t>新北市幼兒園群聚事件，板橋某社區大樓今天深夜12時將有383人要解隔離，外界好奇新北各個檢疫所面對大量民眾解隔離，相關作法為何。對此，新北市長侯友宜表示，這2天社區住戶陸續解隔當中，市府對社區大樓清消會做完</t>
  </si>
  <si>
    <t>隨著新冠肺炎的疫情持續更新，為避免室內群聚感染，透過戶外活動提升免疫力與增強抵抗力亦是防疫良方之一，新光產險為讓民眾假日也能夠安心出門，特別於「SK858新光幫我保」網投平台推出「罩fun假」一年期小額傷害商</t>
  </si>
  <si>
    <t>新冠肺炎疫情反彈，北京市政府將應急響應級別提升至第2級，城市對外交通、聚會及線下活動等群體性活動禁令再出。其中，出入境逾六成航班取消、快遞業也暫停運送北京包裹，加上全市所有小區實行嚴格封閉式管理並限制</t>
  </si>
  <si>
    <t>新冠肺炎衝擊各國，國外紛紛祭出「封城」等措施，但因為無法出門，也傳出各國家暴案件頻傳，雖然我國並未有嚴格限制措施，但許多人未能順利出遊，也傳出家暴通報相對去年增加不少達約5％，而新北市相對去年更是成長3</t>
  </si>
  <si>
    <t>內政部長徐國勇日前宣布暫停實施「全國性酒測」，隨即遭行政院長蘇貞昌打臉，徐國勇也趕忙解釋，只暫停由警政署指揮每月兩次的全國同步酒測措施。對於是否取消全國性酒測，網友意見大多認為不妥，若要取消，也應有配</t>
  </si>
  <si>
    <t>受隔夜美股下跌影響，周三日股走低，投資人密切關注全球新冠肺炎確診數持續激增，恐使才剛啟程的經濟復甦脫離軌道。終場日經225指數收跌0.78%，為22,438.65點。東證一部指數收跌0.92%，為1557.23點，33大類股全面收</t>
  </si>
  <si>
    <t>由軍事科學院軍事醫學研究院陳薇院士領銜的科研團隊研制的重組新冠疫苗，昨天（3月16日）20時18分獲批啟動展開臨床試驗。根據大陸《央視》報導，由軍事科學院軍事醫學研究院陳薇院士領銜的科研團隊自1月26日抵達武漢</t>
  </si>
  <si>
    <t>今年2月中旬，一名白牌計程車司機「一度」為國內首位感染源不明的新冠肺炎確診病例，後來靠著對一名台商的抗體檢測，追出原來是司機載過這名曾遭感染的台商。最近長庚大學團隊也從新冠肺炎痊癒者身上找到有效對抗病</t>
  </si>
  <si>
    <t>國內一名印尼籍外籍看護日前確診新冠肺炎，其友人被列為接觸者進行採檢，目前二採陰性。中央流行疫情指揮中心監測應變官莊人祥表示，友人已解除隔離，可返家進行自主健康管理。北部8旬老翁日前確診新冠肺炎後，負責</t>
  </si>
  <si>
    <t>國內新冠肺炎疫情持續延燒，雖然屏東縣已連4天「嘉玲」，但為維護前線防疫人員安全，屏東縣政府自籌經費，為全縣4396名防疫人員加保防疫險，此外，經中央撥配第二波5600劑疫苗到位，除部分優先第一線醫護人員施打外</t>
  </si>
  <si>
    <t>新冠肺炎衝擊經濟，主計總處今公布，下修今年全年經濟成長率預測值至2.37％，與去年11月的預測值相比，下修幅度達0.35個百分點；主計總處主計長朱澤民表示，若沒有新冠肺炎疫情，應該會持續上修全年經濟成長率，但疫</t>
  </si>
  <si>
    <t>新冠肺炎疫情爆發迄今，南投醫院醫護人員在抗疫最前線，守護縣民健康，而且醫療不分國界，不論國人或移工都一視同仁；立法委員馬文君20日號召科技公司與移工仲介公司，到南投醫院捐贈物資，向醫護人員致謝。「防疫路</t>
  </si>
  <si>
    <t>新冠肺炎疫情嚴峻，網路上常流傳假訊息引發民眾恐慌，屏東縣警察局近期接獲6起關於疫情的假訊息，已移送4件。有鑑於網路、數位化犯罪愈來愈多，縣警局2年多前成立「科技犯罪偵查隊」及「數位證物實驗室」，去年協助</t>
  </si>
  <si>
    <t>日本日前送出的AZ疫苗今將完成檢驗封緘，原訂15日開放1-6類公費對象接種，但中央流行疫情指揮中心今確定晚間就可開始配送約50幾萬劑疫苗，明早就會有地方縣市收到。若地方縣市準備好，就可提前至明天開打。日本厚生</t>
  </si>
  <si>
    <t>隨著國內新冠肺炎疫情持續升溫，不少民眾為避免群聚，選擇到山區及森林遊樂區旅遊，屏東林管處17日宣布，包括林後四林平地森林園區等多處管轄區域，自5月18日至5月28日期間暫停開放，原鄉族人也呼籲民眾減少異地移動</t>
  </si>
  <si>
    <t>第七輪疫苗將由AZ上場，面對來勢洶洶的Delta病毒，許多人想快點打疫苗提升保護力，ICU醫師陳志金分享，英國44歲女主播打完第一劑AZ三周後腦出血死亡，死因是打疫苗引起免疫血栓性血小板低下症，導致腦靜脈血栓。他提</t>
  </si>
  <si>
    <t>全球因新冠肺炎疫情影響，各行各業多少都受到影響，各國演藝圈明星也有受到波及，日本、南韓接連傳出有藝人確診，令粉絲都相當不捨；南韓人氣女歌手請夏在去年12月初證實確診新冠肺炎，暫停所有活動接受治療，近日在</t>
  </si>
  <si>
    <t>3600間集中檢疫所何時開放預約？指揮中心今天表示，17日(周三)上午10點開放民眾上網預約，不過民眾無法選擇檢疫所位置。指揮中心上周宣布，將釋出3600間集中檢疫所供民眾預約，進行「7+7」的檢疫，指揮中心發言人莊</t>
  </si>
  <si>
    <t>台灣才連續四天確診數抱零，繼昨天新增3名磐石軍艦確診者，今(19)日一口氣增加22名病例。中央流行疫情中心指揮官陳時中表示，新增21例都是在磐石軍艦上確診。另外一例為境外移入。陳時中表示，磐石艦官兵774人分四個</t>
  </si>
  <si>
    <t>Delta變種病毒不只入侵台灣，也在全球各地投下震撼彈，疫苗施打率搶先全球的以色列，解除口罩令才短短一週，也擋不住Delta來勢洶洶，單日確診暴增200例，不禁讓各界恐慌：連疫苗也沒效了嗎？群體免疫策略，該往哪裡</t>
  </si>
  <si>
    <t>青少年下周開打BNT，第九輪的BNT疫苗預計在九月底開打，不過，近日頻傳打BNT恐誘發心肌炎，讓不少民眾擔憂緊張。對此，胸腔科醫師蘇一峰表示，打第二劑出現心肌炎的風險比較高，建議家長可讓孩子先打第一劑，再觀望</t>
  </si>
  <si>
    <t>49歲的光良3月14日白色情人節當天將帶著全新巡演《今夜我不孤獨》二度前進台北小巨蛋開唱，並推出新專輯《絕類》。他今（25）日上Hit Fm擔任大台柱，談到演唱會強碰新冠肺炎，表示已做好萬全準備，「除了疫情的來臨</t>
  </si>
  <si>
    <t>美國總統川普在23日白宮防疫記者會上提出「可將消毒劑注射至病患身上」，藉此「體內大掃除」，此言一出立即引起專家強烈反譴責，稱根本是危險誤導。雖然川普隔日聲稱這只是諷刺說法，不過據外媒指出，美國人民真的有</t>
  </si>
  <si>
    <t>長相激似Angelababy的香港辣模許珮榆（Diva），近年演藝事業轉往大陸發展，在新冠肺炎期間，也不忘做好防疫工作。她今(22日)被港媒直擊與友人戴著口罩出現在香港某商場，豪乳上圍超吸睛。擁有葡萄牙、新疆血統的辣模</t>
  </si>
  <si>
    <t>不少民眾盼能解封，但專家認為須先達到群體免疫。胸腔暨重症醫師黃軒今發文表示，感染過新冠肺炎仍可能二次染疫，未來若大規模打疫苗，新冠肺炎仍沒被消滅，那麼疫情恐會進入地方性的戰役，面對這樣的狀況，各國該如</t>
  </si>
  <si>
    <t>疫情指揮中心副指揮官陳宗彥今日表示，從今天起，地方政府會開始提供採檢民眾關懷電話，這部分是從衛政以外的人力去調度，來做協助，主要是以雙北市為主。媒體問到，陳宗彥在上午記者會提到，民眾採檢後，在校正回歸</t>
  </si>
  <si>
    <t>全球32國、共239名科學家下周即將向世界衛生組織（WHO）發表公開信，指控世衛忽視新冠病毒會透過「空氣傳播」的風險，《紐約時報》指出，如果科學家的研究發現是正確的，那麼即便有採取社交距離措施，民眾在室內仍應</t>
  </si>
  <si>
    <t>新冠肺炎疫情仍持續發燒，死亡人數連日創新高。不過，前綠委沈富雄發現新冠肺炎致死率和年齡似乎有關係有驚人關係！沈認為，「對青壯之士，以佛系之眼待此病毒，對70歲以上的老人家以魔網全力反向圍堵」。沈富雄在臉</t>
  </si>
  <si>
    <t>最近新冠肺炎疫情全球延燒，國際導演吳宇森夫婦5日在美國洛杉磯家中，以簡餐低調祝賀結婚44周年，吳宇森喝紅酒、吳太太牛春龍喝茶，兩人乾杯祝福彼此身體健康，也祝福世界人人身體健康，以愛的互動度過難關。吳宇森</t>
  </si>
  <si>
    <t>新冠肺炎疫情嚴峻，為了遵守中央流行疫情指揮中心的指示，中國醫藥大學新竹附設醫院在診間、大廳繳費、領藥等，均設置安全距離，醫師與病患也可透過醫院提供的平板看到資料與影像，拉開醫病距離，降低肺炎傳染的可能</t>
  </si>
  <si>
    <t>義大利新冠肺炎疫情失控，7日新增確診近1200例，義大利政府當地時間晚間8時40分宣布緊急命令，封鎖整個倫巴底大區與其他區域的11個省，未經核准不許進出，米蘭、威尼斯等大城都在封鎖之列。中央社報導，義大利7日確</t>
  </si>
  <si>
    <t>新冠肺炎爆發至今全球確診人數高達3300萬多，死亡人數已逾百萬，《美國醫學會雜誌》研究報告指出，美國境內的新冠死亡數，可能少算了將近28％，世界衛生組織WHO坦言，目前的死亡人數可能被低估，並警告各國若不團結</t>
  </si>
  <si>
    <t>長聖國際生技今年在「亞洲生技展」登場，面對新冠肺炎疫情，長聖研發的異體臍帶幹細胞（UMSC01）用於治療新冠肺炎確診患者，除已獲衛福部核准恩慈療法、財團法人醫藥品查驗中心（CDE）認證對新冠肺炎藥物研發具潛力</t>
  </si>
  <si>
    <t>法人機構指出，隨著後疫情期間經濟緩復甦現象，全球低利率環境將持續一段時間，而聯準會政策動向延續，當前基準利率近0％的現象至少維持到2022年底或甚至更久。凱基投信分析，根據歷史經驗回測，2009～2014年間聯準</t>
  </si>
  <si>
    <t>新冠肺炎（COVID-19）在亞洲爆發，日本北海道知事鈴木直道日前表示：「既然中央政府拿不出答案，我們就要自己去解決。」率先宣布停課，日本民眾對他的政策相當滿意，網友更對他的戴口罩的顏值驚豔，讓他在網路上爆紅</t>
  </si>
  <si>
    <t>新北市疫情嚴峻，部分執勤員警染疫，為讓第一線外勤員警出勤安心，新北市政府與警政署取到8000劑的「新北警察專用疫苗」，於今（1）日開始為第一線員警施打。瑞芳警分局雖然轄區人口不多，但因處於風景區，外來遊客</t>
  </si>
  <si>
    <t>日本首相安倍於3月5日傍晚終於發佈新冠肺炎防疫措施，對中國大陸、韓國實行入境限制，要求在9日以後入境日本的大陸與韓國旅客，強制隔離14天。據日本《讀賣新聞》報導，因為新冠疫情擴散形勢難以遏止，日本政府今（5</t>
  </si>
  <si>
    <t>由於開學在即，許多老師希望開學前可以打疫苗，教育部表示必須從預約系統預約，但台北市許多新進老師、代課老師以及課後照顧老師若透過預約系統難以銜接，全台可能都有類似的問題，是否可以針對八月新進的代課老師等</t>
  </si>
  <si>
    <t>近日疫情再起，大專校院即將在下禮拜陸續開學，教育部長潘文忠今(8)日表示，大學可按照既定時程開學，但建議在中秋節（9月21日）前 ，先採行遠距或線上教學。台灣大學、清華大學與台灣師範大學晚間發布消息，皆延後</t>
  </si>
  <si>
    <t>屏東縣25日公布新增4例本土確診者及2例台北市、彰化縣確診者來屏足跡，共匡列43名接觸者檢疫及隔離；其中案號5466為先前公布確診4226號的胞兄，案5464為4755的妻子，都是親友感染，屏東縣長潘孟安則提醒民眾，這段期</t>
  </si>
  <si>
    <t>新冠肺炎疫情迅速擴散，引發市場擔憂全球經濟會受到衝擊，加上國際油價崩跌，使投資人恐慌情緒升溫，亞洲股市今天收盤全面重挫。有鑑於全球死於2019年冠狀病毒疾病（COVID-19，武漢肺炎）的人數不斷增加，交易商紛紛</t>
  </si>
  <si>
    <t>上市櫃唯一標榜無抗養殖的農業科技概念股達邦蛋白（6578），2019年底取得食品益生菌廠登記證，開發水產動物用益生菌「達邦來富」測試發現，搭配達邦胜肽蛋白投餵，能有效壓制午仔魚鏈球菌病情、提升魚隻活力、明顯增</t>
  </si>
  <si>
    <t>英國連日武漢肺炎確診病例暴增，今天累計至116例，且出現第一起死亡病例，但調查訪問1618名醫護人員，有99%認為英國公立醫療體系「國家醫療保健服務」（NHS）沒準備好。英國的2019年冠狀病毒疾病（COVID-19，武漢肺</t>
  </si>
  <si>
    <t>北市副市長蔡炳坤9日表示，北市75歲以上長者第1劑已滿10周，要開打第2劑，預約到12日中午截止，15至19日火力全開施打。台北市長柯文哲痛批，台灣疫苗最大問題，就是中央完全沒規畫，有什麼打什麼，導致亂七八糟。柯</t>
  </si>
  <si>
    <t>大陸外交部發言人華春瑩9日宣布，中國大陸於8日同全球疫苗免疫聯盟簽署協議，正式加入「新冠肺炎疫苗實施計劃」；中國疫苗研發完成並投入使用後，將作為全球公共產品，優先向發展中國家提供。外交部網站新聞稿援引她</t>
  </si>
  <si>
    <t>廣東省疫情防控新聞發布會11日由廣東省衛健委副主任、省中醫藥局局長徐慶鋒介紹端午節假期疫情防控安排。分析此輪疫情感染者，以老人、小孩較多，最長92歲、最小1歲。經分析廣州市近期新增病例，都來自封閉管理區域</t>
  </si>
  <si>
    <t>中央流行疫情指揮中心29日公布國內新冠肺炎（COVID-19）新增5例確定病例，其中4例為例34 (確診前於北部某醫院之接觸者，分別為1名清潔人員(案35)及3名護理人員(案36至38)。中央流行疫情只會中心指揮官陳時中表示，案</t>
  </si>
  <si>
    <t>半導體測試介面廠精測（6510）受惠5G即將進入商用化，供應鏈備料帶動多項半導體測試介面需求，2020年5月自結合併營收續「雙升」至3.53億元，創同期新高、亦創歷史第4高。展望後市，隨著5G相關應用晶片需求浮現，公司</t>
  </si>
  <si>
    <t>國高中生接種BNT意願書今天截止收件，究竟要不要讓12到17歲的學生打BNT疫苗，讓許多家長苦惱，對此，精神科名醫沈政男表示，英國疫苗委員會不建議12-15歲健康族群打新冠疫苗，並指出疫苗打在身上影響的是自己的健康</t>
  </si>
  <si>
    <t>針對衛福部撤銷金門機場快篩站公告一事，楊鎮浯縣長今天在《給鄉親的一封信》中說明縣府17、21日兩度發函中央疫情指揮中心，但中央均已讀不回，讓人十分遺憾，希望委託合法廠商進口疫苗，中央依程序盡快審核通過，莫</t>
  </si>
  <si>
    <t>今（14日）天清晨6點多，一輛載有「國家隊」聚陽實業生產的防疫隔離衣貨櫃車，行經國道1號台中南屯路段時，突然不明原因起火，車內250箱計約2萬件隔離衣，全部被燒的焦黑破爛，已無法使用，聚陽得知消息後表示，這批</t>
  </si>
  <si>
    <t>連續56日零確診後的北京市，11、12日連續驚傳多起新冠肺炎本土新增病例，均與豐台區新發地農產品批發市場有關。隨著疫情擴散，豐台區13日啟動戰時機制，北京也將餐飲防控等級調升至二級，並喊停跨省旅遊團與足球等體</t>
  </si>
  <si>
    <t>台北市滿75歲以上長者第2劑AZ疫苗將開打，不在籍長者憂心打不到，副市長蔡炳坤14日表示，非設籍北市的民眾約有5510人，市府會在設籍長者接種完後，開放12區公所電話登記，統計後向中央爭取疫苗，他強調，不論有無設</t>
  </si>
  <si>
    <t>台泥(1101)首季營收年減13%、季減38%，目前在大陸水泥發貨量已恢復至產能的90%以上，不過，廣東及廣西庫容比仍較去年同期高出10個百分點，水泥價格仍然有壓。台泥在電力事業及台灣水泥業務今年獲利看好，但受到大陸</t>
  </si>
  <si>
    <t>新冠肺炎（COVID-19）的疫情持續延燒全球，不少國家的確診和死亡人數都不斷增加，台灣也在昨〈18〉日爆加23例，正式突破百人確診，讓民眾人心惶惶。對此就有網友好奇在網路上發問，想知道「最後的淨土在哪裡？」文章</t>
  </si>
  <si>
    <t>美國總統川普11日宣布，為防止疫情在美國蔓延，從當地時間13日午夜起30天內，美國將暫停除英國外所有歐洲國家公民前往美國的旅行，並將對受新冠病毒影響的小企業和個人提供經濟救助。此外，因為疫情，白宮和美國國會</t>
  </si>
  <si>
    <t>微軟（Microsoft）29日（周三）上季營收獲利雙雙優於市場預估，雲端業績勁揚功不可沒，而疫情使得遠端上班需求大增，帶動微軟線上開會程式Team使用率大增，全球居家令則使Xbox遊戲服務活躍用戶數躍升。這家全球軟體</t>
  </si>
  <si>
    <t>國內疫情升溫，提高民眾施打疫苗的意願。一名男大生表示，施打疫苗後半小時，一股噁心感湧上來，晚間開始全身發冷、發燒，「根本像地獄一樣」，貼文曝光後，引發網友熱烈分享打疫苗的經驗。該名男大生昨（4）日於論</t>
  </si>
  <si>
    <t>台灣疫情爆發，行政院推「紓困4.0」針對有需要的民眾核發補助，其中針對部分工時受雇勞工推出1萬元生活補貼措施，今起至8月31日開放受理，預估有41萬人受惠，即日起可上網登錄資料，或至實體ATM領取。勞動部指出，申</t>
  </si>
  <si>
    <t>新北市確診數高居不下，昨日累計破4000人染疫，新北市長侯友宜今視察防疫車隊清消基地，受訪時媒體追問是否有更新的方法解決問題；侯友宜表示，希望所有市民朋友能夠「低度再低度」的活動，落實防疫規定，尤其重熱里</t>
  </si>
  <si>
    <t>美國白宮在20日公布，將在11月初實施全新的旅遊規定，需完整接種疫苗者，才可入境，且可免隔離，可體驗有如疫情前能自由旅行的生活。然而不僅符合條件的疫苗廠牌尚未底定，對於許多有孩子的家庭來說，未能接種的孩童</t>
  </si>
  <si>
    <t>美國藥廠默克公司日前公布的第3期臨床試驗結果，指旗下實驗用來治療新冠肺炎的口服藥「molnupiravir」，可使重症高風險患者的住院或死亡機率降低約50％，不過藥物對已入院的重症患者並無作用。據港媒報導指，港府有</t>
  </si>
  <si>
    <t>新冠肺炎疫情肆虐全球，即便事隔一年仍不見趨緩，不過傳出英國樂壇巨星羅比威廉斯（Robbie Williams），年底前往加勒比海度假後，竟確診新冠肺炎，目前一家六口都在當地進行隔離，此外長達14天的「天價隔離費」也因</t>
  </si>
  <si>
    <t>桃園市龜山警分局有感於新型肺炎疫情日漸嚴峻，為因應防疫需求，預先規畫緊急應變之人力運用及辦公方式並實施演練，避免疫情衝擊影響分局人員與上班環境，造成機關運作癱瘓。25日在大林派出所演練「異棟異地辦公」，</t>
  </si>
  <si>
    <t>中央流行疫情指揮中心昨天公布國內新增7例新冠肺炎確定病例，分別為1例本土及6例境外移入；確診個案中無新增死亡。本土為台北市個案，感染源不明，指揮中心將對該個案採檢抗體，並進行病毒基因序列分析；境外移入則</t>
  </si>
  <si>
    <t>由於新冠肺炎確診人數持續上升，加州州政府13日宣布取消解封，該州的兩大學區秋季將不會有面對面課程。在此同時，美國衛生官員透露一項好消息，表示新冠肺炎疫苗將在夏末開始生產。川普內閣資深官員13日在電話會議向</t>
  </si>
  <si>
    <t>大陸國家衛健委27日公布，26日新增新冠肺炎確診病例22例，其中境外輸入病例10例（上海4例，北京3例，浙江2例，安徽1例），本土病例12例（遼寧7例，北京5例）。無新增死亡病例，無新增疑似病例。大陸衛生應急辦公室指</t>
  </si>
  <si>
    <t>正受困於新冠肺炎疫情大爆發的韓國，近日一架大韓航空航班被以色列拒絕入境，原因是韓國疫情快速爆發。這架大韓航空KE957機上乘客，除12名以色列乘客被直接運送回家隔離14天，其他乘客則原航班返回韓國首爾。據《環</t>
  </si>
  <si>
    <t>印尼今日新增2069例染疫死亡病例，創單日新高，累計8萬6835例。印尼衛生部27日通報，該國新增4萬5203例確診，高於26日的2萬8228例，累計323萬9936例。印尼衛生部長26日說，印尼正在提高其抗新冠肺炎藥物的生產能力；</t>
  </si>
  <si>
    <t>面對新冠肺炎疫情危機，輝瑞執行長博爾拉（Albert Bourla）認為輝瑞是擁有先進技術的重要製藥機構，肩負研究新藥和疫苗等責任。因此願意砸下10億美元，不求回報地加快疫苗開發與生產，甚至願意跟其他對手分享與合作</t>
  </si>
  <si>
    <t>美國總統唐納．川普的次子艾瑞克．川普在接受採訪時丟出一顆讓網民議論紛紛的炸彈，艾瑞克說，他預測在今年11月3日（美國總統大選投票日）之後，美國的新冠肺炎疫情就會神奇地消失。至於消失的原因，艾瑞克給了一個</t>
  </si>
  <si>
    <t>受到新冠肺炎疫情影響，台中市議會臨時會日前因疫情延期一次，11日再度召開程序委員會，經政黨協商決定於19日至25日召開臨時會；將請市府針對台灣燈會、新冠肺炎防疫及振興經濟措施、雙十公車、台中州廳等進行專案報</t>
  </si>
  <si>
    <t>華新科、閎暉結親為哪樁？光寶執行長陳廣中表示，閎暉、華新科將攜手一起把車用領域做大，不過光寶不會再出脫閎暉持股，而面對疫情帶來的購併良機，他也表示光寶會優先尋找、評估與現有在光電、電源優勢相關的併購機</t>
  </si>
  <si>
    <t>亞太電(3682)瞄準近年來興起的618檔期，即日起至6月18日，順勢推出限時7天的「88勁量吃到飽單門號」方案，看好本次疫情加速宅經濟發酵，亞太電也看好此波年中慶帶來的商機。對電商來說，618年中慶也成為繼「雙11」活</t>
  </si>
  <si>
    <t>崇友(4506)3月合併營收為3.89億元，月增30.89％，年增15.05％，主要來自於桃園青埔商業大樓、高雄橋頭住宅大樓、淡海新市鎮集合住宅社區等新梯與汰舊換新完工認列；累計第1季合併營收9.98億元，年減3.13％。崇友今年</t>
  </si>
  <si>
    <t>大陸政府19日宣布放寬新能源車企及產品進入市場的門檻，本次新規刪除包括對新能源車企有關設計開發能力的要求，並將新能源車企停止生產的時間，由12個月調整為24個月。新規9月1日正式上路。新浪財經報導，2020年4月</t>
  </si>
  <si>
    <t>臉書社團《我是新店人 好山好水 新店區 大坪林 七張 碧潭 安坑 深坑 石碇 坪林 烏來》版主貼出多張照片，顯示新店區中正路一間藥局門口依舊大排長龍等買口罩。該版主並發文：「提早部署，限制出口，國家隊趕工，智商</t>
  </si>
  <si>
    <t>高市首例本土確診案1289是新北獅會成員女兒，其所居住的小港地區當時有245人被匡列居家隔離。高市議員陳麗娜爆料，市府祭出不准在家隔離，必須全面入住防疫旅館，卻得自掏腰包，形同雙重懲罰。對此，衛生局長黃志中</t>
  </si>
  <si>
    <t>新冠肺炎全球大流行，桃園地檢署整合「防疫處理小組」及「查緝民生犯罪聯繫平台」，嚴辦假訊息，包括楊男稱桃園疑似病例至少60起、住宿某賓館，彭男看到SNG車就說該醫院有新冠肺炎患者，就連楊男回覆案34醫院疑在林</t>
  </si>
  <si>
    <t>台灣14日在《紐約時報》刊登全版廣告，提到台灣被WHO拒於門外，世界衛生組織也列出13點回應，強調一直與台灣衛生部門保持技術交流。對此，立委賴品妤不滿，怒批WHO一副好像自己什麼都沒有過錯一樣。賴品妤在臉書直批</t>
  </si>
  <si>
    <t>新冠肺炎疫情蔓延，國立政治大學傳出確診病例後，各大專院校也人人自危，新北市新莊區輔仁大學今(27)宣布，即日起師生入校需配戴識別證、校園卡，經體溫測量後才可以入校，另防疫期間謝絕校外人士入校，洽公人員則需</t>
  </si>
  <si>
    <t>南韓人氣女團TWICE台灣成員周子瑜，因不少行程被迫取消，她也得以多出空閒時間，返台和家人團聚，不過需要居家檢疫14天，所以18日才能出關，而在家隔離10多天的她，也在官方IG更新近況。子瑜再2天就可以解除居家隔離</t>
  </si>
  <si>
    <t>全球疫情持續發酵，各類組織紛紛啟動遠距工作維持業務營運，為協助打造安全的遠距工作環境，思科今(16)日最新宣布，即日起免費提供四款資安產品，協助各企業與組織能持續享有最安全的資安防護，讓業務與教育不因資安</t>
  </si>
  <si>
    <t>台北市新增3例境外移入新冠肺炎確診病例，分別自尼加拉瓜、日本及泰國入境，在入境採檢及檢疫期滿前檢驗陽性確診，另外，北市119校完成BNT疫苗接種，剩下的28校所需疫苗也已備妥，北市衛生局表示，9月22至10月1日計1</t>
  </si>
  <si>
    <t>線上版的民主黨全國黨代表大會（DNC），今天起在威斯康辛州密爾瓦基登場，但因為疫情必須避免群聚，不要說被提名人拜登不會到場，黨內大咖不會參加，飯店關閉，餐館和酒吧沒人，商機零分，冷清的程度和往年猶如天壤</t>
  </si>
  <si>
    <t>首張移工防疫保單問世。金管會16日宣布，核准富邦產險送審的移工新冠肺炎住院醫療個人險及團險兩張保單，保障期間是30天，要保人即付保險費者是引進移工的雇主，移工入境30天內若確診，將以實支實付方式給付最高50萬</t>
  </si>
  <si>
    <t>許多民眾想快點打疫苗，但也很擔心接種後的副作用。小兒科醫師徐嘉賢發文說，他在門診遇過的案例，多數人打完疫苗多是痠痛、疲倦、頭暈和低燒，但他遇過最詭異的是「食慾大開」這個副作用，貼文引發網友共鳴，不少打</t>
  </si>
  <si>
    <t>台北市長柯文哲上午出席「2021鬧熱關渡節」開幕記者會致詞表示，按照目前疫苗施打速度，他估計疫情在農曆新年前就會結束，所以疫苗護照很快就會上線，呼籲民眾去接種疫苗。柯文哲今天表示，COVID-19疫情預估在明年春</t>
  </si>
  <si>
    <t>疫苗預約系統昨啟動，今、明兩天預計共174萬劑AZ疫苗抵台，但由於先前猝死消息頻傳，導致長者不敢或不想打AZ。對此，台中榮總呼吸加護病房主任傅彬貴發文呼籲開放「爽約劑施打」，畢竟醫護全副武裝出動也是成本，把</t>
  </si>
  <si>
    <t>截至4月01日9時，全大陸累計報告確診病例82613例，現有確診病例3059例，境外輸入771例；海外現有確診病例636842例。</t>
  </si>
  <si>
    <t>新冠肺炎肆虐持續數月，多數演藝活動等工作取消或延期，去年底休長假至今的張惠妹，今年的工作計劃全部暫緩，連去年底提到的新專輯，進度同樣毫無下落，她的經紀人陳鎮川今表示：「妹的工作確實有受到影響，目前完全</t>
  </si>
  <si>
    <t>交通部因應新冠肺炎，將啟動所有場站量測體溫措施，交通部次長王國材表示，5月1日起，台鐵241站都要全面量體溫。王國材說，交通部主管包括客運場站、航空站、郵局、國道服務區、風景區及主題樂園、4月1日起旅客及民</t>
  </si>
  <si>
    <t>蝦紅素可不只拿來護眼，還有很多不同的應用。因為其抗氧化、抗發炎的功能，已經被證實對皮膚、心血管、神經有保護作用，甚至能對抗新冠肺炎。●蝦紅素可以對抗新冠肺炎？研究推論能降低肺部發炎蝦紅素是一種脂溶性的</t>
  </si>
  <si>
    <t>中央流行疫情指揮中心今(5)日公布國內新增1例境外移入COVID-19確定病例(案1049)，為印尼籍20多歲女性，同時也是兩天來第2例印尼境外生來台後確診。指揮中心表示，案1049為印尼籍20多歲女性，今(2021)年3月21日來臺就</t>
  </si>
  <si>
    <t>疫情大爆發，全台三級警戒，嘉義市政府圍堵群聚加強防疫，20日對嘉義公園2座涼亭、興嘉公園3座涼亭，拉封鎖線還加上菱格網鐵籬，市政建設處表示，連日來仍有民眾屢勸不聽，跨越黃色警戒封鎖線，因而加鐵籬，且不排除</t>
  </si>
  <si>
    <t>微軟26日（周三）盤後警告，由於新冠肺炎疫情蔓延使供應鏈受阻，本季負責Windows事業的個人運算部門營收將低於預期。這是繼蘋果之後，又一家因大陸疫情衝擊供應鏈而發布財測預警的科技巨擘。受此拖累，微軟周早盤開</t>
  </si>
  <si>
    <t>貝恩策略顧問（Bain &amp; Company）出具報告指出，受新冠肺炎大流行衝擊，未來幾個月全球精品銷售額恐將崩跌。貝恩顧問表示，包括服飾、珠寶、手錶、美妝品與配件等全球個人奢侈品市場，恐將在第二季暴跌約50%～60%。新</t>
  </si>
  <si>
    <t>28歲港星胡淽喬外貌甜美，2009年在烹飪遊戲節目《美女廚房》擔任「美女廚神」走紅，胡淽喬和男友過年期間回武漢過年，沒想到新冠疫情爆發後，武漢宣布封城，胡淽喬為了陪伴男友自願留在當地，一個多月來也不斷透過社</t>
  </si>
  <si>
    <t>近期印度疫情趨緩，為了重振經濟，當局逐步解封，但遭到公衛專家強烈反對，直指若印度太早解除封鎖，反而容易引發第三波感染，穆迪分析的專家也認為，印度政府如何有效控制疫情，並提高疫苗接種率，將成為印度經濟復</t>
  </si>
  <si>
    <t>新冠肺炎延燒至今，影響各產業甚巨，新創投資市場信心更是受到動搖。然而台灣創新能量豐碩，新型態的服務與產品不斷出現，仍然有龐大的資金或企業資源需求，創夢市集今年選出可進入加速育成階段的團隊，漁拓等9家新</t>
  </si>
  <si>
    <t>今天是大年初三，國內新冠肺炎再度零確診，農曆牛年以來，今天已是連續2天境外、本土都加零。中央流行疫情指揮中心指揮官陳時中親自主持記者會與大家拜年，並表示上次2天0確診已是109天前，希望這樣的情況可以繼續。</t>
  </si>
  <si>
    <t>鴻海創辦人郭台銘向疾管署申請BNT疫苗進口，指揮中心指揮官陳時中昨表示，文件算齊全，獨缺一紙「原廠授權書」。前國民黨青年團總團長呂謦煒質疑，《藥事法》要求檢附的4項資料中，並沒有要求一定要出具「原廠授權書</t>
  </si>
  <si>
    <t>南韓為防堵新冠肺炎疫情，自4月1日起規定不論本國或外國人，所有入境者一率要隔離14天。其中一位30多歲的台灣女性，因為拒絕繳納定點隔離費用，成為第一位未遵規定而被驅逐出境的外國人。韓聯社報導，這名台灣女性遊</t>
  </si>
  <si>
    <t>台北農產運銷公司近日傳出有多位員工染疫，北市產發局回應，截至昨日為止恐有45人確診，衛福部醫福會執行長王必勝已前往了解，外界質疑北市防疫工作出問題。綠委何志偉今日表示，中央派人進駐是象徵性意義，此時不該</t>
  </si>
  <si>
    <t>今日上午衛福部桃園醫院利用「血液淨化」技術治癒新冠肺炎重症病患，但中央流行疫情指揮中心專家小組召集人張上淳說，這是單一個案，未來能否採用相同方式治療其他病患，還需要更多科學上的證據才能確認。張上淳說，</t>
  </si>
  <si>
    <t>美國股市近日陷入瘋狂，一日暴跌、一日暴漲。財信傳媒董事長謝金河警告，美股多空廝殺激烈，並非底部現象，實質上多頭正且戰且退，最核心的問題是美國必須盡快研發出疫苗對抗病毒，以及川普的救市方案不能是空包彈。</t>
  </si>
  <si>
    <t>美國的2019年冠狀病毒疾病（COVID-19）病例不斷增加，東西岸都出現確診患者，白宮卻在此時承認國內缺乏足夠的病毒檢驗工具組。英國廣播公司（BBC）報導，美國副總統彭斯（Mike Pence）表示，政府無法於這週達到發送1</t>
  </si>
  <si>
    <t>一張最高可投保千萬美元、相當新台幣3億410萬元的美元壽險保單，在新冠肺炎疫情爆發後的詢問度也提高，而且有民眾希望額度還可以再提供。新冠肺炎疫情爆發，讓許多人重新思考財務配置的優先順序，近期壽險保單也針對</t>
  </si>
  <si>
    <t>國民黨主席江啟臣昨晚在國際民主聯盟（IDU）的防疫線上會議中，與來自60幾個國家的100多位政治人物共同討論國際防疫工作，並進行專題報告。江啟臣表示，除了宣傳台灣全民努力的防疫成果，他更直接表達國際衛生組織（</t>
  </si>
  <si>
    <t>新冠肺炎疫情趨緩，連續5日0確診。馬偕醫院上月開始，要求進入醫院的民眾先在入口處查旅遊史，隨著國內有旅遊史的民眾減少，該院今宣布，5月4日起取消入口處的健保卡查詢旅遊史作業，門診的旅遊史查詢不變。開放進入</t>
  </si>
  <si>
    <t>日本富士電視台今天報導，東京都內又新增3例新冠肺炎病例，總計東京都已有32例；鄰近東京都的神奈川縣今天也新增一例重症病例，患者並無海外旅遊史。日本朝日電視台報導，神奈川縣今天新增一例病例，患者是住在神奈</t>
  </si>
  <si>
    <t>就在美國乘客撤離後幾小時，厚生勞動省17日宣佈，在「鑽石公主」號郵輪上新檢測的504人中，又有99人確認罹患新冠肺炎，使確診共達454人。據NHK報導，這些人中有70人並未出現症狀。至今郵輪上的乘客與工作人員共有1,7</t>
  </si>
  <si>
    <t>在電競領域中雄據一方的微星（2377），大動作宣布跨向商務筆電市場，除發布全新MSI Logo，更一口氣重整非電競筆電產品線、推出由Summit、Prestige和Modern三大系列組成的商務筆電陣式，為其筆電事業在電競之外建立營</t>
  </si>
  <si>
    <t>新冠肺炎疫情全球肆虐，各國人心惶惶，就有網友指出，中港台都曾經歷過SARS風暴，然而卻貌似僅有台灣記取教訓，讓他不禁好奇為何會有這樣的落差？貼文一出隨即掀起網友熱議。2003年3月13日，台灣爆發首起SARS確診病</t>
  </si>
  <si>
    <t>國內每日新增確診數不斷創新低，今(5)日新增本土病例降到28例，有人認為離「+0」不遠了。民進黨立委鄭運鵬表示，以每日確診量到各縣市都可以疫調的規模來看，「台灣要清0不會是天方夜譚！」不過他也透露，潮水開始退</t>
  </si>
  <si>
    <t>針對「COVID-19公費疫苗預約平台」第8期預約民眾及第1劑AZ疫苗接種滿10周者，金門再獲中央配發8600劑AZ疫苗，預計今日到貨，9／15開打至23日，請鄉親多加留意。此次施打的對象是依中央流行疫情指揮中心於9／6公布第</t>
  </si>
  <si>
    <t>接種新冠疫苗常見副作用為注射部位紅腫、頭痛、畏寒及發燒等，不過日本一名女子接種完莫德納後，竟開始不斷地掉髮，令她崩潰地上網查詢相關副作用，但始終找不到答案，便將其過程PO上網，而現在她也接受生髮門診治療</t>
  </si>
  <si>
    <t>2020美國網球公開賽男單亞軍小祖維瑞夫，賽後致詞透露，父母新冠肺炎病毒檢測呈陽性，因此這次無法一起到美國紐約為他加油。今年美網男單爭霸，小祖維瑞夫在握有兩盤絕對領先優勢下，遭奧地利好友提姆逆轉，頒獎典禮</t>
  </si>
  <si>
    <t>針對美國多位議員要將陸駐美大使館外的路名改成「李文亮廣場」，李文亮的遺孀付雪潔表示，她對此消息感到難過，李文亮若有知，一定不會允許有人借他的名義來傷害他的祖國。她懇求各界，「讓逝者安息，生者前行」。雖</t>
  </si>
  <si>
    <t>台灣在去年12月曾去函世界衛生組織WHO，表示新冠肺炎恐有「人傳人」現象，但遭WHO否認，陳時中更因此火大公布電郵全文反擊。不過外界好奇，指揮中心的資訊究竟從哪來，對此指揮中心發言人莊人祥今天(15日)防疫記者會</t>
  </si>
  <si>
    <t>受到新冠肺炎疫情影響，三級警戒至今已經超過一個月，不僅許多店家生意受到影響，就連藝人也因為工作喊卡，導致收入銳減。對此，八點檔女星璟宣透露因為疫情關係，詢問房東是能否調整房租？沒想到卻得到讓她傻眼的答</t>
  </si>
  <si>
    <t>國內爆發首例院內感染，第34例患者後續衍生出院內群聚感染，但誰是感染源？疫情指揮中心還無法判斷。陳時中指出，無症狀者是可能存在的，大家只能提高警覺。有專家懷疑，台灣是不是已經出現了超級傳播者？針對此案，</t>
  </si>
  <si>
    <t>今年剛入選交通部觀光局經典小鎮的台南市新化區，防疫期間民眾往郊外走，部分民眾到中興大學新化林場園區外的造林區登山健行，常因迷路或體力不支打電話請消防救護人員協助，新化林場呼籲遊客，林場內步道維護完善，</t>
  </si>
  <si>
    <t>越南一對夫妻確診新冠肺炎後，地方官員擔心狗會傳播病毒，下令撲殺這對夫妻及親戚飼養的15隻狗及1隻貓，引爆越南社會怒火。當初這對夫妻騎機車載著所有毛小孩逃離疫情的畫面也在網路上瘋傳。綜合越南快訊（VnExpress</t>
  </si>
  <si>
    <t>國內疫情雖較緩和，疫苗施打持續上緊發條，台中市長盧秀燕26日在市政會議表示，「疫苗來就要打！」預計今天接種完第1劑的能量，達70％以上覆蓋率，第2劑達30％以上，兩項指標都比中央提早達標。盧秀燕表示，從6月4日</t>
  </si>
  <si>
    <t>新冠肺炎導致重症與死亡的程度，慢性病是關鍵！國健署昨天引用刊登於大陸流行病學雜誌上的近期研究指出，慢性病會增加致命風險，其中又以「心血管疾病」居冠。指揮中心則指出，患者若出現肺炎是最難治療的，提醒高血</t>
  </si>
  <si>
    <t>海軍敦睦艦隊群聚染疫，中央流行疫情指揮中心昨宣布再增加1人確診，為高雄市磐石艦隊官兵，截至目前高雄累計共12例；高市府也公布該名個案的足跡，遍及鳳山、左營和三民區，新增5處熱點。高市公布第6波染疫軍人足跡</t>
  </si>
  <si>
    <t>高鐵42名員工南下高雄多家醫院、闖關搶打莫德納疫苗的醜聞，4日晚間調查報告出爐。高市衛生局強調，針對網頁公告不明確，現場掛號及身份檢核未落實、部分民眾滯留現場爭取接種影響疫苗施打秩序、現場排除問題是否有</t>
  </si>
  <si>
    <t>新冠肺炎肆虐全球，歐美近期淪為重災區，旅居歐美台灣人大量返國，各界憂成為防疫破口。台大公衛學院副院長陳秀熙今天在廣播節目上表示，這一波境外移入最多增加確診500例，但是只要不要造成社區感染台灣都能應付。</t>
  </si>
  <si>
    <t>南投縣新冠肺炎疫苗第2劑施打率60.1％，略低於全國平均值，南投縣長林明溱13日提醒民眾踴躍施打疫苗，並指示衛生局，在19日下午舉辦的名間鄉親子生態公園開幕時，加開快打站，民眾當天施打疫苗將贈送肉鬆等禮品。中</t>
  </si>
  <si>
    <t>高端疫苗將於8月23日開打，聯亞疫苗今晚也傳好消息！最快明日將由衛福部長陳時中親自宣布審查結果，若順利通過將有200多萬劑的現貨可供中央調度使用，有望解決國內當前疫苗短缺的燃眉之急。食藥署長吳秀梅今晚受訪時</t>
  </si>
  <si>
    <t>美國放棄世界領袖的責任與地位，國際政治出現真空，大陸乃趁虛而入，歐盟是其主要目標，中美衝突深化，歐盟更成為大陸突破美國「新冷戰」的重點地區。大陸外長王毅日前到訪義大利、荷蘭、挪威、法國及德國，接著中央</t>
  </si>
  <si>
    <t>外界認為中央採購疫苗政策可能是卡在面子，或為了保護國產疫苗，台北市長柯文哲27日表示，自己做品牌坦白講很吃力，為什麼要把國運賭冒險上面，國家有國家考量，沒有對錯，他沒有抱怨，但美國若願意賣給我們「算了，</t>
  </si>
  <si>
    <t>有俄國聲樂女王之稱的女高音安娜．涅翠柯，2016年來台演出一票難求，17日晚間在臉書公布壞消息，表示自己確診新冠肺炎，已經有症狀出現、目前在醫院治療，但是「不後悔回到舞台演出」。涅翠柯在上周六才在臉書上宣布</t>
  </si>
  <si>
    <t>衛福部長陳時中今(11)日表示，第2次武漢台商返台專機由台灣中華航空與中國大陸東方航空分別執行，共有361位於昨日深夜抵台，已全數入住集中檢疫所，陳時中也已經分別前往三個檢疫所，關心安置情況。陳時中說，過程中</t>
  </si>
  <si>
    <t>佛光山近期發文給中央流行疫情指揮中心提及將購買20萬至50萬劑嬌生疫苗捐贈給我國政府，但昨天嬌生聲明提及「只與政府協商」，對此，國際佛光會中華總會總會長趙怡表示，經與海外代表聯絡，得知嬌生公司已與我政府對</t>
  </si>
  <si>
    <t>新冠肺炎的社區感染是我們最不希望看到的情況，也是整個防疫體系是否潰堤的指標。就算政府把台灣圍得跟鐵桶一樣，可別忘了新冠病毒會有氣溶膠傳染，只要有縫就能鑽進來，鐵桶也會氣爆。日本的殷鑑不遠，近日瞬間崩潰</t>
  </si>
  <si>
    <t>日本女學生疑在台染疫消息傳出，許多人感到訝異，為何台灣連73天無本土病例，會無端冒出其感染源來自台灣？對此，精神科醫師沈政男認為，這是一個重大警訊，而今端午連假國內旅遊爆量，要阻止已經來不及了，他呼籲大</t>
  </si>
  <si>
    <t>鴻海（2317）今（23）日召開股東常會，通過2019年財報及盈餘分配案，決議配發每股現金股利4.2元，以今日平盤價78.9元計算，現金殖利率約5.32％。展望今年，集團將持續求新求變，透過3階段措施持續轉型升級，提升集團</t>
  </si>
  <si>
    <t>近來虱目魚產地價格已跌至成本價每台斤40元以下，民進黨立委邱志偉日前邀請漁業署到高雄市路竹區與漁民座談。邱志偉要求漁業署與高雄市政府海洋局，於1周內共組聯合稽查查價小組，對魚價格下跌做調查並提出報告。漁</t>
  </si>
  <si>
    <t>行政院長蘇貞昌今天再度赴立法院針對「國籍航空機組員隔離『3＋11』決策過程」進行專案報告。根據送抵立院的書面報告，蘇貞昌表示，「對於每一條寶貴生命的消逝，我都深感遺憾與抱歉。」不過，朝野協商時國民黨團總</t>
  </si>
  <si>
    <t>台微體（4152）2020年營收1.02億元，年減51.3％，淨損9.83億元，每股虧損12.42元。台微體表示，子公司盈擘醫藥完成$1,500萬美元增資；新設子公司將專注於肺部疾病產品之開發，包含旗下新冠肺炎新方案TLC19及其他嚴重</t>
  </si>
  <si>
    <t>新冠肺炎疫情延燒，國中小所延長兩周的寒假終於要結束，針對下周二就要開學，基隆市長林右昌於17日親自主持教育處防疫會議，確認所有學校防疫物資的整備都已到位，並瞭解是否有需要市府協助及加強之處，務必要讓學童</t>
  </si>
  <si>
    <t>台股守在萬二以上，讓更多投資人「心癢癢」，想進場投資。國泰金控20日公布7月國民經濟信心調查，因為全球疫情再起，讓庶民經濟信心略為下滑，外界也擔心股市風險已高，但仍有26.2％的受訪者有意將現金或定存轉入台</t>
  </si>
  <si>
    <t>近期全球股市受到新冠肺炎疫情全球持續升溫、阿拉伯提高產能引發國際油價崩跌兩大利空干擾，整體市場投資氣氛較差。兆豐臺灣藍籌30ETF經理人周彥名表示，根據研究機構預估，台股今年整體股利率可達4％，相較香港、大</t>
  </si>
  <si>
    <t>新冠肺炎重創零售百貨業，國內百貨業也開出裁減人力第一個震撼彈，微風集團傳出將資遣近3成人力，將有百人以上受影響。對此，微風集團回應，此為依例年度進行內部人力組織調整，等於是認了有裁員一事，微風是否會啟</t>
  </si>
  <si>
    <t>新冠肺炎疫情台灣逐漸升溫，今傳出新北某私立大學生赴日本旅遊後返台，卻沒進行自主管理，且向周遭友人隱瞞旅遊史。對此，經詢問校方由秘書長回應，「確實有一位同學赴日旅遊，但校方在事情傳開後，已請系上緊急調查</t>
  </si>
  <si>
    <t>新冠病毒肆虐全球，意外引起美陸政治糾紛，雙方就病毒起源與是否隱瞞疫情、甚至陰謀論等說法隔空交火，其中又以陸外交部發言人趙立堅的「美軍可能帶疫情進入武漢」的說法具爭議。對此，陸駐美大使崔天凱時表示，由記</t>
  </si>
  <si>
    <t>中央流行疫情指揮中心今(11)日公布國內新增4例境外移入COVID-19確定病例(案1204至案1207)，均自印度入境。指揮中心指出，案1204至案1206為50多歲男性、40多歲女性及20多歲男性，皆為本國籍，分別於2019年12月、今(20</t>
  </si>
  <si>
    <t>國內新冠肺炎疫情持續延燒，醫療量能緊繃，台北市長柯文哲今（26）日上午在北市防疫會議上指出，如果要等到8月打疫苗，且是國產疫苗，這等於把國運賭在一個不可知的期望上面，若要撐到8月恐撐不下去，「會死傷慘重」</t>
  </si>
  <si>
    <t>美國民眾持續接種新冠肺炎疫苗，但施打進度近日出現放緩跡象，美國高階衛生官員敦促更多民眾接種疫苗。根據美國疾病管制預防中心（CDC）數據顯示，過去一周美國每日平均施打約280萬劑疫苗，低於4月初的平均320萬劑。</t>
  </si>
  <si>
    <t>全球各地都受到玩家歡迎的知名手遊《Pokémon GO》，原訂 3 月 15 日將舉辦本月社群日(Community Day)活動。不過目前官方已提早宣布，今年 3 月社群日確定延期舉辦，並公布了補償辦法，訓練師們可以特別留意。《Pokém</t>
  </si>
  <si>
    <t>人類新冠肺炎侵襲，禽畜也受禽流感威脅，雲林縣口湖17日一大型牧場撲殺了3萬2454隻黑羽土雞，該場飼主本月12、13日發現雞隻異常死亡，雲林縣動植物疾病防疫所16日下午確診感染H5N2及H5N5兩種高病原性禽流感。雲林防</t>
  </si>
  <si>
    <t>部立桃園醫院副院長王偉傑帶領院內血漿淨化團隊，將血漿淨化術運用在新冠肺炎患者身上，去年已成功將3名重症個案救回，王偉傑強調，血漿淨化術費用少、副作用低，個案採用血漿淨化術後症狀大幅改善，該技術也獲得美</t>
  </si>
  <si>
    <t>美媒引述消息人士指出，美國前總統川普去年染上新冠肺炎時，症狀比外界知道的還要嚴重，出現了肺浸潤等重大急性症狀，醫生甚至一度考慮要為他戴上呼吸器。美國有線電視新聞網（CNN）報導，消息人士證實，美國前總統</t>
  </si>
  <si>
    <t>「卡神」楊蕙如長期使用網軍在PTT帶風向，更在去年關西機場事件中指示下層痛罵大阪辦事處，去年12月遭檢調以侮辱公署罪起訴，開庭前一晚(13日)，她也在臉書PO長文表達心聲，但不僅否認花錢養網軍，更稱自己也「被大</t>
  </si>
  <si>
    <t>中央疫情指揮中心指揮官陳時中上午宣布台北市、新北市進入三級警戒，雙北民眾人心惶惶，擔心下一步就是封城，紛紛趕往大賣場補充民生物資，以新北市板橋區的家樂福大賣場為例，宣布三級警戒才1個多小時，中午採買民</t>
  </si>
  <si>
    <t>美國職籃（NBA）7月即將於奧蘭多迪士尼世界（Disney World）復賽，主辦單位打算出動穿戴式裝置與大數據分析，希望確保22支隊伍球員與工作人員免於新冠肺炎的感染威脅。NBA為了復賽做足準備，備妥超過100頁的備忘錄，</t>
  </si>
  <si>
    <t>（10：13）拜登演說結束，美國總統國會聯席會議演說通常會持續1小時，拜登首場演說一共花了1小時5分鐘。演說尾聲，拜登表示從來沒有對美國這麼有自信、樂觀過，「未來將會屬於美國」，他說美國原本面臨動亂及疫情深</t>
  </si>
  <si>
    <t>中央日前宣布，從11月2日起將進一步鬆綁防疫管制措施，並分階段鬆綁分階段鬆綁八大行業防疫管制，以「有、無陪侍服務者」為區別，無培侍服務可在11月2日向地方政府提出復業申請，台北市今臨時舉辦防疫記者會，台北市</t>
  </si>
  <si>
    <t>為了更加清楚表達NBA對抗新冠肺炎疫情的決心，NBA總裁席爾佛13日特別寫了一封給所有NBA球迷的公開信，強調會做出停賽的無奈決定，都是為了所有人的幸福與健康著想，更表示這次停賽至少持續30天，直到所有人確定安全</t>
  </si>
  <si>
    <t>海軍敦睦艦隊有24名官兵感染新冠肺炎，國防部的處置和說法屢遭打臉，因此遭外界質疑隱匿病情。事發至今，國軍至少有3大防疫疏失，包括口罩政策未落實等艦上健康管理問題、返國檢疫隔離不如遠洋漁船標準以及下船檢疫</t>
  </si>
  <si>
    <t>三級警戒期間死亡人數高達近800多人，面對不停歇的死因質疑聲浪，專家諮詢小組召集人張上淳曾說，「死亡率高與家屬具DNR觀念（不施行心肺復甦術）有關」，有相當比例的病人是救得回來的，引發軒然大波，醫界批評這是</t>
  </si>
  <si>
    <t>赴大陸考察新冠肺炎疫情的世界衛生組織專家已結束在路調查行程，考察組外方組長、世衛組織總幹事高級顧問艾爾沃德（Bruce Aylward）表示，大陸所採取的策略明顯影響了確診病例增加的速度，並已認識到武漢人民所付出</t>
  </si>
  <si>
    <t>新冠肺炎疫情延燒，網路假消息不少，行政院長蘇貞昌今天透過臉書、LINE官網表示，最近網路上出現很多散播假疫情、假防疫政策的惡意訊息，甚至有人竄改行政院公文說「大家可以免費去醫院領十張口罩」。他要在此說明，</t>
  </si>
  <si>
    <t>全球新冠肺炎疫情未歇，使景氣後市遲未明朗。專家認為，5G仍是後疫情時代啟動全球經濟引擎的鑰匙，基礎建設、關鍵元件等「硬5G」將迎來首波商機，在5G趨勢初始爆發階段，超前部署關鍵科技硬5G等相關商機，將是掌握布</t>
  </si>
  <si>
    <t>台灣於5月中旬新冠肺炎疫情爆發，民眾將其歸咎於指揮中心放寬機組員檢疫措施為3+11，而民進黨不分區立委范雲被網友指控為向指揮中心「關心」將機組員檢疫措施放寬為3+11的主要推手。范雲在事件爆發後臉書均未發文，</t>
  </si>
  <si>
    <t>5G今年起在全球陸續商轉，預計對於小型基地台周邊相關產品在未來幾年內將持續快速成長，小型基站概念股包括有正文(4906)、中磊(5388)、啟碁(3596)、明泰(3380)，另外，光濾波器廠統新(6462)等均可望受惠。隨著各國電</t>
  </si>
  <si>
    <t>總統蔡英文日前表示，各廠牌疫苗取得累積數量已經達到1730萬劑，這當中有國際夥伴的援贈，行政團隊更是天天寫信、週週視訊會議，多管齊下和民間努力的成果。對此，前藍委孫大千譏諷，現在是在催貨，還是在吹牛？蔡英</t>
  </si>
  <si>
    <t>據兩名參與籌備工作的人士表示，中國大陸已暫定計劃在4月下旬或5月初舉行全國人大、政協會議，這兩個每年按例在3月舉行的會議因新冠病毒而延後，目前大陸新冠病毒新增病例已大幅下降，因而打算在疫情趨緩之際召開此</t>
  </si>
  <si>
    <t>華南銀行積極配合政府政策，照顧受新冠肺炎疫情衝擊的基層勞工，率先推出「受嚴重特殊傳染性肺炎影響勞工紓困貸款」，每人最高十萬元，貸款期限三年，第一年免繳利息，前六個月寬限期間不必攤還本金，第二年起利率則</t>
  </si>
  <si>
    <t>台灣疫情居高不下，每天被確診數與疫苗採購相關問題夾擊，而在如此嚴峻的情況下，不但警消、物流人員身處險境，在第一線的醫護人員更是首當其衝，近日還爆出確診者傷害護理師的事件，讓人心疼又著急，藝人洪都拉斯受</t>
  </si>
  <si>
    <t>荷蘭農業部19日表示，國內傳出一起養貂場員工被貂感染新冠肺炎案例，是荷蘭第一件通報的動物傳染給人的病例。荷蘭南部荷蘭北布拉班特省（North Brabant）的大城愛因霍芬（Eindhoven）東部有兩座養殖場，新冠肺炎病毒</t>
  </si>
  <si>
    <t>鑑於香港街頭的抗爭不斷，中共決定推動香港國安立法。蔡總統一反過去所謂關懷香港人民福祉的口氣，透露出要把香港停止適用《港澳關係條例》，將香港視同大陸處理的意向。蔡英文此舉若是成真，不僅是香港人，就連台灣</t>
  </si>
  <si>
    <t>美國國務卿蓬佩昨（31）日證實，一名國務院官員不幸因新冠肺炎逝世，這也是美國外交官員病逝首例。綜合美媒CNBC、美國《野獸日報》（Daily Beast）報導，美國國務卿蓬佩奧昨日證實，一名國務院官員因為新冠肺炎喪命</t>
  </si>
  <si>
    <t>新冠肺炎自1月底爆發至今，國光生技董事長詹啟賢表示，無法出國、應酬也變少了，意外收穫是高爾夫球的球技進步了；詹啟賢說，因為大家都不出國，幾個朋友很容易約，以前高爾夫球久久打一次，現在一星期可以約上2次，</t>
  </si>
  <si>
    <t>基隆市新增1例本土確診個案，是家庭群聚延伸，累計279例，市長林右昌表示，已連續6天確診數都在5以下，若疫情持續穩定，成功、仁愛市場將分別於6月23、24日復市。林右昌公布確診案例，案14084為70多歲女性，由於親人</t>
  </si>
  <si>
    <t>中職棒球比賽開放入場，其他行業、八大行業是否會陸續開放營業？台中市長盧秀燕8日表示，這幾天有業者不斷詢問，因為考慮到特種行業的服務，業者與消費者之間還是較難保持社交距離；可以維持社交距離的，像是戶外打</t>
  </si>
  <si>
    <t>新冠肺炎疫情延燒，境外移入個案近日暴增，新北市長侯友宜17日在新北環狀線形象廣告發布會後指出，「全世界都在鎖國，我們不要隨隨便便把疫情帶回來」，有可能今天是一級警示，明天會變成三級，呼籲這段時間沒有必要</t>
  </si>
  <si>
    <t>新冠肺炎疫情導致英國籍鑽石公主號郵輪成為國際間確診、感染人數最多的「疫區」，荷蘭籍威士特丹號漂流海上兩星期。有鑑於此，義大利歌詩逹郵輸公司今天發聲明，宣布取消旗下歌詩達新浪漫號及歌詩達威尼斯號3月份從</t>
  </si>
  <si>
    <t>新冠肺炎疫情延燒，民眾減少外出用餐，台灣許多老牌中餐廳不堪虧損紛紛停業。對此，「天廚菜館」的餐廳監察人、退休情報人員陳虎門表示，許多老牌中餐廳會停業，除疫情影響外，還有一例一休和年金改革都影響餐廳營收</t>
  </si>
  <si>
    <t>在新冠肺炎持續延燒，全球經濟大受打擊之際，20國集團(G20)週四(26日)以視訊方式召開緊急會議，決議共同投入大量資源拯救遭到重創的經濟，總金額高達5兆美元。根據路透社報導，G20是2008-2009年全球金融海嘯之下的產</t>
  </si>
  <si>
    <t>立法院長游錫堃呼籲立法院盡速通過「台灣加入世衛組織決議文」，大陸國台辦批評，這是以疫謀獨的妄想，在疫情面前製造兩岸對抗，呼籲台灣一些政客若自我膨脹、逆勢蠢動，只會碰得頭破血流。國台辦發言人馬曉光14日針</t>
  </si>
  <si>
    <t>科技部長陳良基26日公布「台灣10家最酷科技新創」，希望幫新創好手增加國際能見度，讓台灣新創茁壯成為更厲害的獨角獸。其中聯齊科技近日獲得首波B輪注資，獲國外創投基金相中，挹注約新台幣3億元挹注，是獲獎者中得</t>
  </si>
  <si>
    <t>全球研究與創新論壇2月11在日內瓦開幕。世衛組織總幹事譚德塞在記者會上宣佈，將新冠狀病毒命名為「COVID-19」。大陸央視新聞報導，此一英文縮寫象徵，此為2019年發現的冠狀病毒疾病。譚德塞表示，選擇這一名稱，是</t>
  </si>
  <si>
    <t>澳洲新南威爾斯省7日宣布，該省首府雪梨和周邊地區為期兩周的封鎖本預定9日結束，但為了阻止高傳染力的新冠變種病毒Delta擴散，因此決定讓封鎖時間，延長一周至16日晚上11點59分為止。省長貝雷吉克利安（Gladys Bere</t>
  </si>
  <si>
    <t>行政院推出的「花1000元換3000元」振興券，即將在7月15日上路，但是怎麼領、怎麼花、去哪花？民眾依舊「霧沙沙」，尤其聽到要自己先從口袋掏出1000元才能領，更是引爆怒火，有網友直接點出關鍵：有些人根本沒1000啊</t>
  </si>
  <si>
    <t>由於新冠肺炎疫情影響，美國政府推出企業貸款服務，但卻因為太多小企業貸款遭到拒絕，導致獲得460萬美元貸款的湖人成為攻擊標靶，因此湖人決定將這筆貸款退回。美國小企業管理局這次推出總金額3490億美元的貸款，希</t>
  </si>
  <si>
    <t>合庫銀行總行於今日接獲城東分行通報該分行實習生，經檢疫後確診新冠肺炎，分行立即於同日晚間請專業清潔廠商進行全面消毒作業，並規劃全體同仁進行快篩及加強自我健康監測。據該分行通報，該實習生工作以定存業務為</t>
  </si>
  <si>
    <t>新冠肺炎疫情延燒，台灣已出現數起群聚、1起院內感染。中央流行疫情指揮中心召集人張上淳表示，目前國內仍維持在零星社區感染，未來若懷疑進入社區傳播，將考慮對有機會接觸到病毒的人，不限醫護或一般大眾，進行血</t>
  </si>
  <si>
    <t>新冠肺炎疫情延燒，短短1周內，全球確診病例數暴增2倍，即將超越百萬門檻，各國政府紛紛採取禁足令，全球進入鎖國時代，旅館、餐廳、商店、工廠等關門，全球經濟烏雲罩頂。世界銀行下修全球經濟預估，亞太地區今年最</t>
  </si>
  <si>
    <t>口罩製造廠商不同，產出的花樣與款式也不一樣，其中白色、綠色、藍色最為常見，陸續有人拿過橘色、紫色，甚至還有人買到雙色、點點等樣式，讓人宛如在買驚喜包一樣，而近日一名網友竟買到傳說中的「米奇版本」，讓1</t>
  </si>
  <si>
    <t>國內今日新增16例本土案例，及1例調查中的案例，中央流行疫情指揮中心表示， 目前仍處於第2級的「出現感染源不明的本土個案」階段，還未進入第3級的「單周出現3件以上社區群聚」。今天新增的有2起群聚，其他3例是不</t>
  </si>
  <si>
    <t>疫情過後，為了未來防疫，你願意犧牲個人隱私，換取代表你健康無虞的證明當成恢復日常生活和行走各地的「通行證」嗎？COVID-19（新冠肺炎，一稱武漢肺炎）在多國出現觸頂跡象，但這場大流行病恐怕就此改變人類生活方</t>
  </si>
  <si>
    <t>對於美方先前抱怨其專家無法進入大陸了解新冠肺炎病毒，大陸外交部17日表示，包括美方的世界衛生組織專家將訪北京，以及廣東與四川等省份，但疫情爆發點武漢市與湖北省不在行程內，引起外界關注世衛專家是否確實能調</t>
  </si>
  <si>
    <t>防疫期間，大陸民眾除了出門工作、購買民生物資，幾乎都宅在家，為豐富民眾精神生活，紓解恐情緒，大陸廣播電視總局日前啟動廣播電視節目「眾志成城 共同戰疫」公益展播活動，宣布即日起至8月底，釋出《經典詠流傳》</t>
  </si>
  <si>
    <t>群聯(8299)6月營收月減少13.68%，較去年同期持平，董事長潘健成認為，群聯已經於去年拿到日本最大柏青哥品牌的訂單，並於今年開始出貨，對營收及獲利將有正面助益。群聯6月合併營收為33.71億元，較去年同期持平，月</t>
  </si>
  <si>
    <t>武漢市已連續多日宣布新增新冠肺炎確診人數為0，但日前網路上出現一篇名為「我最難忘的一天」的文章，文中聲稱目前武漢仍有多地出現確診病患，甚至聲稱有確診病患遭官方互踢皮球。武漢當局也火速出面澄清表示該文章</t>
  </si>
  <si>
    <t>新北市長侯友宜今（6）日上午視察致理科技大學防疫工作，媒體追問中央宣布暫停警察酒測勤務的看法，侯友宜表示，尊重中央的規定，不過，酒駕是無形的殺手，不輸新冠肺炎，新北市來講不會停止，會用彈性、重點的方式</t>
  </si>
  <si>
    <t>今年因應新冠肺炎疫情持續延燒，許多宮廟紛紛停止舉辦宗教遶境活動，避免群聚，嘉義縣新港奉天宮4年一度的十八庄遶境也受影響而延期，因此，新港奉天宮特地將已有200年歷史的元宵遶境活動搬進展場，舉辦「百年元宵</t>
  </si>
  <si>
    <t>國內今日新增5名新冠肺炎境外移入個案，其中3人為印尼移工、2人為菲律賓移工，均是期滿前採檢確診。截至目前，國內共累積623名確診案例。案620至622都是印尼籍女性，介於30多歲到40多歲之間，11月10日來台工作，入境</t>
  </si>
  <si>
    <t>網路溫度計發布六都市長防疫100天評價，新北市長侯友宜名列第一。侯友宜今日（30日）視察金山老街時表示，「我只是把應盡的責任做好」，非常謝謝新北市民，從過年期間至今都非常配合，支持市府的防疫措施。侯友宜表</t>
  </si>
  <si>
    <t>新竹縣55歲住長照機構的徐姓婦人，染疫住院治療後4日解除隔離，但2天後慢性病情加重身亡，醫師在死亡證明載明「新冠肺炎」死亡，引發殯葬人員恐慌，經縣府民政處協調後9日完成火化。衛生局長殷東成表示，徐姓婦人經</t>
  </si>
  <si>
    <t>馬林魚27日隊上一口氣爆出十多名新冠肺炎感染者，衝擊自家與他隊賽程，讓大聯盟再現停擺危機。聯盟發出備忘錄給各隊高層，表示目前還不會中斷球季，只要求提升防疫層級，包括「建議大家都去打流感疫苗。」職籃NBA也</t>
  </si>
  <si>
    <t>最近發表在《美國心臟病學會雜誌》( Journal of the American College of Cardiology)的一項研究報告指出，一種常見的心臟病藥物「美托洛爾」(metoprolol，常見商品名為「倍他樂克」 Betaloc)，可以減輕新冠肺炎重症</t>
  </si>
  <si>
    <t>美國新冠肺炎確診人數飆破462萬，疫情導致經濟步入衰退、失業率飆升，但川普總統1日，仍前往他位於維吉尼亞州史特林的私人高爾夫球場揮桿。由於川普國家高爾夫俱樂部，就位於華府近郊，因此川普搭車前往。球場外有一</t>
  </si>
  <si>
    <t>北部1名高中生確診新冠肺炎，全班停課，新北市「開出第一槍！」禁止高中職以下師生出國，防疫經常「依中央指示」掛嘴上的基隆市長林右昌，下午再補一槍，跟進北北桃「逆時鐘」，更加碼基隆至7月14日前都禁止。零確診</t>
  </si>
  <si>
    <t>新冠肺炎全球蔓延迄今，高雄30例確診都是境外移入，高雄市長韓國瑜17日上午視察衛生局疫調支援中心，嘉勉全體人員執行防疫業務的辛勞；有媒體追問市長除慰訪行程外，整天幾乎無其他行程，新聞局長鄭照新強調，只是沒</t>
  </si>
  <si>
    <t>受到新冠肺炎疫情影響，印度議會14日召開6個月來首次會議，印度總理莫迪（Narendra Modi）與議員帶著口罩，坐在滿是隔板的議會廳開會。莫迪在演說中表示，在新冠肺炎藥物問世前不能鬆懈，希望疫苗盡快推出。</t>
  </si>
  <si>
    <t>受新冠肺炎疫情影響，大陸文娛行業今年首季只運作近1個月，加上廣電總局2月公布《關於進一步加強電視劇網路劇創作生產管理有關工作的通知》，要求電視劇、網路劇、網路電影在備案審批時「須提交完整劇本」的規定，以</t>
  </si>
  <si>
    <t>被俗稱「武漢肺炎」的新冠肺炎，從中國大陸蔓延全球，疫情至今還未控制。在台灣目前確診的18例中，首位被診斷出新冠肺炎的女台商，日前康復出院，引發國內社會高度關注。而作為台灣第一位確診新冠肺炎治癒的「幕後功</t>
  </si>
  <si>
    <t>資深主播張雅琴播報新聞風格獨特又犀利，一針見血又中肯的評論，總是讓網友聽了大呼過癮。然而她昨（26日）在播報大甲媽祖遶境相關新聞時，突然在主播台上大咳嗽，讓她當下急忙道歉，澄清自己只是嗆到。大甲媽祖遶不</t>
  </si>
  <si>
    <t>新冠疫苗接種自15日起展開，隨著美方捐贈的250萬劑莫德納抵台，加上已有的近200萬劑AZ，政府承諾的大規模施打即將具體實現。《中時新聞網》整理7項重點，供有意前往接種的民眾、以及陪同的家人參考，確保疫苗副作用</t>
  </si>
  <si>
    <t>美國總統拜登今天表示，預定6月底前將釋出2000萬劑疫苗到海外，這是美國首度將獲得官方認證使用的疫苗供應海外。對此，駐美代表蕭美琴表示，「進洽爭取中」。拜登（Joe Biden）今天下午宣布，將再釋出2000萬劑2019冠</t>
  </si>
  <si>
    <t>台灣新冠肺炎疫情急遽升溫，國內今天再度新增26確診個案，中央流行疫情指揮中心指揮官陳時中今天公布，其中25是境外移入，本土案例1人，這名本吐案例是124案研究機構內群聚感染再擴大，該群聚共5人感染。國內累積確</t>
  </si>
  <si>
    <t>新冠肺炎升溫，爭議假消息被網友匿名在網路上散播，調查局假訊息防制中心一口氣溯源追查了包括「武漢台商…與一位女性打麻將…出現發燒症狀…」等4件假訊息，共約談6位散播網友到案，偵訊後依違反《傳染病防治法》移送</t>
  </si>
  <si>
    <t>新冠肺炎(COVID-19)疫情持續延燒，受到疫情影響，有多場全球性的大型展會，包含今年 2 月份 MWC(全球行動通訊大會)以及日本橫濱攝影器材展CP+等都已經確定取消，在台灣的台北國際書展(TiBE)以及台北國際電玩展(TpGS)</t>
  </si>
  <si>
    <t>日職阪神虎選手藤浪晉太郎與二軍2名不具名選手，在新冠肺炎檢測中都為陽性，日職一下暴增3確診案例。雖然球員確診可能衝擊到原本日職開幕日，不過日職事務局長井原敦表示，最快4月24日開幕的目標不會變。先前日職聯</t>
  </si>
  <si>
    <t>若今年冬季COVID-19疫情與流感同時夾攻，人類該如何因應？最佳的預防方法就是接種疫苗！由中央研究院翁啟惠院士領導的基因體研究中心團隊，多年來致力於研究廣效流感疫苗，近期又出現重大突破。團隊研發出「單醣化嵌</t>
  </si>
  <si>
    <t>新冠肺炎疫情延燒，中央流行疫情指揮中心今公布國內新增16例新冠肺炎確診者，包括2例本土及14例境外移入。本土個案為50多歲男性(案268)及30多歲男性(案269)，兩人均無出國史，感染源不明。境外移入個案為9女5男，年</t>
  </si>
  <si>
    <t>行政院長蘇貞昌今在臉書表示，為了確實阻斷疫情傳播鏈，在專家會議建議下，疫情指揮中心、各部會會商後，防疫指揮中心今天下午宣佈，全國第三級警戒及各級學校停止到校上課的措施，延長到6月14日。原定6月5日至6日舉</t>
  </si>
  <si>
    <t>天氣轉涼，也宣告泡溫泉的旺季來臨！交通部觀光局今年再度結合全台19個溫泉區舉辦「2021-2022台灣好湯」活動，今日舉行啟動儀式，民眾前往全台400多家合作業者住宿或泡湯，使用振興五倍券或國旅券消費滿200元，即有</t>
  </si>
  <si>
    <t>拜登當選總統，美國防疫展開新局，與美國總統川普用諸如「中國病毒」等歧視用語不同，拜登防疫的重點在科學，而非政治；在美國防疫要轉向下，是否台灣的政治防疫也該下架了，放台商、大陸專業人士一條活路吧。拜登勝</t>
  </si>
  <si>
    <t>新冠肺炎疫情嚴峻，我國口罩日產量不斷提升，台灣政府目前已放寬到每14天成人可買9片口罩、兒童可買10片，不過，部分民眾困惑為何不是每天一片？行政院長蘇貞昌前日透露，衛福部認為如果不限量大家可能就會浪費。政</t>
  </si>
  <si>
    <t>日本演藝圈罹患新冠肺炎再添一例，傑尼斯事務所旗下人氣團體「關西傑尼斯8（關8）」，其中一名成員大倉忠義，被爆確診新冠肺炎，目前按照相關單位指示進行10天休養，而與他有密切接觸的成員丸山隆平及經紀人，也將進</t>
  </si>
  <si>
    <t>周一美國死於新冠肺炎的患者已經逼近突破20萬大關，目前為止在全球排名第一。根據路透社統計，以單周平均值估算，目前美國每天約800人死於該疫病，較4月15日創下記錄的單日2,806人病故的高峰值下滑。在疫情剛爆發的</t>
  </si>
  <si>
    <t>各大學為因應新冠肺炎紛紛宣布延後開學，但近日爆出社區感染的消息，即使中央流行疫情指揮中心迅速收回並以個案解釋，仍引發在台外籍學生的不安，質疑指揮中心收回社區感染相關發言只是企圖掩蓋事實。一名韓籍學生表</t>
  </si>
  <si>
    <t>新冠疫情擴散，台灣確診破百例，也吹出了囤貨潮，從昨晚(18日)開始，各大賣場湧入大量民眾狂搶民生物資包括衛生紙、泡麵、罐頭等物品，短短時間內貨架全空，讓買不到的民眾哀號。一名網友就表示，今天去好市多買衛生</t>
  </si>
  <si>
    <t>兆豐仰光分行已經取得緬甸央行核發營業執照，預計在7日正式開業，為兆豐新南向業務增添新動能。兆豐銀表示，2020年4月獲緬甸央行核准設立仰光分行後，就緊鑼密鼓展開籌備工作開始展開，但受到新冠肺炎（COVID-19）疫</t>
  </si>
  <si>
    <t>新冠肺炎疫情全球升溫，美國國務院19日宣布停發全球常態性簽證，投資人也看壞未來全球經濟，美股20日開高走低，道瓊指數收盤跌913點，估單周跌17%，創金融危機來最慘。美國國務院19日把全球旅遊警示提升至最高的第4</t>
  </si>
  <si>
    <t>民進黨立委王定宇今日(21日)於臉書發文表示，針對艦隊染疫，將在明日(22日)立院國防委員會進行「敦睦艦隊染疫專案報告」，並針對4個部分來調查。王定宇說，明日調查重點如下：1.決定進行「敦睦艦隊遠訓」的決策是否</t>
  </si>
  <si>
    <t>這次前所未有的經濟大衰退，朱學恆表示，政府紓困就是救命，但現在公務員紓困慢條斯理，民眾都快掛點了。朱學恒今（18）日在臉書指出，身邊朋友去問銀行有沒有紓困貸款，要嘛說沒有，要嘛又問有沒有不動產，再不然說</t>
  </si>
  <si>
    <t>新冠肺炎（COVID-19）疫情突破200例！這幾天境外移入的確診者更是占了大多數，引起不少民眾關注。就有在餐廳打工的網友，分享聽到客人大義滅親的義舉引發網友熱烈認同。在餐廳打工的原PO在《Dcard》表示，打工的時候</t>
  </si>
  <si>
    <t>新冠肺炎疫情掀起口罩荒，即使政府購買口罩實施「實名制」，七天內限定購買2片，仍出現一片難求窘境，不料一名家裡開藥局的女網友，竟成了口罩荒的受害者，因為沒有幫男友的爸爸留口罩，竟被逼分手嗆：「這女人不能</t>
  </si>
  <si>
    <t>南部某國立大學女碩士班學生在3月7日參加喜宴曾接觸過第47例確診者，10日接獲台南市衛生局要求必須居家隔離14天，期間女碩士曾上2堂課，校方11日隨即要求包括女碩士及同學共37名學生、3名老師不入班不入校14天，23日</t>
  </si>
  <si>
    <t>新冠肺炎疫情擴散，世界衛生組織昨宣布進入全球大流行階段。專家指出，台灣經歷SARS與H7N9的歷練後，早有一套預警系統，反觀歐美數十年未發生大規模流行病，是諸多防疫作為慢半拍的主因。另有專家表示，目前歐洲1人</t>
  </si>
  <si>
    <t>因應新冠肺炎防疫期間，很多機關團體停止辦活動；台中市南區國光社區發展協會關懷據點，日前邀社區長輩在國光國小旁「綠色隧道」舉行新春團拜活動，更顯意義。理事長陳雅惠說，大家相揪沐浴芬多精、呼吸好空氣，除避</t>
  </si>
  <si>
    <t>新冠肺炎自2019年爆發後席捲全球，儘管疫苗已問世，但強勢的變種病毒株仍替全人類帶來威脅。究竟新冠病毒何時能從世界上消失？小兒科醫師陳木榮坦言，歷史上只有2種傳染病完全消失，不少人因為當年的SARS經驗產生錯</t>
  </si>
  <si>
    <t>俄羅斯總統普丁11日搶先宣布，俄羅斯已成全球第一個註冊疫苗的國家，且他的女兒也已完成了疫苗注射，此疫苗以蘇聯人造衛星之名命名為「史普尼克5號」（Sputnik V）。之後俄羅斯衛生部表示，已開始大規模生產。《俄羅</t>
  </si>
  <si>
    <t>桃園市確診個案16119曾前往新竹縣關西、內灣風景區其湖口火車站，由於該案可能是Delta病毒株，新竹縣政府不敢大意，立即消毒其到訪地點，並公開縣內活動足跡，曾與確診者到訪同地點者，務必加強自主健康監測，若有疑</t>
  </si>
  <si>
    <t>中央流行疫情指揮中心昨宣布案39中東移入婦女結案，接觸者均陰性，但今日卻從接觸者中發現新案例，為婦女插花班同學，北部一名50多歲女子。該女子為中東移入婦女延伸出的另一個案例，研判為群聚事件，將針對婦女同住</t>
  </si>
  <si>
    <t>新冠肺炎疫情爆發超過1年半，中央流行疫情指揮中心數月前宣布預採購高端、聯亞各500萬劑疫苗，不過至今只有高端疫苗通過緊急使用授權（EUA）。對於年底購得1000萬劑國產疫苗計畫沒達成，指揮官陳時中今表示，目前達</t>
  </si>
  <si>
    <t>Delta印度變異株來勢洶洶，目前已入侵台灣本土造成3起群聚事件，分別為屏東枋山案、桃園機師案，以及新北板橋幼兒園案。不過，對照枋山群聚，這次Delta病毒並沒有造成新北幼兒園個案出現重症，對此，指揮中心專家小</t>
  </si>
  <si>
    <t>世界貿易組織祕書長阿茲維多決提前卸任，彭博社認為，應與世貿組織當下處境有關。2015年「杜哈回合」談判戛然而止，川普上台後「退群」多邊條約及國際組織，美國單邊主義外交政策影響下，阿茲維多提前下台，只是國際</t>
  </si>
  <si>
    <t>我國今天新增4例確診，其中有一例為印度籍船員（案764），今年10月21日就來台工作，檢疫期滿後由仲介安排登船工作，指揮中心目前研判是在印度感染的機率較高，但擔心其成防疫破口，因此目前正匡列相關接觸者，釐清是</t>
  </si>
  <si>
    <t>中央疫情指揮中心4日公布嘉義縣新增1位新冠肺炎確診案例，嘉義縣長翁章梁今天下午3點疫情線上記者會中說明，該確診個案案10363為水上鄉64歲呂性女子，6月3日因走路不穩懷疑中風，就醫後篩檢確診，目前住院隔離中，匡</t>
  </si>
  <si>
    <t>新冠疫苗擴大施打，中央流行疫情指中心日前開放18歲以上民眾預約登記，願意施打AZ的人仍不多。對此，有醫療背景的花蓮縣衛生局長朱家祥表示，看到這樣的狀況真的很擔心，他形容打AZ是倒吃甘蔗；莫德納則為順吃甘蔗，</t>
  </si>
  <si>
    <t>為了該如何進口疫苗，近期中央與地方甚至民間團體都吵翻天，中央要求以正式管道申請藥證。不過國民黨主席江啟臣發現，今年3月10日衛福部的文件中，已經清楚寫明輝瑞BNT（Pfizer-BioNTech）疫苗已通過我國緊急授權使</t>
  </si>
  <si>
    <t>新冠肺炎疫情衝擊各行各業，台中市政府雨天撐傘，紓困再加碼，推出稅捐緩繳2.0，擴大適用對象及鬆綁條件，全力協助民間產業度過景氣寒冬，預估受惠民眾將達3萬5000人，緩繳金額達2億元。台中市長盧秀燕祭出紓困九箭</t>
  </si>
  <si>
    <t>中國國家衛健委高級別專家組組長、抗疫專家鍾南山13日發表對美國新冠肺炎疫情的看法。他表示，美國病死率將近3％，這說明可能很多病人沒有被發現，美國並沒有認真排查密切接觸者。新浪財經14日報導，鍾南山受訪時重</t>
  </si>
  <si>
    <t>受新冠肺炎疫情影響，亞泥(1102)轉投資山水水泥、子公司亞泥中國陸續發布獲利預警，不過，市場早有預期準備，加上投信仍持續買超，早盤股價仍隨大盤彈升約1.5%，挑戰5日線。今年初大陸元月受疫情干擾，不少企業停工</t>
  </si>
  <si>
    <t>美國CDC在網頁內仍然有台灣新冠肺炎明顯社區傳播的記載，並未將台灣移除於社區傳播之外。親綠媒體疑似搞烏龍，誤報美國將台灣移除於社區傳播名單外，但此報導隨即被刪除，而Google還是可以蒐到標題。對此，外交部歐</t>
  </si>
  <si>
    <t>國經協會受外交部國際合作及經濟事務司委託訂於13日與以色列出口協會共同舉行線上「第8屆台以（色列）經濟聯席會議」，由華邦電子暨該會以色列主任委員焦佑鈞董事長與以色列出口協會會長Mr. Adiv Baruch主持。以色列</t>
  </si>
  <si>
    <t>中央流行疫情指揮中心今(17)日公布國內新增10例境外移入COVID-19(武漢肺炎確定病例)，其中案68至70及案73為2女2男，年齡介於20多歲至60多歲，分別居住北部及中部(各2例)，3月4日至13日至土耳其旅遊(與案56、57及案65</t>
  </si>
  <si>
    <t>自從進入2020年，NBA似乎沒發生過什麼好事，雖然明星賽辦得成功，但那是在布萊恩(Kobe Bryant)罹難的悲劇之後才更引人關注。如今新冠疫情又讓賽季前途難測，湖人詹姆斯(LeBron James)忍不住發文感嘆。「天哪，我們停</t>
  </si>
  <si>
    <t>近期新冠肺炎疫情升溫，帶動美國線上房屋銷售網站Roofstock的海外造訪流量大增，尤其是亞洲訪客數呈現數倍成長，這也反映海外投資人視美國房產是這場疫情風暴中的避風港，其中獨棟出租房屋更是搶手商品。成軍五年的</t>
  </si>
  <si>
    <t>根據衛福部統計，接種新冠肺炎疫苗後不良事件累計至8月16日已達5400件，醫界也呼籲若施打疫苗後出現發燒、劇烈疼痛且頭暈想吐等症狀須立即就醫，但不少人一有身體不適就認為和打疫苗有關，甚至有血尿、肛門痛的病人</t>
  </si>
  <si>
    <t>韓國疫情升溫，政府雖以每日500萬片口罩為供貨目標，且每人限購5片，仍供不應求，大邱、慶尚北道等各地作為販賣窗口的郵局都大排長龍，不少民眾不畏低溫，凌晨就出門排隊。有排隊民眾稱，聽說台灣用健保卡就能買到一</t>
  </si>
  <si>
    <t>《成都商報》10日報導，「3名顧客吃著火鍋被確診新冠？」四川安岳警方9日發布消息稱，劉姓男子因散布這一謠言，謊報疫情擾亂公共秩序，被安岳縣公安局處以行政拘留4日處罰。11月5日14時許，安岳縣石羊鎮某火鍋代理老</t>
  </si>
  <si>
    <t>中國駐大阪總領事館12月2日以「新疆是個好地方——疫情後赴中國新疆旅遊招募」為題發布信息，面向日本國內募集在明年新冠肺炎疫情結束後赴新疆旅遊的民眾，目前已有435人報名，計劃等疫情結束後出發。《環球網》引述《</t>
  </si>
  <si>
    <t>台灣新冠肺炎疫情大爆發，各地方消毒均有賴國軍化學兵出動值勤，國防部發言人臉書貼出一張化學兵把防護面罩拿下後臉上汗水淋漓以及口罩的勒痕，引4萬多網友按讚感激，也希望大家都要好好保護自己，要注意自身安全！</t>
  </si>
  <si>
    <t>台灣在新冠肺炎的防疫上有目共睹，但沒想到敦睦艦隊竟成防疫大破口，震驚各界！但外界更想知的是，為何在疫情蔓延，台灣還要派敦睦艦隊去帛琉執行任務？據悉，原本海軍考慮延後，但傳外交部評估可行，在國安高層最終</t>
  </si>
  <si>
    <t>前副總統呂秀蓮辦公室今(24)日天表示，「世界和平評審委員會」及「世界和諧基金會」昨天聯名致函蔡英文總統，願意協助台灣洽購3000到5000萬劑嬌生或輝瑞疫苗，原廠包裝且交貨迅速；中央流行疫情指揮中心指揮官陳時中</t>
  </si>
  <si>
    <t>本土疫情大爆發，雙北防疫警戒升至第3級，台北市八大行業從15日上午8時起全面暫停營業到6月8日。就有北市酒店小姐哀嚎，一天至少1萬元的收入沒了，只能縮衣節食吃老本苦撐；不然就是改當「外送」，外出參加飯局，或</t>
  </si>
  <si>
    <t>台積電（2330）法人說明會中宣布，將調升今年資本支出10億美元達160～170億美元，與去年相較增加約13％。台積電看好未來幾年在5G及高效能運算（HPC）的強勁晶圓代工需求，未來幾年仍會維持高資本支出，並加速5奈米量</t>
  </si>
  <si>
    <t>新冠肺炎肆虐全球，「5566」孫協志、王仁甫、許孟哲及小刀，日前與眾歌手錄製公益歌曲〈同一個氣息〉，4人相隔10多年再度合體，孫協志說：「這麼多年沒一起錄音，但大家的感情依舊留在20幾歲年輕人的時候，拍攝4個人</t>
  </si>
  <si>
    <t>鋼琴家邁可森（Maksim）睽違4年，原定9日來台演出，首站於台北國家音樂廳舉行「2020邁可森克羅埃西亞狂想音樂會」門票雖完售，但因為新冠肺炎疫情，以及日前確診的澳洲音樂家布萊特狄恩（Brett Dean）曾在同場地演出</t>
  </si>
  <si>
    <t>國內今(2)日新增549名本土案例、12例死亡，中央流行疫情指揮中心指揮官陳時中表示，目前疫情仍維持平穩，不過話才說完沒多久，竟連續咳嗽，咳到一度說不出話，讓一旁的副指揮官陳宗彥、發言人莊人祥、疫情監測組組長</t>
  </si>
  <si>
    <t>國內新冠肺炎疫情蔓延，新北市衛生局今（18日）公布，新增確診人數為106人，中和單日暴增33人，中和民眾相當緊張，紛紛打電話向議員服務處陳情。市議員陳錦錠表示，中和與板橋地緣相當近，呼籲市府除了加強消毒外，</t>
  </si>
  <si>
    <t>藍營傳有四縣市擬比照鴻海、台積電模式向中央申請自行採購疫苗，指揮中心今天表示，相關文件已經收到，目前食藥署認為有一些資料不全以及需要釐清的部分，今天傍晚會發函給各縣市要求補件。至於鴻海、台積電採購疫苗</t>
  </si>
  <si>
    <t>日前《東方衛視》記者張經義在白宮記者會上自稱「來自台灣」，陸委會表示將對張經義裁罰，對此新北市長侯友宜上午在慰勉家防中心時表示，「疫情不會管政治，敵人只有一個，就是新冠病毒。」語畢台不少家防中心的社工</t>
  </si>
  <si>
    <t>中部校園疫情嚴峻，朝陽科大19日有1名女住宿生確診，7名密切接觸學生居家隔離、自主健康管理68人。朝陽科大表示，已早在17日全面課程實施外，全校教職員將於20日及21日兩天實施遠距上班，下周起則採分流上班。朝陽科</t>
  </si>
  <si>
    <t>台灣疫情爆發，全國三級警戒3度延長，現在又爆出印度變種病毒Delta進入屏東社區，引發民眾恐慌。不過今早卻有民眾發現搭乘台鐵的人變多了，甚至站滿整個車廂，令他不解地問「是不是解除三級警戒有望了？」該民眾今（</t>
  </si>
  <si>
    <t>中央流行疫情指揮中心宣布7月27日起至8月9日全台降為二級警戒，但民眾除了飲食之外，外出仍要全程戴口罩，並落實實聯制登記、保持安全的社交距離，而室內集會人數上限規定放寬為50人、室外100人。另也宣布各行各業的</t>
  </si>
  <si>
    <t>新冠肺炎持續在全球延燒，近期有兩名工程師都疑似是在台灣感染新冠肺炎，分別為比利時籍與日本籍，但究竟是本土感染個案，還是境外移入，至今還在調查中。對此，腎臟科醫師江守山在政論節目中直言，零確診絕對是虛幻</t>
  </si>
  <si>
    <t>免疫力，是抗病毒的第一道防線。飲食跟免疫力息息相關，防止病菌和病毒入侵，從日常好好吃開始。現代人雖然大多吃得富足，其實經常是熱量過剩、營養不均衡而不自知。而鞏固「內在免疫戰備系統」，是抵抗細菌病毒的「</t>
  </si>
  <si>
    <t>瑞基（4171）受惠搭上新冠防疫列車，檢測產產品熱銷，激勵上半年合併營收3.86億元，歸屬母公司稅後淨利為9,800萬元，分別年增137％及126％，EPS高達2.41元，超越去年全年獲利。瑞基第二季歸屬於母公司稅後淨利8,477</t>
  </si>
  <si>
    <t>新冠肺炎17日本土暴增333例，桃竹苗縣市政府都加大防疫力道。桃園市宣布天幕球場夜間停止使用，新竹市將著手規畫設立社區篩檢站，新竹縣則加強公共運輸業清消，並要求業者做成紀錄回報。遊樂區、協力經營據點停業遊</t>
  </si>
  <si>
    <t>新冠肺炎衝擊，高市旅宿業普遍剩1至2成住房率。高市旅館公會今（31）日號召百家「親善旅館」，提供居家檢疫者家人安心入住，最低1000元起。另有9家加入防疫旅館行列，目前700多房僅住滿一半，高市觀光局將視疫情狀況</t>
  </si>
  <si>
    <t>新冠肺炎疫情蔓延，讓西洋娛樂圈大地震！不少大牌藝人及年度盛會因安全考量，紛紛宣布取消或延後，包含天后瑪丹娜（Madonna）、「花蝴蝶」瑪麗亞凱莉（Mariah Carey）、加拿大天后席琳狄翁（Celine Dion）的演唱會皆</t>
  </si>
  <si>
    <t>香港有醫學機構研究發現，新冠肺炎感染病患在染病初期，體內就已有大量病毒，容易造成廣泛的感染。該研究並建議現行的檢疫方法，應擴大為深喉唾液檢測，才能有效地找出處於潛伏期的患者。由香港大學講座教授袁國勇等</t>
  </si>
  <si>
    <t>新冠肺炎疫情趨緩，澎湖縣率先開放酒店、舞廳業者恢復營運，全台都在看本島誰開第一槍，台南市長黃偉哲14日下午視察北區萬象大舞廳，業者做足防疫還自加實名制，就盼黃偉哲開金口允諾鬆綁解禁，但黃最終都沒鬆口。因</t>
  </si>
  <si>
    <t>桃園某醫學中心加護病房護理師9日確診，桃園市衛生局長王文彥說明，這名護理師1周前返回台北住家，由姊姊的友人載回來，但友人7日確診，院方隨即安排她採檢也確診。隨即疫調病人、同事70多人全部陰性，因此研判是院</t>
  </si>
  <si>
    <t>鴻海土城廠今天傳出有員工確診，是靠創辦人郭台銘所投資的唾液快篩機揪出。不過中央流行疫情指揮中心今天表示，個案經PCR採檢後又變陰性，因此目前暫時保留不予列案，會再多採一次確認。指揮中心發言人莊人祥今天表</t>
  </si>
  <si>
    <t>加州洛杉磯蘭卡斯特（Lancaster）州立監獄的一名囚犯經新冠肺炎檢測後，呈陽性反應。官員22日宣佈，這是州立監獄出現的首宗新冠肺炎病例。據KTLA 5電視台22日報導，這名囚犯因為3月19日告訴獄方，說他覺得身體不適，</t>
  </si>
  <si>
    <t>《央視》16日晚間宣布，在國家法律政策允許下，並獲得患者家屬同意之下，2月16日凌晨3時許將大陸第一、二例因新冠肺炎逝世患者，其捐獻遺體解剖的患者解剖工作完成，已成功得到病理。同一日的18點45分，大陸全國第2</t>
  </si>
  <si>
    <t>新冠肺炎疫情尚未平息，台灣大(3045)宣布，以實際行動力挺前線醫護人員，從今(22)日起到5月底，醫護人員憑證申辦指定專案，包括本周五將開賣的蘋果iPhone SE等新機在內，均享有購機再折價2,000元的優惠，另外，台灣</t>
  </si>
  <si>
    <t>儘管當前美國新冠肺炎疫情仍處高峰，《ESPN》薪資專家馬克斯仍然提出NBA最佳的復賽方案或版本，他認為NBA最好是在7月上旬，直接從本季季後賽開打，等到8月中旬進行總冠軍賽，下個完整82場例行賽球季才能在耶誕節開幕</t>
  </si>
  <si>
    <t>新冠肺炎全球延燒，中央流行疫情指揮中心宣布將日、韓旅遊提升為第二級警示，澎湖縣長賴峰偉22日在防疫會議中表示，目前正值防疫非常時期，縣府團隊每人都是防疫人員，更應上緊螺絲，全力投入防疫，且為降低感染風險</t>
  </si>
  <si>
    <t>燦坤集團從旅行業「撤退」，燦坤集團旗下燦星網公告，因外界經營環境變化，整體營運表現未如預期持續虧損，董事會決議處分所持約53％燦星國際旅行社股權，預估處分投資利益約在2,861萬元至1,961萬元間。燦星旅亦發訊</t>
  </si>
  <si>
    <t>為有效防堵新冠肺炎院內感染，中醫大新竹附設醫院院長陳自諒與團隊連結產業界，結合醫令條碼掃描自動報到系統，研發「新冠PCR智取箱」檢驗機台，不僅降低醫護人員跨單位互相接觸，更大幅提升篩檢量能及便利性，榮獲</t>
  </si>
  <si>
    <t>抓準防疫商機，威潤(6465)旗下防疫品牌滅菌者聯盟UVengers宣布於2021年開始陸續上市深紫外線系列除菌新品，搶攻市場商機，看好隨著新產品上市，未來將將對營收成長帶來挹注。威潤因應全球防疫趨勢所創立新品牌滅菌者</t>
  </si>
  <si>
    <t>繼日前提出消毒水殺新冠病毒的說法後，美國總統川普今天又語出驚人，他坦承最近一直在服用瘧疾用藥「羥氯奎寧」(hydroxychloroquine），來預防冠狀病毒。對於「羥氯奎寧」的療效，科學界指出，目前仍待證實，盲目推</t>
  </si>
  <si>
    <t>華航衡量全球新冠肺炎疫情現況，為減少公司虧損，已與公司企業工會排定明（20）日下午進行勞資協商，公會理事長劉惠宗表示，只要不裁員，什麼都可以談，對於有媒體寫說工會不接受減薪兩成是錯誤報導，工會主要是訴求</t>
  </si>
  <si>
    <t>新北市今日公布沒有確診案例，不過卻在下午傳出染疫幼兒園的負責人確診，由於她先前身體不佳，已鮮少出入幼兒園，是否也是同一批群聚案。新北市衛生局表示，今天接獲通知，一名與幼兒園相關個案採檢PCR陽性，立即啟</t>
  </si>
  <si>
    <t>道奇救援王簡森(Kenley Jansen)終於回來了，遲到一個多星期才向訓練營報到，他自曝原因是「全家都感染新冠肺炎」。他的兒子最先出現症狀，檢驗之後發現兩個小孩和簡森夫妻全都染病。簡森說：「鄭重提醒大家，盡可能</t>
  </si>
  <si>
    <t>中央流行疫情指揮中心專家諮詢小組成員、台大感染科醫師李秉穎日前爆料，3+11政策沒有經專家小組討論，完全是指揮中心自行決定。指揮官陳時中今重申，自己會負最後的責任，「但若要一件一件會議都公布，我實在是沒辦</t>
  </si>
  <si>
    <t>疫情嚴峻，新北市中和警分局5名警員染疫，分局立即做駐地大清消的動作，分局長李建廣為避免再有同仁染疫，極力爭取疫苗供第一線員警施打，市府調配100劑的疫苗，今（31日）優先提供給中和警分局的同仁施打。李建廣表</t>
  </si>
  <si>
    <t>行政院今宣布7/27降為二級警戒，根據昨晚流出的二級指引，顯示即便降為二級，民眾外出仍須全程配戴口罩。對此，一名網友憤怒地說，強制要求繼續戴口罩，根本就沒資格叫降級。相關議題引發網友討論，只見指引再度落落</t>
  </si>
  <si>
    <t>精選《中時新聞網》5件不可不知的國際大事，帶讀者掌握今天(3月13日)的國際新聞重點。【1】一天墜10趴 道瓊收跌2352點 32年來最慘股災美股周四慘遭血洗，道瓊指數當日開盤時就已經重跌超過一千點，中途經歷了「技術</t>
  </si>
  <si>
    <t>全球陷入疫情恐慌，不過因鉛酸電池需求持續，國內鉛錠龍頭泰銘（9927）營收與疫情連動性低，今年2月單月營收年增達28.65％，以今年前2月與去年同期比較，仍成長2.36％，鉛錠每噸持穩在1,800美元到1,900美元之間盤整</t>
  </si>
  <si>
    <t>新冠肺炎疫情蔓延，餐飲業首當其衝，屏東知名早午餐業者找來日曬麵廠商齊打團體戰，透過品牌結盟方式推出雞湯日曬麵，並攜手美食外送平台，盼將「風和日麗」送到消費者家裡，一同迎接陰霾後的曙光。傳承60年的家傳掛</t>
  </si>
  <si>
    <t>新冠肺炎疫情升溫，台南市新化年貨大街是否照辦引發民眾討論，台南市副市長趙卿惠20日中午至新化區公所討論年貨大街防疫事宜時表示，將以提高防疫措施方式舉辦，除實聯制入場，更增設電子圍籬基地台，居家檢疫民眾進</t>
  </si>
  <si>
    <t>中央流行疫情指揮中心今日表示，我國今(2020)年9月24日起實施自菲律賓入境旅客皆於集中檢疫場所完成檢疫，並於檢疫期滿前再採檢，截至11月3日已採集1294位旅客檢體，其中1268位是沒有染疫，有9名於檢疫期滿前採檢後</t>
  </si>
  <si>
    <t>環南市場群聚案持續延燒，新北市長侯友宜今主持防疫會議表示，新北市今日新增24例本土確診，其中16例與北農和環南市場感染源有關，新北市現在最重要是跟北市並肩作戰，鼓勵雙北市民都快速出來篩檢，只要能把黑數找出</t>
  </si>
  <si>
    <t>台灣科技大學教授陳致曉長期投入社會運動，時常發表針砭政府言論，近期卻遭匿名黑函檢舉，行政院直接將公文從院長辦公室轉給教育部，教育部並行文校方召開教評會，討論是否解聘。台北市議員羅智強則認為，「月黑風高</t>
  </si>
  <si>
    <t>國內AZ新冠疫苗打氣低迷，中央流行疫情指揮中心宣布今起開放第四類公費對象接種疫苗，並從21日起，開放有特殊需求的民眾自費施打疫苗，收費上限500～600元不等，但能否刺激打氣，加速疫苗施打，仍待觀察。AZ疫苗由英</t>
  </si>
  <si>
    <t>日本14日晚間又陸續傳出確診病例，北海道、愛知縣都有人感染，第3班包機返日日僑也確診感染。1月31返日的日本第3班武漢撤僑包機，有145名日本人被安排在住宿設施隔離2周，由於新冠肺炎的潛伏期已滿，再次做病毒檢測</t>
  </si>
  <si>
    <t>大陸日前兩度軍機繞台，兩岸態勢升高，國民黨補選主席候選人郝龍斌今接受電台專訪表示，新冠肺炎疫情蔓延，兩岸積極應對，陸方軍機繞台行動對台不友善也不聰明，呼籲大陸多一些防疫專業，多一些兩岸疫情合作，絕對比</t>
  </si>
  <si>
    <t>大陸自去年底爆發新冠肺炎疫情，連日來確診與死亡數字不斷增高，尤其湖北省病例上升快速，在2月11日有了轉折。這一日，湖北近10天來新增病例首次在2000例以下，並連續第12天新增出院病例超過新增死亡病例；也在這一</t>
  </si>
  <si>
    <t>公視年度大戲《天橋上的魔術師》為重現昔日台北中華商場面貌，斥資8000萬元在新北市汐止區建地打造還原度接近百分百的「中華商場」，本來劇組預計殺青後開放民眾參觀3個月，但因新冠肺炎持續升溫，公視擔心人潮聚集</t>
  </si>
  <si>
    <t>日本第4波新冠肺炎疫情嚴峻，包括大阪等14個都道府縣今年以來至少有77人在家身亡，他們多半是在居家療養、或是等待住院期間症狀惡化後喪命。日本共同社指出，由於變種病毒易導致患者重症化，呼籲政府當務之急是要完</t>
  </si>
  <si>
    <t>51歲資深歌手李翊君與老公檢場育有一女王敏淳（香奈兒），頂著星二代光環於3年前拍攝《我和我的四個男人》出道。近日李翊君上節目透露，女兒在美國求學時健康亮紅燈，緊急掛急診後被醫生警告不能出院，會有生命危險</t>
  </si>
  <si>
    <t>新冠肺炎疫情延燒，口罩至今依舊是難以取得，儘管防疫指揮官陳時中一再宣導政策與配戴時機，但民眾對於病毒恐慌，導致不少人幾乎全時段戴著口罩，對此前衛生署長楊志良受訪時批評中央就是最大亂源的始作俑者，怒嗆「</t>
  </si>
  <si>
    <t>國內出現醫護人員確診新冠肺炎個案，雲林縣長張麗善為強化醫院防疫措施，14日巡視縣內應變醫院，除慰勉堅守崗位的醫護人員，也呼籲民眾盡量以視訊或電話方式探病，若要實地探視，需配合實名制登記、全程戴口罩、維持</t>
  </si>
  <si>
    <t>中央流行疫情指揮中心今公布，國內新增2例新冠肺炎境外移入病例，分別為20多歲女性(案453)及40多歲男性(案454)，均自菲律賓返國。國內目前累計454例確診，分別為363例境外移入，55例本土病例及36例敦睦艦隊。疫情中</t>
  </si>
  <si>
    <t>容祖兒近期在歐洲舉辦巡演，荷蘭及倫敦的演出未受新冠肺炎疫情影響，但她此行未帶大病初癒、抵抗力弱的媽媽隨行，「媽媽不出門以策安全，她知道同事會照顧我，有叫我要加油」；對於疫情嚴重，仍無畏風險飛去開唱，容</t>
  </si>
  <si>
    <t>國內的新冠疫苗陸續到位，能接種的年齡層也慢慢往下開放，國外曾報導：有過去施打玻尿酸等填充物的患者，在打完新冠疫苗之後，發生嘴唇紅腫等狀況而前來就醫。●疫苗引起身體發炎導致皮膚專科醫師鄭惠文表示，根據國</t>
  </si>
  <si>
    <t>新冠肺炎疫情蔓延，各國均寄望疫苗研發終結疫情，疫情指揮中心指揮官陳時中表示，政府已組成「醫院國家隊」協助廠商，以降低人體臨床試驗收集病人所需時間，同時給予研發經費，日前已有一家國內廠商提出人體臨床試驗</t>
  </si>
  <si>
    <t>高市驚傳第2起居家檢疫者死亡，家住林園區40多歲婦人從上海搭機返台在自宅居家檢疫，未料21日居家檢疫第5天被發現在家輕生身亡，22日經採檢結果為陰性，排除感染新冠肺炎，檢察官相驗後也證實婦人為輕生。高市衛生局</t>
  </si>
  <si>
    <t>在新冠肺炎（COVID-19）持續擴散下，美股因近期也面臨回檔修正壓力，2個交易日重挫近2000點，展望後市，台新智慧生活基金經理人蘇聖峰表示，美股基本面優於其他市場，如製造業ISM重回榮枯線50，企業第四季財報獲利亮</t>
  </si>
  <si>
    <t>苗栗縣政府衛生局11日在苗栗縣議會進行專案報告，針對「因應嚴重特殊傳染性肺炎疫情」，說明新冠肺炎防疫措施。其中苗栗縣有8床負壓隔離病床，引發議員關注。衛生局長張蕊仙說明，因應大型感染事件清空計畫可收治236</t>
  </si>
  <si>
    <t>高市府祭出傳統市場分流管制，今（1）日是第一天，但各地市場屢爆亂象，包括出入口「塞車」、市場外的攤商不受控、市場攤商怨遭流動攤販搶生意等。對此，高市府認了，允諾將檢討因應。高市經發局長廖泰翔指出，今天</t>
  </si>
  <si>
    <t>肺炎疫情造成生活種種不便，到底疫情何時結束或緩和？是大家所關注的。而現在各界最擔心的已不是中國的疫情，反倒是海外連環爆，一發不可收拾。南韓、意大利和伊朗都上演疫情大爆發，各有幾千宗確診個案，美國和歐洲</t>
  </si>
  <si>
    <t>全台疫情嚴峻，中央與地方政府除公布疫調足跡，每天都有新的規範籲民眾遵守，對此，防疫專家、中華民國防疫學會理事長王任賢直指規範的做不到稽核，就是口號、偽三級防疫，他呼籲民眾，近日少群聚，一出家門就口罩戴</t>
  </si>
  <si>
    <t>大陸近年來在軍事、經濟和外交上採取強硬競爭態勢，新冠疫情期間更使用令人側目的「戰狼外交」，許多西方國家聲稱感受到威脅，也引來越來越多的西方政界人士呼籲聯手應對中國大陸的挑戰。日前以美歐國家為主所組成的</t>
  </si>
  <si>
    <t>因應疫情，全國三級警戒到5月28日，雙北首長認為疫情還沒趨緩，28日解除「不太可能」、「要有心理準備」，基隆市長林右昌建議再延2周，今天宜蘭縣確診數「加零」，但縣長林姿妙坦言，疫情嚴峻、隨時會有滾動式變化；</t>
  </si>
  <si>
    <t>日本放送協會（NHK）報導，截至今天晚間7時（台北時間6時）左右，日本新增武漢肺炎（2019冠狀病毒疾病，COVID-19）確診7803 例，連續4天創新高。東京都今天新增2392例，是第二高紀錄。另外神奈川縣新增838例、埼玉縣</t>
  </si>
  <si>
    <t>青少年到底該不該打BNT第二劑，讓許多家長非常掙扎，對此，台大前感染科醫師林氏璧今表示，台灣青少年打BNT發生心肌炎機率較美國和日本都高，其中台灣年輕男生心肌炎發生率為百萬分之22.5，比美國多了4倍，而國外研</t>
  </si>
  <si>
    <t>陸美貿易戰干擾，上市櫃公司投資海外、大陸布局皆「縮手」；金管會昨公布上市櫃公司2019年大陸投資金額僅增加新台幣117億元，海外投資也只增加1557億元，年增金額皆創史上新低；證期局副局長張振山表示，去年陸美貿</t>
  </si>
  <si>
    <t>新冠疫情重創高雄觀光業，旅宿業近來住房率約3、4 成。高市觀光局3月主打「愛情月」活動，結合55家旅宿業者祭出喋血價促銷，有業者更不惜推出90坪總統套房1990元。另情侶在高雄景點合照打卡，可抽婚紗攝影、情人房等</t>
  </si>
  <si>
    <t>桃園與台北市因Garmin公司員工染疫事件隔空交火；基隆市因確診案例在北市上班未被匡列，而怒批疫調。台中市長盧秀燕11日表示，很感謝彰化縣府昨晚漏夜通報有確診者足跡到台中，讓中市立即啟動應變。她強調，中部地區</t>
  </si>
  <si>
    <t>蔡政府拿防疫當抗中，大批新婚陸配、陸配之子「小明」與陸生新舊生回不來，成功爭取「武漢包機」返台的台商徐正文，21日上午將召開記者會，率領新婚陸配、「小明」表達現況，並向總統蔡英文、行政院長蘇貞昌喊話，盼</t>
  </si>
  <si>
    <t>日本贈送台灣124萬劑AZ疫苗，各縣市於15日起擴大施打，不過疫苗才開打2天，全台已傳出超過13起老年人於接種後猝死的案例，至於猝死原因是否與接種疫苗有關還需進一步釐清。法醫高大成接受⟪中時新聞網⟫專訪時表示，可</t>
  </si>
  <si>
    <t>籃網在傳出新援畢斯利確診新冠肺炎之後，立即宣布簽下32歲老將蘭斯湯瑪斯(Lance Thomas)，希望湯瑪斯能夠填補戰力缺口。籃網目前陣中多人染病，加上厄文以黑人平權理由不願參加復賽，導致全隊戰力銳減，球團不得不將</t>
  </si>
  <si>
    <t>新冠肺炎本土疫情未歇，台大公衛學院教授陳秀熙分析指出，台灣在非藥物公衛措施（NPI）、推動熱區快篩之下，整體的Rt值已降至1以下，不過若以縣市來看，北部疫情已經趨緩，但苗栗的Rt值還在5以上。NPI的落實程度會反</t>
  </si>
  <si>
    <t>新冠肺炎(COVID-19)疫情全球持續擴大，其中義大利災情慘重，實施封城後許多行業也連帶受影響。義大利知名體育女主播萊奧塔(Diletta Leotta)因疫情無法在運動場上工作，但居家隔離仍不忘本業，在網路上曬出居家工作照</t>
  </si>
  <si>
    <t>美國新冠肺炎疫情逐漸擴大，讓醫療體系面臨緊繃極限，美國防疫不力恐是全球性的災難。美國尚未對患者死亡進行大規模的驗屍採檢，而大陸已歷經大規模感染，其對患者死亡驗屍報告之後續追蹤問題，更能直指新冠病毒之特</t>
  </si>
  <si>
    <t>(14:24更新) 中央流行指揮中心今天公布國內第32例確診個案，是國內第三起家庭群聚27例80歲老翁的看護，而該看護為印尼籍非法外籍看護，目前台灣新冠肺炎全台確診個案達31例。指揮中心指揮官陳時中表示，第32例新冠肺</t>
  </si>
  <si>
    <t>受到新冠肺炎疫情影響，許多補習班停課。教育部今天表示，學生若已繳了費用，但有些課因疫情停課，補習班應按比例退費，也可在經學生同意下，以錄影課程或其他方式補課。教育部表示，倘短期補習班配合防疫辦理停課，</t>
  </si>
  <si>
    <t>根據美國約翰斯霍普金斯大學最新數據顯示，全球新冠肺炎確診人數今(28日)正式突破300萬人，累計死亡人數超過20萬人。其中，美國共有近98萬人確診，佔全球確診人數將近三分之一。目前美國新冠確診人數逼近百萬大關，</t>
  </si>
  <si>
    <t>因應新冠肺炎疫情衝擊，政府研擬推出「振興抵用券」刺激消費。行政院發言人Kolas Yotaka今表示，抵用券只是一個概念，可以延伸到各個面向，振興抵用券不會只適用商圈、夜市、商圈，擬擴及演唱會等藝文消費，具體作法</t>
  </si>
  <si>
    <t>衛福部桃園醫院爆發群聚感染，11天來已有12例確診。對於台灣疫苗採購案，國民黨前立委孫大千多次提出質疑，今（23）日他再度提出5點疑問，好奇「是誰把台灣人民的救命疫苗給搞掉了？」孫大千在臉書表示，沒有疫苗注</t>
  </si>
  <si>
    <t>高中、國中、小學25日將開學，有家長擔心自主量體溫就可進校，恐會成為防疫破口，北市副市長黃珊珊24日表示，第1天開學會比較亂，所以希望孩子不要聚集在門口等額溫槍量體溫，第2天會有拿回家自己量的表，填了後可快</t>
  </si>
  <si>
    <t>日前曾被確診者造訪的好市多內湖店，稍早突然公布消息，宣布下午1時開始只出不進，臨時閉店清潔消毒。對此，北市衛生局證實，該店確實有確診足跡，已要求業者停業、清消，執行防疫程序。一名網友今在PTT上發文表示，</t>
  </si>
  <si>
    <t>仍在世界各國肆虐的新冠肺炎，具體傳染途徑醫界仍沒有定論，一位何姓網友在臉書上指「蚊蟲是第三病毒傳播者」，被警方依《嚴重特殊傳染性肺炎防治及紓困振興特別條例》移送台北地檢署，檢方偵查後，認定何男誤解病媒</t>
  </si>
  <si>
    <t>高雄30日新增2例確診個案，皆與先前發生的仁武家庭群聚案有關聯，其中案14872與指標個案姪兒的同事同住於鳳山區某棟大樓，雖然雙方互不認識也住在不同樓層，但疑似因為他與確診者前後分別搭乘同部電梯，在密閉空間染</t>
  </si>
  <si>
    <t>新冠肺炎疫情延燒，德國經濟辦事處今天公布疫情對商業影響的調查，有62.8％在台德商的商業活動已大受疫情衝擊，其中衝擊最嚴重的是客戶對產品及服務的需求下降逾6成7，預估今年上半年營收將減少至少1成。此次調查是</t>
  </si>
  <si>
    <t>新冠肺炎疫情變化迅速，已對各項民生、經濟活動造成影響，嘉義市長黃敏惠今25日在市務會議中表示，市府正積極盤點資源，目標從強健企業體質、協助紓困等方式共度艱困時刻，也提醒市府同仁，若沒有緊急或絕對必要應暫</t>
  </si>
  <si>
    <t>台北市今公布1例確診者足跡，案16121為新北市個案，2日確診，感染源尚待釐清，個案曾到過的停車場、商場、飲料店皆已完成清消。個案曾在8月28日下午到過南港車站地下停車場，還曾去過2xlu二口旅茶｜說茶旅人信義總店</t>
  </si>
  <si>
    <t>教育部今天最新公告，到23日下午5時30分止，共有118位學生確診，其中大專生60人最多。而淡江大學今天也在學校網站公告，有4位師生確診，學校已進行全面消毒。教育部統計，共有118位學生確診，較前1天106人增加12人。</t>
  </si>
  <si>
    <t>近來美國公布企業財報，截至14日止，美國S&amp;P500近八成企業公布營運成果，其中有七成以上企業獲利優於預期幅度達4.5％，隨實際亮眼財報陸續發布，美國S&amp;P500企業去年第四季盈餘成長率由1月底-0.3％上修至0.9％，雖反</t>
  </si>
  <si>
    <t>新竹縣8日維持＋0，桃園市的確診個案為Delta病毒，在新竹縣有4處足跡，新竹縣衛生局匡列25人居家隔離，首波採檢均為陰性、7日第2次採檢也全數為陰性，而某私幼非同住家人1採陰性、竹縣某國中老師2採也陰性，不過因二</t>
  </si>
  <si>
    <t>輔大醫院配合中央政府政策，自即日起調低新冠肺炎自費檢驗價格，取消國際醫療件並調降約3成價格，使原先一般件常規檢驗費5千元，急件7千元，國際醫療7560元，目前只分一般件3500元與急件4500元，且急件最快8小時當天</t>
  </si>
  <si>
    <t>中央流行疫情指揮中心發言人莊人祥今（7）日表示，國內新增1例境外移入COVID-19（新冠肺炎）病例，為本國籍20多歲男性（案494），今（2020）年2月至尼泊爾參加宗教活動，9月3日與友人一同返國。指揮中心表示，個案登</t>
  </si>
  <si>
    <t>新冠肺炎除了引發各國對疫情恐慌，也推動了各種搶購潮，包括先前的香港、台灣，近期的日本、韓國與部份歐陸國家，現在美國各地也掀起衛生紙搶購潮，此一風潮應可能很快就會傳回美國本土。在北美的加拿大，因為政府建</t>
  </si>
  <si>
    <t>2020年上半年即將結束，上市公司陸續總結半年的營運成績，雖然正式的半年報要到七、八月才會陸續公告，但是絕大多數上市公司董事會與經營團隊都瞭然於心，將要迎來顯著衰退的營收，甚至是難堪的紅字虧損。新冠肺炎帶</t>
  </si>
  <si>
    <t>連江縣今（3）日計有28位旅客從台北松山機場搭機入境馬祖南竿機場，除1名剛滿月的嬰兒外，全數完成篩檢，結果均為陰性。其中10位在松機快篩陰性後登機，17位抵達南竿機場後，在連江縣疫情指揮中心人員強力勸說下都已</t>
  </si>
  <si>
    <t>德國疫情即將一發不可收拾！總理梅克爾26日示警，德國對抗新冠病毒已瀕臨失控邊緣。她多次告訴所屬的基民盟（CDU）成員，「當前情勢極具威脅」「每天都很要緊。」據與會人士對媒體透露，梅克爾在與CDU的內部會議中，</t>
  </si>
  <si>
    <t>美國舊金山一對新人伴侶在日前舉行了線上婚禮，儀式結束後兩人拍攝了一張婚戒照，沒想到抱在懷裡的愛犬竟也偷偷伸出了自己的腳掌，可愛的萌掌瞬間讓這張照片更加特別且意義非凡。根據外媒報導，華盛頓和約翰（Washin</t>
  </si>
  <si>
    <t>有「病毒獵人」之稱的美國哥倫比亞大學公共衞生學院感染與免疫中心主任利普金（Ian Lipkin）4日接受美媒訪問，他透露，新冠病毒可能早就在人類之間傳播了數月甚至數年之久。目前針對新冠病毒來源最普遍的說法是，病</t>
  </si>
  <si>
    <t>國光生（4142）子公司安特羅（6564）宣布，開發之開發「Speedy新型冠狀病毒抗原快速檢驗試劑」，已正式取得歐盟CE-IVD認證，得於歐洲市場銷售，將積極進軍海外市場。安特羅表示，已規劃向食品藥物管理署（TFDA）提出</t>
  </si>
  <si>
    <t>（20日03：30更新）雖三級警戒再度延長至7月26日，但在有條件下7月13日起20類場所將微解封，台北京站昨天（19日）深夜發出公告，為避免北車地下街感染風險，今天（20日）將自主停業一天清消。台北京站威秀影城昨晚也</t>
  </si>
  <si>
    <t>苗栗疫情趨緩，京元電員工群聚事件接近清零，移工陸續解隔離返回宿舍，然而昨（24日）晚卻爆出京元電缺乏相關配套，移工的個人物品被擅自打包像垃圾一樣堆在走廊或大街，引發熱烈討論，此外，有移工向日媒爆料，京元</t>
  </si>
  <si>
    <t>幫助歌后江蕙在歌壇發展的貴人、吉馬唱片創辦人陳維祥，本月4日因身體不適就醫，確診新冠肺炎(COVID-19)，人住進加護病房中，而確診後不過幾天，原本還叮嚀親友要注意防疫的他，如今驚爆因呼吸困難已插管，失聯多日</t>
  </si>
  <si>
    <t>第六輪高端疫苗今中午收單，截至昨天約58.7萬人預約接種，預計下周一（23日）開打，但仍有不少民眾對於是否該預約，抱持著觀望的態度，另也有網友爆料，明明沒有登記，卻收到簡訊，根本像是強迫中獎！消息引起眾人討</t>
  </si>
  <si>
    <t>期盼全美加速重啟經濟、藉此恢復低迷選情的美國總統川普近期一再宣稱美國疫情已控制住，死亡率是全球最低，但隨著25日單日新確診已逾4萬人，打破4月時創下的最高紀錄後，讓媒體評論疫情惡化正戳破川普聲稱美國進入「</t>
  </si>
  <si>
    <t>比爾暨梅琳達蓋茲基金會今天表示，已承諾再捐贈2.5億美元（約新台幣75億元）資金，給對抗2019冠狀病毒疾病（COVID-19，武漢肺炎）疫情的全球行動。美國微軟公司共同創辦人比爾蓋茲（Bill Gates）發表聲明指出：「相</t>
  </si>
  <si>
    <t>本土連8天破百例，守在一線的醫護人員忙翻，一名醫師在臉書PO出與女兒的對話紀錄，只見他受疫情影響，已5天沒有回家，女兒孤零零待在家，除了覺得寂寞想哭之外，也很擔心爸爸會染疫，對此，原PO只能溫聲安慰女兒，這</t>
  </si>
  <si>
    <t>疫情嚴峻，在外奔波的員警很辛苦，財團法人銓誠慈善基金會董事長葉國一與大川實業有限公司董事長黃桂芳22日共同捐贈新北市政府警察局1萬瓶抗菌乾洗手噴霧，捍衛警察同仁執勤防疫安全。財團法人銓誠慈善基金會董事長</t>
  </si>
  <si>
    <t>中國國家衛生健康委疾控局二級巡視員崔鋼今（11日）在國務院聯防聯控機制發布會上稱，截至10日，中國新冠疫苗已經接種了8.45億劑次，覆蓋了6.22億人，無論在劑次上和在覆蓋人群數量上，都居於全球首位。此外，中國疾</t>
  </si>
  <si>
    <t>國際能源署(IEA)署長比羅爾(Fatih Birol)週二表示，IEA對全球石油需求成長的預測已降至10年來最低水平，而且，受新冠肺炎疫情影響，可能會進一步下調預測。IEA本月中曾發表報告，預測全球石油需求逾10年以來首次下跌</t>
  </si>
  <si>
    <t>在美股四大指數收高帶動下，台股今開高震盪，指數最高衝上波段新高11425點，只是其後在美股期貨盤翻黑走弱下，大型權值股多檔翻黑，台股漲幅收斂，10400大關得而復失，終場台股收漲73.07點、報在11393.23點、成交量</t>
  </si>
  <si>
    <t>桃園確診機師曾在不同時間造訪新竹縣，新竹縣政府衛生局依據桃園市疫調結果，匡列25人居家隔離並採檢，結果出爐均為陰性，25人也均住在集中檢疫所，新竹縣4日維持＋0。新竹縣長楊文科表示，由於此案疑似為Delta變異</t>
  </si>
  <si>
    <t>南非衛生部長Zweli Mkhize周四強調，會爭取2月獲得首批新冠肺炎疫苗，計劃未來一年為全國三分之二人口（約4,000萬人）接種疫苗以達群體免疫目標。新變種病毒讓南非周三單日確診數逾2.1萬人創新高，累計確診數近115萬</t>
  </si>
  <si>
    <t>中央流行疫情指揮中心今(26)日表示，為利疫苗資源有效利用，「COVID-19公費疫苗預約平臺」（https://1922.gov.tw/，以下簡稱預約平臺）第12期第2階段將增加開放「10月26日中午12時前意願登記BNT疫苗之30歲以上民眾[</t>
  </si>
  <si>
    <t>新冠肺炎疫情在南韓急遽升高，大邱成為重大疫區。儘管美國20日已對駐大邱美軍基地實施禁令，不准外部人員進入，並禁止駐韓美軍前往大邱旅行，但美國駐韓部隊今天宣布，接到南韓疾管機關通報，表示有一名住在大邱的美</t>
  </si>
  <si>
    <t>NBA聯盟今天原本決議接下來將進行閉門比賽，沒想到爵士球星戈貝爾被檢驗出確診染上新冠肺炎，NBA立即宣布全面停賽。雷霆今天在主場迎戰爵士，開打前裁判突然要求兩隊球員回到休息室，並且宣布這場比賽暫停，球迷被迫</t>
  </si>
  <si>
    <t>新冠肺炎疫情延燒，全球股市陷入大動盪，台股相繼失守半年線、200日線及年線。啟發投顧分析師楊基政指出，台股均線架構呈現空方排列，未來跌深將有機會醞釀反彈行情；本周投資組合前兩大為是方（6561）、鈊象（3293</t>
  </si>
  <si>
    <t>因應新冠疫情，教育部今(24)日宣布，全國中小學延至9月1日開學，讓許多家長再度崩潰。兒科醫師楊為傑表示，很多家長擔憂，如果不開學或兩周以後持續三級警戒，恐形成 6大隱形炸彈，貼文引起廣大回響，有家長忍不住曝</t>
  </si>
  <si>
    <t>新冠肺炎持續延燒月餘，台灣防疫得當，新竹縣市甚至仍是0確診，但已有民眾每天看著相關新聞，排隊買口罩、買酒精等畫面不斷重複上演，因而焦慮上身，只要咳個嗽，就擔心的要死，醫師呼籲小心沒得到肺炎，焦慮症先上</t>
  </si>
  <si>
    <t>新冠病毒到底從何時開始傳播？美國學者以疫情相對和緩的加州為例，認為早在去年秋天，加州居民就已經暴露在新冠病毒的環境中，部分人口有了抗體，讓後來的疫情相對溫和。台灣也是這樣嗎？史丹福大學胡佛研究所資深研</t>
  </si>
  <si>
    <t>帛琉出現兩名新冠肺炎確診案例，新北市長侯友宜21日表示，最近台灣跟帛琉泡泡旅遊重啟，回來入境管理應該要更嚴謹面對，萬一是Delta變種病毒，對台灣的傷害難以想像。侯友宜說，新北今天新增2例確診個案，板橋個案是</t>
  </si>
  <si>
    <t>新冠肺炎疫情全球蔓延，出國人數大幅減少，但若非不得已要搭飛機，坐哪個位子最安全？流行病學專家表示，研究發現，冠狀病毒如SARS和MERS，竟能在金屬、玻璃和塑料上存活九天，疫情期間加上流感季節，選擇靠窗的座位</t>
  </si>
  <si>
    <t>新冠肺炎疫情延燒，讓許多民眾都不敢搭計程車，準副總統賴清德今天表示，交通部將在今年4月至9月期間，以加油卡的方式補貼計程車每輛每月2千元。他也跟交通部長林佳龍討論，將持續研究對策，協助計程車司機度過難關</t>
  </si>
  <si>
    <t>衛福部長陳時中今天說，應有信心武漢肺炎（2019冠狀病毒疾病，COVID-19）國產疫苗研發製程，目前實驗看具好效果；如果研發順利，目標民國110年第3季能施打達全民6成覆蓋率。陳時中上午到立法院社會福利及衛生環境委</t>
  </si>
  <si>
    <t>民眾黨立法委員賴香伶今痛批公費疫苗預約系統又出包，多達16萬人打完兩劑疫苗後還是收到預約簡訊。中央流行疫情指揮中心今天回應，誤發簡訊原因在於系統的中文編碼與電信公司內部不一致，最後共發出三則簡訊進行更正</t>
  </si>
  <si>
    <t>新冠肺炎疫情的挑戰日益嚴峻，清華大學自農曆年起陸續採取量測體溫等全面的防疫措施，但24日校方接獲新竹市衛生局通知，有26名同學及教授與確診案例有密切接觸，應依疫政單位規定返家進行居家隔離，與該批師生有關的</t>
  </si>
  <si>
    <t>大陸青海省已經連續12天無新增新冠肺炎感染病例傳出，也未見醫務人員感染，更無死亡病例。當地台商透露，青海18個確診個案中，有15個在省會西寧，青海在第一時間就下重手關停西寧酒店、公共場所、餐廳，擅自開業或不</t>
  </si>
  <si>
    <t>◎突破百例大關！國內今再添23例確診中央流行疫情指揮中心今(18)日表示，昨(17)日國內新增884例新型冠狀病毒肺炎相關通報，截至目前累計18,812例(含17,793例排除)，其中100例確診(今日新增案78至100)，分別為71例境外</t>
  </si>
  <si>
    <t>新冠肺炎衝擊，彰化縣通報放無薪假已有15家業者，包括製造業和餐飲業，共有347人放假了！更多是臨時工，上工時數更少，為協助捱過「荷包縮水」時期，彰化縣政府爭取500個「安心即時上工」名額，正盤點府內各局處室和</t>
  </si>
  <si>
    <t>美國默克藥廠（Merck &amp; Co.）新冠口服藥莫納皮拉韋（molnupiravir）日前向美國食品與藥物管理局（FDA）提出緊急授權（EUA），衛福部長陳時中昨天表示，EUA年底前可望拿到，雙方目前也快簽約了，莊人祥進一步說明，將</t>
  </si>
  <si>
    <t>受到新冠肺炎影響，英國頒步禁足令，若無必要，國民都不能外出。而且大多數的店長也跟著關門，光是這幾天，全英國使用現金的情形就減少50%以上。英國最大的ATM經營公司LINK表示，除了受禁足令影響外，覺得「非接觸型</t>
  </si>
  <si>
    <t>新冠肺炎疫情下，有女陪侍的酒店業難開張，按摩店卻早已暗藏春色營業，台南市北區一家養生館私下經營半套性交易，儘管實名制男客也甘願上門，警方9月底破門，當場逮到兩對正在性交易的男客與女服務生，4人依照傳染病</t>
  </si>
  <si>
    <t>國際貨幣基金組織（IMF）發言人Gerry Rice 27日表示，迅速蔓延的新冠肺炎疫情將對全球經濟增長造成影響，IMF可能因此下調其增長預估。據路透報導，IMF總裁格奧爾基耶娃22日在利雅德召開的20國集團（G20）財金領導人</t>
  </si>
  <si>
    <t>宜蘭縣議會18日環保局業務報告，縣議員林岳賢質詢說，接獲民眾反映指做好垃圾分類，但垃圾清運時回收物都與一般垃圾混雜在一起，讓民眾分類形同白費。宜蘭縣環保局表示，因受新冠肺炎疫情影響，暫停破袋檢查，可能因</t>
  </si>
  <si>
    <t>新北市板橋警分局防治組警員於5月29日因身體不適前往快篩，結果為陰性，3日晚間接獲衛生局通知為PCR陽性確診。板橋警分局立即安排全組9名同仁緊急採檢，快篩及PCR採檢結果均陰性，即時起先行居家自主健康管理。板橋</t>
  </si>
  <si>
    <t>基隆市為85歲以上長者施打疫苗邁入第二天，施打率約6成，市長林右昌表示，下一波將開放80歲以上長者（原住民70歲）接種，總計8312人，訂於6月19、20日，明天會開始寄送通知單林右昌指出，長輩們都有早起習慣，今天早</t>
  </si>
  <si>
    <t>目前還在美國的林書豪，是否該考慮趕緊回北京了呢？歐洲媒體《Sportando》記者卡奇亞16日爆料，大陸CBA正在考慮沒有外援情況下重新開打，畢竟目前大陸政府宣布只要前往大陸民眾都必須隔離兩周，但當前還沒做出具體決</t>
  </si>
  <si>
    <t>繼一位到高雄遊學4個月的日本女學生於上月24日返國，在日本機場被驗出新冠核酸陽性，並被日本官方登錄為由台灣境外移入的案例後，本月27日又有一位在桃園工作兩年的泰國移工返國時，被泰國官方驗出核酸確診，不排除</t>
  </si>
  <si>
    <t>中央流行疫情指揮中心1日公布國內新增8例COVID-19境外移入確定病例。指揮中心說明，今日新增8例境外移入個案，為5例男性、3例女性，年齡介於10多歲至40多歲，分別自印尼（5例，案16713、案16716-16718、案16720）、</t>
  </si>
  <si>
    <t>109年國中教育會考將於5月16、17日登場，因應新冠肺炎疫情，新竹市府加碼辦理4大防疫措施，包括考生動線分流地貼、提供消毒酒精溼巾、設置「家長連絡區」、設置保持距離的「考生休息區」，要讓考生安心、家長放心。</t>
  </si>
  <si>
    <t>新冠肺炎持續在全球大爆發，我國近日確診病例大增，攀升至135例，分別為102例境外移入，以及33例本土病例。台北捷運配合台北市自來水處公告，即日起飲水台全面暫停服務；台北小巨蛋冰上樂園、北投會館、逃生體驗營、</t>
  </si>
  <si>
    <t>巴西聖保羅州長多利亞（Joao Doria）周一表示，預期本周取得巴西聯邦主管機關批准，以中國科興生物製品公司研發新冠肺炎疫苗CoronaVac進行實驗，有約9,000名志願者登記接受測試。目前巴西累計確診逾137萬人為全球第2</t>
  </si>
  <si>
    <t>為避免保單比重過於傾斜，大型壽險8、9月調整策略，刻意拉動美元利變壽險銷售量，據統計，美元傳統型保單新契約保費9月達新台幣319億元，創14個月以來單月最高，且比去年同期成長61％以上。累計前9月美元傳統保單新</t>
  </si>
  <si>
    <t>高雄昨一口氣新增9起案例，高雄市長陳其邁怒轟新北疫調缺失，造成高雄群聚感染；新北市長侯友宜今下午3時主持防疫會議，媒體接連詢問新北市衛生局疫調是否有缺失與落差？當初匡列狀況？侯友宜連問3題都避答，由新北</t>
  </si>
  <si>
    <t>日本有6萬人訂了機票準備在4月底5月初的黃金周去沖繩度假，沖繩縣知事玉城康裕懇求大家取消原訂計畫。首里城、石垣島等觀光地已掛出「沖繩、休業中―（暫停營業中）」的告示，呼籲日本民眾「不要來沖繩」。沖繩地方報</t>
  </si>
  <si>
    <t>小編精選《中國時報》5件不可不知大事，帶讀者掌握今天（21日）新聞重點。【1】50例未爆彈 旅遊史非決戰點新冠肺炎疫情繼爆出彰化白牌車司機染病死亡並造成家庭群聚感染後，19日深夜中央疫情指揮中心再爆2年未出國的</t>
  </si>
  <si>
    <t>距離首批武漢包機1個多月，第二批武漢包機終由兩岸航班共同執飛，順利返台，當中有兩岸政治的角力和妥協，也有對疫情發展的客觀評估，更有重要的人道考量。從面子上兼顧了對等，裡子中也解決了數百位滯留台人困難，</t>
  </si>
  <si>
    <t>台中市長青學苑課程多元及有趣，深獲銀髮長輩的青睞，為因應新型冠狀肺炎疫情，考量課程地點不少在室內且人數眾多，市府社會局宣布將長青學苑課程全面延至4月6日開學，避免疫情傳染風險，同時也將加強學習環境清潔消</t>
  </si>
  <si>
    <t>日本厚生勞動省17日公布，建議民眾疑似感染新冠肺炎時的諮詢、就醫時期，例如，連續4天發燒達37.5度以上、有嚴重的疲倦感或呼吸困難時，應向保健所等日本全國的諮詢窗口諮詢。官網中文還提供中文的緊急諮詢電話。厚</t>
  </si>
  <si>
    <t>穆迪分析（Moody's Analytics）亞太區首席經濟學家科克倫（Steve Cochrane）周一接受媒體訪問時表示，持續膨脹的債務可能使新興市場國家的復甦步伐進一步落後已開發經濟體。科克倫表示，受到這場大流行病影響，所有</t>
  </si>
  <si>
    <t>遭多國拒絕入境的漂流郵輪威士特丹號驚傳一美國乘客感染新冠肺炎，由於該船曾在2月4日停靠高雄港，中央流行疫情指揮中心今天證實，目前正在研擬方案，不排除比照鑽石公主號停靠基隆港的模式，傳送防疫簡訊提醒高雄居</t>
  </si>
  <si>
    <t>新冠變異株Omicron入侵台灣，學界傾向認為Omicron更具傳染力但症狀較輕，根據南非官方公開的數據，近幾周來因新冠住院的患者中，約有30%症狀嚴重，重症率較當地先前幾波疫情少了一半，南非當地醫生觀察到的現象也是O</t>
  </si>
  <si>
    <t>3月30日，武漢市楚河漢街，工作人員在步行街入口處為顧客測量體溫。當日，武漢市標誌性步行街楚河漢街恢復營業。目前，武漢多家商場、購物中心復工複產獲批，除市疫情防控指揮部發佈的影劇院、棋牌室、遊藝廳、書店</t>
  </si>
  <si>
    <t>籃網主將杜蘭特(Kevin Durant)因為身邊有人感染新冠肺炎，根據美媒《The Athletic》5日報導，為了進行防疫追蹤，杜蘭特將受到7天隔離，錯過接下來的4場比賽！籃網開季先盛後衰，目前3勝4敗。杜蘭特在去年3月已經感染</t>
  </si>
  <si>
    <t>今年清明疏運，台鐵局宣布，自4月1日至6日，共6天，全線加開各級列車總計166班，加掛489節車廂，包含：東線實名制列車6班、往返樹林、花蓮間優惠復興號8班及7折紅眼列車3班。3月18日零時開放訂票，實名制19日零時開</t>
  </si>
  <si>
    <t>新冠肺炎疫情未歇，農曆春節將至，對於企業多取消尾牙，改辦春酒，疫情中心指揮官陳時中表示，由於還沒有進入限制室內100人活動的階段，太大規模的春酒目前沒禁止，但建議盡量縮小規模。現在確診案例的感染源清楚，</t>
  </si>
  <si>
    <t>南韓新天地教會活動引發新冠肺炎疫情失控，新北市24宗教團體4日聯合簽屬「防疫6大共同聲明」，強調支持市府防疫政策、宗教場域清潔消毒、避免人潮群聚活動、精簡宗教祈福儀式、做好自主健康管理、響應宗教線上祈福等</t>
  </si>
  <si>
    <t>長榮航空繼1名機師檢出Delta後，又有2名機師、1名機師小孩染疫，指揮中心不排除感染Delta的可能。對此，資深媒體人感嘆，可惜新北市長侯友宜3次預警沒人聽，結果Delta又進來了。侯友宜因在新北施政獲高度民意相挺，</t>
  </si>
  <si>
    <t>據韓聯社最新消息指出，今（21日）下午，韓國境內出現第二例新冠肺炎（COVID-19）死亡病例。據了解，該病例為54歲女性，在慶尚北道清道郡大南醫院住院的過程中被確診感染病毒，之後被轉至釜山大學醫院接受治療，最終</t>
  </si>
  <si>
    <t>根據世界衛生組織（WHO）最新統計，全球目前累積至今已有63億劑新冠肺炎疫苗被接種，其中究竟哪一款疫苗最受歡迎呢？根據最新統計，輝瑞（Pfizer）與德國BioNTech生技公司合作研發的疫苗，當前全球累積銷量衝上第一</t>
  </si>
  <si>
    <t>新冠肺炎疫情持續延燒，截至昨日新北市確診人數已達465人，而相關接觸者都被衛生單位匡列必須居家隔離，新北市府統計，今日居家隔離人數從昨天的1576人一下增加到1997人，即將突破2000人，也顯示疫情仍相當嚴峻。新</t>
  </si>
  <si>
    <t>教育部今天發布新規定，大專院校100人以上大班授課或教室難以保持防疫所需適當社交距離（室內1.5公尺、室外1公尺）之課程，應立即改善環境或調整授課方式，採取全面配戴口罩、分班上課或遠距教學等防疫作為。教育部</t>
  </si>
  <si>
    <t>因應新冠肺炎的人力缺口，恆智重機致力於智慧機械的推動，推出無人駕駛自動導引搬運車，全台唯一自動初始定位，搭配無偵測死角的3D LiDAR感測器，自然導航，定位精準度高，讓搬運自動化、無人化，節省搬運的耗時及人</t>
  </si>
  <si>
    <t>世界職業男網總會ATP今天正式公告2021年賽程，年度第一場四大賽澳洲網球公開賽將在明年2月8日到21日進行，剛好遇到農曆過年，而男單會外賽則預計1月10日到13日在卡達杜哈進行。因為新冠肺炎疫情尚未完全控制，澳網官</t>
  </si>
  <si>
    <t>北台灣不斷傳出警員執勤感染新冠肺炎，台南市基層警員坦言執勤時心驚肉顫，台南市政府取得第2批AZ疫苗，同意將原本排第3順位的警察提前，台南市警察局優先給1000名自願施打的外勤員警，玉井警分局派出所警員15人27日</t>
  </si>
  <si>
    <t>大陸國家衛健委公布最新新冠狀病毒肺炎疫情情況，大陸在周五（22日）首次出現零確診，沒有新增本土或境外輸入確診病例。無症狀感染者方面，大陸在當天新增28宗無症狀感染者，其中有25宗來自湖北省。國家衛健委稱，中</t>
  </si>
  <si>
    <t>為了防堵新冠肺炎疫情，國門全境封鎖2.0版，目前除了限制外籍旅客入境外，馬上也要禁止轉機旅客，桃園機場入出境人數在22日單日已經不到7千人次，光是出境旅客也只剩2千3百多人，航空業與機場商家一片哀嚎，現在不只</t>
  </si>
  <si>
    <t>受惠全球政府積極救市的財政及貨幣寬鬆政策，隨各國陸續重啟經濟，5月採購經理人指數（PMI）及新訂單指數自谷底回升，顯示全球經濟已擺脫谷底露出曙光，激勵全球風險性資產反彈，但疫情改變全球經濟、企業營運及民眾</t>
  </si>
  <si>
    <t>大陸澎湃新聞25日報導，距離黑龍江本輪Delta本土新冠肺炎疫情暴發已經過去4天，哈爾濱已有34例本土確診病例，確診患者活動範圍已波及學校、醫院等場所。此前巴彥縣的9個中風險區域被調整為一個高風險區即巴彥縣興隆</t>
  </si>
  <si>
    <t>新冠肺炎疫情毫無緩解之勢，陸演藝圈日前已宣布全面停止拍攝，而為工作在國內外各處奔波的藝人們首當其衝，紛紛自主隔離，其中，多年來事業、生活都在大陸的男星趙擎，已隔離多時，近日他曝光生活處境，崩潰痛飆：「</t>
  </si>
  <si>
    <t>苗栗縣25日新增3個確診個案，均為移工，也是先前6月9、10日隔離於防疫旅館的確診者，因此無公共活動史，也不會造成社區及工廠的影響，均已收治醫院中。苗栗縣25日公告的確診個案14454，匡列接觸者達26人，採檢均為陰</t>
  </si>
  <si>
    <t>新冠肺炎治療與預防藥物的研發迫在眉睫。懷特生技(4108)旗下「懷特精製黃耆多醣研究中心」展開研發計畫，與國立陽明大學黃奇英教授合作，借重大數據資料庫和電腦軟體分析，進一步驗證「黃耆多醣」、「新冠肺炎病毒」</t>
  </si>
  <si>
    <t>國內疫情延燒，台北市議員林亮君幕僚日前驚傳染疫，其特助吳崢快篩陰性，結果出爐當下被強制送往凱撒飯店隔離，遭到隔離的吳崢在臉書分享飯店第一天提供的防疫餐點，竟出現令眾人聞之色變的最雷便當菜「三色豆」，嚇</t>
  </si>
  <si>
    <t>瑞德西韋是目前各方認為最有可能治療新冠肺炎的藥物，預計4月底解盲，疫情指揮中心專家諮詢小組召集人張上淳表示，目前國內北中南各一家醫院參與臨床試驗，目前有3個案在二家醫院使用這個藥物。張上淳指出，據使用醫</t>
  </si>
  <si>
    <t>中央流行疫情指揮中心今(22)日公布，敦睦艦隊(磐石艦)再增1例新冠肺炎病例，為20多歲男性，於敦睦艦隊(磐石艦)實習。個案於3月23日起出現發燒、咳嗽、味覺喪失情形，經服藥後症狀改善並恢復，4月18日至集中檢疫所隔</t>
  </si>
  <si>
    <t>第三家壽險公司跟進房貸降息紓困。南山人壽24日宣布，針對確診保戶、第一線醫護人員、疫情防治人員、因疫情遭滯留無法回台及受疫情影響導致繳款有困難(如無薪假或非志願性失業者)等五大類客戶，及確診房貸戶之配偶與</t>
  </si>
  <si>
    <t>日本36歲知名女星綾瀨遙，9月份因感染新冠肺炎被迫停工，期間還傳出綾瀨遙的媽媽在她染疫前遭人詐騙，讓綾瀨遙受到雙重打擊。如今已康復出院並火速復工的她，終於露面與大眾見面，媒體也拍到私下的真實狀態。被封為</t>
  </si>
  <si>
    <t>新冠肺炎疫情衝擊觀光產業，大鵬灣國家風景區的遊湖船及水上活動業者也受影響，搭乘遊玩人次腰斬，大鵬灣管理處在與業者座談過後，決定免收廠商1至6月的租金，希望與廠商共體時艱，達到政府紓困善意。大鵬灣今年2月</t>
  </si>
  <si>
    <t>香港昨日再度出次感染來源不明的新冠肺炎本土確診病例。政府專家顧問、中文大學呼吸系統科講座教授許樹昌今日分析指出，社區隱形傳播鏈還未完全中斷，港府現階段不宜放寬防疫措施。許樹昌今日早上出席節目中時表示，</t>
  </si>
  <si>
    <t>台灣防疫獲外媒認證！專家諮詢中心召集人張上淳表示，紐約時報日前報導，以圖表方式來分析台灣、香港及新加坡3地疫情演進，2月到3月上旬每日新增還是個位數確診，之後歐美境外移入個案大幅增加，造成香港境外移入讓</t>
  </si>
  <si>
    <t>經濟部數據公布，第1季我國受理3種專利申請合計17,156件，商標申請22,385件，雙雙成長，各較上年同期增加3%及10%。本國人發明專利及商標申請件數均有2位數以上的成長率。台積電及高通再度分居本國人及外國人發明專利</t>
  </si>
  <si>
    <t>在聯準會（Fed）宣布緊急降息2碼之後的第一天，美股經過一番震盪，收盤時各項指數仍下挫近3%，顯示投資人對於降息救經濟的策略並未產生信心。星期二收盤時，S&amp;P 500指數下跌2.81%，以3,003.37點作收；道瓊工業指數下</t>
  </si>
  <si>
    <t>美國因為新冠肺炎疫情槓上大陸，美國總統川普與國務卿蓬佩奧近期更是炮火全開，針對大陸國家主席習近平日前拋出資助世界衛生組織（WHO）20億美元的承諾，蓬佩奧昨（20）日酸溜溜回應，比起疫情對全球造成的巨大損失</t>
  </si>
  <si>
    <t>疫情指揮中心今又公布6例新冠肺炎確診個案，創下新高。對此，前婦產科醫師、民進黨國際事務部主任林靜儀就在臉書上疾呼，「暫時不要再出國了！拜託！」今日疫情指揮中心表示，新增了6例境外移入，6例分別有泰、日、</t>
  </si>
  <si>
    <t>新冠肺炎疫情延燒，近來許多事業單位要求勞工在出國前應報備，甚至不准以「出國」為由的特別休假，勞動部表示，依勞基法特別休假應由勞工排定，但勞工歸國後如要面臨居家檢疫等，則依「嚴重特殊傳染性肺炎防治及紓困</t>
  </si>
  <si>
    <t>今天台灣本土疫情新增107例，是三級警戒以來最少的一次，外界關心6月28日是否有望降級？中央流行疫情指揮中心指揮官陳時中表示，現在大家看到疫情確實是少，漸漸要把相關縣市清零。原來有社區傳播的，未來要如何採檢</t>
  </si>
  <si>
    <t>美國新冠肺炎確診人數全球第一，歐美疫情益發嚴峻，加上台灣目前多數確診者都是歐美境外移入，陽明大學校長郭旭崧表示，當初武漢一開始發生疫情，台灣就派專家前往視察；如今疫情更嚴峻的義大利、歐美等國，卻沒有專</t>
  </si>
  <si>
    <t>觀光產業因疫情面臨裁員、放無薪假的困境，交通部為替業者紓困，上周公告「人才培訓」實施要點，未料卻引來業界罵聲連連，主因是該要點補助的非企業而是員工。業者大罵，人事成本一樣沒有減輕，是「烏龍決策」。交通</t>
  </si>
  <si>
    <t>新冠肺炎自上月爆發，政府已宣布全國三級警戒至6月28日，綠委劉世芳、羅致政、鄭運鵬、黃世杰等人今日召開記者會要求，營業衰退紓困，將要求營業額從寬認定，不要等到7月才能領。此外，國有財產署及國營事業出租也要</t>
  </si>
  <si>
    <t>中國文化大學大倫館宿舍4人確診，校方緊急成立應變小組，台北市政府成立的「快篩機動隊」，針對314名留宿生進行快篩檢測，14人快篩陽性，令人憂心會釀另一波群聚感染時，又傳出大倫館內有學生翻找垃圾桶找食物吃，長</t>
  </si>
  <si>
    <t>總統蔡英文及副總統賴清德今天上午接種第二劑高端，由於高端尚未有保護力數據，加上指揮中心開放自費驗抗體，外界好奇總統是否會在完整接種2劑高端後自驗抗體並公布數據，為國產疫苗增加信心對此，指揮中心指揮官陳</t>
  </si>
  <si>
    <t>新冠肺炎疫情全球延燒，英國也不例外，但在封閉的防疫狀態中，人們還是能為生活找到出口，尤其是網紅、模特兒及藝人，模特兒出身的女星伊莉莎白赫莉(Elizabeth Hurley)，就在疫情嚴重又冰天雪地的現在，來了一發追雪</t>
  </si>
  <si>
    <t>新北市COVID-19確診案例不斷攀升，新北市政府為強化三級防疫，繼板橋、中和、三重、新莊接連成立熱區防疫中心，今（26）日永和、新店跟進成立防疫中心，上午市長侯友宜前往2處視察，呼籲民眾配合保持低度活動，齊心</t>
  </si>
  <si>
    <t>新冠肺炎擴散引發大陸各地恐慌，許多城市到處噴灑消毒藥水防控疫情擴散，不料卻因噴灑量太多導致野生動物中毒死亡。重慶林業局為疫情防控派員加強疫情監測，深入林區與野外，卻意外發現因濫用消毒水造成的生態災難，</t>
  </si>
  <si>
    <t>巴西今天通報，單日新增的新冠肺炎（COVID-19，2019冠狀病毒疾病）染疫死亡人數接近2000人，打破先前紀錄。疫情正使得巴西醫院不堪負荷，當地疫苗接種進度也緩慢。巴西衛生部今天通報，單日有1972人染疫病故。目前為</t>
  </si>
  <si>
    <t>隨著新冠肺炎疫情全球升溫，台灣也連帶受到波及，中央疫情指揮中心24日宣布，台灣新增20例病例，皆為境外移入，個案發病前分別在英國、愛爾蘭、義大利、土耳其、印尼、西班牙、法國、美國、泰國、德國、保加利和比利</t>
  </si>
  <si>
    <t>國立故宮博物院赴立法院教育委員會進行業務報告。立委黃國書指出，今年1、2月受到新冠肺炎影響，故宮參觀人潮較去年同期少了50萬人次，收入少了8,800萬元，是史上空前的數字，希望故宮提出因應。故宮院長吳密察在報</t>
  </si>
  <si>
    <t>新北市長侯友宜5日慰問消防局防疫專責分隊，分隊員現場演練「疑似新冠肺炎病患」載送流程，侯友宜贈送水果感謝第一線人員辛勞，也提醒：「疫情還沒有過去，大家絕對不能鬆懈。」消防局緊急救護科長林士閔昨先向侯友</t>
  </si>
  <si>
    <t>新冠肺炎疫情升溫，中央流行疫情指揮中心上月宣布升級到三級警戒，意指所有民眾出門務必全程配戴口罩，也因此傳出部分民眾不守規矩，引來他人指正，甚至發生衝突。藝人謝忻昨(1日)分享凌晨出門慢跑，路上看到有人沒</t>
  </si>
  <si>
    <t>外傳石牌大型醫院將一名新冠肺炎疑似病例收治一般病房，遭院方反駁為子虛烏有。中央流行疫情指揮中心社區防疫組副組長莊人祥今表示，該疑似病例已完成採檢，排除了感染新冠病毒的風險。</t>
  </si>
  <si>
    <t>新冠肺炎疫情趨緩，北市7日再度鬆綁各項規範，包括開放學校及學生辦理社團活動，恢復各項球類運動、團體競賽及跨班體育活動，吹奏類樂器課程可暫時脫口罩練習，且在雙十連假前，再放寬動物園、天文館及兒童新樂園管</t>
  </si>
  <si>
    <t>為降低檢體運送風險與縮短檢驗時效，台東縣長饒慶鈴22日特別前往馬偕紀念醫院台東分院拜訪院長王功亮，希望能一同合作，攜手建立台東第一座符合衛生福利部核可的「傳染病認可檢驗機構」，讓原台東縣內檢驗機構僅有的</t>
  </si>
  <si>
    <t>阿斯特捷利康（AstraZeneca AZ）的新冠疫苗因為有罕見副作用血栓，接連在世界各國核准與使用受阻。譬如日本剛核准AZ疫苗時就不讓其進入大規模接種計畫中，丹麥在4月全面禁用 AZ 疫苗，美國直至目前也還沒核准AZ疫苗</t>
  </si>
  <si>
    <t>波羅的海國家立陶宛22日宣布捐贈台灣2萬劑AZ疫苗，預計9月底前配送，讓外界好奇立陶宛本身擁有多少疫苗，根據外媒報導，立陶宛政府已經批准採購約1620萬劑疫苗，目前超過34%人口已經完整接種疫苗，預計9月可讓70%人</t>
  </si>
  <si>
    <t>台灣第一個以外貿電商為主題的展會—2020台灣跨境電商博覽會，於8月28日在IEAT會議中心盛大登場，主辦單位台北市進出口商業同業公會（IEAT）集結21家國內外電商平台及服務業者共同展出，首日活動現場人潮踴躍，顯示在</t>
  </si>
  <si>
    <t>因疫情持續延燒，瑞昱(2379)遠端需求將延續到下半年，加上TWS(真無線藍芽耳機)、電視SoC等產品出現回溫跡象，整體動能將延續到下半年，瑞昱今開高後震盪拉高，站回月線，也一度收復400元大關，盤中維持漲幅逾1.5%。</t>
  </si>
  <si>
    <t>◎外送平台疫情受惠 交通事故也頻傳今年受到新冠肺炎疫情影響，外送平台成為少數受惠產業，但屏東縣警局交通隊也發現，外送員經常有搶快超速、違規闖紅燈及看導航不看路況等情形，導致事故風險提高，未來將針對相關交</t>
  </si>
  <si>
    <t>統測將於5月2、3日登場，暨大附中因應新冠肺炎疫情，21日在中庭廣場為高三考生，舉辦「大學統測倒數破十」祈福活動，走過由童軍團以青蔥編製的「聰明智慧門」，希望應試時耳聰目明，並由陳綢阿嬤為考生鼓勵開智慧。</t>
  </si>
  <si>
    <t>為防範新冠肺炎疫情傳播，市府經發局發函給各公、民有市場，要求落實配戴口罩營業自主衛生管理！市議員鄭功進17日為民有市場自治會請命，抨擊市府不應只照顧公有市場及觀光夜市業者，民有市場恐成防疫破口，因攤商營</t>
  </si>
  <si>
    <t>一名南澳州（South Australia）披薩連鎖店員工除了送披薩給顧客外，還暗自加料，免費附贈了熱騰騰的新冠肺炎病毒，迫使170萬居民不得不接受封城措施。據CNN新聞網與《紐約郵報》（New York Post）20日報導，南澳官員</t>
  </si>
  <si>
    <t>台大今早發聲明表示，工務室一名員工於5月18日出現發燒症狀，傍晚採檢陽性，通知全辦公室接受採檢，並進行環境採檢及清潔消毒。目前36人採檢完畢、全數隔離，其中有10人的採檢結果為陽性，台大醫院發言人王亭貴將於</t>
  </si>
  <si>
    <t>台北市長柯文哲在10點30分宣布，，公私立高中職、國中小、補習班、安親班、課後照顧中心，今日起到28號停課，採取線上教學，線上教學系統盡量選擇酷課雲進行教學及評量，以班級為單位進行教學與連結。教育局長表示，</t>
  </si>
  <si>
    <t>台南市政府3月底啟動「防疫安心上工計畫」，針對受疫情衝擊的勞工，由市府釋出200個短期防疫工作機會，以1個月最多工作176小時、時薪158元計算，讓民眾得以維持生計。永康區長張睿民說，永康區公所尚有5名缺額，民眾</t>
  </si>
  <si>
    <t>美國總統川普和妻子梅蘭妮亞周四晚雙雙確診罹患新冠肺炎，而這位白宮主人已74歲。萬一川普無法視事，在正常情况下，按照美國憲法第25修正案，副總統彭斯（Mike Pence）將暫時接掌他的職務。據疾病管制與預防中心（CD</t>
  </si>
  <si>
    <t>台灣東洋藥品工業股份有限公司(台灣東洋)的國際合作藥廠－西班牙製藥商PharmaMar公司，19日召開記者會表示，旗下用來對抗腫瘤的新成分藥品Plitidepsin，經第1、2期臨床試驗發現可阻斷新冠病毒細胞繁殖，近期已在規劃</t>
  </si>
  <si>
    <t>新冠肺炎擾亂上市櫃規劃，金管會將祭「特赦令」。金管會主委黃天牧15日表示，各主要市場IPO掛牌家數近年都減少，下半年金管會除要求證交所及櫃買中心儘可能達成年度KPI外，亦會創設新創板等，證期局局長張振山則表示</t>
  </si>
  <si>
    <t>昨天網路流傳一份公告，指台南某大樓出現一名確診者，引發住戶恐慌，中央流行疫情指揮中心指揮官陳時中今天證實，該個案就是昨天確診的20多歲菲律賓籍男性案943，由於案943曾在自主健康管理期間外出開會，從嚴來看有</t>
  </si>
  <si>
    <t>大陸新冠疫情仍未降溫，28日增加48例新冠本土確診病例，分布在7省市。哈爾濱敦促民眾不出市、不出省，寧夏銀川完成採樣255萬餘人，全大陸現有高、中風險區2+20個。蘭州大學專家以模型預測，本輪疫情預計將於11月9日</t>
  </si>
  <si>
    <t>校園接連傳出疫情，許多學校臨時通知學生及家長停課，造成困擾。教育部表示，目前維持1班有1位師生確診該班停課、1校有2位以上師生確診則該校停課，但地方政府得視疫情狀況，讓學校進行預防性停課。對於學校不斷爆出</t>
  </si>
  <si>
    <t>行政院拍板的口罩實名制2.0將採網路預購、超商取貨的模式，而運費為7元。消息公布後，引起網友在PTT上熱烈討論，不少人都大讚實在太佛心，「7元換來免排隊」。行政院拍板的口罩實名制2.0造福不少無法排隊的上班族，</t>
  </si>
  <si>
    <t>工作機會不缺，壽險業務大軍今年仍是需要大量新血，前九大壽險公司今年開出的「增員」目標就達2萬9,400人左右，估計全壽險業增員人數約逾3萬人，但業務員留存率低，前九大公司估算到年底業務員淨增加數不到1.2萬人，</t>
  </si>
  <si>
    <t>疫情嚴峻，民眾盼能盡速施打疫苗，引發許多爭議、話題，基隆市長林右昌表示，疫苗是國民健康的公共財、疫苗之前人人平等，希望不要因為疫苗，而製造貧富或縣市對立。林右昌表示，疫苗是國民健康的公共財，疫苗之前人</t>
  </si>
  <si>
    <t>大陸湖北省衛生健康委員會今公布，昨天（11日）新增1638例新冠肺炎（俗稱武漢肺炎）確診病例，創2月以來單日新增最少紀錄，且是連兩天下降，亦是自2月2日以來，單日新增病例首度跌破2千，似透露出湖北疫情已出現趨緩</t>
  </si>
  <si>
    <t>全國疫情警戒升至第三級，台中市環保局呼籲「追垃圾車也應配戴口罩」，若不配合將蒐證裁罰，並拒收垃圾。另豐原區清潔隊停車場提供夜間收運垃圾服務，平均每晚至少150人進出，除要求量測體溫、配戴口罩，即日起實施</t>
  </si>
  <si>
    <t>台東縣政府衛生局通報，22日公布與台東有關的北部確診個案目前仍在負壓病房隔離治療，7位匡列同住家人，今日採檢結果全部出爐，7人皆為陰性，持續居家隔離中。縣府呼籲鄉親，減少不必要的外出，外出務必配戴口罩、勤</t>
  </si>
  <si>
    <t>因應新冠肺炎疫情趨於嚴峻，基於防疫考量，中央流行疫情指揮中心指揮官陳時中昨天宣布「社交距離指引」，台南市長黃偉哲今天受訪指出，希望全國市民朋友都能遵守，但他也坦言，徒法不足以自行，再者，嚴刑峻法也需要</t>
  </si>
  <si>
    <t>新冠肺炎疫情延燒之際，第一線醫護人員飽受病毒威脅，為此，恆春旅遊醫院麻醉科主任邱豑慶自掏腰包研發拋棄式「防疫箱」，更獲得屏東縣長潘孟安助拳、協助模組化，名為「台灣BOX」的抗疫防護箱，預計下周便能正式量</t>
  </si>
  <si>
    <t>《日本經濟新聞》5日報導，日本政府宣布，由於新冠肺炎（COVID-19）疫情緩和，8日起將放寬入境政策，允許留學生入境；且已完成疫苗接種的短期商務旅客，在配合管理下隔離期可縮短為3天。根據報導，目前已取得日本「</t>
  </si>
  <si>
    <t>睽違20天，桃園確診案例首度回到個位數、僅3例確診，其中包含1例家庭群聚、以及2人有雙北接觸史，桃園市也公布已疫調的足跡，包括大溪中山國術館、杏一醫療用品林口長庚店、龍潭小小間烘焙坊，呼籲足跡重疊者，6月20</t>
  </si>
  <si>
    <t>新冠肺炎肆虐全球，累計逾359萬人確診、25萬多人染疫死亡。荷蘭科學家在實驗室發現一種可以有效阻斷新冠病毒（SARS-CoV-2）感染細胞的全人源抗體，這項研究成果是針對治療或預防新冠病毒的全人抗體研究的第一步，具</t>
  </si>
  <si>
    <t>新冠肺炎疫情延燒不斷，全台開放高齡長輩接種疫苗，不少民眾擔心有慢性病症是否須先停藥，對此敏盛醫院院長劉宜廉呼籲「勿停藥」，若停藥反而會影響原有疾病的抗體及發展，也有醫師提醒慢性病的長者可攜帶藥袋至接種</t>
  </si>
  <si>
    <t>新冠肺炎疫情未見降溫，使國人出遊意願銳減。為了在以旅客健康安全為首要考量的前提下提升國內住房率，易遊網集結逾百間國內飯店推出「安心訂房企畫」，攜手飯店業者做好防疫措施與衛生清潔管理，共同承諾3大保證，</t>
  </si>
  <si>
    <t>5月中旬新冠肺炎疫情爆發，新北市消防局防第一線人員頂著高溫、冒著染疫的風險，執行救災救護任務，為紓解消防員職場壓力，消防局昨（3）日特別邀請消防同仁及眷屬攜手參加「親子團體諮商-快樂非洲鼓紓壓營」活動，</t>
  </si>
  <si>
    <t>香港農漁自然護理署日前從1名新型冠狀病毒肺炎確診病患家中飼養的犬隻進行該病毒檢測，結果呈現弱陽性。農委會家畜衛生試驗所推測，有可能只是近距離接觸患者，狗的口鼻沾染患者病毒所致，目前的證據尚無法確定新型</t>
  </si>
  <si>
    <t>應廣(6716)於今日召開股東會，會中通過每股發放現金股利2.73元，展望第二季隨著新冠肺炎疫情趨緩，第二季營收有機會挑戰單季歷史新高。應廣表示，由於新型冠狀病毒疫情爆發，並持續延燒，全球各地相關泛健康用品市場</t>
  </si>
  <si>
    <t>新冠肺炎疫情擴散，觀光業受害尤其慘烈，台灣許多知名店家也陸續傳出熄燈消息，如今台灣觀光產業協會爆，3月底到4月初，將會有13家飯店、旅館停業，初估損失將達3000億元以上。根據《三立》報導，觀光協會指出，包括</t>
  </si>
  <si>
    <t>俄羅斯裔色情女星蘿拉泰勒（Lola Taylor）疑似為新冠肺炎的確診者，目前正被隔離在家中；她表示，為了激勵醫界人士、科學家能盡快找出病毒特效藥，願意提供美好的獎賞，例如與第一個找到治療冠狀病毒的人發生性關係</t>
  </si>
  <si>
    <t>國內本土疫情爆發，行政院日前公布紓困4.0內容，其中對海嘯第一排的觀光業者，給予旅行業薪資及營運補貼、團體旅遊取消補貼等，方案與業界期待落差極大，引發業者強烈不滿，連日來抗議電話灌爆各大公協會。旅行業品</t>
  </si>
  <si>
    <t>李蒨蓉先前自曝因疫情期間常處在家，跟結婚17年老公李德立起爭執，一度考慮離婚，幸好兩人後來決定談開，化解婚姻危機。今(23日)她發文自曝其實先前有過3次被問要不要施打疫苗的機會，但她聞「特權」兩字敏感便婉拒</t>
  </si>
  <si>
    <t>花蓮今新增一例確診，是上個月萬華大舅子到花蓮妹婿家中作客，已使得整個家族親友累計15人染疫，另染疫民眾已有3人出院。因疫情仍嚴峻，未來疫苗將陸續到位，縣長徐榛蔚稍早號召退休、退職醫護人員，加入防疫行列，</t>
  </si>
  <si>
    <t>國內傳出新冠肺炎本土案例，疫情升溫。桃園市議員楊家俍與店家業者，20日特地帶著雞排、飲料與物資，到聯新國際醫院表達關心慰問，為醫護人員加油打氣。院長黃忠智感謝各界捐贈與關懷，也表示醫院已落實各項防疫措施</t>
  </si>
  <si>
    <t>清明連假各大景點湧入人潮，讓醫護人員憂心恐釀成另一波疫情，中央流行疫情指揮中心更針對11個景點發布國家級警報，不少企業也跟進，要求到過景點的員工居家辦公，對此，藝人郭世倫忍不住氣呼：「亂七八糟」。郭世倫</t>
  </si>
  <si>
    <t>中央流行疫情指揮中心指揮官陳時中15日表示，新冠肺炎再增6個確診案例，這是這麼久以來最多的單日確診案例，新增6例皆有國外旅遊史，鑑於境外移入快速增加，他呼籲國人，沒有必要的旅行，最好忍一忍，可以不出國就儘</t>
  </si>
  <si>
    <t>肆虐全球的新冠病毒起源為何至今仍爭論不休，甚至引起美陸等國之間的政治口水戰，但由於疫情源於大陸武漢，讓外界普遍認為該地為病毒起源。不過據劍橋大學研究團隊指出，新冠病毒在全球至今已有3種病毒株，而這場大</t>
  </si>
  <si>
    <t>眾達-KY(4977)1月合併營收2.04億元，月減少18.45%、年成長1.37%，針對新冠肺炎，眾達-KY認為，仍需視近期陸續復工狀態，但客戶需求不變，預期第一季因疫情造成影響，可望自第二季起產生遞延效益。眾達-KY的1月合併營</t>
  </si>
  <si>
    <t>由20醫團、10餘環團NGOs牽手發起的88節台中抗暖化、反空汙、顧健康遊行今天下午登場！彰化市長林世賢上午出席遊行前記者會，公開宣佈彰化市氣候緊急搶得頭標，成為宣佈氣候緊急的全國第一例！林世賢強調，彰化市會成</t>
  </si>
  <si>
    <t>因應疫情發展，位於桃園市中壢區的中原大學稍早宣布，9月14日至26日實施線上彈性教學，27日後則以採實體授課為原則，且依教育部「大專校院110學年度因應嚴重特殊傳染性肺炎防疫管理指引」，滾動式調整。。中原大學表示</t>
  </si>
  <si>
    <t>歌壇天王周杰倫年初帶著全家到老婆昆凌老家澳洲度假，4月返台後遵照政策居家隔離了14天，出關後也不急工作，忙跟朋友相聚聯絡感情，另外幫昆凌自創隱形眼鏡品牌當模特兒，果真寵妻魔人無誤，而有日前民眾要到圓山打</t>
  </si>
  <si>
    <t>台灣疫情持續延燒，為避免災情擴大，部分縣市表明要自行購買疫苗，網路也瘋傳美國好巿多的照片，賣場內的藥局可打新冠疫苗，而且有三種疫苗任君挑選，引發網友譁然，對此，中央流行疫情指揮中心指揮官陳時中表示，「</t>
  </si>
  <si>
    <t>新冠肺炎疫情發生以來，台南市政府統計目前已有數百例必須配合中央政策規範進行居家檢疫，目前首度查獲2例居家檢疫個案「趴趴走」，台南市政府衛生局經調查後將進行裁處。這2例居家檢疫違規個案本身均無發燒等疑似症</t>
  </si>
  <si>
    <t>嘉義縣15日新增1起確診個案，案13302是東石鄉永屯村7-11便利超商店員，由於案13302感染源不明，嘉義縣府今16日啟動社區篩檢，除針對副瀨村及永屯村當地87位匡列者進行PCR篩檢，收到細胞簡訊上千位民眾如有疑似症狀，</t>
  </si>
  <si>
    <t>開學日在即，全國學校忙著備戰防疫措施，新北市長侯友宜今(19)上午至蘆洲仁愛國小視察校園防疫演練時表示，學校的空間是有限的，能夠把距離拉開就盡量拉開，更重要的是保持通風，所以學校的門窗盡量全部打開，至於萬</t>
  </si>
  <si>
    <t>清明連假已有多處景點人潮擁擠，連假後疫情趨勢推估是否樂觀以及是否可能下達禁足令？中央流行疫情指揮中心指揮官陳時中表示：「任何可能性都有，看疫情發展到什麼情況。」陳時中表示，疫情會延續很長，「若都關起來</t>
  </si>
  <si>
    <t>國內新冠肺炎今日新增4死，其中1人為屏東印度變異株（Delta）群聚的果農太太（案14816）。中央流行疫情指揮中心醫療應變組副組長羅一鈞表示，該太太的死因是新冠肺炎和肺炎併發症，病程沒有和非Delta病毒不同。羅一</t>
  </si>
  <si>
    <t>屏東6日新增1確診「案15184」，他曾與確診白牌車司機「案14298」共同泡茶，6月23日已被匡列隔離，3天後轉往集中檢疫所時與「案14905」同車，二採陽無症狀確診，而屏東Delta群聚案至今累計17人染疫，當中有2人重症救</t>
  </si>
  <si>
    <t>228連假期間，警方發現有關新冠肺炎相關的假訊息案件，突然大爆發，每天有逾10件；與過去1個月，平均每天約4件相比，大幅增加。警方初步調查，都跟來自境外的大陸網軍有關，懷疑是有計畫的向台灣進逼，影響防疫。刑</t>
  </si>
  <si>
    <t>本土疫情持續升溫，台北市市長柯文哲與新北市市長侯友宜多次砲打中央，聲勢也水漲船高。港媒評論指出，柯痛批中央疫苗分配為「政治內線交易」、侯要求總統蔡英文「約束底下的人」，這兩句話都對蔡政府形成強大壓力；</t>
  </si>
  <si>
    <t>「威士特丹號」爆發新冠肺炎個案，高雄計程車司機人心惶惶，有運將乾脆休息放大假，也有人為討生活，歹命大嘆得面對「恐懼」。高市計程車公會理事長甘光華表示，原本受疫情影響，已接不太到客人了，如今心情更是七上</t>
  </si>
  <si>
    <t>宜蘭縣連續8天零確診，但今天（4日）新增2例確診，累積確診數達98例，確診者分別是外籍看護工（案15109），與一名20多歲的男子（案15110），CT值分別是35、33；另外，頭城鎮大溪漁港在假日湧進人潮，縣府農業處表示</t>
  </si>
  <si>
    <t>華爾街知名經濟學家暨投行Evercore ISI董事長海曼（Ed Hyman）示警，新冠肺炎可能導致美國陷入經濟衰退，並將美國第二和第三季經濟成長預測大砍至零成長。海曼1日在標題為「肺炎衰退」的報告中指出，「美國新冠肺炎</t>
  </si>
  <si>
    <t>台股高檔盤整之際，中裕（4147）獲新冠肺炎最新單株抗體授權，激勵股價26日攻上漲停，生技指標股「天國一輝」中天（4128）、杏國（4192）、合一（4743）、杏輝（1734）等也全面紅通通，漲幅逾7％，整體族群表現相對</t>
  </si>
  <si>
    <t>面對新冠肺炎(COVID-19)疫情持續在全球蔓延，除了政府、公共衛生主管機關全面防堵疫情散播外，如何宣導傳遞正確的防疫資訊，並且避免錯誤資訊、惡意資訊以及假消息傳播，也是當務之急。對此社群平台 Facebook、Twitter、YouTube 都公布了對應與新冠肺炎相關廣告的政策，而主管 App Store 的蘋果(Apple Inc.)也針對 App 上架導入了全新的規定。
* Facebook
社群平台龍頭，全球用戶超過 20 億的 Facebook，其 CEO Mark Zuckerburg 在個人臉書宣布針對新冠肺炎疫情，他們將免費為世界衛生組織(WHO)提供廣告，來協助 WHO 宣導針對新冠肺炎疫情的最新指導方針。除此之外，他們也將發力遏制平台上與疫情相關的惡作劇以及錯誤資訊，依循 Facebook 社群守則規定，他們將會把主張與疫情相關的虛假言論內容下架，並且投放宣稱有藥物可以醫治新冠肺炎之廣告的帳號也會被封鎖。
* Twitter
先前 Twitter 曾為了保護宗教團體，針對平台上的仇恨言論發表相關管理政策。因應新冠肺炎疫情，他們將處理仇恨言論的範圍擴及年齡、疾病以及殘疾等議題。Twitter 指出，在本周四之前發表違反準則的推文都會被刪除，但是相關帳號不會被封鎖。而在周四之後，所發表的推文都必須符合目前關於仇恨言論的相關規定。
* YouTube
針對新冠肺炎疫情，YouTube 則是在日前宣布凡是談及新冠肺炎疫情的影片，都將被關閉廣告功能，換言之，不能藉此透過廣告營利。
* Apple
管理 App Store 的蘋果也指出，他們將會打擊與新冠肺炎相關的應用程式(Apps)，除非新遞交的應用程式來自於政府、醫院等被認可、可信任的機構，確定可以發表正確的數據或資訊，蘋果將不會讓與新冠肺炎有關的 App 上架
為了讓人們都能找尋到正確的防疫相關資訊，在 Twitter 以及 Facebook 當中搜尋有關新冠肺炎相關關鍵字，都會出現當地主管機關的連結。在 Faceboo、Twitter 都會先出現台灣衛福部疾管署的網站連結。
除了被動防堵新冠肺炎相關惡意言論與廣告，Facebook CEO Mark Zuckerberg 也宣布他與妻子 Priscilla Chan 創立的慈善機構 Chan Zuckerberg Initiative 已經跟蓋茲基金會(Bill &amp; Melinda Gates Foundation)合作，透過雙方合作將讓研究人員針對新冠肺炎病毒進行全基因測序，能讓檢疫人員更快、更容易的了解人們是否感染新冠肺炎病毒。</t>
  </si>
  <si>
    <t>中央流行疫情指揮中心今（12日）宣布，新增8例境外移入確診，我國目前累計733例確診，分別為641例境外移入，55例本土病例，36例敦睦艦隊及1例不明；另1例(案530)移除為空號。確診個案中7人死亡。指揮中心醫療應變組副組長羅一鈞將於下午2時最新說明。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TOCC)，以供及時診斷通報。
指揮中心再次提醒，民眾應持續做好手部衛生與咳嗽禮節；外出若無法與他人保持社交距離，請全程佩戴口罩。自國外入境時，如有發燒、咳嗽等不適症狀，應主動通報機場及港口檢疫人員並配合防疫措施；返國後應落實居家檢疫，如出現疑似症狀，請務必聯繫衛生局或各縣市關懷中心，並依指示就醫，切勿搭乘大眾運輸工具；就醫時，請務必告知醫師旅遊史、職業別、接觸史及是否群聚(TOCC)，以供及時診斷通報。</t>
  </si>
  <si>
    <t xml:space="preserve">大聯大(3702)今日舉行法說會，第一季營運守穩，每股賺0.99元，展望第二季，看好後疫情時代，居家辦公、遠距教學、5G相關基地台等商機仍樂觀，智慧倉儲的布建也依舊會是未來幾年的重點經營，也會是資本支出的核心。
大聯大第一季營收1310.44億元，年成長17.2%，延續去年第四季的年增雙位數成長，並創歷年第一季新高，單季營業毛利為52.72億元，營業淨利為21.91億，營業利益率為1.67%，淨利歸屬母公司業主16.58億元，年增率27.15%，單季每股獲利為0.99元，毛利率4.02%。
財務長袁興文表示，大聯大第一季在新冠肺炎疫情帶動記憶體價格走揚、近期居家辦公及遠距教學需求帶動筆電、PC及網路通訊週邊設備、伺服器以及5G相關零組件出貨等挹注下，相較去年同期有著兩位數成長，也展現大聯大對疫情有著一定的掌握度，各產品表現上，除車用電子略為下降，其餘均維持穩定成長。
展望後市，袁興文指出，目前上下游客戶還是有不確定因素，故對第二季、下半年不發布預測性數字，但走向後疫情時代，居家辦公、遠距教學的商機會持續，5G相關基地台、手機等業務，還有各國政府加碼的基礎建設，都有助於刺激需求，大聯大也持續在進行積極布局，且針對內部數位轉型也會持續，目前客戶上線已經有20%，在數位倉儲上，去年完成香港部分，後續會針對客戶密集的廣州，接著還有台灣、東南亞，會配合客戶地區做調整，預計會一直延續到2022~2023年，發揮大聯大的通路優勢。
在未來資本支出上，大聯大今年砸下65.5億元購買南港廠辦，未來陸續會將營運都集中在新廠辦，這屬於一次性的支出，未來幾年大聯大的支出主要還是集中在智慧倉儲的建構；另外，目前全球半導體產業的交易，主要幣別還是以美元為主，在聯準會持續寬鬆貨幣政策下，預估利率再下降趨勢持續，因此，預估財務支出占比營收應該會持續下降。
大聯大董事會日前也通過每股擬配發現金股利2.4元，預計在6月24日召開股東會。
</t>
  </si>
  <si>
    <t>大陸全國抗擊新冠疫情表彰大會8日上午舉行，中共中央政治局常委、全國人大委員長栗戰書宣讀中共總書記、國家主席習近平簽署的主席令。授予鍾南山共和國勳章，授予張伯禮、張定宇、陳薇人民英雄國家榮譽稱號。由習近平在會中親自頒發。
在這場全民抗疫中，一批90後（指1990年之後出生者）抗疫者挺身而出，義無反顧地扛起責任和擔當。其中李娟娟、甘如意、塗可藹三位90後，獲得全國抗擊新冠肺炎疫情先進個人榮譽。另一位獲獎的，是疫情期間穿梭武漢街頭為醫護人員送餐的快遞小哥汪勇。
頒獎時司儀稱大陸防疫專家鍾南山敢醫敢言、勇於擔當，提出的防控策略和防治措施挽救了無數生命！鍾南山致詞時指出，「健康所繫，性命相托」，就是醫務人員的初心；保障人民群眾的身體健康和生命安全，是醫者的使命！他在受訪時回顧武漢戰疫最艱難的時刻，說自己在武漢的學生曾發來資訊，社區居民們唱著國歌，高喊「武漢加油」。說著說著，鍾南山紅了眼眶說：「這就是中華民族，這就是中國人，什麼都壓不倒！」
湖北衛健委副主任的張定宇，作為漸凍症患者，疫情期間衝鋒在前、救死扶傷，為湖北保衛戰、武漢保衛戰作出重大貢獻！他搖搖擺擺艱難卻抬頭挺胸地走進會場的影片，感動網友。
中國工程院院士、天津中醫藥大學校長張伯禮，指導中醫藥全程介入疫情救治，主持研究制定的中西醫結合療法成為中國方案的亮點。張伯禮說，國有危難醫生即戰士，寧負自己，不負人民。
中國工程院院士，解放軍軍事科學院軍事醫學研究院生物工程研究所所長陳薇在新冠肺炎疫情爆發後，她在基礎研究、疫苗、防護藥物研發方面取得重大成果。</t>
  </si>
  <si>
    <t xml:space="preserve">國內今新增2例新冠肺炎境外移入個案，由中央流行疫情指揮中心指揮官陳時中在下午2時10分親自召開記者會說明。預計今天也會公布案804的英國變種病毒株比對結果，以及近日防疫旅館出現爆滿潮，指揮中心也將在今天說明如何因應。此外，越南2日新增一例台灣移入個案，也是預計今天會一併對外界說明。
指揮中心表示，2日新增的案804為英國籍30多歲男性，去(2020)年12月30日來台工作，持有登機前3日內核酸檢驗陰性報告，入境集中檢疫，自述12月28日起即有輕微鼻塞症狀，但自覺為英國天氣寒冷所致，12月31日進行採檢，1月2日確診，Ct值僅18病毒量高，會做病毒基因序列比對，確認是否感染英國變種病毒，結果可能會由陳時中在今天宣布。
指揮中心統計，截至目前國內累計819例確診，分別為724例境外移入，56例本土病例，36例敦睦艦隊、2例航空器感染及1例不明；另1例(案530)移除為空號。確診個案中7人死亡、697人解除隔離、115人住院隔離中。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以供及時診斷通報。
</t>
  </si>
  <si>
    <t xml:space="preserve">雖然對美中緊張關係的擔憂持續籠罩市場，但美國將推出新一輪新冠肺炎紓困措施，使投資人的風險偏好受到提振，由三星電子領軍，周一南韓KOSPI指數收漲0.79%，為2,217.86點，結束連續3天的跌勢。
白宮幕僚長米道斯（Mark Meadows）周日宣布，白宮與參議院共和黨團原則上已經就規模約1兆美元的新一輪新冠肺炎紓困法案達成協議。
大型股普遍收高，三星電子漲2.58%，SK海力士跌1.08%，現代汽車漲0.82%，南韓最大網路公司Naver漲1.25%，其同業Kakao漲0.62%。
外資今日買超韓股1560億韓元，機構投資人買超1410億韓元，散戶賣超2980億韓元。
韓元漲0.45%，收在1,196.1兌一美元。
</t>
  </si>
  <si>
    <t xml:space="preserve">鄭怡近來受新冠肺炎影響，大多和老公待在家、減少出門使用口罩的機會，偶爾去朋友家送包冷凍蔬菜，她都覺得是人生小確幸；鄭怡的雙胞胎兒子都在多倫多，她難免擔心孩子健康情形：「當地朋友非常緊張，他們說那邊的政府防疫措施沒有台灣做得這麼好，朋友們有準備一些口罩給我兒子，我也提醒孩子要勤洗手。」
鄭怡感謝台灣政府防疫措施完善，「走在外面滿安全的，家裡一直都有備用口罩，但還是儘可能少出門，把口罩省起來，我跟老公都沒去排隊買口罩，把機會讓給有需要的人」；對於年後多場春酒及海外演出受疫情影響取消或延期，鄭怡說：「但起碼我們活在一個很安全的地方，人只要能健健康康地活著，節省一點、日子還是過得去，多用這個方法勉勵自己」。
前天西洋情人節是她雙胞兒子的生日，鄭怡笑稱已24年沒慶祝這個節日，今年難得跟老公待在台灣，兩人選擇在家看電影度過，「選部片子、準備零食，有朋友說好浪漫，但其實老夫老妻一起看電影沒什麼好浪漫，邊看還邊鬥嘴」。
</t>
  </si>
  <si>
    <t xml:space="preserve">日前朝陽科大20人夜唱團共造成11人確診染疫，台中市衛生局立即應變在朝陽科大成立快篩站，要求當時在校師生進行篩檢。市議會國民黨團痛批，竟被某黨議員曲解為要求全校師生都需篩檢，莫非見不得民眾都健康嗎？民進黨市議員黃守達說，國民黨團可能不是很了解盧市府防疫作為才會有此誤解？
黃守達指出，5月20日市府新聞清楚寫道：「朝陽科大快篩站也針對留在校內800人進行第一波快篩，對於已離校及離開台中市超過1萬4000名師生，市府已請學校協助通報師生可至全市快篩站，或就近在該縣市快篩站篩檢」」。且盧市長也於當天臉書呼籲：如為朝陽大學之師生，可盡快前往台中快篩站快篩檢驗；另外，朝陽科大也因此要全師生填寫篩檢回報進度。這些全部都有紀錄可供查詢。
黃守達表示，重點並非檢驗結果。指揮中心醫療應變組就早已指出，若當地疫情較不嚴重，抗原快篩偽陽性機會恐高達70％，結果也已證明此說法。他本人也早已與衛生局溝通多次快篩站設置與宣導的問題，並於臉書粉絲專頁進行宣傳。
黃守達認為，若盧市府真的認為其決策無誤，為何要請大家都去做快篩，卻又只快篩了1000多名師生即撤除朝陽快篩站，並要大家可以安心？這是依循何種標準？那剩餘的學生如何能確保沒有問題？偽陰性造成的破口呢？這樣的魯莽作為竟還可以美化成安定人心，根本就是造成醫療量能的浪費跟製造更大的恐慌罷。
</t>
  </si>
  <si>
    <t>新冠肺炎疫情肆虐，目前全球累計75,202例確診、2,010人死亡，各國防疫繃緊神經，不過就有網友好奇「為何不全面斷航？」貼文一出隨即掀起熱議，更有內行人點出2點關鍵主因。
原PO日前在PTT「八卦板」PO文指出「全面斷航明明就很簡單，就禁止所有飛機落地就好。就像玩手遊一樣簡單，左上角按齒輪、設定、開啟而已，這麼簡單，為什麼不做？」
貼文一出隨即掀起熱議，網友一面倒直指關鍵在於「經濟問題」和「無法阻止耍手段者」，直言「經濟會崩潰」、「經濟被捏著啊」、「斷航簡單，但後續影響勒？」、「斷航後復航困難」、「後果台灣承受得起嗎？」、「對新加坡都不敢斷了，呵呵」、「你斷航就有人偷渡，你封城就有人偷跑」、「斷航沒那麼簡單，問題你源頭不斷，早晚有辦法弄死你」；但也有人認為「絕對支持斷航，命都沒了要經濟何用」。</t>
  </si>
  <si>
    <t>新冠肺炎在農曆年前蔓延開來，全球各地確診和死亡人數居高不下，疫情高峰期一再後延，讓經濟景氣蒙上一層陰影，投資、消費、進出口或經濟成長數據的表現，各項數據下修壓力極大。
反映最直接的當屬股票市場，快速走跌的同時，與防疫題材有關的個股異軍突起，鋒芒壓過權王台積電、股王大立光，許多個股都設法找題材，紡織股從原料著手，轉投資公司生產除菌棒的台塑化，都想搖身一變，化身為「類防疫概念股」，既可避免在此波股市走跌時遭受波及，話題熱的話，還可以吸引短線資金的關注。
也有些個股時來運轉，股價走揚全不費工夫。例如印刷類股中的花王，連續多日出現漲停板行情，但此花王非彼花王，等到大多數人搞清楚狀況，花王也上重訊提醒大家投資前要驗明正身，股價則以暴跌回應；之前因每股淨值快要跌破2元，面臨下市命運的富邦VIX，同樣在此波股市修正中，得到喘息的機會。
台股一向標榜殖利率在全球股市中數一數二，爭取投資人的認同，但此波修正過程，基本面表現好壞並非重點，副業投資的神來一筆可以吸引資金的目光；只要取個好名字，比辛苦經營的成果，在股價上的反應更直接，讓人無話可說。
這就是台灣投資的現況。資本市場在驚恐之餘的表現，令人莞爾一笑，但還是要嚴肅面對這樣的現實，尤其正在汲汲營營的爭取資金回台，要推出「媲美星港財富管理新方案」的金管會，必須理解，台灣市場的非專業投資人，理財決策衝動且草率，必須打造一個相對適應這樣投資性格的市場，重要性更勝於找了多少資金回台投資。
更進一步說，台灣市場的商品不缺話題性，缺的是穩定且扎實的報酬。長期的低利率環境，確實把許多人逼到資本市場上，這些人無法忍受過低的報酬，但對於股市的風險也是敬謝不敏。折衷的方案，就是以金融股為主的存股風氣大盛，台灣50這種一籃子權值股的ETF受到青睞。
隨著高齡化社會到來，如何讓不想一夜致富、手握大筆財富，但缺乏豐富理財知識與判斷力的投資人，可以有更多容易入手、報酬合理的「類固定報酬商品」，這比正在股市上點燃討論的「類防疫概念股」重要多了。</t>
  </si>
  <si>
    <t xml:space="preserve">韓國6日才放寬社交距離政策，不過幾天又傳出疫情，今（10）日新增34例新冠肺炎確診病例，是一個月來最高，當中多數和有梨泰院「毒王」之稱的夜店男子有關，至今夜店群聚感染病例增加至54例，最遠的還遍及濟州島，韓國總統文在寅今日發表就職3周年演說時強調，「疫情尚未結束，絕不能鬆懈。」
對抗新冠肺炎疫情有成，韓國6日宣布長達45天的「社交距離嚴守期」結束，全國轉為「生活防疫期」，儘管當局強調生活防疫期間仍須保持社交距離，例如認真洗手、避免公共場所長時間聚餐等，不過由於並非強制性措施，民眾遵守成效如何令人質疑，百貨公司、餐廳、公園等也自上個月下旬開始逐漸出現人潮。
解封是否帶來第2波疫情？綜合韓聯社、美聯社報導，韓國中央防疫對策本部今日宣布，新增34例新冠肺炎確診病例，這是韓國28天以來首度新增超過30例，也4月9日以來最高的新增病例數。
當中8例為境外移入、24為本土案例，本土案例中至少有15人和有「梨泰院毒王」之稱的29歲男子有關，該名男子1日晚間到酒吧、夜店林立的首爾梨泰院地區，當晚至隔日凌晨至少流連5間酒吧，他隨後確診新冠肺炎，同時引爆首爾夜店群聚感染危機。
韓聯社指出，至今，和夜店群聚感染相關的病例增加至54例，其中43人曾造訪夜店，11人為感染者家人。
韓國疾病管理本部中央防疫對策本部長鄭銀敬（Jeong Eun-kyeong）今日坦承，夜店群聚感染出現擴散跡象，54例病例中，30例在首爾、14例在京畿道、6例在仁川、2例在忠清北道，最遠的釜山及濟州島各有1例。
針對韓國再爆出群聚感染情形，韓國總統文在寅今日發表就職3周年演說時強調，疫情尚未結束，我們絕對不能鬆懈。他說，近期的群聚感染情形顯示新冠病毒隨時都能重新席捲而來，疫情真正結束之前都不叫結束，「我們處在長期戰役中，政府還將提前應對疫情復發，為長期戰疫作好萬全準備，希望國民們在回歸日常生活的同時，堅持遵守防疫規定。」
</t>
  </si>
  <si>
    <t>環南市場今爆出41人PCR篩檢陽性，引起各界關注，行政院長蘇貞昌也立刻下令要陳時中到場掌握狀況。對此，毒理學專家招名威表示，微解封根本是不智之舉，目前還有一堆潛在的確診者，加上北農的篩檢結果仍不確定，若不小心出包恐讓攤販、市民、醫療、市府和中央通通輸掉，陷入五輸的局面，如果是擔心攤販餓死，那就應該要快速提出相關的補助措施才對，而不是將整個防疫風險都賭上去。
招名威昨天在臉書發文表示，7/1的確診數下降了，但專業判斷仍不適合「微解封」，再說，如果這個措施出包了，事實上就是「五輸」的局面，攤販、市民、醫療、市府和中央通通都輸了，因此他認為「微解封根本不智之舉」。
招名威指出，假日即將來臨，台北市每天都還有至少20人確診，疫調的來龍去脈完整分析了嗎？誰可以確定不會有破口呢？在攤販前的人群聚集密度反而更高，到時候誰能保證大家都會保持社交距離？如今去夜市只能外帶、無法外食，那現階段開放去夜市的意義到底是什麼？回家點外送不就好了嗎？
招名威認為，微解封後若真的出狀況，又要封城、來個全台居家2個月誰受得了？攤商關門、市民回家、醫療緊縮，導致「三輸」，而市府和中央互踢皮球也雙輸，根本就不會有贏家。
招名威說，事實上根本沒有人會因為再多撐兩周就餓死，如果真如台北市長柯文哲所擔憂「餓死比病死的多」，那市府就應該快速提出更多針對攤販的補助措施才對，像是紓困救助金、借貸辦法或發放現金。
招名威也呼籲北市府別只是說嘴，請提出高智商的方案來，不然將整個防疫風險都建立在擔心部分人士會餓死的基礎上，這個「萬一」失敗的代價實在太高了。
招名威今早再度發文表示，台北市的疫情變來變去，不篩則已，一篩環南市場就爆出41個陽性，一堆潛在的確診者不說，加上北農的篩檢結果還不確定，匡列、足跡和相關的配套措施呢？他實在不懂夜市的微解封政策怎麼出來的。「反正現在政策拍板只要小部分人開心就好了？不專業的決策，視市民的生命價值到底有多低？」</t>
  </si>
  <si>
    <t xml:space="preserve">新冠疫情壓不住，美國加州洛杉磯郡醫療體系瀕臨崩盤，當地政府已經下令，救護車不要護送生存機會渺茫的患者就醫。
美國有線電視新聞網（CNN）報導，洛杉磯郡（Los Angeles County）面臨新冠人間災難，洛杉磯郡衛生局長費瑞（Barbara Ferrer）4日表示，超過7,600人住院，當中21%的患者住進加護病房，而且每15分鐘就有1人死亡。
當地官員索里士（Hilda Solis）表示，多家醫院宣布內部災難，必須將教堂、健身房轉為野戰醫院進行治療，醫護人員身心俱疲，她說洛杉磯郡宛如人間災難。
不僅如此，洛杉磯郡緊急醫療局（The Los Angeles County Emergency Medical Services）上周也下令，要求救護車不要將生存機會渺茫者送醫治療。命令指出，「由於新冠疫情對緊急醫療服務及醫院造成的嚴重影響，如果在現場急救時，患者就沒有成功恢復自發性血液循環，將不運送遭受鈍性創傷、非創傷性到院前心跳停止（OHCA）的18歲以上成年患者。」
命令指出，如果患者失去心跳或脈搏，急救人員將會至少急救20分鐘，待狀況穩定後送醫，但是患者如果被宣告當場死亡，或者急救後心肺功能仍未恢復，救護人員將不會將他送醫。
除此之外，當地氧氣也嚴重不足，洛杉磯郡緊急醫療局也下令節省輸氧，只針對血氧濃度低於90%的患者輸氧，命令指出，血氧濃度達90%已足夠支撐患者的血液正常流動。
洛杉磯郡醫療系統緊繃，患者就算幸運獲准上救護車，到院前還得經歷幾波考驗，有些患者在現場等待很久才有救護車來接送，到院時還得為一張病床等待好幾個小時。
洛杉磯消防局醫療主管艾克斯坦（Marc Eckstein）表示，「除非真的非常需要」，呼籲民眾不要撥打911叫救護車。
</t>
  </si>
  <si>
    <t>近期因應雙北疫情警戒標準達到第3級，室內用餐人數落實管制，並維持社交距離，外送次數也可能大幅增加，勞動部職安署將加強督促外送業者全面落實防疫措施，並建議消費者優先採用「無接觸取送餐」服務，以線上刷卡代替現金交易，外送員如有發燒、呼吸道感染或其它不適症狀，應立即就醫、回報業者，並停止送餐。
職安署職業衛生健康組長張國明表示，我國正面臨疫情嚴峻考驗，特別要求食品外送業者除應依「職業安全衛生設施規則第286條之3」及「食品外送作業安全衛生指引」規定，強化危害評估及安全衛生防護措施外，並應依循「食品外送平台之外送員(取送餐)防疫重點事項」，共同提升食品外送員之職場防疫措施。
重點防疫事項部分，包括外送員取送餐時應配戴口罩、配戴具擋風面罩之安全帽、優先採用「無接觸取送餐」服務、鼓勵消費者採線上付款如線上刷卡，避免現金交易；另外也加強外送員個人健康自主管理，例如勤洗手、早晚量測體溫，如有發燒、呼吸道感染或其它不適症狀，應立即就醫，回報業者，並停止送餐。
張國明指出，若外送員確定因為執行職務不幸染疫，會做職業病的認定，也會依「勞基法第59條」比照職災給予45個月薪資補償。
至於有外送員反映不希望進入醫院等高風險染疫場所送餐，若中央流行疫情指揮中心或地方主管機關已明定醫療院所進出管制規定，所有人員(含外送員)均應遵守傳染病防治相關規定，外送員可與消費者定約定於戶外適當通風地點取送餐。</t>
  </si>
  <si>
    <t xml:space="preserve">火箭隊老闆費爾蒂塔(Tilman Fertitta)於美國時間周一造訪白宮，與多家餐飲業者及總統川普(Donald Trump)商討復工。費爾蒂塔會議中忽然重提去年的香港風波，表示他早有預感今年是大陸很差的一年。川普大笑。
費爾蒂塔是休士頓餐旅集團Landry's, Inc的老闆。他說：「我們的損失慘重。談到中國，當我的總管莫瑞(Daryl Morey)推文支持香港自由的時候，我早該明白這會是中國很糟糕的一年。我現在都還在設法搞定那件事。」
川普笑著對在場的餐飲老闆解釋：「他(費爾蒂塔)也是火箭隊的老闆。」川普又問：「你還留著莫瑞？那他肯定是很有本事了。」費爾蒂塔回答：「這聽起來像是陷阱題。」大家又笑。
費爾蒂塔在疫情初期表示：「這種病不會死人，跟流行感冒差不多。」兩個月後美國的死亡人數突破9萬人。這波疫情費爾蒂塔裁掉了4萬名餐旅員工，刪減剩餘的員工福利，聲稱疫情結束後再雇他們回來，加上他之前對香港事件的態度，被評為最爛的老闆。
提起NBA，川普順便問說那些年薪2500萬美元的球員要怎麼辦。費爾蒂塔說：「我有兩個年薪4000萬的球員，哈登(James Harden)與韋斯布魯克(Russell Westbrook)。球員本季減薪25%，剩餘的比賽與球團五五分帳，當然他們必須要上場比賽才能收錢。」
川普關心本季會不會打完，能不能直接跳到季後賽，費爾蒂塔還沒辦法給出答案。比起職棒大聯盟(例行賽還未開打)，NBA受到的衝擊比較小，球季已經進行大半季，老闆不至於虧太多，球員對於減薪的幅度也還能接受。
</t>
  </si>
  <si>
    <t xml:space="preserve">親近梅根的消息人士說，她將效法已故婆婆黛安娜王妃，接受電視專訪，全盤托出脫英，還有淡出王室的內幕。不過，和黛妃不同的是，她將獲得100萬英鎊（近4,000萬台幣）的報酬。
據《每日星報》（Daily Star）和《快報》（Express）報導，當新冠肺炎疫情危機結束時，梅根將打破沉默，透露相關內幕。
據這些閨密透露，最可能負責專訪，讓梅根說出，當初她和哈利為何會拋出脫英震撼彈的，就是美國脫口秀女王歐普拉（Oprah Winfrey）。據說梅根態度「極認真」，一心想要靠這引人矚目的專訪，設法贏回大眾的心。
一名親近梅根夫妻的消息人士說：「那將是自黛安娜與巴希爾（Martin Bashir）馳名的無話不說對談後，最令人期待的全球電視專訪。」據說梅根同意讓新居和家庭生活入鏡，但哈利仍在「慎重考慮」相關提案。
此外，這位消息人士說，梅根想要把收入全數捐出。而醫護人員奮不顧身，在前線和新冠肺炎疫情搏鬥的國家醫療保健服務（NHS），則很可能成為捐贈的對象。
「當她身為王室一份子時，單獨接受任何人專訪，談她的人生，還有王子如何改變了她的世界，簡直是不可思議的。但如今她可說是獨立自主了，而他們邁出大步，走自己的路後，卻感受到大家失去對她和哈利的『愛』，令她承受了壓力。」
最近消息傳出，梅根和夫婿遷居她的故鄉洛杉磯後，哈利遠離王室親人，覺得備受孤立，簡直是如魚離水般。而《哈利王子：內幕故事》（Prince Harry: The Inside Story）一書作者拉柯姆（Duncan Larcombe）告訴《近點周刊》（Closer Weekly）娛樂雜誌網，哈利在洛杉磯可能會被視為梅根的「附屬品」。
拉柯姆甚至指出，當哈利看到王室成員在英國因新冠肺炎疫情封城之際，紛紛為國人加油打氣，可能會覺得「沒幫上忙」。他並表示，哈利沒上大學，除了從軍和做慈善工作外，並沒有太多工作經驗，因此很可能拚命在找「自己適當的角色」。
</t>
  </si>
  <si>
    <t>連江縣政府接獲中央流行疫情指揮中心通知，一名確診者5月11日搭機來馬，13日台馬輪夜航返台，已匡列密切接觸者8人進行居家隔離及採檢，結果今（17日）出爐8人均為陰性。民進黨連江縣黨部主委李問表示，已超過30家民宿業者宣布5月28日前全額退費，而且持續增加中。
李問表示，疫情升級，減少不必要交通移動，呼籲民眾暫緩來馬祖遊玩行程，危機解除後再相聚！馬祖旅遊業者也為大家的健康著想，目前已超過30家民宿業者業者，公開宣布5月28日前全額退費，而且持續增加中。
旅行團目前也已採取「只出不進」，避免疫情傳播。立榮航空也宣布退票免手續費，相關訊息可到官網查詢。
李問表示，馬祖很小，醫療資源和能量有限，如果疫情擴散將無法負荷。前幾天，一名在外地確診的旅客，經調查上周足跡曾經到訪馬祖，目前相關單位也根據個案足跡積極消毒處理中，嚴陣以待。
李問強調，現在是關鍵的時刻，希望大家同心協力：減少移動、避免群聚，全力斬斷病毒傳染鏈。發揮「同島一命，堅持到底」的團結精神。</t>
  </si>
  <si>
    <t>近日世界衛生組織「大流行防範和應對獨立小組」發布報告，對全球新冠疫情應對工作進行評估。作為該獨立小組的專家成員之一，鍾南山表示，全世界都要留意這個病毒走向，很嚴重的變異會影響疫苗效力，關鍵下一步要通過廣泛接種建立群體免疫，現在採用過去的預防辦法遠遠不夠。
2020年7月，世界衛生組織宣布成立一個獨立小組，對該組織領導下的全球新冠疫情應對工作進行評估。專家組在5月12日發佈了82頁的主報告。該報告重點提出，要預防新冠疫情從局部暴發發展為全球流行，以及預防從全球流行發展到全球健康及社會經濟危機。鍾南山接受央視採訪時表示，這個報告總體客觀、公正，是根據科學事實來得出的結論。
對於大陸下一步對防疫的重點，鍾南山認為全球疫情反反覆覆，還遠遠沒結束，未來抗疫的關鍵，是要留意病毒的變異問題，以及盡快接種疫苗建立群體免疫。為應對未來疫情大流行，鍾南山表示，病毒是人類的敵人，各國之間應建立一個更高層級的合作機構來共同努力應對。</t>
  </si>
  <si>
    <t>新北市府上周送出9301件紓困金申請案到衛福部審查，一度遭到拒收，事後卻被指甩鍋中央，連柯文哲都說新北市長侯友宜是「逆時中」，新北市長侯友宜昨日發出一封給第一線人員公開信，強調送件非意氣之爭，除是奉中央指示，也讓衛福部了解實際困難所在，事後政府優化系統作業，整合財稅資料，無形中拯救全國各縣市基層公務員。
侯友宜的公開信在新北市各區長間臉書瘋傳，力挺侯友宜的作為。
以下為公開信內容：
大家3個多月來忙著防疫工作，好不容易疫情慢慢趨緩，卻又因擴大 急難紓困一事，讓大家忙得焦頭爛額，友宜實在不忍心，感謝第一線夥伴 仍然堅守崗位，不眠不休，為民服務！
有關擴大急難紓困方案，新北市從頭到尾都是奉中央的指示辦理，行政院說「快速收件、中央審核、地方免責」，新北市就將經過初篩的案件 送衛福部，現在衛福部又改口說要由「地方審核」，那我們就來審核，從寬認定，希望趕在下周一可以陸續發放。
這一段日子以來，無論新北市、各縣市的第一線公務員，或是衛福部 的公務員，大家都非常的辛苦，面對數以萬計的紓困申請，每個人都在加 班，何況基層同仁還要面對急著申請的民眾，幾乎每個樣態都不同，必須耐心地反覆說明，友宜也親自到幾個公所關懷，同仁告訴我，有人還忙到凌晨三、四點，包括六、日甚至母親節都無法好好休息，友宜在此向您說聲：「辛苦了！謝謝您！」
我們將第一批9千多件申請案送衛福部，絕不是意氣之爭，除了奉中央指示，也讓衛福部了解實際困難所在，因此他們也優化了系統作業，整合了108 年財稅資料，無形中也拯救了全國各縣市基層公務員。現在衛福部再度要交還並授權給我們審核，為了民眾的權益，我們也樂於配合，本是同根生，希望結果同達成。
為了加速審核、盡快發放，友宜懇請各區公所先將5月8日所收到的紓困案件，綜合主客觀條件判斷，已達到可發放者儘速核定發放，至於大家所擔心的責任問題，不用煩惱，「市長來扛！」
沒有任何社會保險是社會中最底層的艱苦人，為了讓他們早日拿到紓困金，友宜早已承諾，所有因防疫、紓困新增的加班費，市府一定核實發給，不受上限，全力支援，請大家放心。
苦民所苦，以同理心為民服務，簡化作業，圓滿快速做到位，給乾涸的民眾及時雨紓困，這是政府施政的目的與責任！再次感謝每一位基層同仁的辛勞。</t>
  </si>
  <si>
    <t>新冠肺炎疾情來勢凶凶，台灣16日出現首宗死亡案例，讓人怵目驚心。這場中國確診突破7萬人的疫情，全球主要股市卻多出現先跌後漲走勢，17日陸股更大漲逾2％回補「新冠缺口」，投資人納悶，這波疫情「是在哈囉」嗎？
有人認為，股市漲在疫情蔓延時，將跌於疫情結束後，也就是說，一旦疫情煙消雲散，全球股市可能就要面臨回檔壓力。因此，台灣16日陷入社區感染疑慮下，投資人的恐慌情緒邁入最高點，但股市單日跌幅0.44％，利空不跌的走勢耐人尋味。
市場擔心，受到新冠疫情影響，恐將下修全球2020年GDP，但業者認為，5G於2020年邁入起飛年，對電子零組件需求相當大，這一波疫情造成電子零組件斷鏈及缺工的減幅，遠大於市場需求下滑速度，短期內不用擔心全球消費力減弱的問題。
此外，受到疫情影響，中美二地大舉寬鬆資金，大陸人行祭出約新台幣1.3兆元新融資利多，美股因為總統川普獎勵小額投資減稅，資金行情持續，成為全球股市屹立不搖的重要因素。
近二十年來，台股自2001年911事件起，歷經過2003年sars、2008年金融海嘯，甚至2019年中美貿易對峙等重大情事，勇敢於股市重挫時進場承接的投資人，無不獲利滿滿，「危機入市、逢低承接」成為股市最重要教戰手則。
這次的新冠肺炎在疫情高原期，美股屢創歷史新高，滬深指數也回補了「新冠缺口」，台股雖有數百點缺口待補，然逾300檔上市櫃個股的股價已突破金豬年封關價，抱股過年並忍著不賣股的投資人，並非個個是輸家。
「擦鞋童理論」一向是股市多空風向的指標，當擦鞋童都在討論股票投資的時候，就是股市交易達到最高峰之時，之後股市就會下跌；換言之，當所有人覺得新冠肺炎疫情嚴重，股市就在同時間止跌，伺機反彈。
然跌深必定反彈的定律並非牢不可破，投資人未來要提防的是，當恐懼不再是恐懼時，危機入市的定論將會被推翻，下一次危機來臨時，股市可能出現一反常態向下走跌，應提高警覺。
就消息面而言，現階段新冠肺炎疫情沒有降溫，口罩荒也沒有紓解，投資人在感性及理性不斷糾結，如何在股海揚帆，要注意幾個觀察重點:
1.中國及全球確診人數是否下滑，一旦獲得控制，疫情擴散風暴將獲得控制。
2.上游缺料、下游缺工的雙缺效應下，下游組裝如鴻海及和碩若是復工速度越快，對零組件需求就會越強勁。
3.5G產業對電子零組件的需求較4G呈倍數成長，未來成長動能可觀察。
4.避開觀光、航空等疫情受創股，大陸內需股也要多加留意。
5.口罩為本次大陸廠商復工重要條件，口罩由戰略物資的地位提升至生產線重要物資，各廠商將爭相擴充產線以自給自足，口罩供需失衡現象可望逐步解決，日前大漲的防疫概念股不宜追高。</t>
  </si>
  <si>
    <t>第12輪疫苗開打，台中市有55萬人預約，市長盧秀燕27日視察南區快打站，盧表示，65歲長輩、55歲以上原住民，宣告2劑注射者全打完，26日為止完成第1劑施打市民達7成，27日30％市民完成2劑量接種，比中央預定的30日提早完成，提早達標；仍不鬆懈繼續爭取疫苗量，快打站也將為市民保留，疫苗來就開設施打。
現場有媒體詢問，彰化地區疫苗目前打氣低落，台中市狀況是否仍踴躍？盧秀燕回答，台中市目前還是有注射需求，每個市民第2階段仍踴躍，民眾都有打疫苗，相對城市就會安全，籲市民即使注射完成2劑量，也不要鬆懈，仍做好防疫措施。
盧秀燕說，中央有規定，預約民眾若取消，必須要空一輪才能預約注射，所以目前台中市民取消狀況不多，至於混打還是不建議，台中市民還是理性注射居多。
另外有媒體追問，目前台中市第二選區罷免案已經完成，國民黨將推什麼樣的人選出線，看法如何？盧秀燕低調僅回答：「謝謝！」。</t>
  </si>
  <si>
    <t xml:space="preserve">新冠肺炎疫情燒不停，各級學校開學在即，金門臻霖實業股份有限公司經理陳木勇今（20）日帶領同仁捐贈30桶全方位抗菌液給縣府教育處，統籌分發國中、小學校使用，讓師生上課更安心、安全。
陳木勇是在金城鎮鎮長李誠智、金湖鎮代表陳向鑫等人陪同下，捐贈這批實用的次氯酸的防疫物資，教育處將轉發學校自行分裝於噴霧器，用在大面積及局部消毒殺菌。
陳木勇表示，次氯酸是一種強力的氧化劑和去蛋白質劑，可以氧化微生物的蛋白質並破壞它的酵素活性，有消滅細菌、病毒功用。縣府肯定該公司的善行義舉，也期許大家做好校園防疫工作，協力度過難關。
</t>
  </si>
  <si>
    <t xml:space="preserve">知名作家苦苓昨(24日)在臉書公開點名資深媒體人黃暐瀚，「什麼叫『愛台灣就不要叫武漢肺炎，否則要付出代價』？你的畜牲是哪一塊土地養大的？你現在是什麼狗在仗什麼人的勢嗎？我偏偏就要叫武漢肺炎，你咬我啊！』接著還直指黃暐瀚裝可憐，謊稱發言權受到限制無法留言，想製造他臉書是一言堂假象，「未料卻遭黃暐瀚以一張截圖打腫臉！
黃暐瀚被苦苓點名痛批，令他無奈回應：「苦苓大哥，您的臉書有設權限，我沒辦法用粉絲專頁帳號在您的文章下面貼留言。跟您報告，我早在『14天前，3月10日』，就已經公開說過，誰想講『武漢肺炎』，誰想用『COVID-19』，誰想講『新冠肺炎』，都各自去說，一點問題都沒有喔～」，還附上原文連結，希望苦苓參考。
未料苦苓不領情，稱自己臉書每天都有幾百人留言，包括吐槽他的在內，「什麼偏偏有人要裝可憐、說是發言權限受到限制、製造我這裡是一言堂的假象呢？暐瀚兄我並沒有封鎖你呀！」
黃暐瀚只好再次回應，「苦苓大哥，您可能不知道，因為權限設定的關係，我的『粉專帳號』，是不能在『您的臉書』留言的，我第一篇回應就講得很清楚，我看到很多網友也都在您的PO文下面解釋了。」強調自己從未指控苦苓封鎖或一言堂，呼籲大家不要再互相對立了。說完黃暐瀚更附上一張無法留言的截圖，證明所言不假。
自豪「沒有封鎖黃暐瀚」的苦苓，接著也乾脆裝死不提此事，繼續顧左右而言他，「照過來、照過來！看看是誰在斷章取義、是誰在避重就輕？是誰為了討好幫中國隱匿疫情、害了全世界的WHO，反過來恐嚇自己同胞？你就站出來，發誓你沒說過這些話就好了，不必在那裡GGYY。」然而到底是誰GGYY，外界自有評斷。
</t>
  </si>
  <si>
    <t>高雄18日並無新增本土確診個案，但中央流行疫情指揮中心公布高雄一名境外移入女性確診個案，5月中旬從印度入境，她到隔離期滿的PCR採檢均呈陰性，由於將返回印度於17日自行到院進行採檢陽性確診，高市府衛生局從CT值及血清抗體檢驗判斷為舊感染個案，評估社區感染風險極低。
高市府衛生局說明，確診女子為40多歲女性，戶籍地在高雄市路竹區，她在5月17日從印度入境，當時有輕微咳嗽症狀，隔日PCR檢驗結果為陰性，並於集中檢疫所檢疫，5月30日解除隔離前再度採檢PCR結果也為陰性，解除隔離後就返回路竹家中，8月17日因為準備再度出國，自行到院採檢PCR結果為陽性確診，CT值33.1。
衛生局指出，確診女子收治住院後，確認她近3個月均無呼吸道症狀，也無相關就醫史，經再次採檢複驗，PCR檢驗結果又呈現陰性，且血清抗體Anti-S大於5000、Anti-N=149.1、IgM陰性、IgG陽性，配合她在7月23日已接種第一劑AZ疫苗，綜合研判確診女子應為舊感染個案，康復後3到5個月內PCR呈現陰陰陽陽狀況，評估社區感染風險極低。
為了針對個案進行疫調追蹤，市府共匡列其家人與密切接觸者12人、一般接觸者15人，對相關接觸者採檢鼻咽拭子及血清抗體，配合就醫史及血清抗體檢驗結果，並無發現接觸者有疑似近期感染狀況，應排除個案具社區傳染風險，由於高度懷疑可能感染地點為印度，高市府將針對該案密切追蹤。
高市府也公布確診個案的相關活動足跡，確診女子曾在8月3日到16日之間去過7-ELEVEN路飛門市、全聯福利中心路竹國昌店、全家便利商店湖內正億店、7-ELEVEN辰皓門市、星巴克路竹門市、7-ELEVEN新東專門市、7-ELEVEN竹滬門市、台鐵路竹車站、楠梓車站、28號公車(楠梓公車轉運站到文藻)、新光三越高雄左營二館、新左營站、岡山站、搭乘公車R71A(正義社區站到岡山轉運站)、麥當勞高雄路竹店。</t>
  </si>
  <si>
    <t>新冠肺炎疫情日益嚴峻，內政部長徐國勇邀請民間攜手共同防疫，南投縣魚池鄉長劉啟帆及農會理事長劉啟行兄弟，率領當地茶農攜手北上捐贈自產13萬茶包，為第一線防疫人員打氣，其中還有90歲茶農及6歲 小童在每包茶葉上親筆寫的感謝紙條，讓人感動。
徐國勇表示，警察、消防、移民及空勤等許多同仁，都是站在防疫第一線的人員，例如為協助降低防疫破口，警察不僅須找尋居家檢疫及隔離失聯人員外，為確保落實社交距離，在各大景點、大眾交通運輸場站等人群較易聚集處所，都能看到員警，不時提醒民眾保持距離或配戴口罩，相當辛勞。
徐國勇指出，在防疫艱難時刻，需要民間與政府攜手合作共同防疫，相當感謝魚池鄉長及農會理事長支持政府防疫工作；他說，很高興捐出的茶葉各式樣有60歲阿公在茶葉裡寫紙條，也有6歲小朋友寫的，都是滿滿的愛心。
徐國勇表示，內政部在防疫期間， 民政司同仁經常加班到半夜2、3點，捷運公車都沒有了無法回家，還要家人接送。也因為防疫人員的努力，茶農才能在台灣繼續深耕下去，但他也要感謝這麼多種紅茶的茶農，尤其疫情使全世界的經濟都受到影響，各國政府紛紛祭出紓困措施，除了紓困我們更應該振興內需，日月潭紅茶聞名世界，所以民眾該喝茶也要買茶。
魚池鄉長劉啟帆則說表示，嘉義長庚研究出台灣本土茶葉對新冠肺炎具效果，已登上國際期刊，南投縣魚池鄉是日月潭紅茶的產地，當地茶農為了向辛苦的第一線防疫人員致敬打氣， 自主發起捐茶包慰勞活動，在公所號召下，魚池鄉農會率先捐贈，後續吸引近百家茶農熱情響應，短短3天就募到逾10萬包的茶包，希望共同為防疫盡心力。
內政部表示，這次獲贈的茶包，都是魚池鄉當地茶農自產茶葉，包括知名的日月潭阿薩姆、紅玉等，將配發警察、消防、移民及空勤等第一線防疫人員。</t>
  </si>
  <si>
    <t xml:space="preserve">新研究顯示，高達86%患者感染了新冠肺炎，卻沒有症狀，隨著這些「隱形」患者四處趴趴走，也助長了疫情大流行。
據《信使新聞報》（The Mercury News）引述《科學》（Science）期刊報導，在大陸實施旅遊禁令前，約有86%病例並未通報，而這造成了病毒散播。共同執筆研究報告的哥倫比亞大學梅爾曼公共衛生學院（Mailman School of Public Health）沙曼（Jeffrey Shaman）說，這些未經記錄的感染促使疫情大爆發。
研究人員利用電腦模組，追蹤武漢宣佈旅遊禁令前後的感染。而研究結果顯示，這些沒有症狀，或只有輕微症狀的「隱形」病例是2/3確診病例背後的藏鏡人。沙曼指出，他們可能不知道自己患病，或甚至認為，只是感冒而已。由於他們沒咳嗽或打噴嚏，因此傳染力大約只有確診病患的一半。然而，一旦他們把病傳染給別人，可能會導致年長者，或身體狀況不好的人死亡。
這些研究果說明，為何新冠肺炎會跨越地理區，迅速傳播，而要防控可能困難重重。沙曼說，未來要遏制新冠肺炎疫情爆發仍是大挑戰。他的團隊建構了數學模式，模擬375個大陸城市的傳播感染。
若是把這模式套用在美國人口上，意味著感染人數將遠超過疾病管制與預防中心（CDC）所公佈的數字，實際數字可能接近1.3萬人。研究團隊說，就全球而言，這意味將有近100萬人感染。
西雅圖賀勤森癌症研究中心（Fred Hutchinson Cancer Research Center）權威生物學家哈樂蘭（Betz Halloran）說，實際的感染數字唯有透過更完善，也更例行的檢測才能得知。
此外，研究顯示，新冠肺炎比季節性流感更容易傳染，1名患者大約可以傳染2.5人。若要這流行病消失，就必須把感染率降到1以下。
</t>
  </si>
  <si>
    <t xml:space="preserve">韓國疾病管理本部周一宣布，新型冠狀病毒感染確診病例新增161人，累計病例達到763例。死亡病例新增1人，累計達7例。當局報告，在慶尚北道清道郡入院治療的62歲確診男性病患於周日不治。
</t>
  </si>
  <si>
    <t>我國新冠肺炎第32例確診為行蹤不明移工，依就業服務法規定，外國人在台工作採「許可制」，必須向勞動部申請許可，若聘僱到假冒身分的非法外國人，雇主未善盡查證責任，最高要面臨最高75萬元的罰鍰，若檢舉聘僱非法移工的僱主最高可獲得7萬元獎金。
勞動部表示，雇主在聘僱移工前，先「查驗」外國人的居留證及工作許可正本，再「核對」證件與本人身分是否相符，最後再「詢問」外國人是新住民、依親居留還是移工身分，就能避免違反規定而不受罰。
勞動部官員指出，目前若要在醫院能有合法聘用的外國人，包括取得居留證的新住民、取得勞動部許可的外籍學生，或是已經合法申請的家庭看護工陪同被照顧者入院照顧等，鮮少有隨時提供人力的模式。
勞動部提醒，雇主在聘僱前記得同時檢查外僑居留證、個人工作許可正本及依親戶口名簿等資料。至於新住民獲准居留依法雖然不須向勞動部申請工作許可，但雇主記得還是要查驗居留證、護照、結婚證明或戶口名簿等資料，並仔細核對相片及身分，以免聘僱到假冒身分的非法外國人，面臨最高75萬元的罰鍰。
至於一般所稱的白領、藍領外國人必須在聘僱前就事先申請許可，無法臨時進用，且只能從事許可的工作項目。如對外國人身分確認或工作範圍有疑義，可上內政部移民署居留證查詢網查詢。</t>
  </si>
  <si>
    <t>新冠肺炎疫苗預約平台已啟用多日，中央流行疫情指揮中心今日稍早更擴大開放18歲以上登記。對此，財經網美胡采蘋表示，一早去菜市場時，每個攤商都在問「你要打AZ還是莫德納？」她也透露自己僅登記施打AZ。
指揮中心日前開放第9、10類人登記接種，為18至64歲有重大疾病病患，及50至64歲成人，今（13）早於全國防疫記者會中，中央流行疫情指揮中心副指揮官陳宗彥表示，開放18歲以上登記接種意願，並可自選打AZ或莫德納。
針對疫苗擴大接種，胡采蘋稍早於個人臉書粉專《Emmy追劇時間》指出，今早赴傳統市場採買，發現每一攤都在討論疫苗接種一事，聽到最多討論的是「你要打AZ，還至莫德納？」胡采蘋笑說，這是繼莫德納出現「鋼鐵手臂」後，最熱門的話題。
胡采蘋也透露，當初在填選疫苗接種意願登記表時，僅勾選AZ，並表示「我當然是堅決參加AZ年輕人認證大賽」。事實上，先前有不少專家指出，AZ疫苗對於長者來說，比較沒有副作用，相對的，若施打後出現身體不適等副作用，即為AZ認證的年輕人。
★《中時新聞網》提醒您：因應新冠肺炎疫情，疾管署持續加強疫情監測與邊境管制措施， 如有疑似症狀，請撥打：1922專線，或 0800-001922， 並依指示配戴口罩儘速就醫，同時主動告知醫師旅遊史及接觸史，以利及時診斷及通報。</t>
  </si>
  <si>
    <t>最讓中央疫情中心指揮官陳時中擔心的本土案例，找感染源似乎露出曙光！南部20多歲女性沒出國史，且生活單純卻感染源不明，但指揮中心發現，2月底她有家人自美回台，指揮中心專家張上淳表示，除回溯採檢外，將採用白牌計程車司機方式，對其家人抽血看是否有抗體。
張上淳今表示，案100要找出感染源，得看發病前與發病後的接觸。經初步疫調，2月12日到3月12日期間，她生活相當規律，上下班也使用個人交通工具，在隔離期間，同事及同住家人都沒有發病。不過，她有家人2月底自美返台。他說，除了做回溯採檢外，也會使用白牌計程車方式，抽血看血液是否有抗體。
根據指揮中心資料，案100近期無出國史，12日出現症狀曾自行到診所就醫，但因發燒不退，17日又到南部醫院就醫，但因胸部X光沒有明顯肺炎，醫師有所警覺，經通報檢驗才確診，但感染源待釐清。</t>
  </si>
  <si>
    <t xml:space="preserve">隨著全球大多數國家疫情舒緩，義隆(2458)下半年新機效應可期，客戶拉貨力道可望一路看到年底，義隆繼昨天漲停作收後，今股價再度走高，大漲逾4%，最高達115元，創下2000年11月以來新高價。
今年上半年NB市場因為新冠肺炎疫情，帶動一波居家上班、遠距教學的趨勢，也使得義隆第二季NB相關出貨動能強勁，惟出貨機款普遍為舊機款，但隨著第三季全球疫情緩，義隆看好下半年新機效應可期，加上客戶端因目前庫存偏低，會有補庫存的動作，且動能有機會一路延伸到年底，法人也樂觀看好，義隆營運將逐季成長到第三季，且創高可期。
義隆觸控板在消費型筆電機種市占率高，加上陸續導入商務機種，且因為競爭對手投入資源減少，使得義隆電市占率逐步攀升，法人預估，義隆2020年出貨量上看8800萬顆，年增加8%，而隨觸控板大尺寸化帶動單價提升，有助於營運擴增。
另外，義隆在業界率先導入帶筆功能，隨微軟主動筆協定由MPP1.5轉進2.0，因功能複雜度提升，單價將提升30%，對義隆毛利率也將幫助，至NB搭載指紋辨識滲透率約20%，晶片供應商為新思與義隆，隨指紋辨識注重安全性，兩公司亦推出加密晶片。
</t>
  </si>
  <si>
    <t>受新冠肺炎影響，今年1月營收有9.04億的台灣虎航（6757），2月營收5.84億元，相較1月營收9.03億元，大減35.33％，較去年同期減少37.20％，累計1-2月營收14.88億元，年減13.10％。公司原規劃3月底開航的日本新潟航線，目前已經決定延後，開航日期未定。
台虎指出，今年農曆春節落在1月，是航空旺月，2月開始後新冠肺炎影響，民眾出國意願降低，加上澳門、韓國相繼列為三級警示疫區，公司暫停派機飛行，菲律賓一度拒絕台灣客機飛行後，公司也暫停菲律賓航班，目前剩下日本與泰國還有在飛，估計3月份營收還會下降。
台灣虎航」去年12月16日股價以41元登錄興櫃，今(11)日下午1點40分均價33.78元，賣出25.7萬股。</t>
  </si>
  <si>
    <t xml:space="preserve">根據日本《共同社》報導指出，東京奧運開幕在即，各國代表團也陸續抵達日本，為防控新冠肺炎疫情，東京奧會籌委會採取隔絕運動員和外部接觸的「泡泡模式」，但在普通人也會使用到的機場和飯店卻很難完全隔離開來，如今甚至選手村也傳出確診者，讓所謂的安全防範對策開始出現極大漏洞。
《共同社》報導，上周末成田機場可以看到不少國外運動員推著超大行李來來往往，還出現抵達大廳的代表團相關人員試圖與前來接機的朋友握手，但遭到工作人員制止，更有人不戴口罩聊起天來，絲毫沒有防疫觀念。
東京奧運籌委會將成田機場設定接待三分之二的國外代表團與相關人員，因此機場內的移動路線透過工作人員引導，與普通旅客保持距離和間隔，還為檢疫、入境審查、通關手續設置專用通道。但隨著入境人數的增加，問題逐漸顯現。入境計劃突然取消、人數與事先信息不符而引發混亂，或是因等待檢測結果而在機場內四處走動，機場人員抱怨「採用泡泡模式的難度非常大。」
對於安排各國採訪記者住宿的飯店，籌委會統一安排，要求飯店設施等與普通房客分開，但受限於飯店規模等問題，有時也會碰到直接與民眾接觸的狀況。東京某家飯店經理表示，「原本有意將電梯分開使用，但在早晚人多擁擠的時段，無論如何都會發生一起搭乘的現象，餐廳也只有一個，只能設置隔離板，而入境日本後所要求的14天自主隔離也只能信任入住者了。
在東京都中心地區的大型飯店，籌委會都會派出人員24小時常駐，對出入者進行檢查。入境14天以內的住客允許外出15分鐘以內，外出和回飯店都需要登記，但根據飯店經理說，「只有極少數的人會遵守隔離規定。」
</t>
  </si>
  <si>
    <t xml:space="preserve">台灣本土新冠肺炎疫情爆發，確診數持續增加，雙北地區更提升至三級警戒，不少名人也呼籲大家戴好口罩、勤洗手，沒事就待在家裡，豪門媳婦郁方也祈願疫情快散去，並表示從今(18日)開始，要齋戒108天。
郁方透露去年在疫情剛起來時，她為了祈求疫情快散去，所以進行了108天齋戒，現在疫情更甚以往，她也感謝粉絲朋友的提議，決定從今天開始進行108天齋戒，一直到9月2日。
她也喊話：「祈禱天下無災，疫情退散，國泰民安，風調雨順啊！」另外她也感謝自家師兄吃素一個星期，「有願就有力，希望大家一起來。」粉絲見狀也紛紛響應一起加油，「謝謝你的大愛」、「美心也美，加油，天佑台灣」。
郁方2006年嫁給斐儷珠寶小開陳昱羲，育有2子1女，生活幸福美滿，婚後她不僅馭夫很有一套，也用心經營婆媳關係，深得公婆喜歡，所以她曾說自己嫁的不是豪門，而是「好門」。
不過去年她到南部拍戲，兒子改到花蓮念書，小開老公就被媒體拍到開始「放飛自我」，一下與貼身女助理過從甚密，又被拍到深夜在台北街頭喝茫，趁醉意撲向艷麗辣妹，發現沒人理他，就這樣以大字型姿勢躺在騎樓，醉到呼呼大睡。
對此，郁方則表示，珠寶業的員工幾乎都是女性，助理每天要處理很多事情「這種小事不會放在心上」，態度相當大方。
</t>
  </si>
  <si>
    <t xml:space="preserve">新冠肺炎疫情失控，4月能否趨緩或是獲得控制充滿了變數，也讓下個月歐洲的復活節活動埋上陰影。梵蒂岡今天宣布，下個月從4月9日的「神聖星期四」（又名洗足日）至12日的「復活節星期日」活動照常舉行，但所有聚會均禁止信徒參與，堪稱是梵蒂岡歷來破天荒的第一次。
每年4月的神聖周都會吸引數十萬信徒湧入羅馬以及梵蒂岡，但今年義大利是新冠肺炎的重災區，並已宣布全國封城至少至4月3日。
梵蒂岡網站表示，至4月12日之前，教宗方濟各每周三的「公開接見」以及周日的賜福都會正常舉行，只不過一樣不會對信眾開放，但信眾可上網或觀看電視遠距參與。
</t>
  </si>
  <si>
    <t xml:space="preserve">新冠疫情全球蔓延，美國應對疫情張惶失措，出乎各國意料之外，而此時疫情已受控制的中國大陸則乘機進行國際援助和對外宣傳，塑造領導全球抗疫的負責任大國形象。英媒對此評論認為，這不只是宣傳攻勢而已，它的背後是中國大陸的實力增長。
《英國廣播公司》(BBC)分析稱，新冠疫情在大陸剛爆發時，外界曾悲觀地評論為「中國的車諾堡事件」，是中共「完結的開始」。但在大陸初步遏制病毒蔓延後，病毒向全球蔓延，許多國家的感染人數和死亡人數都超過了大陸。
分析指出，雖然大陸的疫情數字和防疫真相受到美國和其他國家質疑，但仍積極向外輸出醫療物資和援助，通過外交和宣傳管道塑造了領導全球抗疫的負責任大國形象。疫情引發的國際輿論對抗，再次延續了多年來關於「中國崛起」和國際影響力上升的討論。
文章稱，中國大陸對外援助作為被許多外媒說成是企圖主導疫情敘事，亦即「爭取話語權」。美媒CNN認為，病毒危機給大陸帶來確立超級大國和全球領導者的機會，相較於美國在遏制疫情方面行動失措，川普總統奉行「美國優先」的政策則疏遠了盟友。
德國柏林的莫卡托中國研究所研究員格歐爾伯格（Mareike Ohlberg）曾指出，大陸把「戰狼精神」帶入推特是一項長期策略，目的在改變中共在全球事務的話語權，增加影響力。
曾經是澳大利亞駐北京外交官的雪梨洛伊國際政策研究所的研究員卡薩姆（Natasha Kassam）指出，在推特上聲量最大的一些人最近都獲得晉升，「包括趙立堅和原駐南非的大使林松添」。
前美國貿易代表辦公室中國事務高級官員的傑夫•穆恩(Jeff Moon)對CNN表示，大陸輿論攻勢受關注的原因，不在於其外交的內容或語氣，而在於中國大陸影響力增加，各國不得不更加重視大陸官方的宣傳。
德國《商報》評論稱，中國大陸是第一個遏制住疫情的國家，同時掌握全球急需的防疫物資生產，新冠疫情顯然會加速中國大陸在地緣政治上崛起。美國《外交》雜誌則認為，美國和西歐遭受了大規模疫情衝擊，本來的全球經濟衰退與地緣政治格局重組，中國大陸可能會勝出。
美國國內政治的中國議題重要性上升，更反映了中共影響力擴大，CNN分析指出，歷屆美國總統知道要善加處理北京影響力與日俱增的問題，並避免最終美中發生對抗。今年11月的美國大選，中國大陸和新冠疫情很可能會成為川普和拜登交鋒的主題。
分析稱，美國皮尤研究中心3月的民調顯示，目前對中國大陸有負面看法的人高達66%，而在2年前對中國大陸有負面看法的美國人的比例是47%。
美媒CNN認為，美國疫情嚴重讓川普面對二戰以來最大的國內危機，而川普處理美中關係又會影響總統大選，因此無論誰在總統選舉中勝出，美中關係這個世界最重要的經濟、 外交和安全關係都會進一步惡化。
</t>
  </si>
  <si>
    <t>新冠肺炎疫情持續升溫，美國也遭到波及，台灣時間2日最新進度指出，美國已有89起確診病例，美股上周也受到恐慌性賣壓拋售，創下金融危機以來最慘紀錄，對此，有經濟學家表示，消費者支出為美國經濟成長重要支住之一，若連國內消費意願也降低，衝擊恐怕比供應鏈受到打擊還嚴重。
陸美雙方在1月好不容易才達成第一階段貿易協議，並在2月14日正式生效，有望替這兩年來遭到嚴重打擊的美國製造業重新獲得訂單，然而，新冠肺炎疫情在1月下旬爆發，並迅速在亞洲地區擴散，2月中旬也延燒至義大利等歐洲國家。
這波疫情也導致大陸經濟活動受到嚴重打擊，大陸國家統計局上周六公布2 月份製造業 PMI 指數，從前值 50直墜至35.7，不僅遠低於市場預期的45，更創下2008 年 11 月爆發金融危機以來最糟糕紀錄，寫下歷史新低。
據《CNBC》報導，蘇格蘭皇家銀行集團投資銀行部門NatWest Markets美國首席經濟學家Michelle Girard表示，投資人目前都關注新冠肺炎衝擊影響，但實際上，消費者需求變化才更讓人擔憂。
Michelle Girard指出，近年來還沒有任何一件事情像新冠肺炎疫情一樣，造成企業大規模停止運作以及民眾自發性自我防疫，加上疫情有大規模傳染疑慮存在，將改變美國消費者行為。
Michelle Girard認為，消費者為了避免感染新冠肺炎，進而取消觀看電影、體育賽事等活動，但消費者支出這是美國經濟成長的重要支柱，一旦消費意願下降，將造成嚴重後果。
美國經濟諮商會公布最新數據顯示，2 月份消費者信心指數從103.4 升至130.7，低於市場預期的132。</t>
  </si>
  <si>
    <t>世界衛生組織（WHO）至今尚未將新冠肺炎定義為「大流行病」，但美國疾病管制暨預防中心（CDC）高層官員25日警告，新冠病毒疫情可能演變成為「全球大流行病」，且病毒在美國境內擴散也是「遲早都會發生」的事情。
CDC首席副主任舒卡特（Anne Schuchat）25日在記者會上表示：「與其說這種情況是否會發生，還不如說什麼時候會發生。美國會有多少人被感染？其中又有多少人會患上重症或出現更多併發症？我們多年來一直在準備應對此類威脅，並減少疫情對我們社區的衝擊。」
美國衛生與公共服務部部長阿扎爾（Alex Azar）則指出，目前美國面臨的風險仍低，但可能迅速改變。現在多個非亞洲國家都已出現社區傳播，這「將使我們越來越難把疫情成功遏制在國門外」。當局已與州、地方和私人部門夥伴展開密切合作，為減少潛在的病毒傳播預做準備，「因為我們很可能會在美國看到更多病例。」
此前，CDC國家免疫和呼吸疾病中心主任麥森尼耶（Nancy Messonnier）也告訴媒體，「我們預期國內會出現社區傳播。」
目前美國有57起新冠肺炎確診病例，其中大多為鑽石公主號郵輪撤回的乘客。加州舊金山市25日宣布進入地方緊急狀態。市長布里德（London Breed）透過聲明稱，儘管當地尚未發現確診，只有3起疑似病例，但「全球局勢正在迅速變化，我們需要加緊準備…正採取必要措施，保護舊金山居民免受其害」。
另外，中國大陸為解決國內口罩等防疫物資短缺問題，禁止出口口罩，包括3M等4家在大陸設廠的美企。白宮貿易顧問納瓦洛表示，將要求這些企業撤回美國，以因應美國的需求。</t>
  </si>
  <si>
    <t xml:space="preserve">鑑於國內新冠肺炎確診病例遞增，為提升台中市旅宿、觀光遊樂業、旅行業、溫泉業、文創等，觀光產業從業人員防疫知識及危機處理應變能力；觀旅局於3、4日兩天，特聘前衛生署長楊志良及光田醫院感染控制科主治醫陳俊志擔任講座，藉此降低感染風險，打造台中為安心旅遊城市。
楊志良及陳俊志說，除大陸疫情嚴峻外，韓國、日本、伊朗及義大利，新冠肺炎確診病例不斷攀升。新冠肺炎具高傳染力、潛伏期長、無症狀者多，致死率較流感高等特性；臨床上新冠肺炎感染症狀有發燒、乾咳、倦怠、呼吸急促，肌肉痛、喉嚨痛及腹瀉等。
觀光產業欲做好防疫措施，應詳詢入住旅客旅遊史，就發燒、咳嗽旅客做篩選，有前述症狀者應請其戴上口罩，並通報防疫專線，工作人員應配戴口罩、每日徹底執行消毒工作；並有特約醫療醫院轉送發燒咳嗽症狀者等防疫措施。
觀旅局長林筱淇說，防疫工作之原則，請遵照中央流行疫情指揮中心指示辦理，不需要過度恐慌，目前有需要居家檢疫者，由中央提供市府民政局名單，市府會提供相關居家檢疫場所，將先以市府所屬公有空間做為居家檢疫使用，目前沒有成立防疫旅館之規畫。
楊志良建議旅館業者，加強注意環境消毒、櫃台人員應配戴口罩、為旅客測量體溫，若有發燒、咳嗽症狀者轉送特約醫院治療，並注意清潔人員穿戴防疫用品，減低接觸感染風險；建議衛生局結合旅館業者舉辦接待服務人員實地防疫演練，提升觀光從業人員防疫專業知識及應變能力。
</t>
  </si>
  <si>
    <t xml:space="preserve">據美國「全國廣播公司商業頻道」報導，國際失智症協會(Alzheimer’s Disease International ADI)1日警告，從長期來看，新冠肺炎的持續流行恐導致失智症患者的人數激增。部分研究更顯示，感染新冠肺炎不僅增加罹患失智症的風險，還會讓失智症的症狀提早出現。
ADI是由來自全球各地的失智症專家組成的醫學與科學諮詢小組，涵蓋全世界各地的100多個阿茲海默症協會與失智症協會。ADI近日組成特別工作小組，專門研究新冠病毒與失智症的關聯性，並警告全球還沒做好準備因應新冠肺炎大流行掀起的失智症浪潮。
ADI指出，從現有研究成果來看，新冠病毒會增加患者罹患失智症的可能性，並導致失智症的症狀提前出現。換言之，大流行恐導致失智症患者的數量顯著增加。
失智症通常會出現大腦退化，並損害記憶、思考、行為與情緒。阿茲海默症是最常見的失智症類型。可怕的是，目前還沒有治癒失智症的方法。
ADI警告，短期內因新冠病毒而感染新冠肺炎並罹患失智症的人數，會因新冠肺炎大流行的死亡人數增加，而導致失智症的發病率暫時下降。目前估計新冠肺炎死亡人數中，約25%至45%為失智症患者。
但長遠來看，失智症患者會因新冠病毒影響神經系統，而顯著增加。根據約翰霍普金斯統計數據，自2019年新冠病毒首次在大陸現蹤以來，目前已有超過2.17億起新冠病毒案例；過去28天內還篩檢出1800萬例。
※新冠肺炎與失智症
ADI呼籲，進行更多研究來了解新冠肺炎和失智症的關聯性。神經學家艾特里（Alireza Atri）博士表示，新冠肺炎帶來的長期影響令人憂心，不論是味覺還是嗅覺喪失、腦霧現象，還是精神不濟，以及注意力無法集中、記憶力與思考能力出現障礙。
甚至，新冠病毒會損害並凝固大腦中的微血管，損害身體免疫力並引起發炎。這些症狀都會傷害大腦，並導致神經系統的症狀，使失智症提前出現。
※失智症浪潮
根據世界衛生組織統計，全球罹患失智症的人數約5000萬人，每年新添1000萬名病例。ADI則警告，早在新冠肺炎大流行前，預估失智症病例到2030年會由5500萬人成長到7800萬人；光用於失智相關的醫療保健與費用，每年增加達2.8兆美元。
ADI執行長巴爾貝里諾呼籲世界衛生組織、全球各國政府與研究機構，投入更多資源進行失智症的研究，以避免未來全球為失智症浪潮所淹沒。如果能更了解失智與新冠肺炎的關聯性，就能協助當局管理罹患率的激增，並及早發現症狀。
</t>
  </si>
  <si>
    <t xml:space="preserve">隨著疫苗施打後的陸續解封，美國經濟數據樂觀，市場靜待2日發布的非農就業報告，美股四大指數漲多跌少，僅費城半導體指數收黑，S&amp;P50指數連續第6天創高，日韓股同步走高，電子股量能依舊低迷，盤面由塑膠、鋼鐵、油電燃氣以及航運等傳產類股穩軍心，台股今開高31.75點、報在17745.69點，指數一度出衝高至17795點，惟再戰17800近關情怯，約9：50指數翻黑，呈現高檔震盪整理，指數一度壓低到17701，驚險守住17700點；目前台股各期均線呈多頭排列向上走揚，中期均線月、季線亦處多方格局，分別在17316點及16985點，此係台股現階段中期下檔重要支撐，在現階段類股多頭持續下，多方格局延續。
電子股今持續難逃低量，成交比重不到2成，台積電(2330)ADR下跌約1.5%，今開低震盪、下跌0.6%，鴻海(2317)震盪於平盤附近，大立光(3008)開低走弱，盤中震盪於平盤附近，聯發科(2454)小漲0.4%。
航運股利多頻傳，早盤航運股成交比重一度達6成之多，貨櫃三雄今遭賣單調節，長榮(2603)今解封恢復正常交易，有法人將目標價上調到339元，今儘管股價開高再度創高，其後隨即陷入震盪，震盪於平盤附近，陽明(2609)開高後隨即翻黑，下跌逾1.5%，萬海(2615)股價也呈現震盪，台航(2617)、台驊(2636)、四維航(5608)早盤也一度創今年新高，漲幅一度達4%、3.5%、3%，慧洋-KY(2637)亦上漲逾2%。
OPEC+(石油出口國組織與盟友)將產量決策會議推遲至週五後，油價上漲推動能源股漲勢，塑化股今漲勢兇猛，塑化類股指數漲幅達3%，指標股台塑四寶中與油價關聯最為直接的台塑化(6506)一度大強漲逾5%，台塑(1301)、台化(1326)分別上漲約3.5%、2.5%，南亞(1303)漲幅也達1.5%；台聚家族台聚(1304)、亞聚(1308)、台達化(1309)早盤一度均攻上漲停，華夏(1305)也一度逼近漲停、盤中漲幅收斂到6%左右。
基礎建設話題持續延燒，鋼鐵股今類股漲幅達2.5%，新光鋼(2031)在財報助攻下，順勢攻上漲停，志聯(2024)、燁輝(2023)大漲7%，威致(2028)、大成鋼(2027)、盛餘(2029)以及海光(2038)等漲幅達3%~4%。
兆豐國際投顧表示，近期美股續創新高，台股跟隨走強，儘管目前台股電子股持續盤整，未見明顯轉強訊號，所幸航運、原物料股受惠報價續揚，加上美國基建計畫達成協議等利多帶動，使得大盤在電子、傳產、金融持續良性輪動下，帶動指數震盪盤堅、再創新高，另外，國內疫情日漸趨緩，且預期台股6月營收、法說會亦偏向正面，都有利台股繼續震盪盤堅挑戰18000關卡。
</t>
  </si>
  <si>
    <t>新北市順益汽車泰山營業昨有2名員工確診，新北市長侯友宜下令該公司休息2天，新北市長侯友宜今在疫情應變會議表示，業者配合停止營業並清消篩檢，13日已成立三方LINE群組及時通報系統，並進行全面篩檢，順益34名員工及隔壁同一家裕益公司83名員工PCR篩檢均為陰性，另還有9人還須追蹤掌握檢測等待結果。
侯友宜說，15日復業時，業者須持陰性證明才能進公司上班。</t>
  </si>
  <si>
    <t xml:space="preserve">太平洋島國萬那杜（Vanuatu）日前在岸邊發現一具男性浮屍，最終驗出屍體帶有新冠病毒，當局緊急封鎖中部主要島嶼埃法特島（Efate），禁止民眾出島，此外全島防疫也大升級，部份學校為此停課，各地區也緊急增設洗手裝置。
綜合紐西蘭國家廣播電台（RNZ）、美國有線電視新聞網（CNN）報導，一艘掛著英國國旗的油輪11日準備駛離萬那杜首都維拉港（Port Vila）、準備前往索羅門群島時，發現一名船員失蹤，萬那杜官方於是下令船隻調頭，開始尋找失蹤船員下落，同一天在距離維拉港主要碼頭約10分鐘車程的Pango沙灘發現這名菲律賓籍的失蹤船員遺體。
萬那杜官方隨後扣留油輪，調查菲律賓船員的死因，後續更證實，男子身上檢測出新冠病毒。
男性浮屍檢測出新冠病毒讓萬那杜官方立即繃緊神經，昨（19）日緊急宣布封鎖埃法特島3天，禁止民眾出島。
#Vanuatu is experiencing mysterious #Covid19 case after the dead body of a deceased #seaman or #fisherman from #Philippines washed ashore has been found Covid19 positive. #UK-flagged ship is detained by Vanuatu for investigations. @DSM_Nordkirche https://t.co/DNQghUqhKl
萬那杜總理羅曼（Bob Loughman）表示，禁止民眾出島期間，政府也會追蹤相關人員的接觸史，目前已有16人強制隔離，多數是11日當天到海邊處理遺體的警察。不過根據畫面，當天到場處理遺體的警察似乎都沒有戴上口罩。
萬那杜衛生當局仍強調，這起事件造成的社區傳染風險很低，但同時也呼籲民眾自行前往醫院進行病毒檢測，並且保持社交距離及衛生習慣。
除了封島，埃法特島全員大動員，緊急升級防疫措施，部份學校為此停課，各地區也緊急加設洗手裝置，公車司機及乘客也被要求戴上口罩，付錢後也要使用乾洗手液清潔手部。
目前這具男性遺體放置在維拉港中央醫院（Port Vila Central Hospital）的太平間。據了解，這間停屍間是萬那杜全國唯一一間停屍間，每天都有人在那裡哀悼亡者。
萬那杜總人口約30萬人，當地疫情控制得當，至今只有3例確診病例，而且全都是境外移入。
反對派領袖雷根瓦努（Ralph Regenvanu）指出，政府在所有港口設置令人欽佩的嚴格入境措施，卻萬萬沒想到一具漂上岸邊的浮屍會帶有新冠病毒。
So all outbound travel from Efate island stopped for 3 days to allow contact tracing to be carried out
</t>
  </si>
  <si>
    <t>新冠肺炎疫情延燒，為協助企業應對，中央流行疫情指揮中心今推出企業持續營運指引，呼籲業宣導咳嗽禮節、協助上班出現症狀的員工就醫等；若疫情擴大至社區傳播，則應執行員工健康監測計畫、調整工作方式（如：異地辦公）、要求訪客填寫健康調查表等。若訪客出現症狀，應婉拒對方進入公司。
指揮中心表示，企業應建立防疫應變單位，負責掌握疫情變化、防疫宣導、防疫物資準備、衛生管理與人員健康監測、疫病通報等工作。 目前疫情雖然進入社區，但仍處於零星社區感染階段，企業應鼓勵有症狀者在家休息、不強求提供診斷書、保留彈性請假規範等。
現階段公司應宣導咳嗽禮節，要求員工保持手部衛生，在明顯處張貼海報，提供充足的肥皂、乾洗手液等。工作環境應保持通風，員工常接觸的物品表面需定期清潔（如：門把、鍵盤）。若員工出現發燒或急性呼吸道症狀，應協助就醫或建議返家。
若新冠肺炎疫情擴大，進入社區傳播的階段，雇主則應執行員工健康監測計畫，並進行追蹤。例如制定調查表，對所有員工常規量測體溫、詢問是否有急性呼吸道症狀，並做成紀錄。 訪客進入辦公區域前，需填寫健康調查表，如有症狀應婉拒進入，並協助提供就醫資訊。
另一方面，公司應調整辦公、出勤或出差方式，例如建立異地辦公機制，要求座位保持一定間隔等。一旦公司出現確診個案，每日至少清潔一次地面，並視需要增加次數，公司內部的其餘員工則需戴口罩上班。</t>
  </si>
  <si>
    <t>勇士隊威金斯(Andrew Wiggins)鬧出拒打新冠疫苗的風波之後，巫師隊也出現另一位硬骨頭畢爾(Bradley Beal)。畢爾在本周的球隊媒體日公開表示，他拒絕接種新冠疫苗，還把疫苗嘲笑了一番。
畢爾說：「你們不可以強迫任何人把其他東西打進身體裡，如果我們把疫苗換成其他東西就很清楚了。重點是你們不能強迫別人，你們得讓大家自行決定。」
其實是可以強迫的，一些球隊早就這麼做了，他們下令所有前線職員工都要接種疫苗，否則不予續聘甚至解雇，已經有人因此丟掉飯碗。只是NBA球員有強大的工會撐腰，聯盟管不動他們，除非地方政府直接下令（目前有紐約和舊金山）。
今年7月，病毒「未經同意」就強行入侵了畢爾的身體，讓他確診新冠肺炎，害他無法參加東京奧運而錯失金牌。其實東京奧運有規定選手一定要打疫苗，畢爾根本也不能參賽。
畢爾說：「對，我得過病，我有抗體，但也不表示我不會再得一次。這跟打過疫苗的人沒有分別，還是有球員和教練打過疫苗了也染病。疫苗號稱有很強的保護力，結果還是不能避免任何人染病，這很好笑，事實上疫苗只是降低你住院的機率。」
從湖人隊被賣過來巫師的庫茲馬(Kyle Kuzma)也和畢爾一個鼻孔出氣，「沒人知道事情會怎樣發展，美國也不知道，某些關於個人健康的事必須永遠保持隱私。」庫茲馬拒絕談論是否接種疫苗。</t>
  </si>
  <si>
    <t>中央流行疫情指揮中心今表示，昨日國內新增1,576例新型冠狀病毒肺炎相關通報，截至目前累計45,446件，其中385例確診、6人死亡、99人解除隔離，其餘持續住院隔離中。367名湖北返台民眾，持續在集中檢疫所進行密切健康監測。
指揮中心指出，全球累計1,640,016例確診，分布於184個國家/地區；病例數以美國496,535例、西班牙157,022例、義大利147,577例、德國113,525例及法國90,676例為多；病例中101,578例死亡，以義大利18,849例、美國18,586例、西班牙15,843例、法國13,197例及英國8,958例為多。
指揮中心提醒民眾，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新冠肺炎疫情緊張，高雄正修科大幼兒保育系防疫動手做，19日由老師帶領學生DIY製作隨身皂，走到哪洗到哪，防疫更有效率；屏東美和科大成立「防疫工作坊」，專家指導學生手作簡易防護衣、可替換口罩套、檢疫防護頭套、護目鏡等實用防疫品。
大學生確診新冠肺炎，全國各大專校院繃緊神經，紛紛加強防疫措施，而用肥皂勤洗手是病毒不上身的重要關鍵，但許多大學生都認為肥皂體積大，洗手後濕滑，攜帶很不方便。
正修科大幼保系師生於是興起自製隨身皂想法，老師杜佩紋帶領學生將皂基100克、荷荷芭油10滴、茶樹、尤加利精油各30滴加入鐵盆中拌勻，再加少許起泡劑及色水，全部溶勻後，隨即倒入扁管中，等它凝固套上蓋子就大功告成，除扁管外，使用完後的護唇膏、口紅膠管都可以作為盛裝皂液的工具。
另學生們也製作簡易的「口罩L夾」，取下口罩不知要放在哪裡時，就可以直接放進L夾中。
屏東美和科技大學成立防疫工作坊，舉辦防疫護起來－防疫護具DIY課程，邀請業界師資指導師生製作各項防護用具，製造出的成品可提供校園第一線體溫檢測人員使用，降低群聚感染風險，共度疫情危機。
校長翁順祥說，相關防疫、衛教知識也加入通識課程，並透過校內電視牆及電子看板不斷播放，希望阻絕病毒於外，不讓讓學生受教權益受影響。</t>
  </si>
  <si>
    <t xml:space="preserve">台塑(1301)今(10)日舉辦股東會，由董事長林健男主持，看好隨著疫情趨緩，加上現金股利入帳，第3季將迎谷底反彈，另外，台塑也將持續深化AI應用，透過AI數位平台導入，有效管理原物料，也使得台塑可以全力相挺口罩國家隊，惟台塑今日股東會現場出現小插曲，除有針對六輕環保議題前來抗爭的民眾，也有股東發言時提出問題與長庚醫院有關，但多已與台塑今日股東會無關被阻，故現場多出不少維安的糾察隊和警力維護秩序。
隨著疫情逐漸舒緩，展望台塑下半年發展，林健男表示，隨著疫情進一步緩和，更多國家解封，全球經濟復甦，石化產品需求提升，有利帶動石化產品價格上漲，因此，預期下半年在銷售價格及數量同步上揚下，且第3季有33億元現金股利，業績可望由谷底反彈，且優於上半年。
就目前全球疫情來說，林健男表示，台塑美國廠利用這個時間，對於當地廠區進行全面總體檢，而大陸地區復甦的比較快、復甦比其他地方好，當然就是希望歐美快點解封，現階段台灣最穩定，利用後疫情時間，台塑也會加強數位轉型、數位平台，持續導入AI。只是下半年國際市場還有很多變數，林健男表示，包括疫情是否再次爆發，影響歐美市場恢復、OPEC產油國及俄羅斯能否履行減產協議、中美貿易戰後續發展，以及兩岸ECFA早收清單是否終止等。
林健男強調，為對抗不景氣，台塑也將採取對策因應，在投資方面，台塑將在海內外擴建及去瓶頸，總投資金額48億美元，包含有大陸寧波的丙烷脫氫(PDH)廠、EVA去瓶頸，台灣的SAP、PVC、PP去瓶頸、高雄洲際二期石化專區，以及美國德州：德州LDPE擴建、新建PVC、VCM及(石咸)廠。
台塑近年來持續深化AI應用，推動重點包含產銷優化、品質確保、智慧保養、巡檢數位化及降低成本等，到目前台塑已完成AI開發57案，下半年將持續進行95案，預估每年可增加利益2.6億元，林健男說到，台塑全力供應台灣口罩隊原料，沒有出現任何斷料問題，就是因為有數位AI平台的幫忙，有效管理原料。
此外，因應5G產業發展，台塑正進行PVC、PE及PP複材開發，應用於5G基地台相關材料，未來將配合經濟部，共組產業聯盟，加速5G商機佈局。
</t>
  </si>
  <si>
    <t>隨著新冠肺炎疫情擴散，美國企業開始要求員工在家上班，導致筆記型電腦等商品遭到搶購一空。電腦製造商因中國大陸爆發疫情波及供應鏈運作、主要零組件仍然短缺，最終導致筆電供不應求。
美國連鎖家電賣場百思買（Best Buy）芝加哥分店店員坎能（Matt Canon）指出，他們店裡的筆電、鍵盤與視訊電纜幾乎全賣光，至於電腦螢幕與小型電視則完全斷貨。坎能表示：「從來客數與銷售來看，最近業績雖無法與黑色星期五相比，但絕對比平常日高出許多。」
IT產品經銷商英邁（Ingram Micro Inc.）全球科技解決方案部門總裁保羅．貝（Paul Bay）表示，受到肺炎疫情影響，越來越多美國企業要求員工在家遠距上班，預估筆電需求將持續攀升，而手機裝置與電腦配件（擴充基座、鏡頭與顯示器）銷售也將持續成長。
事實上，受到大陸爆發肺炎疫情的影響，電腦製造商產品與零件供應鏈遭到打斷，迄今尚未完全的恢復。
全球電腦製造商龍頭惠普（HP Inc.）表示，「工廠產能正逐漸恢復當中」，同時警告本季財測恐不如預期。針對筆電近來需求攀升，惠普並未正面回應是否能夠因應，僅表示將密切關注消費者與商家需求。
另一家電腦製造商戴爾（Dell）已意識到筆電訂單增加的事實，目前正想方設法尋找其他零件替代來源。
至於聯想集團（Lenovo）則表示，最近筆電搭配耳機的套裝訂單確實大幅增加，但筆電產品在美國地區並未出現供應短缺現象。
事實上，早在疫情爆發之前，電腦製造商早就面臨零件供應短缺問題。舉例來說，英特爾（Intel）這一年多來生產的晶片數量根本不足，連帶拖累戴爾等電腦製造商業績。英特爾日前承諾將加大產能。</t>
  </si>
  <si>
    <t xml:space="preserve">日本新冠肺炎疫情持續升溫，確診人數破千，外交部將日本列為「黃色警示」，建議國人特別注意旅遊安全並檢討應否前往。至於是否進一步提升旅遊警示，外交部將完全尊重、配合中央流行疫情指揮中心。
外交部發言人歐江安表示，外交部完全尊重、配合中央流行疫情指揮中心依據防疫與公衛醫學的判斷。不過，要提升一國防疫不只考量確診的數字，也要考量土地面積與人口比率。
歐江安說，我們也參考美國CDC、國務院、英國、加拿大、澳洲、歐洲等理念相近國家與先進夥伴的疫情指示。如果其他國家都沒有調整燈號，只有我們是唯一做出調整，這樣會顯得我方考量沒這麼周延。
歐江安強調，外交部隨時採取滾動式檢討，不斷更新，各項因素都會納入通盤考量。
外交部領事事務局官網顯示，我國與日本往來密切，日本為我國出訪旅客最多之國家，外交部為保障國人權益，調升日本旅遊警示燈號為「黃色」，提醒國人特別注意安全並檢討應否前往；另調升北海道旅遊警示燈號為「橙色」，建議避免非必要旅行。
</t>
  </si>
  <si>
    <t>疫情蔓延，死在家中案例頻傳，先後發生北投一家三口陳屍屋內，被里長通知破門才發現，男子陳屍萬華清茶館多時，被房東聞到屍臭才發現，台北市長柯文哲5日嚴正說，叫大家躲在家裡，不是說躲在山洞裡，彼此一個電話問候或視訊是必須的，少出門但不代表完全不跟社會來往，覺得怪怪不對勁就要多交談。
社會局長周榆修說，萬華男子並沒有確診資料；而北投3口都是高齡，但非弱勢福利身分，主要5月疫情爆發後，住萬華的兒子搬回到北投和父母住，僅存的妹妹5日確定陽性確診，父母、兒子這3名死者要等相驗結果。
柯強調，北投這個案子，是在外面住的二兒子打到家裡發現沒人接，所以當地里長才破門，他雖然叫大家少出門，但不是完全不跟社會來往，彼此要多聯絡，鼓勵用視訊。
媒體詢問，有確診家屬反映，2個弟弟都確診且其中1人去世，自己沒有被匡列，沒收到隔離通知書無法請領補助？北市副市長黃珊珊說，媒體爆料後，她也向媒體要到對方的連絡方式，因至今在北市防疫旅館死的有4人，內容應都有掌握，會再了解。</t>
  </si>
  <si>
    <t xml:space="preserve">為防堵新冠肺炎疫情，韓國4月1日起針對所有入境旅客進行14天的強制隔離，1名30多歲的台灣女子聲稱沒錢繳遭到驅逐。外交部發言人歐江安表示，韓國相關單位事發時即依相關規定遣返，當事人未曾聯繫我駐韓國代表處，外交部也再度提醒國人注意韓國相關規定。
外傳該名赴韓後聲稱沒錢繳交相關費用的台灣女子，也是韓國第1位未遵規定而被驅逐出境的外國人，歐江安表示，經外交部瞭解，韓國相關單位事發時立即依相關規定進行遣返作業，而當事人在韓國期間未曾聯繫我駐韓國代表處。
她說，外交部已於3月17日起將韓國全境旅遊警示調整為「紅色」，建議國人避免前往。另韓國政府自4月1日起，針對所有入境旅客實施隔離檢疫措施，倘旅客無固定居所，則採取定點隔離，相關費用須自行負擔。外交部再度提醒國人注意韓國相關規定。
歐江安強調，國人在韓國如果遭遇急難，請立即撥打我駐韓國代表處，或者駐釜山辦事處，也可請國內親友撥打外交部緊急聯絡中心電話，以獲得必要協助。
</t>
  </si>
  <si>
    <t xml:space="preserve">美國眾議院議長裴洛西（Nancy Pelosi）不只是國會女王，一系列口罩穿搭驚艷眾人，變身時尚女王，相較於美國總統川普顧慮像魯蛇而始終拒戴口罩，裴洛西用行動證明，口罩加身不僅能展現強悍，而且仍舊是目光焦點。
新冠肺炎疫情蔓延美國，川普政府4月初建議全美民眾戴起口罩，不論是布口罩或是圍巾，都可以減緩疫情傳播。美國眾議院議長裴洛西以身作則，開始戴上口罩出入國會，她的口罩顏色、圖案多變，有時是淡粉色，有時是深藍色，另外有些時候她則以絲巾充當口罩，罩住口鼻，口罩的樣式選擇，端看當天整體服裝造型而定，通常和她的套裝為同色系。
 Leader of the House majority, and of mask-to-pantsuit color coordination: @speakerpelosi
 Hillary Clinton（@hillaryclinton）分享的貼文 於 PDT 2020 年 5月 月 13 日 上午 7:21 張貼
裴洛西的口罩穿搭很快就吸引時尚圈關注，英國版《時尚雜誌》（Vogue）、時尚雜誌《InStyle》、《哈潑時尚》（Harper's Bazaar）等近期都撰寫專文報導裴洛西的口罩穿搭風格，Vogue更頌讚她是顏色搭配大師，就連前美國國務卿希拉蕊（Hillary Clinton）也注意到了這位同黨女強人的穿搭實力，希拉蕊在個人Instagram上放上一張裴洛西著粉色套裝、口罩的照片，貼文稱讚裴洛西不只是眾議院領袖，還是開拓口罩套裝穿搭風潮的潮流人士。
各家報導中，以「InStyle」的評論最為犀利，正當川普因為不想示弱、淪為魯蛇而持續忽視專家建議、不戴口罩，甚至上周他下令所有白宮官員都要戴口罩後，自己仍堅持不戴，裴洛西證明了口罩不是無聊單調的必需品，它代表了個人風格，在保障個人與他人安危之餘，還能夠讓人看起來很強悍，而且仍舊是閃光燈焦點。
</t>
  </si>
  <si>
    <t>新冠肺炎大流行期間，居家抗疫刺激電玩需求。根據任天堂7日公布，上個會計年度第四季（1月至3月）營業利益狂飆200％，Switch遊戲機和《動物森友會》遊戲軟體熱銷，帶動業績躥揚。
任天堂表示，3月20日在全球開賣的《動物森友會》最新系列遊戲《集合啦！動物森友會》，上市六周便創下1,340萬套的紀錄銷售佳績，成為最暢銷的Switch遊戲軟體。
受此激勵，任天堂7日股價大漲3.25％，以46,100日圓作收。
任天堂上季營業利益揚升至894億日圓，輕鬆超越分析師預期。Switch和《動物森友會》是推動業績躥升的兩大功臣。
Switch問世已經四年，市場原先質疑任天堂吸引非核心玩家的能力。該公司1月底預估，傳統淡季Switch的銷量可能不到200萬台，但結果賣出超過300萬台，讓上個財年全年度銷量上升至2,100萬台，大幅超越該公司預估的1,950萬台。
2,100萬的銷售數字包含1,480萬台結合掌上型與家庭遊戲主機功能的Switch，以及620萬台在2019年9月上市的掌上型遊戲機Switch Lite。
Switch需求強勁和疫情衝擊供應鏈，一度造成Switch全球缺貨，但任天堂表示，缺貨對上一會計年度業績影響有限。
截至3月止的上個會計年度，任天堂淨利年增33％至2,586億日圓，營收上升9％至1.3兆日圓。不過任天堂對本會計年度（2021年3月底止）的財測保守，預期營收和淨利雙雙下滑。
任天堂預估，2021年3月底止的本財年，營收下滑8.3％至1.2兆日圓，淨利恐年減23％，降至2,000億日圓，預期Switch全年度銷量為1,900萬台。
該公司表示，新冠肺炎疫情打亂業務運作後，生產和出貨逐漸復原，不過若是遊戲設計師得長期居家辦公，可能影響遊戲開發工作。</t>
  </si>
  <si>
    <t xml:space="preserve">資策會產業情報研究所(MIC)針對2021年ICT產業提出最新預估，認為2021年全球ICT產業展望審慎樂觀，也分別點出半導體、IT產業以及通訊產業的關鍵，惟疫情、美中關係仍扮演不確定因素。
資策會MIC認為，2021年多數資通訊終端產品、資訊服務與電子商務之市場將呈成長趨勢，其中，全球通訊市場將恢復成長動能，其市場規模將成長10.7%，不過未來ICT產.0業景氣仍須留意新冠肺炎疫情、美中對抗戰、供應鏈轉移等不確定性因素，仍可能影響產業景氣。
資策會MIC資深產業顧問洪春暉表示，影響2021年半導體產業景氣的關鍵為「美中貿易戰、AI、5G」；影響IT產業的關鍵為「零組件供應、遠距需求」；影響通訊產業的關鍵為「新冠肺炎疫情、5G、乾淨網路」。
觀察2021年的半導體產業，資策會MIC表示，AI拓展物聯網應用與5G滲透率的提升，有助於景氣增溫，須留意上游供應鏈，大陸持續強化對半導體垂直產業鏈的投資規模，以及市場庫存水位過高的隱憂問題，洪春暉資深產業顧問表示，需觀測近期中芯國際受美國管制之下，訂單轉移至台廠，產能出現排擠效應導致晶圓代工價格上漲。
2021年通訊產業景氣主要受到新冠肺炎疫情、5G與乾淨網路影響，資策會MIC表示，5G仍將帶動部分換機需求，須注意美國禁令導致華為難以取得晶片無法出貨，蘋果、小米、三星、OPPO與vivo等業者搶食市場的結果，將影響台廠受惠的程度；網通部分，乾淨網路政策降低了陸系業者進入歐美市場的可能性，促使電信商在5G網路排除陸系設備，有利於更多Open RAN需求與台灣業者發展。
</t>
  </si>
  <si>
    <t>全球正努力防堵新冠肺炎（COVID-19）擴散，台灣防疫成績舉世肯定，前線醫護人員功不可沒，新壽慈善基金會、新光吳氏基金會、同心圓醫學基金會與老爺飯店有感醫護人員冒生命危險依然挺身堅守戰線守護台灣，發起「暖『新』便當 醫護加油」超暖打氣活動，捐贈1500個便當至台北市聯合醫院六大院區，感謝作為本次防治之中重度隔離應變醫院，藉此鼓舞醫護抗疫士氣，向醫護台灣隊致敬！
新冠肺炎來襲，醫護人員表現出台灣的醫療水準，以捨我其誰的精神築起戰役防線，阻擋疫情持續入侵。另，醫護人員值勤完畢，脫下口罩臉上都是N95的痕跡，更是常見不鮮，種種抗戰付出讓人相當不捨。為此，吳東進董事長呼籲社會大眾給予醫護台灣隊鼓勵與關懷。
新壽慈善基金會吳欣盈執行長指出，本活動是個開端，希望讓更多企業、團體能支持我們的醫護人員，與政府組成「最強抗疫台灣隊，達成防疫上下一心。暖新打氣便當分不同梯次送至台北市聯合醫院陽明、中興、和平、仁愛、昆明林森與忠孝等六大院區，替第一線默默付出的醫護加油。在防疫上，新光醫院也繳出防疫跨國合作案例，日前帛琉出現疑似新冠肺炎案例，新光醫院立即以視訊教學協助採樣並送回台灣檢驗，在在顯示台灣防疫實力。（跨海的守護者 新光醫院助帛琉驗新冠肺炎https://youtu.be/fEWdagtsjus）
新冠肺炎傳染力高，除了企業投入整備，民眾也應該配合政府相關措施，包括勤洗手、盡量配戴口罩、減少出入人潮擁擠且空氣不流通的公共場所，同時避免接觸野生動物及禽類。最重要的是遵守，隔離、居家檢疫與自主健康管理措施。祈願新冠肺炎疫情儘早被控制，大家生活儘早恢復正常。</t>
  </si>
  <si>
    <t>北市6月24日爆出信義區1間牙醫診所醫師（案13573）打完疫苗後確診，2名牙科助理也陸續確診，6月30日又有大安區耳鼻喉科醫師確診，並傳染給1名病患（案14797）。但北市議員許淑華1日爆料，北市府對牙醫診所16名員工和127名看診者，全都只要求居家隔離而不篩檢，耳鼻喉科醫師接觸的300多名病患，只篩檢100多名，信義、大安恐成破口。
許淑華表示，柯市府對信義區牙醫診所16名員工和127名接觸醫師的看診者，全部只要求做居家隔離而不篩檢；針對大安區耳鼻喉科接觸確診醫師的300多名病患，也只給100多名做篩檢，其他的則要求自行做快篩，市府到底為什麼都不願主動篩檢？是要讓信義大安區成為下一個疫情風險區嗎？
許淑華指出，事實上所謂的「信義區」確診牙醫診所，和「大安區」耳鼻喉科診所只相距450公尺，兩者都位在六張犁，附近社區民宅眾多，柯市府不給接觸者做篩檢，從接觸確診者到收到隔離通知相隔數日，這期間如有潛在確診者不就又把病毒傳給其他居民？市府只做半套、不主動出擊篩檢，病毒傳播哪裡有終止的一天？
她說，市府推說過去確診數很多，因此疫調的能量不足，也導致後續的匡列跟篩檢不到位，但現在確診數已經降下來了，疫調到底做了沒？不公布疫調結果、不擴大匡列和篩檢對象的居心何在？市長柯文哲總在沾沾自喜確診數下降，但面對疫情不料敵從寬，這種心態難保不會讓疫情再起。
「北市府不要再推託！」許淑華要求，市府應立即通知所有接觸者進行篩檢，千萬不可因柯文哲的鬆懈和自滿而成為下一個防疫破口，也必須盡速將確診個案的疫調結果公布，到底匡列了多少人？篩檢了多少人？這些資訊永遠都是被動提供，搞得六張犁居民人心惶惶。</t>
  </si>
  <si>
    <t>白嘉莉1日舉辦─《白嘉莉另一個春天》白嘉莉40年藝術創作個展，她對繪畫情有獨鍾，這次展出近50幅作品，一開場她感性地說：「在新冠肺炎期間能夠來參加，我由衷地感謝。」當天恰逢她的生日，現場有百位粉絲齊唱生日快樂歌，場面十分溫馨，也叮嚀粉絲們看展期間要戴口罩、勤洗手。
白嘉莉與妹妹白菲比感情深厚，妹妹遠從澳洲回台擔任畫展主持人，姊妹難得同時出現在公眾場合。她坦言近幾年與妹妹相聚不易，「她人都在澳洲擔任義工，我們不常見面但仍常聯絡。」
難抵美食吃胖了
白嘉莉愛台灣也愛美食，她說：「台灣是我長大和工作的地方，每個地方我都喜歡。」她非常懷念台灣人的熱情、溫暖，「台灣最有名的就是人情味。」保養得宜的她向來不忌口，美食來者不拒，最愛牛肉麵、燒餅油條，還笑說：「都吃胖了。」
台灣美好掛嘴邊
她總把台灣的美好掛在嘴邊，她原訂22日要前往新加坡和印尼，因新冠肺炎疫情關係，她選擇留在台灣這個安全的地方，「很多國外朋友都羨慕我，台灣疫情控制真的很好。」</t>
  </si>
  <si>
    <t>太誇張，都什麼時候了，竟還廣揪爺奶上門打麻將，甚至還全方面多視角全程直播，用意啟人疑竇。彰化花壇一名直播主遭民眾檢舉在家邀人上門打麻將，有群聚疑慮，警方上門勸導蒐證，將陳報衛生局開罰。
彰化縣今年累計確診案例已經達到166例，疫情嚴峻，彰化縣長王惠美在防疫說明直播記者會上，疾呼民眾避免不必要的社交活動與室內群聚行為，並宣示「你開打、我開罰」，將對打麻將、撲克牌等群聚社交活動開罰。
王惠美強調，這個風險實在太大，面對面打麻將，沒有保持社交距離，每個人都會中，回去又傳給家裡面的人，才會決定祭出禁令，希望鄉親遵守防疫相關規定，打麻將以後還有很多機會，萬一得病又會傳給家人，所以再三拜託彰化縣民，戴口罩勤洗手、不出門。
彰化警分局接獲通報指花壇鄉有名60歲陳姓直播主，在網路上直播自宅打麻將情景，還大辣辣公告符合全程符合第三級警戒防疫規定，引起警方高度重視。
警方登門一看，麻將間外頭還放置酒精、額溫槍和實名制登記文件，前來打麻將的3女1男還全程都戴口罩，中間還加裝壓克力隔板，更誇張的是，麻將桌上方密密麻麻全都是線路，陳男大費周章架設多個角度的視訊鏡頭收音錄影，讓人看傻眼。
日前高雄市才爆出民眾室內打麻將共造成1傳15人確診案、多達119人遭到匡列，陳男雖然自認做足防疫工作，向警方強調是在進行網路線上直播麻將教學，但仍違反彰化縣政府「非同住者的室內非必要社交聚會，一律停止」的防疫規定。
彰化分局長婁自強表示，從疫情升溫以來，除了八大場所及休閒場所稽查外，警方亦接獲大量民眾報案，舉凡未戴口罩、外籍移工群聚、公園、宮廟群聚、未保持社交距離、餐廳未設隔板、梅花座等，獲報後均會立即派員前往處理，若經勸導未改善，一定全程蒐證，並陳報縣府衛生局等相關單位，依照傳染病防治法第37條，依權責認定裁罰。</t>
  </si>
  <si>
    <t>18日下午中央疫情指揮中心最新公布新增確診者，其中1名住在新竹縣的確診者，在疫調中表示曾於5月15日前往竹南鎮五穀宮以及頭份市自強路黃昏市場，頭份市公所及竹南鎮公所接獲通報後，18日上午配合全縣大消毒作業，緊急安排清潔隊赴五穀宮及黃昏市場執行全面消毒，頭份市長羅雪珠並親自到場率隊清消，以防疫情擴散。</t>
  </si>
  <si>
    <t xml:space="preserve">伊拉克衛生部今天表示，伊拉克出現第6起武漢肺炎病例，確診患者為首都巴格達（Baghdad）一名年輕男子，他日前曾前往伊朗。
</t>
  </si>
  <si>
    <t>國內29日新增新冠肺炎本土個案320例、校正回歸166例，總計486例。確診個案中新增21死，再創單日新高。台北市長柯文哲指出，21死是預料中的事，因重症患者從住進加護病房到死亡，會有時間差，導致死亡波峰落後，死亡人數還會持續上升，但不代表感染人數將同步上升。
此外，澎湖縣政府29日深夜宣布新冠肺炎首例，1名在娛樂場所上班的50多歲婦人兩次PCR採檢都呈陽性，該案例目前處於昏迷狀態，縣府已匡列相關接觸者採檢，並上報中央流行疫情中心。
縣府表示，該案例在馬公市區租屋，5月15日曾從馬公至台北，5月20日再從高雄返回澎湖。5月27日出現身體不適症狀，29日至馬公市一家診所就醫，之後轉至醫院急診，經插管送加護病房。
昨21死亡案例，最年輕僅30多歲，這波疫情已累計87死，其中3人在家身亡，且在公布的個案中，有人約1周前就離世，疫情指揮中心發言人莊人祥解釋，主要是因死亡時間和指揮中心獲知時間有落差，但每案都會追蹤，想辦法改善。
而新增及校正回歸本土個案，以新北224例居多，台北168例則是其次。本土個案破百縣市昨增至6處，除雙北、桃園、彰化、基隆外，新增台中。另新北本土個案數昨突破3000，台北則突破2500。
疫情中心指揮官陳時中說，由5月21日到5月28日校正回歸的數目看來有，雙北案件數往下降，這是因前段時間的改變，加快案件數通報，回歸案件比較少，還要觀察1、2天才能論斷。整體來看，疫情沒急遽惡化，也沒看到真正改善效果，還是要把3級警戒做好。
台大公衛學院教授陳秀熙也表示，校正回歸是為反映疫情實際情況，目前本土疫情持平，但近2天有突然掉下來現象，還不知接下來會不會再回補上來。3級疫情警戒何時能解除，有待繼續觀察。
陳秀熙表示，此次本土疫情在萬華的第1波群聚後有下降，原訂28日解封是有望，但因流行再起，曲線沒繼續往下，校正回歸後就把個案數補起，這背後隱含的第2波流行，很可能是10至16日母親節、大賣場群聚所引起。
柯文哲則指出，萬華地區快篩陽性看起來有下降，疫情稍微有控制，其他行政區雖有潛在感染源，但由於民眾自動自發封城，沒有很快擴散。他強調，防疫措施若一旦放鬆，疫情就會再次蔓延。台灣要思考下一步戰略，就是施打有國際認證的疫苗，台灣要在自動自發封城的最短時間內，讓7成民眾打疫苗，然後才能解封。</t>
  </si>
  <si>
    <t>全國三級警戒，規定民眾外出須戴口罩，但也因此讓許多戶外工作的勞工吃飯被檢舉。一名網友表示，為了養家餬口，大熱天戴口罩上工，因為做工不能改為居家線上辦公，現實生活中他們只能在塵土飛揚的環境，脫口罩扒飯，希望大家可以多點包容，貼文吸引1.3萬人朝聖直呼辛苦了。
一名男網友在臉書社團《爆怨2公社》發文表示，台灣疫情嚴峻，許多會產生群聚的五人以上的辦公場所、企業都開始分流工作，也有不少人被迫停業、放無薪假，學生也都改為居家線上學習，身為工人的他們當然也會擔心，但為了生存仍得工作，因為不可能改為居家做工。
該網友在文中喊「對，我們是工人！，在炎熱天氣戴口罩做工，「抱歉！我們沒有密閉空間，可以讓我們好好地吃上一頓飯，為了盡量減少感染機率，匆促扒上幾口飯後，趕緊戴上口罩午睡。」除了午飯時間須摘下口罩，他們同樣戴著口罩上班、吃飯喝水也都有保持社交距離。
該網友指出，希望大家可以多點包容、友善的態度，如果可以，他們也想找陰涼遮蔽處、舒服的桌椅，在午休時間好好吃便當，但現實狀況是，他們只能席地而坐、用餐環境塵土飛揚，便當裡的食物，也許還伴點泥沙調味。
該網友透露，「疫情當前、我們跟你們沒有不一樣！配合中央政府的指揮、把口罩戴好，保持該有的社交距離。」大家都是為了生活打拚，穿著髒衣服、戴著醫療口罩、賺著辛苦的錢。我做工我祖宗都驕傲，敬做工的人。」
貼文吸引1.3萬網友朝聖，不少網友熱烈討論，「什麼底層！沒你們，沒有人有房子住」、「可以瞭解你的心情，希望疫情趕快過去，讓大家恢復平靜生活」、「沒有你們的付出，我們怎麼會有好的環境及設備」、「真的很辛苦的工作，大太陽底下，戴口罩工作整天，沒地方能吃飯，沒體會過真的不知道。」</t>
  </si>
  <si>
    <t>創業加速器AppWorks Accelerator（之初加速器）15日舉辦AppWorks Demo Day 2020，AppWorks啟動加速器至今十年，整體生態系成長速度超越過去，目前總募資金額、總估值、整體年營業額都繳出三位數、成長一倍以上的成績，為歷年之最，總估值也突破百億美元。
AppWorks Accelerator為目前大東南亞區規模最大的創業加速器，每半年嚴選區域中具有成長潛力的新創團隊進駐，目前從AppWorks Accelerator畢業的活躍新創已達395家，共1,331位創業者，生態系累積募資金額來到23.6億美元（約為683億元新台幣），年增率高達140％，總估值達到110.7億美元（約為3,203億元新台幣），首度突破百億美元大關，較去年此時增加160％。
AppWorks董事長暨合夥人林之晨表示，受到新冠肺炎影響，今年上半年的Demo Day暫停一次，下半年的Demo Day則安排優秀的AI、物聯網、區塊鏈等團隊登台。
本次23支團隊中，十支新創以AI、五支以IoT、八支以Blockchain/Crypto為創業主題。其中更有八組國際團隊，分別來自香港、新加坡、印尼、瑞典、瓜地馬拉；有出身自Google、Microsoft、聯發科的高管，也有成功被併購出場的連續創業者，更有年僅17歲的創業者。
林之晨發現兩大重要趨勢，第一，由於疫情的發展，加速人類社會的數位轉型腳步，包括遠端工作、零接觸商業模式、去中心化體系，都推升了科技升級的需求，在這當中，優秀的AI以及Blockchain創業者，開啟了改變世界的機會之窗。
第二，AppWorks Accelerator成立邁入第十年，校友網路發展蓬勃且區域化，持續扮演支持創業者長期成長的重要平台，因此吸引越來越多國際優秀創業團隊進駐，繼續引領大東南亞地區創業生態前進。
林之晨表示，未來十年將會是新興科技帶動典範轉移的重要時期，而世界變動，對創業來說也是最好的時間點，而對企業來說，也與新創合作、打造內部與外部創新的絕佳機會。</t>
  </si>
  <si>
    <t xml:space="preserve">經濟部公布第2季製造業產值，受到疫情衝擊，呈現連續6季的負成長，惟電腦電子產品、光學製品業因疫情推升遠端服務，出現連續9季正成長。
第2季製造業產值2兆9442億元，為105年第2季以來最低，較去年同期減少11.39%，連續6季負成長，主因受新冠疫情衝擊，國際需求下滑，加上國際原物料價格較上年同期大幅滑落，致傳統產業表現明顯疲弱，惟國內半導體高階製程接單活絡，加上伺服器、網通產品業者持續擴增國內產線，抵銷部分減幅。
在資訊電子產業方面，電子零組件業產值年增10.9%，連續2季二位數正成長，其中積體電路業年增24.6%為主要貢獻來源，主因受惠於5G通訊、物聯網、雲端服務、高效能運算等應用擴展，加上遠距商機帶動相關設備之晶片及記憶體需求殷切。
而液晶面板及其組件業由於產品價格較上年同季仍低，致產量雖已回升，產值仍較上年同期下滑3.86%，惟減幅已明顯縮小(Q1為-16.52%)。電腦電子產品及光學製品業因肺炎疫情推升遠端服務，相關設備接單活絡，加上國內產能擴增，致產值年增7.64%，已連續9季正成長。
傳統產業方面，受肺炎疫情持續延燒，全球需求緊縮，加上國際原物料價格重挫，多數產業呈現二位數衰退，主要行業中以石油及煤製品業、紡織業及化學原材料業減幅最為顯著，分別年減54.68%、34.96%及33.74%，汽車及其零件業亦年減22.09%，主因歐美市場需求急凍，加上國產小轎車及小型貨車因缺料及調整產線而減產。
經濟部表示，展望第3季，隨著下半年消費性電子新品將陸續推出，加上5G通訊布建加速、高效能運算及物聯網相關應用快速成長，以及遠端服務設備需求延續，將帶動資訊電子產業生產持續暢旺，此外，隨國際油價、鋼價緩步上揚，傳統產業將可望漸次回穩，惟近期全球肺炎疫情再次升溫，加上美中貿易爭端未解，恐將影響製造業產銷表現，仍須密切關注並審慎因應。
</t>
  </si>
  <si>
    <t xml:space="preserve">伊林娛樂藝人張雁名受邀擔任日本北九州觀光推廣員，2月中親赴北九州拍攝旅遊影片，由於正值新冠肺炎疫情肆虐，張雁名這次工作快閃北九州3日，事前防疫準備做足，飛機上乘客也僅個位數，他則全程戴口罩，日本工作團隊也很貼心，每日為他準備新口罩替換，並隨時帶著酒精進行環境消毒。
張雁名這趟去北九州拍攝，3天快閃多個旅遊景點，包括生命之旅博物館、門司港、旦過市場。他特別感受到日本人非常有禮貌，但文化差異險鬧出笑話，回程當天工作人員送他上機，在門口一直對他點頭，他也禮貌向對方點頭，雙方就這樣互相點頭了3分鐘，他心想怎麼還沒離開，一度擔心來不及搭飛機。後來才發現原來日本習俗是送客時必須完全看不到對方才可以離開。
有趣的是，此行日本工作人員也對於他實際年齡37歲感到不可置信，現場還有一位與他同年齡的日方攝影助理，兩人站在一起，大家都覺得張雁名大概只有27歲。瞬間減齡10歲的張雁名開心說，其實去年底到洛杉磯參加弟弟婚禮，當時在街上逛街血拚，他頂著一頭淺色頭髮，也被當地人誇讚髮型好看，加上一身韓系潮流穿搭，竟被誤認是韓星。
張雁名在演藝圈耕耘10多年，勇於挑戰各種不同角色，是偶像劇及綜藝節目的常客。前陣子他利用拍戲空檔改變造型，將頭髮染成淺色，新造型大獲好評，新增年輕及學生粉絲，到國外旅遊、工作都被誤認為只有20多歲，但因工作需求，他現已將頭髮染黑，希望多變又成熟的一面能被看見，他透露今年想挑戰熟齡的角色，也開始嘗試留鬍子。
</t>
  </si>
  <si>
    <t>新冠肺炎疫情衝擊擴大，行政院會13（今）日將拍板規模逾400億的短期紓困和振興方案，針對服務業、觀光運輸業和農業三大產業紓困。其中，政院擬擴大餐飲、零售、會展、商圈、夜市及傳統市場五大內需服務業適用範圍，提供逾百億元紓困措施，另外還要發「振興抵用券」，以利疫情紓緩時刺激消費、提振經濟動能。
行政院今天將拍板五大內需服務業紓困措施，主要以周轉貸款及資金營運救急為主，由中小企業信保基金提供融資信用保證，最高九成保證成數、免保證手續費，且貸款可展延，中小企業營運資金可享短期低利無息貸款，利息由政府補貼，每案上限約20～25萬元，但中大型企業周轉金貸款則無利息補貼。
行政院發言人kolas Yotak表示，在疫情期間將提供服務業數位轉型、環境優化及人才培育等協助，待疫情結束後，資金面提供業者新增貸款能量、在市場面透過大型展銷活動吸引消費者，並透過振興抵用券等相關措施刺激消費。
經濟部昨向蘇揆簡報服務業紓困方案，經費規模約160億元，蘇揆指示短期振興措施要讓民眾有感，經濟部昨漏夜調整中，具體金額仍待院會通過後定案。官員強調，今通過紓困及振興措施，均以一年為期可執行為主。
至於發放振興抵用券是用於夜市、商圈或百貨賣場，官員說，適用範圍、發放額度由經濟部研議，目的要在疫情緩解時刺激消費，但不是消費券，不會取代既有消費，一定有適用範圍，以擴大額外效益。這類抵用券是吸取去年夜市券成功經驗加以擴大調整，採取消費金額可以部份抵用
另政院也決定提出防疫紓困特別條例、特別預算，特別條例主責單位是衛福部，今院會拍板的紓困措施經費先由部會移緩濟急或利用特種基金，經濟部、交通部提出的部分措施仍需動用特別預算，但特別預算項目，仍待防疫及防疫假補貼等項目彙整，再統整規模。防疫紓困特別條例草案最快下周四（20日）院會拍板定案。
此外，針對旅行社、觀光飯店、航空、運輸、小三通等相關行業，交通部提出短期補貼、紓困、貸款利息補貼等措施，主要是補助損失、協助業者融資周轉，經費142億元，另振興方案54億元，合計196億元。農業方面則提出外銷補助、農漁業和休閒農業紓困貸款等，其中，農漁業、休閒農業貸款準備資金50.3億，新貸戶可享優惠貸款利率0.79％到1.68％。
此外，商總理事長賴正鎰昨日在新春活動也表示，預估受疫情影響全年GDP成長率下修約0.3個百分點，全年成長率落在2.2％至2.3％之間。他強調，疫情影響全球航空、旅遊、餐飲等服務業，上半年業績肯定受衝擊，呼籲政府儘快給予業者貸款降息、利息補貼或是減稅等紓困措施，協助企業現金流或生產線能維持穩定，中小企業度過難關，才能穩定國內就業市場。</t>
  </si>
  <si>
    <t>新冠肺炎疫情持續升溫，新北市瑞芳警分局為了避免因員警染疫隔離，而造成治安工作停擺，特別設置替代辦公室，將分局內部人員分散異地隔離辦公，降低染疫風險。
瑞芳警分局表示，替代辦公室設備齊全，若是疫情升溫，或有案例出現，即可立即啟動，避免治安工作出現斷層，並且由於員警須長時間在外服勤，為了防護員警健康，各地警局也針對內、外勤同仁防疫工作不斷提升保護，並建置戶外偵訊區以及定期定時針對員警執勤裝備加強消毒工作。
瑞芳警分局長陳杏結表示，目前在防疫作戰中，惟有超前部署，做好準備，才能確保同仁健康，除了嚴格要求人員出入處所必須量測額溫及手部清潔外，針對應勤裝備、巡邏車及辦公處所更要求同仁每日使用消毒液擦拭，他也嚴格的要求，目的在照顧同仁健康外也保障洽公民眾安危，也請民眾配合警方防疫措施。</t>
  </si>
  <si>
    <t>香港政府21日宣布放寬檢疫期，入境香港人士只要符合3條件，包括已完成接種新冠疫苗並超過14日、機場病毒檢測無確診、驗出帶有抗體，抵港後的檢疫期可縮短至7日。
據東網報導，香港放寬檢疫期的安排將分兩階段實行，第一階段適用於香港居民，預計下周三(6／30)實施。相關人員已完成接種疫苗，出境前自行在坊間驗血清證明有抗體，只要3個月內返港，便可只檢疫7天。
港府表示，會盡快公布有關的認可坊間檢測抗體機構名單。抵港人士檢疫期間須接受2次檢測，其後7天自主監測，並須於抵港第12天、第16天和第19天接受強制檢測。
第二階段適用於非港人，預計於7月內實施。當非港人入境後，若符合已接種疫苗並過14日、病毒檢測無確診及在機場抽血驗出有抗體的要求，可將檢疫期縮短至7日。
港府表示，正測試機場抽血驗抗體的安排，估計實施後，或需時1日才有檢測結果，屆時抵港者要先到檢疫酒店等候，翌日有結果並得知有抗體後，其檢疫期可縮至7日。港府指稱，會與酒店業界商討，為這些有抗體的檢疫人士，縮短訂房日子。</t>
  </si>
  <si>
    <t xml:space="preserve">
大甲鎮瀾宮宣布大甲媽祖11日即將遶境起駕，台中市長盧秀燕9日表示，因為是防疫 解封以後，全國第一場大型宗教繞境活動，為維護參與遶境民眾的安全，以及了解鎮瀾宮防疫整備的情形，已請副市長陳子敬籌組專案小組，明天前往鎮瀾宮了解對接，並且予以協助，希望繞境活動平安、順利。至於今年大甲媽起駕，盧秀燕會不會出席？市府還在與鎮瀾宮研議中。
盧秀燕今日在市政會議說，大甲鎮瀾宮已經表示，會配合中央防疫指揮中心的防疫措施，控制人數在1000人以下，戴口罩等等相關人的一切措施，他們全部會確實配合。
她強調，因為這是解封以後全國第一場大型宗教繞境活動，為了維護參與遶境民眾的安全，以及了解鎮瀾宮防疫整備的情形，委由陳子 敬籌組專案小組，10日會前往鎮瀾宮了解對接，並且予以協助，期望大甲媽祖繞境活動可以平安、順利，疫情漸穩定，做好最周全防疫準備，完成大甲媽祖遶境的年度盛會。
</t>
  </si>
  <si>
    <t xml:space="preserve">新冠肺炎疫情延燒，國內今天又新增2人死亡，累計已有5名確診者病逝，陽明醫學博士胸腔重症醫師蘇一峰透露，一般人可能無法理解，加護病房病人使用的維生管路有多痛苦，他們幾乎每天都在痛苦哀號！
中央流行疫情指揮中心表示，昨晚傳出因新冠肺炎病逝的案108，是奧捷團40多歲的男性領隊，原本已在加護病房，狀況不好，發病13天後，29日不幸在加護病房過世。蘇一峰今天在臉書發文指出，加護病房中許多病人，每天都在痛苦哀號的使用4種維生管路，痛苦指數最高的是氣管內插管(痛苦指數5顆星)，其次依序是：鼻胃管(痛苦指數4顆星)、氣切管及尿管(痛苦指數3顆星)。
案108於3月5日至3月14日帶團至奧地利、捷克旅遊，3月17日出現發燒症狀，衛生單位安排就醫採檢通報，3月19日確診，住院隔離治療仍不幸病逝。蘇一峰感嘆，40歲的健康壯年男導遊，沒想到在發病13天後就過世，他也藉此呼籲，疫情期間最好待在家裡，才能減少親身體會這些痛苦插管的機會。許多有插管經驗的網友也紛紛回應「每天的抽血尤其抽動脈血也很痛」、「抽痰更是痛苦」、「插管痛苦至極」、「那種痛是常人無法想像」。
</t>
  </si>
  <si>
    <t>行政長官林鄭月娥今午(19日)4時在政府總部舉行記者會，公布收緊社交距離措施，包括政府各政策局及公共部門，由明日(20日)起只會提供緊急及必須服務，公務員會在家工作，措施暫維持一周至7月26日，以及強制市民在室內公共場所必須戴口罩。
林鄭續指，上周始實施的食肆「晚六朝五」禁止堂食措施，及12類關閉處所停業令，包括遊戲機中心、健身中心、戲院、美容院、按摩院等會延長一周，並要求學校於周三(22日)網上公布文憑試成績，以及改建亞洲博覽館為社區隔離設施。
根據《東網》報導，行政長官林鄭月娥宣布，因應新冠肺炎疫情持續，食肆由傍晚6時至翌日清晨5時不設堂食，可以進行外賣；限制食肆最多4人一枱；及關閉遊戲機中心、健身中心、卡拉OK、酒吧等12類處所的措施，原本於本周二(21日)屆滿，現再延長多7天。
12類關閉處所分別為遊戲機中心、健身中心、戲院、美容院、按摩院、麻雀館、酒吧、會址、卡拉OK、浴室、派對房間、夜店及夜總會。
防疫「加辣」措施
1. 公務員明起在家工作一周，政府部門只提供緊急及必須服務
2. 強制戴口罩研擴至室內公共場所
3. 食肆晚市禁堂食延長7天
4. 12類處所關閉延長7天
5. 改建亞博館作隔離措施
6. 中學周三網上公布DSE成績</t>
  </si>
  <si>
    <t xml:space="preserve">新冠肺炎疫情蔓延，為減少第一線醫護人員傳染風險，衛福部立台北醫院今(16)起推出「視訊診療」，居家隔離、檢疫及自主健康管理者如有就醫需求，不用出門就能視訊就診，另外急診室發燒篩檢站也改採「視訊問診」方式，衛生局表示，目前新北市共有13間院所提供通訊就診服務。
新北市政府日前成立居家檢疫關懷中心，結合各局處及民間團體，設置專線即時協助居家檢疫者相關生活事務，其中衛生局共與市內11間大型醫院及2間診所提供通訊診療服務，讓民眾在家也能就診。
衛生局表示，居家隔離、檢疫及自主健康管理者如有就醫需求，撥打居家檢疫關懷中心專線後，針對發燒或有呼吸道症狀者，將安排救護車護送至指定醫院就醫，若無，則協助轉介至指定通訊醫療院所，由院所聯繫病人詢問病情，並約定通訊診療時間。
台北醫院指出，目前院內提供視訊看診科別有家醫科、內科、外科、骨科、兒科，看診時間為周一至周五上午8時至下午17時，看診結束後，醫院會通知家屬或代理人，帶病人健保卡至醫院過卡繳費及領藥。
此外，急診室「發燒篩檢站」也改採「視訊問診」方式，就醫民眾不需提前下載任何APP或其他連結操作，僅需在視訊診療機器前站定位，由急診醫師在診間連接視訊機器畫面，即可詢問病人的基本資料與TOCC，不僅減少第一線人員傳染風險，也能節省篩檢站人力及穿脫配備近1小時的作業時間。
院長徐錦池表示，「視訊問診」希望能提升民眾就醫時的踏實與信任感，也能降低醫護人員工作壓力，減少醫護著裝耗費的時間與流汗悶熱的難受，讓醫護人員工作時更安心。
</t>
  </si>
  <si>
    <t>桃園市至21日居家檢疫人數累計3353人，桃園市長鄭文燦提出居家多元服務專案，研擬料理包外送、心理諮商、教導健康操，短期電視頻道擴增等服務，強調居家檢疫不只是管制，還包括關懷與服務，並強調「他們不是病人也不是犯人」。
桃園市防疫會議中，針對居家檢疫民眾，鄭文燦向相關單位提出料理包外送、線上借電子書、居家健康操教學及爭取短期電視頻道的擴增，要讓居家檢疫不只是管制，更是關懷與服務。
有感於居家檢疫的人數不斷攀升，桃園已達3353人，鄭文燦表示，這14天不要把他們當犯人，還是讓他們過比較充實的生活，如可以教怎麼做健康操，不要感覺度日如年，市長在會議上也指示相關局處如衛生局、體育局等研擬相關設施。
衛生局原先設立的安心減壓專線03-3340953轉3069，由專業心理師、社工師陪伴民眾與第一線防疫人員，亦將納入多元服務專案，對居家檢疫的民眾提供相關的資訊與服務。</t>
  </si>
  <si>
    <t xml:space="preserve">擁有「最美空姐」之稱的林佩瑤去年離開航空業，嫁給名廚武俊傑，最近夫妻倆因新冠肺炎取消日本行，改去台中觀光，用餐前拍下兩張辣照，超胸猛的身材讓人眼睛不知往哪擺！
由於新冠肺炎疫情持續增溫，林佩瑤和老公計畫的日本行已被外交部列為黃色警示，他們決定改成國內旅遊，跑去台中知名溫泉度假村，除了大啖美食，還泡了暖呼呼的溫泉，老公也幫林佩瑤拍了美照，只見她化著一貫精緻的妝容，黑色薄外套裡面搭著低胸衣服，露出超豐滿的雙峰和深邃事業線，連外套都包不住，好身材完全展露無遺，網友看了狂讚：「好漂亮」、「超美」。
林佩瑤曾在限時動態問答中，透露自己愛用的保養品，「海洋拉娜乳霜，沒它我會哭死！」同時分享洗完澡後趁皮膚濕潤時，會塗上嬌生嬰兒油再用毛巾擦乾，身體肌膚就會光滑柔嫩。
</t>
  </si>
  <si>
    <t xml:space="preserve">
教育部日前訂定「校園因應『嚴重特殊傳染性肺炎』疫情停課標準」，提及若一班1人確診、一校2人確診就停課14天，但有家長憂心可以請假嗎？不請假孩童誰要照顧？依中央流行疫情指揮中心發函指出，如學校因COVID-19疫情停課期間，可申請防疫照顧假。
但依日前說明，防疫照顧假不強制雇主給薪，也無法申請「防疫補償」，但當家長有學童照顧需求時，雇主應予准假，且不得視為曠工、強迫勞工以事假或其他假別處理，也不得扣發全勤獎金、解僱或予不利處分。
勞動部官員說，除了學校外，如果短期補習班、幼兒園及兒童課後照顧服務中心等機構，比照高級中等以下學校規定停課時，家長也可以比照申請防疫照顧假，但時間應於停課時間範疇內申請。
勞動部官員指出，若要領取特別條例中的「防疫補償」，則仍要遭居家隔離、居家檢疫、集中隔離、集中檢疫等才可領取。</t>
  </si>
  <si>
    <t xml:space="preserve">勞動部勞工紓困貸款今(6/15)日開始接受申請，不少銀行據點大排長龍，甚至網頁也當機，顯示民眾資金需求殷切。不過，勞工紓困貸款每人最高額度僅為10萬元、利率1.845%，若想要增加貸款額度，就必須自行申請一筆信貸，也因此，國內有銀行推出超低利小額信貸，前90天的利率僅為1.5%，比勞工紓困貸款還要低，90天後則根據個人信用條件計算利率水準。此外，該筆貸款有動用才計息，沒有動用就不收利息，且免手續費、免出門線上即可申辦，最快一天擁有可動用額度。
國內持續壟罩新冠肺炎疫情，各行各業及民生經濟大受衝擊，不僅自營店家、服務業、小型攤販等面臨營收驟減或停業的窘境，部分上班族甚至必須請防疫照顧假，或者有些勞工也開始放無薪假，導致生活收入銳減。為了讓民眾手頭有寬裕的資金度過難關，凱基銀行即日起至12月31日止，推出「佛心速還金」，享動用後90天內優惠利率1.5%，且免申辦手續費，凡是有防疫照顧假、自主居家管理或無薪假證明者，均可在家線上完成申辦及簽約手續，從申請到核准撥款最快1天即擁有一筆可動用額度，幫助安渡疫情艱難時刻。
政府勞工紓困貸款每人額度最高10萬元、利率1.845%，若是民眾需要的資金超過10萬，想再申請一筆信貸，一般都需要額外支付開辦費。凱基銀行指出，「佛心速還金」是額度型貸款， 最大特色是提供一筆可以隨時動用的額度，沒有動用就不計利息，適合緊急救援，申請不需支付開辦費，90天內利率只要1.5%，相當於每借1萬元，一天利息不到1元。可隨時提領，沒有合約限制，想提前還款也不需負擔任何費用，讓有需要的民眾更能彈性周轉運用資金，因應短期疫情帶來的衝擊。
舉例來說，上班族陳小姐於疫情期間因照顧小孩需請防疫照顧假，收入暫時減少，但仍需支付房租、貸款、電信費、水電費等必要生活支出，需要短期3個月的小額資金周轉，便可申請佛心速還金作為緊急備用金。如於7月1日線上申請5萬元額度，申請當下可先省下一筆一般信貸所需負擔的開辦費，9月30日還款時，只需支付利息費用約185元與200元的動用手續費，換算下來每天不到5元的利息費用。如果收入恢復穩定，隨時可提前還款減少利息支出，且不收取提前還款的違約金，較可彈性處理資金上的臨時性支出。
防疫期間為方便民眾無須外出，「佛心速還金」提供線上申辦管道，從申請、簽約到對保，全程皆可線上完成，同時也可以線上24小時隨時動用撥款至多數的銀行同名帳戶中，申請人不論是在家防疫或是因居家隔離無法出門，只要使用手機或電腦即可申辦，順利取得救急資金。
</t>
  </si>
  <si>
    <t xml:space="preserve">全新(2455)董事會決議每股配息2.5元，並自今天起實施庫藏股，由於大陸加速推動5G基礎建設，並持續進行去美化，全新3月光通訊訂單狀況不錯，全新對3月業績不看淡，日系外資認為，雖然新冠肺炎(COVID-19)可能影響全新今年第1季業績，但在大陸積極推動5G計劃下，營收可望在今年第2季度恢復，並對全新產品結構保持樂觀，重申全新「買進」評等。
大陸各地因新冠肺炎疫情受到控制全面後加速推動5G基礎建設，且WiFi 6滲透率持續提升，加上VCSEL等新應用激增，讓全新2月合併營收維持水準，單月合併營收為2.08億元，月減4.15%，但年增52.76%，累計前2月合併營收為4.25億元，年成長52.41%；由於全新3月光通訊訂單狀況不錯，將有助於全新3月營收表現。
日系外資在最新報告中指出，儘管存在新冠肺炎疫情問題，但因亞洲的供應鏈營運已逐漸恢復到正常水平，且大陸政府希望加快5G建設以刺激當地經濟，這將帶動全新光通訊晶片訂單在基礎設施端對光收發器的需求，且計劃還應通過價格補貼覆蓋終端設備端的5G智慧型手機，有助於帶動全新RF訂單，我們認為全新已準備好搶攻快速成長的5G和3D需求週期，由於股價已回落到底價，重申「買進」評等，目標價維持140元。
全新董事會決議自今天起至5月19日實施庫藏股，買回自家股票5000張，買回區間價格58元到108元，激勵全新今天股價以漲停板作收。
</t>
  </si>
  <si>
    <t>Yahoo奇摩今天公布2020年度台灣十大新聞人物，前高雄市長韓國瑜市長回歸庶民話題性十足，三度蟬聯冠軍寶座；施政滿意度高漲的新北市長侯友宜搶下第3名；總統蔡英文排名第6；強力背書萊豬的農委會主席陳吉仲以及民調支持度直直落的行政院長蘇貞昌，分別排名第9、10名。
2020年起伏跌宕不斷，Yahoo奇摩今天公布年度十大國內外新聞及娛樂榜單，包括「台灣十大新聞事件」、「台灣十大新聞人物」、「國際十大新聞事件」、「國際十大新聞人物」及「十大娛樂事件」排行榜。
在台灣十大新聞人物方面，Yahoo奇摩指出，選舉議題持續攻佔網友眼球，「韓國瑜」總統大選失利又遭罷免，市長回歸庶民話題性十足，三度蟬聯「台灣十大新聞人物」冠軍寶座。
橫掃817萬票連任成功的總統「蔡英文」排名第6名；施政滿意度高漲的新北市長「侯友宜」也上榜搶下第3名。新冠肺炎成2020重要關鍵事件，也讓防疫國家隊強勢霸榜！鐵人部長「陳時中」與數位政委「唐鳳」因防疫有成，人氣節節攀升，位居第2、8名。
台積電創辦人「張忠謀」三度出使亞太經濟合作會議（APEC），一度與川普、習近平同框奪下第4名。萊劑美豬政策成全民矚目焦點，朝野攻防不斷，砲火連連的「柯文哲」、改變立場為強力背書萊豬的農委會主席「陳吉仲」以及民調支持度直直落的「蘇貞昌」，分別排名第5、9、10名。
Yahoo奇摩列出的前十名及主要的新聞熱度包括：
1.韓國瑜 - 落選又遭罷 韓總回歸庶民
2.陳時中－鐵人大臣 紅在瘟疫蔓延時
3.侯友宜－施政最滿意 2024動見觀瞻
4.張忠謀－APEC同框川習 暢談數位經濟
5.柯文哲－防疫萊豬問題 砲口頻對中央
6.蔡英文－史上最高票 辣台妹連任成功
7.江啟臣－最年輕黨主席 力求凝聚共識
8.唐鳳－跨性別政委 數位防疫有成
9.陳吉仲－一改立場 強力背書萊豬
10.蘇貞昌－民調下滑 嘆「被嫌到流涎」</t>
  </si>
  <si>
    <t>國內疫情持續升溫，連2日本土確診案例連環爆，加上「校正回歸」病例合計570筆，叫民眾心慌慌，但高雄市一名婦人日前到麵包店買麵包時，依舊不戴好口罩，也不願配合實聯制政策，讓無奈的店家只好請婦人離開，豈料婦人轉身離開走出店門前，用力地將土司扔回架上走出店門時，甚至還見笑轉生氣，對店門口的地板吐口水，誇張行徑在臉書社團「爆料公社」曝光後，引發網友撻罰，警方今（23）日獲悉訊息後也展開追查，晚間9時許找到該名婦人，最後依傳染病防治法開立未戴口罩舉發單，同時通報環保局依違反廢棄物清理法裁處其地板吐口水的惡行。
根據臉書社團「爆料公社」一名網友爆料，高雄一名53歲劉姓婦人，前（21）日晚間6時50分許到前鎮區一心路上某麵包店買麵包時，口罩不僅只戴到嘴巴，還拒絕配合實聯制，儘管店員數度好心提醒，劉女依舊屢勸不聽，店家無奈之下只好請她離開，想不到劉女惱羞成怒，遂將手上的吐司扔回架上，快走出店門口時還把口罩拉下，疑朝著地板大吐口水。
事後店家雖未報案，但仍拍下劉女的車牌號碼，並將店內監視器畫面PO網，直言「當服務業有時候真的很幹，尤其現在這種疫情，很多客人會來買商品囤商品，最討厭的是遇到不配合的客人」，更怒指「像這種奇怪的客人就拜託你不要出門了！」更不解「一場疫情，然後可以看到一堆妖魔鬼怪群魔亂舞，這到底怎麼回事？」「總是有人不喜歡把口罩戴好，好像戴上口罩，他就會立刻去世一樣！？」
此文一出，不少網友也認同戴好口罩是保護他人，也尊重自己的表現，因此紛紛怒批「口水亂噴，好髒餒！」「戴好口罩有那麼難嗎？」「有口罩偏不戴好，是不知道嚴重性嗎？真的欠打！」「這種人罰15000都不夠，最好罰個30000！」
獲悉該網傳訊息的前鎮分局一心所，於是趕緊派員循線追查，並於今日晚間9時許找到劉女，訊後她坦承自己口罩沒戴好，也有吐口水動作，因此警方依傳染病防治法開立未戴口罩舉發單，同時通報環保局依違反廢棄物清理法裁處其地板吐口水的不良行為。
★中時新聞網提醒您：不良行為，請勿模仿！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台灣新冠肺炎疫情持續加溫，中央流行疫情指揮中心指揮官陳時中29日宣布新增15例確診，累積達298例。捧紅不少大明星的名經紀人夏春湧認為，台灣確診的病例越來越多，政府應該告訴國人，有什麼方法可以控制，不要再新增病例。他說防疫是一條漫長的路，如何在過程之中讓老百姓安心，是政府最基本的功能。
夏春湧在臉書指出，台灣確診的病例越來越多，人們的恐慌也越來越大。政府現在要做的不是每天告知新增多少病例，而是應該是告訴大家，有什麼方法可以控制不要再新增病例。夏春湧提及，防疫是一條漫長的路，如何在過程之中讓老百姓安心，是政府最基本的功能。
夏春湧也提及，他女兒的公司公司幫全體員工付費裝了APP，每一個人都可以用視訊和醫生問診，如果是一般的小毛病，醫生可以立刻開處方箋，然後就可以去藥房拿藥。在疫情肆虐的時間點，不用冒著被感染的危險去醫院，更減少員工的恐慌心理。
夏春湧認為，這種貼心的服務應該很適合台灣，因為台灣人太喜歡看病，尤其新冠肺炎大爆發，若有這樣的APP，就能避免人群的大量接觸，也可以減少醫護人員被感染的危險，「對於防治疫情的擴散，絕對有非常大的幫助」。</t>
  </si>
  <si>
    <t xml:space="preserve">在經過大批量的防疫宣傳後，大家都知道經常觸摸自己的臉對預防染不是好事，但是大多數人甚至不知道自己有這個壞習慣，為了防止病毒侵襲，美國幾位醫學專家傳授幾個小技巧，讓你可以大幅降低因觸碰臉部而感染病毒的風險。
據《紐約時報》報導，我們每天從早到晚會接觸很多物體表面，比如門把、電梯按鈕、地鐵欄杆等。包括新冠病毒在內的多種病毒可以在這些地方存活數天，它們可以從那些被觸摸過的表面通過指尖進入我們的鼻子、嘴巴或眼睛，成為病毒感染的入口。
紐約大學朗格尼健康中心(NYU Langone Health)醫學系助理教授拉貝(Vanessa Raabe)說，要改變這個習慣非常困難，因為平常我們都不自覺地這麼做。以下是可以幫助你停止摸臉的四個技巧。
一、隨手準備一盒紙巾
當你想抓癢、擦鼻子或者調整眼鏡的時候，用紙巾而不是直接使用手指。健康專家表示，如果你覺得你必須要打噴嚏，但是手邊沒有紙巾，那麼要把噴嚏對準你的肘部，而不是你的手。對著手打噴嚏會增加細菌傳播給別人的可能性。
二、認清為什麼你會想摸臉
拉貝博士提出這項建議，你必須意識到這是一種難以控制的行為，要在一開始就警覺並暫停動作。接下來想清楚你是在何時、以及為何要摸臉，針對根源提出解決方案。如果是眼睛乾澀時會揉眼睛，那麼請使用眼藥水；如果你正在用手托住下巴或調整頭髮，就要警覺並改變它。
斯坦福健康中心(Stanford Health)皮膚病學臨床副教授賈斯汀．柯(Justin Ko)博士表示，他會建議戴隱形眼鏡的病人考慮戴有框眼鏡，比直接告訴他們別揉眼睛有用。此外，口罩在防止病毒傳播雖不是非常有效，但可以成為防止下意識觸碰鼻子或嘴巴的屏障。把便利貼粘在家中或桌面上，也能發揮提醒的作用。
三、讓你的手有事做
醫生說，讓你的手被壓力球或其他物體佔用，這可以減少觸摸臉部的次數。當然，不要忘記定期消毒和清潔那些物體。如果你沒有壓力球可玩，沒有郵件要分類，沒有衣服要疊，你可以把雙手固定在腿上，或者找到另一種讓手有事做的方式。芝加哥西北醫學院的臨床心理學家西柯拉(Zach Sikora)說，使用香皂或護手霜也有幫助。當你把手靠近臉部時，它的香氣可以讓你警覺。
戒除這習慣並不容易，川普總統也掙扎了很久。「我幾周都沒有碰過臉！幾周了」，他在一個航空公司CEO會議上說：「我想念那種感覺。」
四、放輕鬆
「我一般建議人們應該嘗試減輕各方面的壓力，而不是過分地擔心自己摸了哪兒」，西北大學(Northwestern University)精神病學與行為科學教授尚克曼(Stew Shankman)說。「壓力會影響你的免疫系統，壓力越大，身體抵抗感染的能力就越弱。」只要你的手是乾淨的，觸摸臉部就不會造成災難性的後果。「這是我們所有人的自然行為」，尚克曼博士說：「這並不是世界末日」。
</t>
  </si>
  <si>
    <t xml:space="preserve">超商雙雄—統一超(2912)7-ELEVEN及全家(5903)搶攻宅經濟商機，其中7-ELEVEN提供逾10款有機蔬果箱、御料小館全新配菜　居家自「煮」一站購足，全家便利商店則與「玉美生技」合作，推出每日限量500箱蔬菜箱，只要在「全+1行動購」購買，即可宅配到府。
本土新冠肺炎疫情延燒，宅經濟及自煮商機湧現，統一超及全家分別推出各式生鮮採買組合，其中統一超7-ELEVEN因應防疫期間消費者傾向就近採買，計畫性補貨、每日變化菜色的需求，即日起於i預購推出多種組合、產地直送的有機蔬果箱，實體門市則因熱食自助區調整改為整包販售的包裝鮮食滿足民生所需；而鮮食品牌「御料小館」6月2日起新增多款異國料理、地方小吃等全新配菜，預計可創造逾百種配餐組合，提供居家防疫安心新選擇，煮婦們採買免擠賣場，到7-ELEVEN「就近買、安心吃」。
統一超表示，疫情期間外出採買民生物資講求精準快速，以降低群聚感染風險，7-ELEVEN提供豐富的生鮮商品選擇，其中觀察到消費者偏好有完整包裝的食材，7-ELEVEN於去年已將熱食自助區的地瓜、熱狗等開發成微波覆熱方便的包裝鮮食，至今已熱銷超過800萬份，近日更提供整包販售的現蒸地瓜、所長茶葉蛋、關東煮等，簡單覆熱即可輕鬆上桌，另外冷藏包裝的熱壓吐司，多達8款鹹甜口味，在家自行加熱快速方便，近日買氣也有提升。
再者，7-ELEVEN觀察到生鮮商品於住宅型商圈深受小家庭客層青睞，於超過3500間門市擴大導入冷凍雙門冰箱結構，在鄰近住宅、外島、購物不便商圈門市引進「嚴選素材鮮物」海島型冷凍冰箱，販售多達50款冷凍調理食品、海鮮與肉品；此外，為讓茹素及蔬食愛好者就近購買蔬素食商品，7-ELEVEN積極擴大蔬食規模，於超過1,000間門市導入「天素地蔬」專區，部分門市更設有生鮮蔬菜專區，提供20多款具有機認證的當令蔬菜，加上多樣化的當令水果，是民眾在家附近最快速、方便、齊全的社會廚房。
在家用餐最傷腦筋的便是每日變化菜色，且疫情期間許多餐館縮短營業時間，7-ELEVEN除提供上百種微波、即食鮮食方便消費者選購，看好搭餐商機，自6月2日起將全新推出一系列主食型配菜，滿足24小時全時段用餐需求。深受市場喜愛的御料小館系列鮮食，目前商品結構涵蓋冷藏配菜及冷凍食品，整體品項數已超過30款，預期可帶動相關業績成長10%至20%以上。
全家看好自煮需求大增，全家與主打產銷履歷和有機認證蔬菜的「玉美生技」合作，推出每日限量500箱蔬菜箱，只要在「全+1行動購」購買，即可宅配到府，不用出門領取，每箱販售699元，內含14種蔬菜。
再者，疫情影響消費者飲食習慣，「全家」觀察家庭號土司對比前周銷售成長40%，顯示消費者會在前日準備隔日早餐，盡量在家吃早餐「全家」提供早餐匠土司、洗選蛋應援方案。
全家表示，防疫期間，滿足消費者自煮期望口味多變需求，「全+1行動購」每日推出近10款冷凍、冷藏、常溫、日用品等限量商品，每周約百款新品供民眾選購，除了可使用MyFamiPay線上支付外，即日起新增「全家」Fami錢包線上支付功能，消費者可訂購後就近到指定店舖取貨。
</t>
  </si>
  <si>
    <t xml:space="preserve">牛津AZ疫苗21日起開放自費接種，今天上午開始受理預約，北部許多醫學中心湧現預約潮，台大醫院4月底前500多個名額在短短2小時搶光，台北馬偕醫院21至24日就有近687人預約。
COVID-19（2019冠狀病毒疾病）疫苗公費接種自3月22日起，逐步開放醫護人員、第一線防疫人員、航空機組員、防疫計程車駕駛等對象，台灣目前僅有牛津AZ廠牌。截至4月17日，30萬劑僅打了1成、約3.2萬劑，連衛福部長陳時中都坦言接種狀況不旺。
由於兩批AZ疫苗將於5月底、6月中陸續過期，指揮中心決議開放有出國工作、求學需求的民眾自費接種，只要支付每劑新台幣500元至600元掛號費、診察費等費用即可接種，至於疫苗處理成本由國家支付。
自費牛津AZ疫苗今天上午9時在全台31家醫院開放民眾預約接種，許多醫學中心湧現預約潮。
台大醫院表示，院方自21日起，每週一到五都有設立一個專責門診提供自費接種牛津AZ疫苗，一個診有60個名額，今天上午10時起開放預約未來2週的門診，短短近2小時，9天的門診、共540名額已全部額滿，未來有必要會視情形再調度醫護人力，加開門診。
台北馬偕醫院指出，週一至週五每天共開設3到4個自費疫苗接種門診，週六也設有2門診，每診開放60名額，目前21、22日已全數額滿，21至24日約有687人預約。
台北醫學院附設醫院表示，預計每週開設2個自費接種門診，分別在週一及週三下午，21日起至4月底共有3個自費接種門診，目前已有33人預約。
外傳台北長庚醫院一開放預約即額滿，長庚醫院體系澄清，台北長庚目前不是自費AZ疫苗的接種院所，全台長庚體系僅嘉義長庚有開設自費疫苗門診，截至中午，未來2週共有40多人預約，人數持續增加中。
三軍總醫院則指出，三總的自費疫苗接種門診與一般旅遊門診同步開放預約，等到21日開打後才會有實際的接種數字。（編輯：陳清芳）1100419
</t>
  </si>
  <si>
    <t>恆春地區網路傳出有學生確診新冠肺炎訊息，屏東縣長潘孟安第一時間要求警局及衛生局徹查謠言來源，經漏夜調查，是來自桃園永豐高中畢業旅行團師生領隊共440人，學生自13日下午2時起陸續出現水瀉症狀，少數並有發燒情形，送醫診斷是感染性胃腸炎及大腸炎。
因逢國內疫情升溫，屏縣府決定高規格預防性處理，除進行新冠肺炎採檢送驗外，並要求暫停畢旅行程，師生都暫時安置在飯店房間，禁止外出。
首批33人檢驗結果出爐、均為陰性，經衛生局請示中央流行疫情指揮中心，並由感染科醫師專業研判後，此案朝食物中毒案件處理，通知桃園市衛生局後，協助師生退房，返回居住地。
屏縣府指出，學生陸續發生症狀後，分別送到恆春地區3家醫院就醫，院方於深夜通報疑似食品中毒案，由於學生症狀都是水瀉，極少數發燒，考慮國內目前疫情狀況，當即決定採取高規格方式處理，除進行新型冠狀病毒的採檢送驗外，並依照嚴重特殊傳染性肺炎防疫原則，請飯店配合，將生病與非生病的學生分開安置，並要求不得離開房間，全程佩戴口罩。
縣府指出，440位師生中自13日下午起陸續有70人分別送到恆春的旅遊醫院、基督教醫院及南門醫院，截至14日上午10時30分，留院觀察為31人，其中恆基7人，南門醫院24人，其餘離院休息。至於採檢結果，第一批33人全部是陰性。
衛生局第一時間派員前往醫院及涉嫌場所調查及採檢，已採集食餘檢體、環境檢體及個案與廚師等人體檢體送驗，以釐清食品中毒發生原因；未免影響擴大，已要求涉嫌場所停止供餐進行全面消毒，並依食品良好衛生規範準則稽查，現場不符規定事項予限期改善，期屆仍不改善將依食安法處辦。
潘孟安表示，針對恆春社群出現不實謠言，除警察局及衛生局應該徹查消息來源，做必要處置，以免以訛傳訛，引起恐慌之外，也要特別提醒民眾，個案及疫情等相關防疫資訊，均應由中央流行疫情指揮中心統一對外公布，如接獲來源不明或未經證實的疫情或防治措施資訊時，應先查證內容是否屬實。</t>
  </si>
  <si>
    <t>安排好的旅程卻遇到新冠肺炎疫情該怎麼辦？自疫情發生後，台中市府至2月中旬受理相關消費申訴共70件，其中，旅遊類36件最多，為保障民眾權益，法制局製作旅遊退費懶人包，針對團客、自由行散客，說明機票、住宿退費機制，讓民眾冷靜度過疫情不恐慌。
法制局長李善植指出，近來因為新冠肺炎肆虐，全球陷入疫情壓力，衝擊民眾原訂的旅遊行程及訂房狀況，交通部觀光局配合防疫措施、疫情發展及航空減班等因素，要求旅行業暫停組團前往中國大陸地區旅遊至4月30日。
李善植說，目前市府受理因疫情衝擊，造成相關消費申訴共有70件，分別包括旅遊類36件、運輸類如機票退費等29件、住宿類5件，預期因受疫情影響的旅遊、住宿及運輸類解約退費糾紛持續增加。
解決民眾疑慮，法制局針對疫情影響的國外旅遊退費處理方式，整理旅遊退費Q&amp;A簡明圖檔，可於臉書搜尋「台中市政府法制局」粉絲專頁，做為解約退費機制的參考。</t>
  </si>
  <si>
    <t xml:space="preserve">享譽全台的高樹蜜棗國際馬拉松不受疫情影響，如期於16日展開，賽事超過1萬名跑者報名，主辦單位高樹鄉公所不敢大意，出動2台紅外線體溫感測儀，更宣布婉拒來自中港澳及其他外籍人士參加，企圖將防疫工作做到滴水不漏。
高樹鄉長王樹圍指出，辦與不辦確實沙盤推演多次，但根據中央流行疫情指揮中心公告，目前新冠肺炎確診病例皆來自境外，或境外移入導致的家庭感染，尚無社區群聚感染狀況，基於維護報名者權益，在加強防疫措施下仍如期舉行。
王樹圍表示，賽事當天將要求所有選手填寫自主健康調查表，凡是在2月1日曾經入境中港澳的跑者將全額退費、婉拒參加，另現場實施體溫量測、提供酒精或乾洗手液；至於不克前來的跑者，賽會也將完賽物資以郵寄方式送達，郵資則由主辦單位負擔。
「來電要求退賽的跑者僅百餘人」，大夥仍是躍躍欲試，主辦單位將提供每人每份伴手禮，主要以鄉內農產木瓜、鳳梨、小蕃茄及蜜棗可供選擇，其中有超過4000人指定當季蜜棗，為此工作人員特地前往包裝場視察分裝進度。
王樹圍說，「高樹馬」最主要目的就是行銷地方農特產，因此農產品都需經過嚴格藥檢，不能有任何農藥殘留，且每顆甜度要求在13度以上，重量則是3至3.4兩，除了希望賽事順利進行，也希望所有跑者都能不虛此行。
</t>
  </si>
  <si>
    <t xml:space="preserve">國內疫苗第二劑接種人口未達五成，過去醫界大多呼籲「有疫苗就打」、「打得到就是好疫苗」，不過衛福部草屯療養院醫師沈政男則說「這樣的傻話，沒有多久，就會像高端疫苗一樣，讓你開始懷疑自己」，他透露最可怕的疫情還沒到來，因為兩個字「解封」，並認為台灣的防疫神器其實不是疫苗。
對於有民眾質疑，如果在大陸打了兩劑科興，要不要追加第三劑的mRNA疫苗？沈政男(13)日在臉書表示「當然要」，他認為從沒打過mRNA疫苗的人，就是要想辦法去打一劑，才能把保護力弄到最好；打過高端的人，若有機會，也應補打mRNA疫苗，至於幾個月前打兩劑AZ的人也不用擔心，當疫苗過剩以後，就會讓他們追加了。
沈政男指出，美國明尼蘇達目前染疫死亡的人口中，有四成一是打過兩劑疫苗，並反問「人家是打什麼疫苗？你呢？」他認為「有疫苗就打」、「打得到就是好疫苗」這樣的傻話，沒有多久，就會像高端疫苗一樣，讓你開始懷疑自己，因為突破性感染太恐怖，甚至會讓你有一種「世界又回到了去年上半年」那樣的既視感。
對於英國衛報報導，歐洲現在已經爆發了新一波疫情，但美國卻以為自己不會有事，而且已經不戴口罩了，沈政男則指出，口罩就是日本目前疫情趨緩與歐美爆發新疫情的差別所在，並預告最可怕的疫情還沒到來，因為兩個字「解封」，他認為現在家家覺得好像已經天下太平，並要求解封，是一件「愚不可及」的事。
根據歐美估計，疫苗必須打到九成五，才能產生群體免疫，也就是連小小孩也必須打疫苗，沈政男則反問「台灣可能嗎？」他並提出「非藥物防護才更重要」，因為台灣過去一年多就是靠這個，而不是疫苗，他強調台灣能清零，跟疫苗一點關係都沒有，沈政男也認為，台灣不可能完全解封，像歐美一樣，奉勸「不要在那邊天真期待了」。
</t>
  </si>
  <si>
    <t>新冠肺炎本土疫情延燒，中央流行疫情指揮中心今公布新增549名本土案例，其中372例正式本土案例，177例為校正回歸個案。確診個案中，今新增12例死亡。指揮官陳時中表示，目前疫情沒有往下降，仍維持平穩。
陳時中表示，目前的疫情平穩，看到這2周以來，新措施加上民眾配合後，疫情達到穩定，不過還需要觀察，千萬不能放鬆，繼續努力這樣做，不見得疫情往下走，不過起碼會穩住，這非常重要。相關的管制都會滾動式檢討，希望把疫情控制住，目標是月底打1劑的民眾達6成，國際上都是2成就會看到效果，6成的國家到控制得好。
今日新增的372例本土病例，為207例男性、165例女性，年齡介於未滿5歲至90多歲，發病日介於今年5月2日至6月1日。另校正回歸個案177例中，為96例男性、81例女性，年齡介於未滿5歲至80多歲，發病日介於5月13日至5月30日。
綜上所有本土個案共有549例，以新北市310例最多，其次為臺北市152例、桃園市28例、基隆市18例、苗栗縣12例、彰化縣10例、高雄市5例、臺東縣4例、臺中市3例，新竹縣及臺南市各2例，新竹市、南投縣及花蓮縣各1例。其中雙北地區以外縣市87例中1例有萬華活動史，65例已知感染源，21例關聯不明。相關疫情調查持續進行中。
另外，今日也新增12例死亡個案，共計為男性7位、女性5位，年齡介於60多歲至90多歲，發病日介於5月13日至5月29日，確診日介於5月16日至6月1日，死亡日期介於5月28日至6月1日。
截至目前，國內共累計9,389例確診，分別為1,141例境外移入，8,195例本土病例，36例敦睦艦隊、2例航空器感染、1例不明及14例調查中；另24例(新增案7666、案8854)移除為空號。確診個案中149例死亡。
陳時中表示，近期發現人流有往上升的現象，提醒民眾盡量不要外出，分流上班，戴好口罩、勤洗手，減少不必要移動、活動或集會，避免出入人多擁擠的場所，或高感染傳播風險場域，並主動積極配合各項防疫措施，共同嚴守社區防線。</t>
  </si>
  <si>
    <t>疫情大爆發，政府理應救人如救火，大陸主動釋出善意，願提供疫苗幫助台灣渡過難關，民進黨政府卻冷回應「假好心」，連大陸廠商代理的國外疫苗都不肯開放，堅持發展國產疫苗。總統蔡英文說疫苗是一種「戰略資源」，必須掌握在自己的手上。綠營智庫人士賴怡忠認為，這是疫苗戰爭，是一種「非武力戰爭」，即使缺子彈，也不能向敵人伸手。心無人道主義，企圖「以疫謀獨」，當然認定大陸「以疫謀統」。
只有國家戰略沒有人道情懷
賴怡忠在疫苗是「非武力戰爭」的論述中，認為美、日及時出手援助疫苗，顯示戰爭已經沿著新冠肺炎疫情在台灣開打。一方是想藉由擴大疫情逼使台灣向中國靠攏，另一方是美、日聯合出手協助台灣反擊。中國在這場疫情中的作為，顯示對台政策本質上是「留島不留人」，不考慮台灣人民的想法，而啟動對台攻擊。台灣對抗疫情的戰鬥，已演變成為一場美日台聯手面對「中國及其在台同路人」發動的「非武力戰爭」。
從這種論述中可知，民進黨人的腦袋裡，對疫苗只有「戰略思考」，沒有人道情懷。人道是重視人類價值，特別是關心最基本的人的生命、生存的一種思想。關注的是人的幸福，強調人類之間的互助、關愛，與重視人類的價值。
「國際人道主義」表現在《聯合國憲章》裡，更呈現在《國際人道法》之中，主要是指出於人道原因，國際社會設法將武裝衝突所帶來的影響限制在一定範圍之內的一系列規則的總稱。它保護沒有參與或不再參與敵對行動的人，並對作戰的手段和方法加以限制。《國際人道法》也稱《戰爭法》或《武裝衝突法》。
《國際人道法》是為了保護個人，避免個人在戰爭中遭到屠殺，甚至出現種族屠殺的狀況。冷戰結束以後，由於一些國家經歷了種族屠殺的殘害，聯合國出於人道主義，開始進行國際維和行動，目的就是為了建造國際和平。
大陸支持國際維和行動，一再主張國際秩序應該依照《聯合國憲章》的精神，爭取每個國家在國際社會都能受到平等對待，以及擁有同樣的發言權。這一點表現在大陸回應G7高峰會的聲明所稱，新冠肺炎疫情仍在世界肆虐，全球經濟低迷、復甦乏力，氣候變化等全球性挑戰日益突出。在此背景下，國際社會需要的是全面的團結與合作，但是，這次峰會讓世人看到的是搞「小圈子」和集團政治，是製造對立與分裂。這是逆時代潮流而動，違背全球人民的共同利益，也無助於國際社會攜手應對共同的挑戰。
坐實大陸「以疫謀獨」指控
既然大陸主張國際社會應該共同攜手應對新冠肺炎的挑戰，就不會「以疫謀統」，發動對台「武統」戰爭。畢竟，「武統」最好速戰速決，否則就要打「持久戰」，無論何者都會造成生命損失，後者傷亡會更嚴重，在疫情肆虐當下，正當性不足。尤其發動戰爭必須大量集中兵力、動員物資，眼前更不適當。
疫苗援台當然有統戰目的，民進黨政府卻視為戰爭行為，妖魔化大陸動機，既不符合實情，也無助於防疫。把疫苗作為戰略資源來思考，更會增加國際與國內社會的不安。事實上，在全球化的發展之下，科技能力已成為主導地緣政治的新力量，善用科技實力構築和平橋梁，才是國安的最佳保障，這也是非傳統安全觀把科技發展當成建構國家安全條件的理由。
以台灣來說，我們有一座「護國神山」台積電，在全球缺晶片的時刻，各國都會關注台海安全。同樣地，台灣若能發展出新冠疫苗，也會有助台海安全。只是，在還沒有成功發展出新冠疫苗之前，應盡最大力量爭取各種疫苗進口，以保障台灣的安全。民進黨政府只願意接受美日疫苗，卻堅決拒絕大陸疫苗，不平衡的關係只會讓大陸有指控民進黨政府「以疫謀獨」的口實。
大國「疫苗外交」強調的是人道主義，是一種善的力量，大陸疫苗援台也是出於善意，民進黨政府卻把疫苗當成武器，要打一場「疫苗戰爭」。大國若想以掌控新冠疫苗來主宰國際社會，最後可能遭到人道主義的反撲，無法實現強權的目標。台灣更不能企圖利用疫苗達成戰略目的，違背人道原則只會遭到人民唾棄。</t>
  </si>
  <si>
    <t>受春節假期影響，香港海運港口局18日公布1月香港港口貨櫃吞吐量較上年同期大跌逾兩成，已連跌24個月，且在疫情持續影響下，或突破過去連跌25個月的歷史最長紀錄。
香港海運港口局數據顯示，1月香港港口貨櫃吞吐量為134.9萬個標準箱（TEU），較去年同期大跌20.4％，跌幅為2016年2月（年跌21.1％）以來最大。1月也是香港吞吐量連續24個月下滑，逼近2014年7月至2016年7月連續25個月下跌的最長連跌紀錄。
香港經濟日報報導，香港付貨人委員會主席林宣武指出，2020年1月及2月的香港貨櫃碼頭吞吐量分別受農曆年假及新冠肺炎疫情持續影響，預計2月會繼續出現雙位數的跌幅。他指出，就算新冠肺炎疫情逐步穩定，貨櫃碼頭吞吐量衰退幅度仍要待3月份才會收窄，這代表接下來吞吐量將破連續25個月下跌的最長連跌紀錄。
林宣武進一步解釋，因今年提早放農曆新年假期，廠商1月僅開工兩周，出貨量少之又少，所以即使當時新冠肺炎疫情尚未來襲，港口貨櫃吞吐量跌幅會較大。至於2月份新冠肺炎肆虐，中國多個城市封關，廠商一度停業，令各類產品的產業鏈備受影響，將嚴重打擊香港轉口貿易生意，雖然目前各省市逐步安排復工，廠商復工進度及生產量預計仍受疫情影響。
但林宣武透露廠商們沒有太悲觀，因外國買家沒有減少下單，只要大陸廠房能盡快復工，生產穩定，相信產量能逐步增加。他還說，未見行業內出現減薪或裁員潮。
另據香港文匯報報導，香港錶廠商會副會長梁瀚譽表示，受到新冠肺炎疫情影響，大陸很多廠房目前都未復工，整個供應鏈停頓，令不少訂單積存，相信短期內都難以消化，對於2020年訂單及出口量都不太樂觀。
港府發言人日前評論香港整體出口貨值時也特別提及新冠肺炎疫情對出口的影響，認為短期內香港的出口表現仍然面對高度不確定性。雖然全球經濟部分受惠於中美貿易摩擦降溫，在2019年後期有趨向穩定跡象，但外圍不確定性仍高，包括主要經濟體之間仍有貿易爭端、緊張的地緣政局和英國脫歐的發展，尤須注意的是，新冠肺炎疫情的發展或會影響一些亞洲經濟體的表現，以及干擾香港的經濟活動。</t>
  </si>
  <si>
    <t>因新冠肺炎全球大流行導致生產受阻，以及智慧手機與電視機需求大減，LG顯示器（LG Display）公布連續第5季的營業虧損。
LG顯示器周四公布，第一季營收年減20%，為4.72兆韓元。營業虧損為3620億韓元（2.947億美元），較去年同期的虧損1320億韓元大增，但小於市場預估的虧損3900億韓元。淨損為1990億韓元，高於去年同期的淨損630億韓元，但小於市場預估的淨損3550億韓元。
LG顯示器在聲明中表示，受新冠肺炎疫情影響，未來需求料將震盪加劇，儘管居家令與隨之暴增的線上活動將帶動資訊科技產品需求，但產業情況仍然艱困。該公司預估需求可能比原先預期的下滑10%，第二季電視機與手機的需求將大幅衰退，但公司將試圖在下半年扭轉營運。
為了控制虧損，LG顯示器之前已經宣布今年底前在南韓國內的LCD TV面板廠將停產。三星顯示器上個月也宣布年底前全面停產LCD面板。LG顯示器對此表示，三星停產傳統LCD面板的決定，不會對供需平衡造成重大影響。</t>
  </si>
  <si>
    <t xml:space="preserve">台灣醫療健保制度舉世聞名，尤其是現在新冠肺炎疫情爆發之際，不少民眾都狂讚好險台灣有健保，近日急診兒科醫師吳昌騰分享一起來自中國大陸的故事，一名孕婦確診肺炎後因為沒錢支付醫療費用，決定「拔葉克膜」放棄治療，最後不幸離開人間，也讓吳昌騰感嘆：「生在台灣真幸福！」
吳昌騰近日在臉書分享故事，正值新冠肺炎疫情爆發期，武漢大學中南醫院接收到一名確診肺炎的孕婦，由於病情十分嚴重，醫師及時為她裝上葉克膜，之後情況才慢慢好轉起來，但隨之而來的是龐大的醫療費用。
孕婦在ICU（重症監護室）住了一個多禮拜，短短幾天的醫療費用就直逼20萬人民幣（約86萬新台幣），由於她的丈夫是名農村子弟，醫藥費都是找親戚朋友湊的，經濟狀況並不好，最後在無力負擔鉅額費用的情況下，孕婦只好放棄治療，最後不幸身亡，丈夫與主治醫師看到這心酸的一幕，紛紛潸然淚下。
吳昌騰提到，在中國大陸一旦接上葉克膜機器，光是開機費就要價5、6萬人民幣，一整個療程下來，醫療費用10萬人民幣是跑不掉的，「這只是大概數字，最後花費多少，要看實際使用天數！」但更令家屬感到心痛的，就是當孕婦放棄治療的隔天，中國大陸政府就推出「新冠肺炎病人由國家免費治療」的政策。
吳昌騰表示，若不是疫情的關係，使用葉克膜治療一直都是自費的療程，看完這個故事，他相信大家更能體會到在台灣看病真的很幸福，也不禁感嘆：「我們生活在台灣，真的很幸福！」
更多 CTWANT 報導
</t>
  </si>
  <si>
    <t>日本小兒科學會等團體調查發現，截至去年8月，確診2019冠狀病毒疾病（COVID-19）的孕婦所生的新生兒中，有一人一出生即確診，疑似母子垂直感染，為日本國內首度發現的個案。
日本放送協會（NHK）報導，日本大學醫學部小兒科主任教授森岡一朗等人為主的日本小兒科學會等團體，針對日本全國設有小兒科的1124間醫療機構進行問卷調查。
調查結果發現，到去年8月底為止，其中31間醫療機構有確診COVID-19（俗稱武漢肺炎）的孕婦分娩，共生下52名新生兒，其中1名嬰兒在出生後立即進行的核酸檢驗（PCR）驗出陽性，另外51名嬰兒則是陰性。
報導指出，這名出生後即確診的嬰兒健康狀況沒有問題，疑似為母子垂直感染。
目前國外研究也有發現少數疑似母子垂直感染新冠肺炎，這是日本國內首度發現的個案。
森岡一朗表示，孕婦傳染新冠肺炎給嬰兒的可能性很低，嬰兒症狀也很輕微，民眾不需要過度擔心。這次調查發現日本也有類似母子垂直感染的案例，提醒懷孕婦女平時要做好防疫。</t>
  </si>
  <si>
    <t xml:space="preserve">近來受到新冠肺炎疫情延燒影響，人們的生活型態明顯轉變，人與人之間維持一定的社交距離，外食用餐機會能免則免、自己在家煮食蔚為一股風氣，不少餐廳名店也因為不敵疫情衝擊紛紛應聲倒下，就像由藝人藍心湄、陶晶瑩及舒淇合資經營的kiki老媽川菜館，近日傳出其中一間分店即將收攤、結束營業的消息，尤讓小編感到惋惜的是，這家餐廳挺過SARS疫情、熬過一例一休，卻撐不過此次的新冠肺炎，特別是以前經常與家人、朋友相約吃吃喝喝，滿載著開心愉快的回憶，聽到要歇業的消息，心中難免感到不捨……。
相信有不少人引頸期待著，疫情趕快結束、讓生活回復正軌，可以不再畏懼地走進餐館用餐、如往常般與朋友見面聊天；面對災難，該如何因應期待與現實之間的差異？考驗著各人的智慧！以下小花平台整理國內養生達人提出當疫情過後的自保健康之道：
首先是吃得好、睡得好，幫自己的健康「打底」！
《黃帝內經》：「五穀為養，五果為助，五畜為益，五菜為充，氣味合而服之，以補精益氣……」，其中的「五穀」、「五果」、「五畜」及「五菜」中的「五」字，其實意思是平日三餐中要吃得雜一點，不挑食、不偏食，酸甜苦辣鹹各種味道都要吃一點，也就是力行傳統飲食習慣，就能遠離疾病並確保身體健康。
除了吃得好也要睡得好，根據一項科學研究顯示，人體如果長期熬夜，免疫力和抵抗力自然下降，身體的各種病痛也將隨之而來。以此次新冠肺炎疫情來說，因為尚未開發出疫苗，關鍵就在於個人的免疫力和抵抗力，比較強的人愈能抵禦病毒，反之則很難熬過去，可見睡眠對於人體健康的重要性。
不同年齡層需要的睡眠時間也不一樣，「美國國家睡眠基金會」（NSF）建議各個年齡層的「黃金睡眠時間」：
0至3個月的「新生兒」－每天睡眠至少14至17個小時。
4至11個月的「嬰兒」－每天睡眠至少12至15個小時。
1至2歲的「幼兒」－每天睡眠至少10至13個小時。
3至5歲的「學齡前兒童」－每天睡眠不能低於8個小時。
6至13歲的「學齡期兒童」－每天睡眠至少9至11個小時。
14至17歲的「青少年」－每天睡眠至少8至10個小時。
18至25歲的「年輕人」－每天睡眠至少7至9個小時。
26至64歲的「成人」－每天睡眠至少7至9個小時。
65歲以上的「老年人」－每天睡眠至少7至8個小時。
小花平台關心你的健康，提醒你唯有預先規劃保障，才能在風險來臨時從容面對；受到新冠肺炎疫情延燒影響，金管會近日公布，決定提早調降壽險保單責任準備金利率，確定於7月調降，包括：新台幣降息1碼、美元與人民幣各降息2碼，至於澳幣更大幅降息4碼。
據保險業者預估，外幣保單的責任準備金利率都將會調降，其中又以終身型的儲蓄險和利變型保單影響最鉅，對於保費要變貴一事，你是否聽得似懂非懂、感到「霧煞煞」？小花平台編輯群時刻關注國內保險大小事，即時、持續為讀者追蹤相關重要議題：
</t>
  </si>
  <si>
    <t>中央公布孕婦納入公費COVID-19疫苗接種第6類實施對象後，嘉義市隨即宣布今22日起，孕婦可向嘉義基督教醫院、天主教聖馬爾定醫院、台中榮總嘉義分院、衛生福利部嘉義醫院及東西區衛生所預約接種疫苗，莫德納、AZ可擇一接種。
嘉義市衛生局表示，中央流行疫情指揮中心說明為降低孕婦於孕期感染新冠肺炎風險、避免影響胎兒健康，將孕婦列為第6類公費疫苗接種對象，即日起開放接種，衛生局進一步提醒，孕婦接種時務必攜帶孕婦健康手冊，並與醫師詳細討論風險、接種效益，再由目前供應的疫苗種類擇一接種。</t>
  </si>
  <si>
    <t>大陸外交學院副院長、教授王帆16日在陸媒《環球時報》撰文〈世界總體穩定對中美都有利〉指出，在新冠肺炎疫情肆虐全球的嚴峻時刻，美國一些政客不思與他國聯手抗疫，反而當成削弱別國機會，是缺少歷史觀和戰略觀的膚淺之舉。
文章說，首先，從安全視角分析，世界的總體穩定，有利於陸美兩國，陸美兩國都是國際化程度很高的國家，也是全球產業鏈的重要組成部分。
文章認為，其次，陸美相爭將引發不確定的後果。陸美兩大國之爭不會有贏家，反而會引發一個「不確定的協力廠商」崛起，它可能是某個現有的大國，也可能是某些勢力或潛在的組織。這些第三方正在等待衝突的大國犯顛覆性錯誤。從大國力量對比來看，這些潛在的協力廠商隨時可能利用時機以及大國對抗的危機，迅速壯大起來。
文章表示，第三，從經濟角度來看，互利共贏雖非利益最大化方案，但卻是理性可行方案。陸美兩國任何一國的經濟危機都非另一方的機遇。
從現實角度來看，避免與美國的對抗加劇仍然是當務之急。也是避免大陸陷入「美國式戰略對抗」錯誤思維的關鍵所在。必須從戰略性複合視角看待這一問題。那就是，是否仍然堅持以相互依存條件下的競爭來看待這一問題。美國衰落難成大陸之幸。同理，大陸出現經濟困境也絕不是美國的福音。
文章稱，第四，大國之爭只能選擇次優解。大國關係只能是互敬互讓、謀取都能夠接受的相對利益，謀取對各方都相對有益的結果，而不可能是只有利於某一個國家的最優解。
基於相互依存視角，陸美都需要幫助經濟上陷於困境的競爭對手。這也是命運共同體深刻含義所在。國與國之間不僅需要同甘，也需要共苦。</t>
  </si>
  <si>
    <t>史上頭一遭！新冠肺炎疫情嚴峻，確診人數逼近50萬大關，二十國集團（G20）領袖，26日破天荒召開視訊特別峰會，包括美國總統川普、俄羅斯總統普丁、大陸國家主席習近平等，各自說明疫情因應，以及流行病對該國經濟造成的衝擊。
預備會議 美陸同意暫停火
這場會議由G20輪值主席沙烏地阿拉伯國王薩曼倡議舉行。薩曼在會議開場演說中，呼籲各國提高對新冠疫苗研發的資金挹注，盡快恢復商品與服務、尤其是醫療物資的正常流通，並且協助開發中國家克服這場全球性的公衛危機。
值得一提的是，據《南華早報》引述外交人士談話指出，近來為了新冠肺炎誰該負責、互掀罵戰的美國與大陸，在預備會議中同意暫時停火。
另外，美國可能藉此次峰會發起討論，以終結沙國與俄羅斯近來的原油價格戰。兩國大打價格戰，加上疫情導致需求驟降，國際原油價格已跌至近20年來新低。但俄方稍早表態，不會在會中談到原油議題。
美擬討論 終結沙俄油價戰
新華社報導，習近平在會中強調，陸方願和有關國家分享防控有益做法，開展藥物和疫苗聯合研發，並向出現疫情擴散的國家提供力所能及的援助。陸方已經建立新冠肺炎疫情防控網上知識中心，向所有國家開放。
習近平強調，陸方支持世界衛生組織發揮領導作用，盡力阻止疫情跨境傳播。二十國集團應加強疫情防控資訊共用，推廣全面系統有效的防控指南，適時舉辦全球公共衛生安全高級別會議。
世衛組織領導 陸表態支持
習近平指出，大陸將加大力度向國際市場供應原料藥、生活必需品、防疫物資等產品。繼續實施積極的財政政策和穩健的貨幣政策，堅定不移擴大改革開放，放寬市場准入，持續優化營商環境，積極擴大進口，擴大對外投資，為世界經濟穩定作出貢獻。
習近平強調，疫情對全球生產和需求造成全面衝擊，各國應該聯手加大宏觀政策對沖力道，防止世界經濟陷入衰退。要實施有力有效的財政和貨幣政策，加強金融監管協調，共同維護全球產業鏈供應鏈穩定。
習近平呼籲，二十國集團成員採取共同舉措，減免關稅、取消壁壘、暢通貿易，發出有力信號，提振世界經濟復甦士氣。</t>
  </si>
  <si>
    <t>台南今天新增2例本土新冠肺炎確診個案，全市累計35例。案11100的50多歲男性自營工廠，與案5645在5月20日短暫接觸，當時未戴口罩，5月31日出現發燒等症狀，4日醫院採檢確診，匡列9接觸者。案11102的60多歲女性，5月10日因病在北部治療1周，出院後住新北親友家，親友4人確診，婦人5月28日到6月4日居家隔離，5日凌晨確診，匡列2位接觸者。
台南市衛生局長許以霖說，2例分別是仁德區及永康區。仁德區的案11100是傳產老闆，在5月31出現發燒、喉嚨乾，兩度到診所就醫未改善，6月4日醫院採檢確診，回溯他於5月20日曾與客戶、案5645接觸，當時未戴口罩而被傳染，匡列9人均陰性。
永康區、案11102的60多歲女性，5月10日因病在北部醫院治療約1周，出院後至5月28日居住新北親友家，新北親友4人確診，婦人於5月28日到6月4日返回台南居家隔離，因列為居家隔離者，由衛生局安排採檢，5日凌晨確診，無相關症狀，匡列2位接觸者也都陰性。
此外，昨天新增的佳里區第一黃昏市場攤商確診，已採檢139人都是陰性，衛生局也連續3天在當地設篩檢站，希望找出可能潛在感染源，杜絕疫情擴大。
針對苗栗縣京元電等科技廠紛紛傳出確診，憂心科學園區疫情告急，台南市衛生局人員8日進駐南科協助快篩，每天篩檢量能至少為1500人，市府即日起也將全面稽查移工宿舍防疫措施，避免移工群聚成為防疫破口。
被問到竹竹苗成立防疫作戰聯盟，台南市是否跟進，串連鄰近高雄、屏東組聯盟一起防疫？台南市長黃偉哲說，台南平常就會與高屏首長一起共商很多政策事宜，目前不會特別籌組什麼聯盟。
黃偉哲也重申，6月11日端午連假開始，籲請北部親友、家人暫緩返鄉，目前為止，台南市確診者幾乎都是去高風險縣市或北部親友南下，把病毒帶回來，傳染給家人、同事，端午連假結束，恐怕有一波大流行在南部發生，為避免這種情形，請大家暫緩返鄉，不要造成另一波傳染高峰。
他說，南市為了減少連假返鄉人潮，祭出退票就給200元獎金，台南旅外子弟立刻退掉返鄉車票，另也鼓勵里鄰長和熱心鄰居朋友勸導南返者篩檢，若篩檢出PCR陽性確診，獎金最高1萬元。</t>
  </si>
  <si>
    <t>據大陸國家衛健委網站消息，7月3日0至24時，31個省(自治區、直轄市)和新疆生產建設兵團報告新增確診病例14例，均為境外輸入病例(雲南4例，廣東3例，福建2例，天津1例，遼寧1例，上海1例，廣西1例，四川1例)；新增疑似病例3例，均為境外輸入病例(均在上海)。
此外，廣東省衛健委統計，截至3日，廣東省全省無新增新冠肺炎本土確診病例和本土無症狀感染者。廣東已持續11天本土確診病例和本土無症狀感染者零新增。
大陸國務院聯防聯控機制綜合組廣東工作組人員2日已全部撤離廣東省。廣東省自5月21日以來發生3輪不同疫情，均與境外輸入相關。其中，2輪疫情為Delta變異毒株、1輪為Alpha變異毒株。此次廣東疫情處置探索積累了中國應對境外變異毒株疫情的新組合措施。
廣東省的本土新增病例從5月21日持續到6月21日，這期間廣東發生了3輪不同源頭的疫情。其中1輪首先發生於廣州，其次在茂名、佛山、湛江出現病例；2輪先後發生在深圳，並關聯了東莞疫情。
過去這一個月，廣東省共190人感染新冠肺炎。從6月22日開始，廣東省沒有再出現新的本土感染者，到7月2日，持續11日零新增。
廣州市新型冠狀病毒肺炎疫情防控指揮部2日發出通告稱，本輪新冠肺炎疫情得到有效控制，疫情防控恢復常態化階段。
廣州市和佛山市自7月3日0時起，取消持48小時核酸檢測陰性證明出省管控措施。省內除深圳市、東莞市外的其他地市，自7月3日0時起，取消持72小時核酸檢測陰性證明出省管控措施。</t>
  </si>
  <si>
    <t>韓國中央防疫對策本部通報，至今天凌晨零時，確診感染2019年冠狀病毒疾病（COVID-19，武漢肺炎）病例達8236例，較15日增加74例；連同今早新增案例，死亡病例增至76例。
新增74例中，包括大邱35例、慶尚北道7例、首爾6例、京畿道20例，釜山、世宗市各一例，境外移入4例。
各地確診以大邱6066例、慶尚北道1164例最多，其次為首爾253例、京畿道231例、忠清南道115例、釜山107例、慶尚南道85例。仍集中在最先爆發群聚感染的大邱、慶尚北道，以及首爾、京畿道等首都周邊。
韓國聯合新聞通訊社報導，截至今天凌晨零時，韓國境內有75例死亡，連同慶尚北道新增一例，共76例死亡，致死率0.92%。
報導說，慶尚北道新增的死亡案例為82歲女性，原先住在慶尚北道清道郡立老人療養醫院，5日確診後送至金泉醫療院治療，但因肺炎症狀惡化不治。
解除隔離人數來到1137例，較15日增加303例，一舉突破千人。韓國至今有近27.5萬人接受篩檢，其中25萬1297人為陰性，1萬4971人仍在等待結果揭曉。</t>
  </si>
  <si>
    <t>YONEX泰國羽球公開賽開打至今關於新冠肺炎方面的防疫雖然努力做到家，不過目前一些狀況也還是有點混亂，昨天傳出病毒檢測結果是陽性、必須立刻到醫院隔離的印度前世界球后賽娜（Saina Nehwal），後來BWF官方改口檢測結果錯誤，賽娜可以參賽，今天大會也安排補賽。
賽娜原定昨天要和馬來西亞選手琪索娜（Kisona Selvaduray）進行女單32強對抗，不過賽前傳出賽娜第三次檢測結果呈陽性，大會立刻請她退賽赴醫，她的選手丈夫卡夏普（Parupalli Kashyap）也需跟著退賽隔離，昨晚深夜卻又變成賽娜和的檢測結果有誤，可以恢復參賽。
不只賽娜，他的同胞普拉諾伊（H. S. Prannoy）及另一位德國選手也都是從退賽變成恢復比賽，外電指出，因為這3位選手感染過新冠肺炎，但是已經恢復，因此有抗體，才會出現檢測結果是陽性，因此可以重新比賽，大會也在今天安排補賽。
而另一位原本病毒檢測呈陽性的埃及選手艾加姆（Adham Hatem Elgamal），因抗體呈陰性，表示對新冠肺炎沒抗體，因此仍建議退賽、先前往當地的醫院至少隔離10天。</t>
  </si>
  <si>
    <t>後疫情時代來臨，高市府搶救觀光大作戰超前部署，不等中央安心旅遊補助到位，先擬定射觀光3箭，瞄準公務員、團客、散客三大族群，搶攻國民旅遊市場。除攜手飯店、旅行社加碼優惠補助，盼帶動公務員預購、預刷國民旅遊卡，也與中北部旅行社合作辦踩線團，而6月則推「城市探險」，強調戶外防疫安心旅遊。
觀光局長邱俊龍透露，現在已經進入後疫情時期，高市府針對觀光政策進行超前部署，環繞「振興國旅」這四個字，成為相當重要的指標，高市府先把資源放進去，未來等中央方案再加進來，相信會對高雄觀光業注入活水。
邱俊龍指出，首先鎖定公務人員，因每年有8000元國民旅遊卡額度可消費用於訂飯店旅遊，這次高市府編列預算加碼外，也號召飯店、旅行社祭出優惠，刺激公務員預購、預刷，讓旅宿業有現金流。這項方案預計下周對外公告細節，最快6月1日上路。
針對團體旅遊部分，邱俊龍透露，5月7日起，已與中北部旅行社合作，推動踩線團，將中北部遊客往南帶到高雄觀光，並搭配今年高雄區域觀光元年元素，推動多條旅遊軸帶。
至於散客方面，邱俊龍表示，今年高市觀光推動「月月有精彩」，但5月因疫情而停擺，接下來6月會推「城市探險」活動，推廣高雄山、海等生態體驗，推出系列遊程開放遊客報名，也符合防疫安心旅遊概念。</t>
  </si>
  <si>
    <t>今年受新冠肺炎疫情影響，社福團體募款持續低迷，不僅活動延期或取消，影響曝光機會，民眾減少出門也降低小額捐款進帳，屏東創世基金會趁國內疫情趨緩之際，選在11月8日舉辦公益園遊會，但倒數1個月時間，允諾出席攤位仍短缺一半，讓社工著急萬分。
「預定募集70攤公益攤位，目前還差30攤」屏東創世分院長林艾樺無奈表示，過去合作攤商聽聞公益性質總是義不容辭答應，但今年大家都過得很辛苦，有些人以沒有預算直接婉拒，部分人則是答應考慮、卻又沒有下文，「確實沒有過去踴躍」。
轉頭看著臥床的患者，林艾樺淡淡地說，今年收入相較同期少了將近4成，每月固定300萬元支出讓他們更顯艱辛，但不論募款多寡，植物人照護服務還是得繼續，包括使用的醫材、健康食品，開銷都是固定，目前收治54人，背後代表的就是54個家庭。
連續3年響應的在地建設公司董座王世賢獲悉消息後允諾協助，更號召下游廠商一同響應，他表示，持續做一件良善的事，需要集眾人之力，希望有更多企業、店家捐贈物資，大家有錢出錢、有力出力，讓愛心滿溢社會各角落。
林艾樺表示，此次園遊會目標募得80萬元，將是全院3個月的奶粉及尿布錢，至舉辦當天剛好1個月，盼社會各界共襄盛舉，一同協助植物人常年服務。</t>
  </si>
  <si>
    <t xml:space="preserve">新冠肺炎疫情不可收拾，湖北省委書記蔣超良遭免，由上海市長應勇接替；與此同時，湖北的確診人數也一夕暴增到1.4萬，為何會有這麼劇烈的改變？十年前從大陸移居香港的資深媒體人曾慧燕指出，確診病例一日暴增，是因為新任者不願為前任背鍋，目的是為人事更迭鋪路。
新冠肺炎疫情重災區湖北省，傳來巨大的官場大震動！據《新華社》13日報導，蔣超良不再擔任湖北省委書記、常委、委員職務，改由應勇接替。就在此時，湖北也改變確診標準，將「臨床診斷」病例納入新冠肺炎確診案例。一夕之間，病例暴增到1.4萬。
對此，曾慧燕於臉書發文表示，新人事命令公佈了，真相大白！原來是新任不願為前任背鍋，確診病例一日暴增1萬4900多例，目的是為人事更迭鋪路。一下子把真實資料公佈出來，畢竟對民憤還是在乎的。
</t>
  </si>
  <si>
    <t>NB代工大廠仁寶位於大陸昆山地房工廠，受制中國新冠肺炎影響，公司初步暫訂復工日期延後至2月17日。
由於昆山地區有不少台商，仁寶延後開工之舉，也間接說明台商在昆山區塊的復工日期還待進一步觀察。
據了解，由於大陸新冠肺炎已陸續向沿海蔓延，包括南京、上海、廣州甚至是北京，多傳來封閉式管理措施，顯示肺炎疫情仍十分嚴峻，因此，大陸地方政府在控制疫情考量下，也多期望企業復工能延後。</t>
  </si>
  <si>
    <t xml:space="preserve">新冠肺炎疫情導致下半年產業變數不少，光寶科(2301)下半年仍可望優於上半年！光寶科總執行長陳廣中表示，第3季雖然為傳統旺季，但因第2波疫情尚未明朗化，較為保守看待第3季，不過下半年因工作天數多於上半年，預估下半年營運仍將優於上半年，樂觀看待全年營運。
原本趨緩的全球新冠肺炎疫情因各國陸續解封蠢蠢欲動，大陸北京本土案例攀升，美國疫情未止，引發市場擔心新冠肺炎是否再現第二波疫情，加上中美貿易戰未歇，產業變數讓不少廠商對下半年持謹慎看法。
陳廣中表示，受惠於疫情衍生的宅經濟，整體電競/遊戲相關應用在今年淡季表現比往年好，伺服器、5G，AIoT等相關需求受到疫情影響較小，第3季雖然為傳統旺季，但因第2波疫情尚未明朗化，較為保守看待第3季，第3季恐不如以往旺，由於9月出貨是為年底購物季，若疫情無法控制，造成失業人太多，第4季感恩節及聖誕節的銷售旺季恐有壓力，不過下半年因工作天數多於上半年，預估下半年營運仍將優於上半年。
光寶集團去年主要營運成長主軸包括：雲端運算、LED元件、LED車用、戶外照明、5G、人工智慧及物聯網(AloT)等，占總營收超過30%，獲利貢獻占比逾40%。
為因應貿易戰，光寶科先前已展開產能分散策略，不過受到新冠肺炎疫情，各國封城封國影響，部分海外生產據點被迫停工，目前光寶科大陸廠區已全面復工，並回到正常出貨水準，非大陸地區的巴西及墨西哥廠亦已全面復工，印度目前局部復工，泰國、高雄和越南則未受疫情影響，光寶科預估，今年非大陸地區產能預計可佔總產能15%~20%。
</t>
  </si>
  <si>
    <t xml:space="preserve">該來的還是來了！《The Athletic》權威記者查拉尼亞15日搶先爆料，曾在8日跟爵士中鋒戈貝爾在場上遭遇的活塞中鋒伍德，接受新冠肺炎檢驗呈現陽性，確定成為第3位新冠肺炎檢測呈現陽性的NBA球員，前兩位分別是戈貝爾、米契爾兩名爵士球星。
伍德也成為第1位出現新冠肺炎檢測陽性的非爵士球員，他在8日活塞出戰爵士比賽當中，先發打了38分鐘，拿下30分、11籃板，表現完全壓過戈貝爾的10分、12籃板，卻跟戈貝爾整整對位了10分13秒，遭到戈貝爾(或米契爾？)傳染新冠肺炎機率相當高。
未經選秀進入NBA的伍德，堪稱活塞的未來積極培養的內線主力，在活塞把原本當家中鋒德拉蒙換去騎士之後，伍德逐漸獲得穩定上場時間，表現也相當出色，前役遭遇七六人更摘生涯新高32分，根據查拉尼亞爆料，目前他並未出現任何症狀，但仍檢測新冠陽性。
</t>
  </si>
  <si>
    <t>今年一開年，中美達成第一階段協議，順利簽署實質文本，且雙方均表認同。儘管美國總統川普表示，原先已課徵的關稅不會取消或降低，此議題將留至第二階段協議簽署後，才有協調的空間，但市場仍樂觀看待貿易戰暫時落幕。
然而農曆年過後，中國爆出新冠肺炎，數據顯示致死率不高，惟傳染力強，且波及範圍廣，引發市場及各國恐慌。中國為遏阻疫情擴散，採取封城、封省措施，同時春節後亦延後開工，衝擊產業。另以出口為主的國家，也受到中國疫情的影響，澳洲鐵礦石需求下滑，澳幣走勢持續疲弱。
此外，部分國家亦採取停航、限制中國旅客入境等措施，雖能抑制疫情延燒，但仍對自身產業、觀光及消費形成衝擊。中國人行為平定民心，於2月3日釋出1.2兆人民幣進行公開市場操作，向市場釋放流動性，穩定貨幣市場，人民幣也於同日再度貶破7元水位。
不過，全球因疫情而兵荒馬亂之際，美股短暫回檔後再創新高，美元指數亦持續翻揚。2月7日美國公布非農就業數據，非農就業人數新增22.5萬人，優於預期，薪資年增率也走揚至3.1％，儘管失業率微增長，然整體經濟表現仍驚艷市場，激勵美元指數再度走高。
2月11日聯準會（Fed）主席至國會進行聽證，表示美國經濟數據穩定，且通膨表現尚稱緩和，暫無衰退疑慮，惟對於新冠肺炎的影響，聯準會將持續關注。整體言論中性偏鴿，美元指數略微下滑，但考量美國基本面較全球亮眼，回檔幅度應有限，仍有上漲空間。
投資人可透過台灣期貨交易所澳幣兌美元期貨、美國芝加哥商業交易所澳幣匯率期貨，或交易美國洲際交易所美元指數期貨，參與外匯市場行情，只是匯率期貨價格易受經濟數據及國際事件影響，需善用停損控制風險。（統一期貨提供，廖育偲整理）</t>
  </si>
  <si>
    <t xml:space="preserve">有意角逐2022台北市長選舉的藍委蔣萬安，在日前國民黨35位政治人物聲量排名掉入第30名，引發外界的關注。對此，國民黨台北市黨部主委黃呂錦茹表示，這應是疫情當下的特殊狀況，明年接近選舉，藍綠白在北市會回歸基本盤，藍仍大有可為，但政治人物在野時，更要該衝就衝，聲量應該再大一點。
粉專「聲量看政治」17日在臉書發文表示，疫情期間的即時新聞社群聲量分析，據5月10日至今，國民黨35位政治人物的聲量排名如下：侯友宜的聲量為34.89%，是國民黨政治人物疫情期間聲量第一名；第二名為盧秀燕，佔35位國民黨政治人物的5.66%；第三名是前高雄市長韓國瑜，佔4.81%；第四名是資深媒體人趙少康，佔4.66%，而蔣萬安排名出乎意料，為第30名、倒數第六名。
針對蔣萬安排名在第30名一事，據港媒《中評網》今（20）報導，黃呂錦茹表示，雖然她之前也覺得在疫情期間，怎都沒看到蔣萬安的新聞有所擔憂，但這都只是表面，事實上蔣萬安接觸基層，和關懷腳步從來沒有停過，會讓曾受助於蔣的市民有所體會。
黃呂錦茹認為，只是蔣目標是台北市長，且現在台北並不是國民黨執政，當衛福部長陳時中和台北市副市長黃珊珊現媒體聲量都比蔣萬安顯得多時，大家對目前狀況也有點焦急，但黃呂錦茹分析，這應是疫情當下的特殊狀況，明年接近選舉，藍綠白在北市會回歸基本盤，藍仍大有可為，但政治人物在野時，更要該衝就衝，聲量應該再大一點。
事實上《ETtoday新聞雲》於7月13日至16日針對18歲以上的台北市民進行2022台北市長人選調查。調查結果顯示，若2022台北市長由蔣萬安與陳時中兩人藍綠對決，則以蔣萬安勝出，目前支持度差距為15.2個百分點。若台灣民眾黨派出黃珊珊加入戰局，會使蔣萬安的部分支持者跑票，將蔣萬安與陳時中雙方的支持度差距從15.2個百分點拉近為6.5個百分點，但蔣仍領先。
</t>
  </si>
  <si>
    <t>◎長庚發現抗體 抑制新冠病毒力達98％
抗疫新利器！長庚黃冠穎醫師團隊從確診病患中找到單株抗體，經實驗發現能有效阻斷病毒，且武漢株、美國株、歐洲株和埃及株都有效果，抑制病毒能力達90至98％，且來源是人體，副作用少、安全性更高，可望開發成治療新冠肺炎的藥物，預計6月招商技轉，希望找到國際大廠合作，力拼年底上市。
◎小確幸！政院核定明年放假116天 3天以上連假8個
行政院人事行政總處今天公布，行政院核定的2021年政府行政機關辦公日曆表，全年365日，總放假日數116日，其中3日以上之連續假期（併同例假日）計8個，包括開國紀念日（3日）、農曆春節假期（7日）、和平紀念日（3日）、兒童節及民族掃墓節（4日）、端午節（3日）、中秋節（4日）、國慶日（3日）及2022年開國紀念日（3日）。
◎勞動部調查：大學畢業生去年起薪逾2萬9千元
為了解事業單位各職類受僱員工人數及薪資水準，勞動部每年均會辦理「職類別薪資調查」，受回收9691家有效樣本。勞動部今天公布2019年「職類別薪資調查」，其中大學畢業生初任人員起薪達2萬9336元，相較2018年的2萬8849元成長1.69％，其中住宿及餐飲業、支援服務業、教育業及其他服務業均未滿2萬8000元。
◎文華東方回饋北市府難履約 財政局：違約則求償
文華東方酒店發生大量裁員，近期不接受訂房，影響北市府過去與業者簽約的「容積獎勵回饋條件」，酒店以容積獎勵向北市府換得1300多坪容積，作為回饋條件，協議以15年的住房及宴會廳回饋交換，目前還有9年要回饋，但如今卻可能無法使用。產發局回應，2周內立即找業者談。財政局則說，若業者違約就求償。</t>
  </si>
  <si>
    <t xml:space="preserve">近日國內新冠肺炎境外移入確診每天都1、20例，全台僅剩花東、嘉義及外島沒有案例。長庚醫院毒物實驗室在已故「俠醫」林杰樑的臉書，分享了10種一般民眾預防感染、增強抵抗力的最好方法，連台灣人最愛的「試吃」也列入其中，竟有感染新冠病毒的風險。
「林杰樑」的臉書指出，一般民眾預防染疫、增強抵抗力的最好方法有10個：
1、注意個人衛生，需要時正確戴好口罩、多洗手，不以手碰觸眼睛及口鼻。
2、經常開窗通風、沖馬桶蓋上蓋子。
3、人與人之間保持1-2公尺距離。
4、分餐吃飯，不共食、不共用餐具。
5、碰觸過電梯按钮、公共用品之後也要勤洗手。
6、回家後快洗澡，若無法洗澡也要洗手、洗臉、漱口。
7、沒限水者可以喝足夠的水，減少含糖飲料攝取。
8、多吃天然蔬果及適量蛋白質，善用辛香料。
9、不要試吃、不要試用貼身物品如睫毛膏、唇膏。
10、充足睡眠、適度運動、穩定心情。
其中第9條「不要試吃」最讓人難以戒掉，像是許多人去好市多、大賣場、百貨公司地下街等，第一件事就是先排試吃，就連地震來了也要冷靜地排隊等食物，看來這習慣在疫情期間，得先忍一忍了。
</t>
  </si>
  <si>
    <t>台灣累積確診數已破萬人，疫情尚看不到終點，凸顯國內方艙收容不足問題。對此外貿協會董事長黃志芳今天正面回應，國家疫情嚴峻如要徵用貿協展場，「義不容辭、全力配合」。據了解，貿協內部對此有做過評估，如國家真有需要，願意釋出南港展覽館 (一、二館)空間，供作臨時輕症收容的的方艙醫院或簡易隔離所。
至於台北市要推疫苗快打計畫，市長柯文哲點名包括世貿展覽館在內的地點作為大型接種點，貿協的態度則保留，認為「需要協調」。這與世貿展覽館不適合做為方艙道理一樣，’因為一館並非只有展場，2樓以上還進駐有6、700家進出口貿易廠商，需考量對其衝擊。柯市長如提出，會再問過世貿展館管委會意見。
隨著國內新冠肺炎疫情未降，輕症者也不斷增多，國內也需要大型室內空間供建置方艙醫院，避免拖垮醫療機運作。
對於建置方艙需求，黃志芳表示，自己看到每天確診人數沒有大幅下降，也有心理準備。前幾天內部其實也開過會，假設政府要徵用貿協場地作為大型輕症感染者的照護場地，有預先做思考。
他說目前還沒有任何主管機關來談這件事(建置方艙)，目前就是內部先推演，但強調如國家疫情嚴峻，願意「義不容辭，全力配合防疫政策」。
貿協表示，內部有評估過可以配合的場館，初步只有南港展覽館適合，因為這裡主要是自己員工，方便配合。且光南港一館展場面積就有4萬多平方公尺，空間也夠。不過貿協沒有醫療設施與專業，政府如要徵調，需徵用單位去配置，也僅適合做為輕症收容醫院或簡易隔離所。
黃志芳說，醫療專業貿協不懂，但這幾十年下來，展場進出場動線、施工、水電支援都非常純熟，行政支援上絕對可以做到最好效率。</t>
  </si>
  <si>
    <t>新北市長侯友宜今上午表示不能完全排除幼兒園群聚感染跟機師染疫有關，但兩者時間序對不上，質疑市府甩鍋，新北市副發言人蔡畹鎣回應，針對群聚案新北市積極匡列疫調中，一切等基因定序結果出來，不排除任何感染源的可能性，市府會努力做好精準疫調，呼籲民眾有任何疑慮或出現任何症狀可到社區篩檢站篩檢。
新北市副發言人呂家愷進一步說明，新北市在進行疫調過程當中，發現在中央流行疫情指揮中心公布的時間內，曾有確診者的家屬到過桃園，另外也已證實有確診孩童的家屬收到細胞簡訊，所以目前尚不排除新北幼兒園群聚感染案與桃園機師案的關聯性，不過還是要以明天中央基因定序的比對結果為主。
★《中時新聞網》提醒您：因應新冠肺炎疫情，疾管署持續加強疫情監測與邊境管制措施， 如有疑似症狀，請撥打：1922專線，或 0800-001922，並依指示配戴口罩儘速就醫，同時主動告知醫師旅遊史及接觸史，以利及時診斷及通報。</t>
  </si>
  <si>
    <t>孫文學校校長張亞中今天上午前往衛福部疾管署，親自遞交疫苗進口申請書。張亞中表示，完全配合衛福部的要求，願意提供擬捐贈疫苗的單位與原生產藥廠、代理公司的聯絡窗口，由衛福部直接接洽相關疫苗進口所需的各項驗證與簽約程序。
張亞中接受北京兩岸東方文化中心代表人曾念委託，捐贈台灣五百萬劑BNT疫苗以及五百萬劑大陸國藥集團北京生物公司生產疫苗。
張亞中說，疫苗進口後，衛福部必須統籌分配，張亞中也尊重政府部門統籌調度的權限，唯尊重原捐贈單位的意願，希望該疫苗能夠優先提供給學校師生與弱勢民眾施打。
孫文學校說明，曾念特別委託張亞中代為處理該項捐贈在台灣必須處理之各項程序，以使該疫苗得以順利進入台灣，提供台灣民眾抗疫之所需，藉此表達大陸民間對台灣血濃於水的感情。</t>
  </si>
  <si>
    <t>鑑於美國新冠病毒確診數再度激增，為免加速疫情擴散，疾病管制預防中心（CDC）19日勸告美國民眾，下周感恩節假期勿外出旅行。
CDC官員沃克（Henry Walke）周四在電話中告訴記者，這是強烈建議而非硬性規定，係基於新冠肺炎確診數、住院數及死亡數劇增所做的建議。
CDC勸告勿與未同住至少14天的人群聚，新冠病毒的潛伏期為14天。CDC官員表示，針對感恩節假期仍選擇外出旅遊的美國人，他們也在CDC官網貼上安全指導原則。
CDC建議採取線上聚會，若須親身赴會，賓客應自備食物及餐具，而且盡可能在戶外歡慶假期。如果選在室內聚會，建議要開窗，在窗戶前擺放風扇保持空氣流通，還有食物準備處的附近要限制人數。</t>
  </si>
  <si>
    <t>爵士球星戈貝爾在今天與雷霆之戰開打前被確診染上新冠肺炎，此時不但是爵士全隊上下忐忑不安，就連爵士過去兩周交手的6場對手也開始皮皮挫。
爵士本季目前戰績41勝23敗，暫居西區第4，僅次於湖人、快艇和金塊，很有機會在季後賽搶得有利的種子位置。
由於新冠肺炎的潛伏期14天，戈貝爾今天確診之後，爵士過去兩周的對手分別是巫師、騎士、尼克、塞爾提克、活塞和暴龍，戈貝爾與這6支球隊接觸了那些球員，而這些球員在這兩周內打了多少場比賽，疫情可能擴散到什麼程度，都是一個大問題，因此，NBA聯盟在得知戈貝爾染病後立刻宣布全面禁賽，群聚感染的可能性恐怕是非常高。</t>
  </si>
  <si>
    <t xml:space="preserve">因應新冠肺炎疫情升溫，泰國總理帕拉育（Prayuth Chan-ocha）今（24）日宣布，泰國自26日起進入緊急狀態一個月，屆時總理將有權實施宵禁、禁止國內旅遊、限制人民行動等。
路透社報導，泰國總理帕拉育今日下午在記者會上宣布，為對抗新冠肺炎疫情，泰國將於26日進入緊急狀態一個月，預計持續至4月30日。
帕拉育說，進入緊急狀態代表總理將有權力宣布更多措施抑制疫情擴散，此外，也將賦予官員更多權力，設置檢查站以限制人員流動。
泰國媒體The Thaiger指出，緊急狀態命令將讓泰國政府有權力實施宵禁、禁止國內旅遊、無預警關閉任何一棟大樓，甚至在必要時賦予政府權力審查、關閉媒體。
泰國新冠肺炎疫情急速升溫，幾乎每日都新增上百確診病例，今日再增106例，累計境內共有827人染疫，此外今日再增加2人死亡，累計共4人喪命。泰國衛生官員先前指出，疫情升溫主要和曼谷拳擊館群聚感染有關。
</t>
  </si>
  <si>
    <t>新冠肺炎疫情衝擊餐飲業營運，即時外送平台foodpanda對此承諾透過「補貼外送服務費振興餐飲業」、「增加上線獎金協助短期就業」及「推廣安全配送建立安心保障」3大方針，盼在抗疫期間成為合作店家、外送員及消費者的安心靠山，協助度過非常時期難關。
經濟部長沈榮津先前指出，新冠肺炎疫情導致夜市、商圈及傳統市場業績最多衰退5成，百貨、購物中心營業額減少2成，情況在3、4月將最嚴重。foodpanda對此於3月祭出免外送服務費、指定店家優惠、滿額折抵等優惠活動，全力協助店家彌補流失來客。
針對新加入店家，foodpanda除協助加速上線、投入行銷資源助其增加曝光，並全力配合經濟部餐飲業紓困方案，共同研擬方案內容，努力讓全台店家所受衝擊降至最低，且能更專注於製作優質餐點及維持服務品質。
其次，許多公司因疫情衝擊，為減少開銷而縮編人事。foodpadna對此提供「新上線補助」，新進夥伴只要完成50張訂單即領2000元獎金，等同補助裝備費用，讓有短期就業需求的民眾能即時上線賺取報酬，緩解燃眉之急。
foodpanda同時提供完整配套助外送夥伴管控感染風險，除不斷加強宣導防疫觀念、主動發放口罩頭巾，並將攜手富邦產險規畫合適的「個人法定傳染病補償健康保險」，盼主動提供所有foodpanda外送員更完整的健康保障。
foodpanda亦同步推動「無接觸送餐」、鼓勵外送員每日執行「防疫自主檢查」、定期調查外送員「呼吸道症狀及旅遊史」、持續宣導正確防疫觀念等4項新制度，以建立安心配送服務流程，積極確保外送流程不成為防疫漏洞。
foodpanda董事總經理方俊強表示，公司將盡其所能陪伴全台消費者、合作店家與外送夥伴，希望在非常時期發揮平台效益，讓大家都能維持既有生活品質，陪伴餐飲業者及需短期就業的人度過難關，也讓消費者更安心面對疫情。
同時，因應防疫期間第一線醫護人員工作量大增，foodpanda將贊助1萬份醫護人員專屬的「免費餐點」優惠碼，首波針對雙北部分重度級隔離醫院發放，使醫護人員在忙碌作戰的同時，也能輕鬆享受美味餐點、安心用餐。</t>
  </si>
  <si>
    <t>韓國疾控中心指出，確診新冠肺炎患者二採陰又復陽者，對於身邊的接觸者並沒有傳染力，而台灣一直以來都是採取三採陰性才能解隔離出院，有確診者表示，因隔離時間太長身心壓力大，還有人出院後出現創傷壓力症候群，對此中央流行疫情指揮中心專家小組召集人張上淳表示，將會來檢討目前三採陰的作法，減少對隔離者的壓力。
張上淳表示，有看到韓國疾病控制中心的訊息，加上台灣也有四名確診者在三採陰後出院又復陽，但出去後並沒有接觸者感染，且回到醫院採檢，立刻三採陰性很快回家，專家小組據此做出建議，三採陰性回家應該是安全。
至於因此是否縮短採檢陰性次數與隔離日期？張上淳表示，討論認為第一步放寬的方式處理，下一步再處理三採陰是否改成二採陰，但因為國內剩下個案很少，當時的想法是說影響不是很大。
但張上淳也坦言，隔離確實會對被隔離者造成身心壓力和困擾，到各醫院看會請社工和相關心理師到負壓隔離病房對患者作支持與溝通，希望能減少這個樣狀況。
陳時中也表示，目前國內剩下19名住院中的患者，其中有一名是從三月十六住院至今，確實時間很長。</t>
  </si>
  <si>
    <t xml:space="preserve">大陸新疆首府烏魯木齊出現新增新冠肺炎本土確診病例5例，並造成另外8名無症狀感染，消息傳出後引發當地民眾恐慌。目前當地多項聯外交通停駛、航班近9成取消，民眾在超市瘋狂搶購食物與生活日用品，各種謠言滿城亂飛，包括「即將封城」、「已有大規模感染」，全城充滿恐慌情緒。
綜合陸媒報導，烏魯木齊從昨晚傳出消息稱，一名新增新冠肺炎本土感染病例已擴散開來，其中部份感染來源尚未查明，導致週五達200餘班航班被取消。消息傳出後引發市民恐慌，謠言甚至演變為「即將封城」，許多憂心疫情重返的市民前往當地超市搶購食品與日用品，貨架被清掃一空。
據新疆維吾爾自治區衛健委最新通報，至今日中午12時報告新增新冠肺炎確診病例5例、無症狀感染者8例，全部在烏魯木齊市。累計新疆共有確診病例6例、無症狀感染者11例，另有135人接受醫學觀察，病例數字並不十分嚴重，但恐慌情緒卻快速蔓延。
網路上有烏魯木齊民眾稱，當地許多社區已經開始限制居民出入，民眾紛紛往超市搶購物資，青菜水果肉類等食品「搶瘋了」。 也有傳言烏魯木齊已經「封城」，新疆南部城市喀什也傳出封城，但都未得到官方證實。
官方防疫通報稱，最早被發現確診病例為24歲女性，是當地中泉廣場營業廳工作人員，經追查密切接觸者，發現已造成無症狀感染者3例。至今日中午為止，由此例確診擴散的感染總數至少已有16人。
從航班資料查詢所得，截至17日11時20分，烏魯木齊機場進港航班取消118架次，出港航班取消109架次。航空公司並向旅客發出前往烏魯木齊的防疫提示，即日起烏魯木齊出港旅客必須持7日內核酸檢測陰性報告，才能正常辦理登機手續。前往烏魯木齊旅客要求從20號開始，要持核酸檢測陰性報告，除此之外按照之前防控要求執行。
新疆烏魯木齊地鐵軌道交通1號線自16日晚間10時起停止營運，新疆昌吉也宣佈市內公車停運。
</t>
  </si>
  <si>
    <t>南韓女神金泰希結婚生子後，睽違5年回歸演出電視劇《哈囉掰掰，我是鬼媽媽》，該劇邊拍攝邊播出，不過就在1日傳出劇組工作人員疑似感染新冠肺炎，因此當天的拍攝行程已取消。根據韓媒《OSEN》報導，該工作人員正在居家隔離、等待檢疫結果，本來預計結果於2日出爐，但劇組今天下午2點多表示，已經收到疑似染病工作人員的檢疫結果，呈現陰性反應，劇組預計重新投入拍攝，會做好防護措施。詢問台灣播出單位Netflix表示，目前存檔尚充足，仍可維持正常播出。
南韓疫情持續，受影響的還不止如此，「神話」成員Eric 主演的《怪咖！文主廚》，播映該劇的電視台「Channel A 」宣布該劇原訂本月6日首播，不過由於新冠病毒擴散影響，劇組盡量避免進行戶外攝影及室內攝影，不僅工作人員和演員的安全問題，戶外攝影或外部移動時會造成市民的不安， 因此決定延期至27日播出。台灣播出單位friDay影音也延至28日上架，於每週六、日上午10點更新。</t>
  </si>
  <si>
    <t xml:space="preserve">根據中國大陸和美國衛生研究當局贊助的一份大規模研究，2019年新型冠狀病毒引發的肺炎平均潛伏期是4.75天，致死率估計為3.06%，而年長男性（超過50歲）罹患機率較高。
據《中央社》報導，這份研究發表在醫學類論文預印本（preprint）網站medRxiv，作者包括世界衛生組織（WHO）顧問隆吉尼（Ira Longini）、華盛頓大學（University of Washington）公衛學院流行病學系教授郝樂蘭（Elizabeth Halloran）及北京大學公衛學院學者盧慶彬等14人。
研究的樣本涵蓋1月26日為止向中國大陸疾病預防控制中心通報的所有病例，來自中國大陸30省區市共8866例，其中4021例為實驗室確診。
研究發現，2019年新型冠狀病毒肺炎近半數（47.7%）病患為50歲以上，而男性發病率明顯高於女性，總體基本傳染數（R0值）則為3.77%。與嚴重急性呼吸道症候群（SARS）相較，傳染力相當但致死率較低。
報導說，這份研究標題為「中國所爆發2019年新型冠狀病毒的流行病學和臨床特徵」（Epidemiological and clinical features of the 2019 novel coronavirus outbreak in China）。由中國大陸傳染病防治重大專項國家自然科學基金和美國國立衛生研究院（U.S. National Institute of Health）贊助研究。
研究還顯示，感染2019年新型冠狀病毒患者診斷罹患中度肺炎的比例最高（69.9%），且60歲以上患有重度肺炎及延後確診的男性，致死率更高出許多，因此有必要針對年長患者及早確診，尤其是男性，以免症狀演變為重度肺炎。
由於預印本的研究尚未接受同儕審查，代表研究結果尚待評估，因此不應用於指導臨床實務。
</t>
  </si>
  <si>
    <t>大陸新冠肺炎疫苗有新進展！
在14日大陸國務院聯防聯控機制新聞發布會上，大陸科技部社會發展科技司司長吳遠彬介紹，目前已經有三個疫苗獲批進入臨床試驗。
其中，大陸軍事科學院軍事醫學研究所生物工程研究所陳薇院士團隊的腺病毒載體疫苗首個獲批進入臨床研究，已於3月底完成了一期臨床試驗受試者的接種工作，並於4月9日開始招募二期臨床試驗志願者，這是全球首個啓動二期臨床研究的新冠疫苗品種。
4月12日，大陸國家藥監局批准了中國生物武漢生物製品研究所和中國科學院武漢病毒研究所聯合申請的新冠病毒滅活疫苗，也進入了臨床試驗。13日又批准了北京科興中維生物技術有限公司研製的滅活疫苗開展臨床試驗。</t>
  </si>
  <si>
    <t>新冠肺炎延燒全球，正當世界各國都苦於應對時，美國卻傳出有大學生開「新冠肺炎趴」，刻意邀請確診者當嘉賓，藉由接觸確診者比賽誰先染疫，第一名還可獲得獎金，荒唐行徑讓人傻眼，當地議員與消防局長也在會議中證實此事。
根據美國廣播公司(ABC)報導，美國阿拉巴馬州塔斯卡羅薩(Tuscaloosa)近日有大學生舉辦新冠肺炎派對，市議員麥金斯塔莉(Sonya McKinstry)透露，舉辦人邀請確診者當嘉賓，接著再號召多名學生參與，參加學生入場必須繳一筆保證金，接著透過接觸確診者，來比賽誰最先染上新冠病毒，第一名可將這筆錢全部拿走。
塔斯卡羅薩消防局長史密斯(Randy Smith)也在會議中報告此事，聲稱此行為已嚴重危害市民安全，並證實已經有學生染疫。市議會隨後強制市民前往公眾場合時必須配戴口罩。而如今美國因新冠肺炎而死人數即將達到13萬，超過265萬人確診，幾名白目大學生的行為也無疑對美國防疫造成嚴重打擊。</t>
  </si>
  <si>
    <t>一場新冠肺炎疫情讓大陸進入封城，城市的商業活動被按下暫停鍵，但同時也為線上新經濟蓬勃發展帶來新機遇，包括線上教育、線上醫療等，不論是股價表現或是業務發展，都在這波疫情中異軍突起。這場疫情打破人們原有的生產生活模式，但也直接帶動大陸的經濟轉型再進一步升級。
以上海市為例，在看到人民生活模式改變所帶來的新商機後，因而推出促進線上新經濟發展行動方案，挑選在疫情爆發期間，業務呈現爆發式成長，且未來有機會長期持續增長的行業進行分析研判，選出包括：無人工廠、遠程辦公、線上教育、「無接觸」配送、線上醫療送等，總共有12個領域被確定為發展重點。
新冠肺炎疫情帶動線上新經濟蓬勃發展，確實也令投資市場側目。有部分是因疫情而催生出來的新業態模式，例如無中生有的遠程辦公、無接觸配送等。有些則是在疫情期間得到快速成長的，例如無人工廠、工業互聯網、線上文化娛樂、生鮮電商零售等。也有些是線下成熟的業態模式轉移到線上線下相互融合的，例如線上展覽、線上教育、線上醫療等。
從上述產業發展的變化可以看出，這次疫情帶給全球經濟一個訊號，就是：互聯網已經從過去讓企業活得更好的時代，變成如今企業活下去的基本要件，簡單說就是成為企業發展的新基礎建設，許多企業的蓬勃發展，都離不開互聯網的環境。
過去2003年爆發的SARS疫情，催生了大陸線上教育龍頭公司－好未來。其後好未來在2010年於紐約上市，一直到2019年這段期間，連續九年維持著四成以上的高增長神話，坐穩補教機構第一市值寶座達十年的時間。在這期間，好未來不斷的在線下成熟的業態模式上，持續進行線上線下相互融合的發展。
面對此刻的新冠肺炎疫情，好未來在穩坐線下補教業第一的寶座的同時，更是積極的發展AI戰略，往科技教育領域發展。例如在2018年人工智慧大會上，好未來便發佈「WISROOM」智慧課堂解決方案，及「魔鏡」智慧測評系統。
這兩款產品主要是將教學過程資料化，透過AI和大數據的方式，還原學生的學習軌跡，精準記錄學生的學習過程，並在大數據分析的基礎上，瞭解學生的掌握情況，進而提升教學效率。而在此同時，好未來也積極發展B2B的市場，在GES 2018未來教育大會上，推出了教育開放平台，也就是對其他教育機構輸出好未來積累的技術和教學教研能力。
一家企業的投資價值，主要取決於該公司的中長期競爭力是持續增強，還是會有所削弱。從好未來以及另家補教業龍頭公司新東方的例子來看，這兩家領頭羊在學生家長和行業中的口碑無法造假，尤其在這次疫情期間，線上商機大爆發下，更凸顯出龍頭企業的競爭優勢。長期來看，在大陸K12課外輔導市場持續提高集中度的情況下，新東方和好未來仍會是最大的受益者。
2020年在全球造成重大傷害的新冠肺炎疫情，為人類帶來重大衝擊，很大程度的改變人們生活的模式，但也因此帶來新的經濟商機。這些商機也許是來自新業態模式的崛起，例如無接觸配送，也有可能是為既有的產業中，因為創新而帶來新的競爭優勢。投資人只要持開放的心態、理性的腦袋來看待人類史上每一次的重大事件，往往也就能挖掘許多驚人的投資機會。</t>
  </si>
  <si>
    <t xml:space="preserve">
敦睦艦隊24人確診新冠肺炎，台中市衛生局昨（19日）晚間公布3名台中確診官兵足跡，其中1人曾造訪台中牛排館「歐奇牛排」，該店老闆和老闆娘隨即在台中各社團宣布，即日起關休息至5月3日，員工們也會自主管理14天，網友紛紛大讚是良心店家，重新營業後會再來吃。
歐奇牛排當晚緊急公告「今日下午衛生局人員於本店週邊消毒，且告知是例行性防疫消毒演習，至晚間8、9點左右經衛生局通知，有確診者至本店消費，為提供安全消費環境，本店即日起至5/3日止，自主休息並進行全面消毒，其員工們自主管理14天，於5/4恢復正常營業，因為客人們的支持，我們有責任做得更好。如有造成不便 敬請見諒。」老闆、老闆娘也在「沙鹿之美」、「清水吃透透～揪咪」、「梧棲串起來」等各社團都發文。
許多網友紛紛留言大讚「負責任的佛心店家」，「我昨晚去買時，老闆自己在裡面消毒，我相信很多店家都是無妄之災，老闆加油」、「值得肯定的店家！加油」、「歐奇是我從小吃到結婚生子還繼續吃的老店，感謝老闆對品質及環境堅持與維持!大推歐奇」。
台中市衛生局19日晚間公布3名台中敦睦艦隊確診足跡：案38─診所 4/15、4/17。案39─85度C沙鹿英才店4/15（20:30-22:30）、家樂福沙鹿店4/16（20:30-21:30）、華得來清水店4/17（17:00-18:00）。案40─歐奇牛排沙鹿店4/16（19:30-20:30）。
</t>
  </si>
  <si>
    <t>指揮中心宣布，今新增一例確診，該名個案是旅英返台的30歲女性，在機場攔採檢結果是陰性，檢疫期間出現鼻塞、味覺異常等症狀，二採後復陽確診。中央流行疫情指揮中心專家諮詢小組召集人張上淳表示，目前尚無法確認女子的確切發病時間。
今日確診的旅英返台女（案439）在機場攔採檢結果是陰性，二採後復陽確診。她在居家檢疫期間持續有流鼻水及鼻塞，後來又出現味覺異常，5月4日由衛生單位協助安排就醫採檢確診，目前住院隔離治療。
張上淳表示，該名個案一開始症狀輕微，有倦怠的症狀，但她誤以為是因生理期的所致。並表示，病人主觀感覺不一定代表真的發病，因此，目前無法得知一採的時候，是否已經發病。後來二採確診，女子已有味覺異常，發病狀況已經更明顯，但目前尚無法確認女子確切發病時間。
外界對於是否造成傳播有疑慮？陳時中強調，這些防疫旅館基本上都有受過教育訓練，SOP都相當完整，只要有遵照SOP做消毒，病毒不會跳過牆壁傳染。</t>
  </si>
  <si>
    <t xml:space="preserve">清明連假台灣民眾擠爆熱門觀光景點，專家及醫護人員深怕因這幾天的群聚讓疫情大爆發。指揮中心隨後也公告，有到11處熱門旅遊景點的民眾需自主管理14天。就有網友發問「為什麼不直接宣佈禁止去觀光景點？」貼文一曝光後立刻引發熱議，許多人嘲諷指出台灣人的天性，「禁止去觀光景點，那些人就會改擠爆別的地方，問題一樣啊！」
針對連假爆人潮、觀光疑成防疫破口爭議，引起各界討論。就有網友在網路論壇批踢踢上發問：「為什麼不直接宣佈禁止去觀光景點？」該網友認為，「現在就是最要緊的時候，非常時期就要用非常辦法，直接宣佈哪些觀光景點禁止遊客進入…不行？」該網友還先幫攤商抗議設想，提出悲觀看法，「等台灣疫情擴散 還有生意給你做？」
文章一出後，立刻掀起討論，網友紛紛留言回應，「不想擔罵名呀」、「業者會抗議」、「直接禁止 那些飯店的退房都變政府買單啊」、「熟悉的中華隊後半段XD」、「觀光景點的定義是？」。
更有許多人突破盲點指出「禁止去觀光景點，那些人就會改擠爆別的地方，問題一樣啊」、「禁止去景點就換去擠爆百貨公司，禁止特定地點沒用的」、「重點是群眾聚集不是出去玩」、「你在家附近人擠人沒有比墾丁安全」。
</t>
  </si>
  <si>
    <t>繼台美以口罩換防護衣原料後，台澳也達成相互採購口罩和酒精原料的共識，外交部今晚表示，有關台澳防疫合作案，我國與澳洲相互採購防疫物資原料，確保兩國民眾防疫需求。外交部居中協助聯繫協調，本案樂見台澳互惠受益，增進雙邊情誼。
經濟部今天表示，台灣與澳洲達成防疫物資合作，澳洲向台灣採購3噸不織布，台灣則向澳洲購買100萬公升的酒精原料。
外交部發言人歐江安表示，澳洲長年自我國採購口罩相關材料，同時也是我國重要酒精原料產地，臺澳雙方各具有重要防疫物資的原料。
在當前世界各國對相關原料需求大增下，她說，為確保兩國民眾均有充足防疫物資，我國與澳洲經由互相提供優惠價格採購所需原料，共同攜手對抗武漢肺炎疫情的蔓延。
歐江安指出，澳洲是臺灣重要的理念相近夥伴，在印太地區同享自由民主、法治人權等普世價值。自武漢肺炎疫情爆發以來，兩國一直維持密切合作，至盼早日終結疫情擴散，繼續深化雙邊全方位的夥伴關係與貿易產業往來。</t>
  </si>
  <si>
    <t xml:space="preserve">BNT疫苗28日開放18歲以上民眾意願登記，民眾瘋搶，對此，藍委洪孟楷認為，這代表大家對於國際合格認證的疫苗較有信心，因此他主張BNT疫苗應該全部年齡層都能夠選擇，並要求政府加碼採購1500萬劑BNT疫苗，以足夠人民選擇及因應明年可能變化。
洪孟楷今（29日）在臉書發文表示，對於BNT疫苗開放登記，踴躍的程度超乎想像，代表大家對於國際合格認證的疫苗較有信心，而民進黨政府已經鬆口，標籤不是重點，內容物是否有效才是關鍵，代表過去一年多拘泥在標籤根本就是政治意識形態之爭。
看到近期很多綠營的民代都紛紛跳出來，要求BNT應該開放給不同年齡層施打，洪孟楷主張，BNT疫苗應該全部年齡層都能夠選擇，疫苗數量不足之處，就請政府趕快購買，才能真正讓人民早日有集體保護力。
對於民進黨過去怎麼打壓，或是酸言酸語針對BNT疫苗，洪孟楷直言，現在綠營願意轉彎也是對專業合格疫苗的「校正回歸」。既然標籤已經不是民進黨的心魔了，之前兩次紓困預算通過的300多億疫苗專款專用購買經費，也該採購BNT，否則明年民間捐贈完畢，難道台灣只能靠善心又有行動力的企業家？他呼籲，預先採購，才是真正超前部署，別再講空話，趕快行動吧！
</t>
  </si>
  <si>
    <t>測試廠欣銓(3264)受惠5G相關應用及車用晶片測試需求同步暢旺，2020年12月及第四季合併營收同步「雙升」，與全年營收同步改寫新高、締造「三高」佳績。展望今年，在測試需求續旺、新廠投產挹注帶動下，法人看好首季淡季續強，有機會再創新高。
在績優題材激勵下，欣銓今（11）日股價開高後量增走揚，最高上漲3.24％至39.8元，領漲封測族群，早盤維持逾3％漲幅，續勢再攻去年12月中觸及的近3年波段高點。不過，三大法人近期偏空操作，上周合計賣超欣銓1351張。
欣銓公布去年12月自結合併營收9.63億元，月增3.44％、年增達34.33％，連6月改寫新高。帶動第四季合併營收達27.96％，季增達10.8％、年增達30.59％，累計全年合併營收96.74億元、年增達20.18％，亦同步改寫歷史新高。
欣銓受惠5G基地台建設需求，帶動網通、射頻（RF）、記憶體等測試訂單增加，加上新冠肺炎疫情帶動在家工作需求，使儲存及PC等測試需求同步增加，加上車用市場需求回溫，IDM廠擴大釋出委外車用晶片測試訂單，使得去年營運逐季走強，營運動能暢旺。
展望今年，法人指出，由於5G基礎建設需求轉強、在家工作等遠距商機持續升溫，加上車用晶片需求反彈、帶動IDM廠釋出委外測試訂單，使欣單訂單能見度已達第三季，並可望受惠封測價格調漲效應，上半年營運成長動能無虞。
同時，欣銓因應國際客戶未來需求成長性，於總部鼎興廠興建二期廠房，預計首季將進入量產，亦可望顯著挹注欣銓營運動能。法人看好欣銓首季營運淡季續強，雖有工作天數較少影響，仍可望持穩去年第四季高檔、有望小幅成長再創新高，全年可望逐季成長。</t>
  </si>
  <si>
    <t xml:space="preserve">衛福部長陳時中今（12）日宣佈，若陸配子女「目前沒有」我國國籍、仍滯留在大陸、港澳地區者，確定「不」准許入境。陳時中強調，可理解相關人士會有壓力，但陸配子女出生時的國籍是可以選擇的，「既然當初已選擇了國籍，現在就必須承擔」，因此指揮中心已商請陸委會撤銷原先決定。
陸委會昨（11）日表示，收到很多台商、陸配的陳情，將開放陸配子女返台與家人團聚。但陳時中今天表示，在疫情控制之下，根據大陸發展、保護國民健康角度，撤回陸委會昨日宣布的陸配子女入境管制措施。
陳時中進一步解釋三種考量。考量一，若是人在台灣，醫療絕對是無差別待遇，生病一定會全力救治。考量二，在居家簡易、隔離做法上，政府對於在境內人士也是無差別對待。考量三，在邊境管制上必然有差別待遇，將以國人為優先。
陳時中說，這些陸配子女尚未取得本國國籍，然而很多具備中華民國國籍的台商都還在大陸無法返台。陳時中說，居家檢疫、隔離目前一天有5千人，在居家檢疫、隔離14天內要不斷關心、掌握情況，後續清明連假將至，2周估計有7萬人返台。
指揮中心表示，而目前國內每日檢驗新冠肺炎的能量只有1,010人，況且還不時會有被隔離者會「趴趴走」，指揮中心會擔心屆時管制量能可能會不足，若台灣的社區防疫能量不做好，反而先開放，將是防疫隱憂。
陳時中強調，因此陸委會「開放陸配子女返台」的政策必須檢討，防疫不容有破口，國人為優先。相信陸配子女在大陸已有適當安排，因此其擔憂的情況是不存在的，雖然指揮中心可理解相關人士會有壓力，但陸配子女出生時的國籍是可以選擇的，「既然當初已選擇了國籍，現在就必須承擔」，因此指揮中心已商請陸委會撤銷原先決定。
</t>
  </si>
  <si>
    <t>香港爆發疑似透過社區大樓排氣管傳播，感染新冠肺炎的個案。在10日確診的6宗個案當中，有一名62歲女子居住在青衣長康邨的康美樓，而上月30日同一棟大樓裡有另一名75歲男子也被列為確診個案，且兩人同座樓的單位編號（07室）。專家研判病毒可能是從排氣系統傳播，100多名居民也在11日凌晨連夜撤離。
香港確診數已增至49例
香港昨日再新增7個確診個案，確診病例增至49例。據了解，其中新增兩名患者是長康邨康美樓女患者的兒子和媳婦。
該名確診感染新冠病毒的62歲女子，與香港第12宗確診的75歲男子，均居住於青衣長康邨康美樓的07室，分別為A座307室和相隔10樓的A座1307室。據調查，兩戶共用同一條化糞渠，另外室內排氣管也沒有密封，不排除有傳播病毒的可能。
香港大學李嘉誠醫學院微生物學系傳染病學講座教授袁國勇則強調，目前康美樓案例與當年SARS疫情時「淘大花園E座樓」不同，因康美樓兩起個案確診時間差距不超過潛伏期，不排除可能是化糞渠沒有密封，導致樓下居民開啟抽風扇時讓化糞渠的空氣進入廁所，將會徹底檢查排風系統後才讓居民搬回。
撤離者中4人檢出病徵
運輸及房屋局長陳帆在11日上午召開記者會說明，他表示，初步調查發現康美樓A座307室的住戶曾針對住宅進行改裝，其中改裝的項目就包含排氣管，因此相關單位同日會再進行深入調查，以找出傳播管道，同時會進行長康邨全面的消毒工作。
台灣感染症醫學會理事長黃立民則表示，新冠肺炎經由糞管傳播是有可能的，但需要幾個條件，就是病毒由化糞池進入排水系統後，加上水管老舊有破洞漏出，但要同時具備這些條件不是那麼容易，加上台灣大樓不像香港都是大型的建築型態，民眾不需過度憂心。
疑似為大樓管道引起的傳染，也讓康美樓的30多戶、約100位居民連夜撤離。食物及衛生局長陳肇始表示，自康美樓撤離的人群中，有32人需要送往檢疫中心，其中已有4名經醫學檢測後發現有相關徵狀，必須送往醫院檢查。截至11日近中午，仍有9戶未取得聯絡，衛生防護中心表示正積極聯繫中。
連夜匆促地撤離，也讓部分住戶措手不及，直至11日上午11時，仍有至少6戶07室住戶尚未撤離，多為老人、身障者以及獨居人士，直到中午12時許，警方才在康美樓一帶拉起封鎖線。</t>
  </si>
  <si>
    <t xml:space="preserve">根據「紐西蘭先驅報」報導，紐西蘭地方衛生官員說，一艘載有3800人的「紅寶石公主號」（Ruby Princess）已有4人確診，包含3名澳籍乘客與1名船員，他們皆曾與船上其他紐籍乘客接觸過，並警告船上乘客若出現任何新冠肺炎的症狀，盡速尋求健康專線。
報導指出，該郵輪8日從雪梨離港，開始環遊紐西蘭等地，11日抵達峽灣地區（Fiordland）、但尼丁（Dunedin）；13日抵達阿卡羅阿（Akaroa）、14日與15日先後抵達威靈頓（Wellington）、納皮爾（Napier）及紐西蘭，但因氣候因素提前於18日返回雪梨。
報導指出，15日返回紐西蘭的乘客皆可能與確診病患有所接觸，要求14天的自主隔離且接受每日健康檢查。據了解，目前船組人員在抵達雪梨之前全都已允許下船。
新南威爾斯州衛生部長哈查特（Brad Hazzard）表示，「紅寶石公主號」上有13名乘客接受測試，其中有4人呈陽性，這4名確診患者中有3名是乘客，另一名則是船員。目前確診的乘客已在雪梨皇家阿爾弗雷德親王醫院接受治療，而被確診的船員則留在船上。
「紅寶石公主號」與先前出現大量新冠肺炎確診病例的「鑽石公主號」以及「至尊公主號」，同屬於公主遊輪公司（Princess Cruises）擁有並經營的皇冠級遊輪。
</t>
  </si>
  <si>
    <t xml:space="preserve">在4億年前就出現，有「灘地上的活化石」之稱的鱟，是金門特有的海洋生物，但在人為干擾和棲地破壞下，族群數量已逐年減少。縣水試所致力生態復育，今（30）日上午由副縣長黃怡凱帶隊在建功嶼潮間帶放流自行育成，1至2齡的三棘鱟苗4萬尾，期待再見生生不息的盎然生機。
縣水試所指出，披著一身甲殼，經常雙雙對對出現，有「鋼盔魚」、「夫妻魚」和「鴛鴦魚」之稱的鱟，曾廣泛分布於台灣西部海岸，但因棲地環境的變遷，如今在台灣本島幾乎已經絕跡，僅金門與澎湖在野外還能發現它們的蹤跡，特別是金門因位處九龍江口，河海交界水域營養鹽豐富，成為許多海洋生物的優良孵育場所，尤其是西、北海域的潮間帶，更是鱟在金門的主要繁殖地帶。
縣府以「鱟」是金門特有的大型底棲性甲殼類動物，也是地區發展生態旅遊的主角之一，因此在1999年12月公告畫設全國唯一，面積廣達400公頃的「金門古寧頭西北海域潮間帶鱟保育區」，多年來水試所致力於稚鱟繁殖、成鱟保育、海洋環境教育，並定期進行潮間帶稚鱟分布與族群量調查，長期追蹤監測掌握族群動態。
黃怡凱指出，鱟為海洋底棲性無脊椎動物，它與早已滅絕的三葉蟲是近親，在4億多年前古生代泥盆紀出現，2億年前演化為現今型式，縣府很期待這種具指標性的海洋生物，可以在金門海域一代又一代繁衍下去。
縣水試所長楊文璽也說明，放流作業以復育周邊海域漁業資源，彌補自然的生產力不足為目標，因近期受到新冠肺炎疫情的影響，無法邀請生態保育人士及學生共同參加，但仍期望藉由活動宣示，讓大家對這種鄉土海洋生物有更多認識，也會更加愛護和珍惜它們。
</t>
  </si>
  <si>
    <t>台新金控2月自結稅後盈餘11.7億元，每股稅後盈餘（EPS）0.23元，主要子公司獲利表現上，台新銀行稅後盈餘10.1億元，較去年同期成長7％，不受肺炎疫情衝擊。
台新金表示，台新銀行當月核心業務獲利動能持續穩健，累計前2月稅後盈餘為24.04億元。資產品質持續維持穩健，至2月底逾放比為0.20％，備抵呆帳覆蓋率706.57％。
台新金指出，子公司台新證券2月稅後虧損0.06億元，較1月減少0.08億元，累計前2月稅後虧損0.04億元。因主要國際股市受新冠肺炎疫情蔓延影響走跌，營業證券增提評價損失，整體獲利較前月及去年同期微幅衰退，但整體經紀市佔率仍較去年同期成長。</t>
  </si>
  <si>
    <t xml:space="preserve">新冠肺炎疫情愈來愈險竣，因歐洲、美國走樣的疫情，使得國內的確診病例暴增，衝破百例。蔡英文總統和中央流行疫情指揮中心指揮官陳時中都表示「未來兩週是關鍵期」。指揮中心社區防疫組副組長莊人祥說明原因，主要是最近14天為歐洲疫情高峰，且陸續有自歐美返台之國人，預測這些人的陽性率恐比以往還高，合理懷疑接下來都是類似狀況。「境外與本土個案持續維持懸殊比例」是個指標，莊人祥說如果反之，則是另外一個警訊。
新冠肺炎台灣確診案例破百，新增案例幾乎全為境外感染，中央流行疫情指揮中心宣布，自19日起，外國人禁止入境，本國人入境都須居家檢疫14天。最近幾天的確診都是以境外移入為主。據ETtoday新聞雲報導，莊人祥記者會後進一步說明，為何評估未來14天是關鍵期？主要是因為歐洲疫情屬於高峰，再加上很多原先住在歐美的國人陸續想要返台。
莊人祥接著解釋，重點不是自歐美返台的人數特別多，而是可以想見近期返台民眾的陽性比例高於過往，也合理懷疑未來幾天會有類似情況。
莊人祥說，要是未來一段時間境外移入個案數字持續增加，他也不會太意外，但他承認這會是一個威脅，但如果能及早偵測，就可以進一步避免國內本土感染，「境外與本土個案持續維持懸殊比例」，莊人祥說這樣對國內疫情管控是比較好的指標；但是如果變成本土病例上升的話，或者未知感染源增加，則是另外一個警訊。
</t>
  </si>
  <si>
    <t xml:space="preserve">就在台灣5G開台前夕，台灣「電信二哥」之爭卻悄然引爆，根據NCC(國家通訊委員會)統計，截至2月底，遠傳(4904)用戶數為707.8萬，險勝台灣大(3045)的707.3萬，在4G時代首度躍升電信二哥。對此，台灣大表示，目前台灣大月租型用戶數穩定成長，惟預付型用戶數在疫情管制入境後頗受衝擊，強調數字背後仍需深入拆解代表長租之月租型用戶與短約型預付卡用戶的佔比，才能看出數字背後真正的意涵。電信業向來在用戶、網速、資費甚至近期的5G頻譜競標上從未停止競爭，眼看台灣即將在第三季正式邁入5G時代，屆時電信業的交手恐仍火花不斷。
根據NCC所公布的數據顯示，截至今年2月，遠傳用戶數707.8萬、台灣大707.3萬，遠傳以約5000戶險勝，而遠傳上次用戶勝過台灣大是在2014年2月，當時以727萬領先台灣大726.8萬，只是那時台灣仍為3G時代，也就是說，這次是遠傳自2014年6月4G開台來，首次超越台灣大，至於中華電(2412)則依舊以千萬以上的行動用戶數穩居龍頭。
台灣大多年來穩居台灣電信獲利王，本次在行動用戶上小輸給遠傳，對此台灣大解釋說到，電信業用戶數可分為預付型(Pre-paid)與月租型(Post-paid)，台灣大第一季的「月租型用戶」達571.8萬戶，勝過遠傳的536.1萬「月租型用戶」，雙方差距達35.7萬戶，比去年同季的差距32.5萬戶，差距幅度仍加大中，另一方面，向來以外籍旅客、外籍勞工為主「預付型用戶」上，近期因疫情之故，入境人數大幅降低，台灣大預付型用戶數成長受到影響，雖受創較同業為重，但待入境管制解除後，預付型用戶數預計將回到正常水位，故綜合預付型及月租型用戶數上的消長，出現台灣電信市場總用戶排名變化的說法，台灣大對此可以理解，但如果同步檢視月租型、預付型用戶消長對各家電信業者獲利表現的影響，台灣大第一季電信事業營業利益年成長達1.9%。
台灣大林之晨總經理對此也表示，當純電信獲利空間持續萎縮，期待大家都能加速、順利轉型，也期待更健康優質的競爭，做大市場，帶動台灣整體邁向更美好的未來。
電信三雄除在行動用戶數上較勁外，先前NCC也委託電信技術中心(TTC)行動寬頻行動上網速率量測，遠傳、中華電在「4G定點下載」與「Google雲端下載」則為全台惟二兩家平均網速超過100Mbps，加上在5G頻譜的競標中，中華電、遠傳分別拿下黃金頻段3.5GHz的90M、80M，台灣大、台灣之星則分別拿下60M以及40M，故近期台灣大、遠傳的「電信二哥」也持續白熱化。
</t>
  </si>
  <si>
    <t xml:space="preserve">汛期即將來臨，台中市長盧秀燕17日前往即將於4月底完工的大里草湖防災公園，了解工程進度，希望汛期間，它能發揮功效，減少淹水。草湖防災公園採多功能設計，除可滯洪排水，更設計籃球場、溜滑梯等遊憩設備，打造多功能公共空間。
盧秀燕指出，雖然目前新冠肺炎嚴峻，但防災跟防疫一樣重要，中市有1條市管河川、132條區域排水及110條土石流潛勢溪流，汛期前更應做好準備，地下道清淤、抽水站保養等是基本工作，市府更花費1億4000萬元打造草湖防災公園，因為東湖、西湖里過去特別容易淹水，預計將在汛期前完工，約可保護約2000戶的鄰近住家。
水利局長范世億表示，去年5月底開工打造的草湖防災公園，與荷蘭鹿特丹水廣場很相似，不過我們的更漂亮，是台中首座運動兼治洪的複合型公園，兼具智慧防災設施，可透過App監控水位，地底下設有雨水積磚儲水，地表鋪設水滲透地面，平常水積存於水積磚，真正大豪雨時，整個公園就是一個儲水池，將降低本區域積淹水情形，預計今年4月底完工，目前工程進度已達95％。
草湖公園是多功能防災公園，民眾平時可運動、遊憩，但最主要仍是防汛功能，滯洪量約1萬2,500立方公尺，面積約0.77公頃，當豪大雨來臨、公園蓄水量累積至海拔42.6公尺時，將以國語、閩南語、英語3種語言廣播通知住戶避災。水利局指出，未來更可串聯周邊Dali Art國際藝術村、台中市纖維工藝博物館、台灣印刷探索館、東湖公園等觀光資源，促進地方發展。
</t>
  </si>
  <si>
    <t xml:space="preserve">就算美國新冠疫情日趨嚴重，NBA總裁席爾佛卻還要放「空話」嗎？席爾佛22日受訪時表示，聯盟正在探索所有能在保障安全前提之下重新開打的方法，「沒什麼是不可能的，但我們現在工作重點是支持、參與和教育民眾如何面對疫情。」
席爾佛坦承，這季是充滿挑戰的賽季，對聯盟所有人都一樣，畢竟NBA本季還沒開打，就碰上火箭總管莫瑞發表力挺香港反送中言論，造成NBA和大陸關係徹底破裂，都還沒完全修補，就又遇到前總裁史坦與「小飛俠」布萊恩突然過世。
截至目前為止，NBA確定出現14人感染新冠肺炎，其中至少10人是球員，談到感染人數越來越多的現象，席爾佛說：「據我們所知，聯盟內越來越多的球員檢測呈現陽性，這是不幸的消息，但以我的觀點來看，這是不可避免的情況。」
「現在就去判斷NBA的經濟會受到怎樣影響，或許還言之過早，我們每天都在分析不同情況，之後也會不斷評估財政上的衝擊，」席爾佛說，「顯然一切都不樂觀，但不僅是我們，在這個時刻所有行業、所有的人都在同一條船上。」
</t>
  </si>
  <si>
    <t>新竹縣寶山鄉1名8旬婦人日前因車禍而送醫採檢，因4次PCR採檢陰陽反覆，新竹縣衛生局不敢大意，將檢體送往昆陽實驗室判定，今天（8月31日）中午確定為陰性。而寶山鄉30日晚間連夜開設快篩站，共196人快篩均為陰性。
新竹縣衛生局指出，該名8旬婦人一共做了4次檢驗，首次桌上型快速檢驗PCR的CT值36、第2次高通量PCR為陰性、第3次機台式快速檢驗CT值34.6，第4次則又呈現陰性，因此衛生局將其檢體送往中央，昆陽實驗室31日中午報告出爐，判定為陰性，排除感染。
而寶山鄉30日快篩196人中，也包含該名8旬婦人的同住家人11人，快篩也均為陰性。採檢結果出爐後，也讓在地人鬆一口氣。新竹縣長楊文科表示，面對疫情仍不應鬆懈，大眾仍須做好防疫措施。</t>
  </si>
  <si>
    <t xml:space="preserve">在新冠肺炎疫情下，全球消費市場買氣急凍，華為總裁任正非首度公開證實，華為已下調第一季的營收目標，市場也傳出，華為本月也將陸續對供應鏈進行砍單，幅度上看3成，此舉恐影響聯詠(3034)OLED驅動器IC出貨量，進而衝擊第二季營運動能，聯詠今股價開低震盪，跌幅一度逾3.5%，股價最低達172.5元。
儘管大陸官方已宣稱全面復工、解封城，但終端市場恢復似乎不如預期，華為總裁任正非首度公開證實，華為已下調第一季的營收目標，在買氣銳減下，更傳出華為將在本月針對供應鏈砍單，幅度達3成，由於大陸最大面板廠京東方占聯詠驅動IC出貨一定比重，而華為即是向京東方採購面板，故一旦華為砍單，則聯詠勢必受到影響，第二季營運也增添風險。
華為智慧機為大陸龍頭、2019年在全球出貨也排第二，全年出貨量約2.4億支，但由於美國持續加大對華為牽制力道，華為智慧機銷售恐回歸自家大陸市場，加上疫情的關係，華為今年智慧機成長恐出現首度的負成長，更不排除會摔下2億支大關。
華為已經在3月底推出全新P系列5G旗艦智慧手機P40、P40Pro，搭載五顆鏡頭，並採用京東方AMOLED面板，導入的就是聯詠OLED驅動IC，在初期拉貨潮帶動下，聯詠3月合併營收58.11億元、首季營收更達168.91億元，均寫下新高水準，但第二季不排除在華為砍單下，影響到聯詠營運動能。
</t>
  </si>
  <si>
    <t>國高中生將從23日開始施打BNT疫苗，指揮中心指揮官陳時中今表示，打完疫苗後2周內不要從事劇烈運動，學校體育課應配合學生打疫苗的時間點做適當安排；此外，打完疫苗28天內，如果有心肌炎或心包膜炎的五大症狀，應盡速就醫。
美國食品藥物管理局（FDA）的多數專家認為，一般人沒必要打第三劑疫苗，但65歲以上或高風險族則可打第三劑加強劑。對此，陳時中表示，對於第三劑各國做法不同，美國專家的建議有參考價值，不過我國要打第三劑還要6到9個月以後，這段時間可以持續蒐集實驗數據及專家意見，以進行滾動式調整。
此外，台灣高中生及國中生即將開打BNT疫苗，們們是屬於年輕好動的族群，打完疫苗後可以進行各式運動嗎？陳時中說，學生打完BNT疫苗後兩周內，要避免劇烈運動，學校體育課有必要配合調整。
陳時中進一步指出，學生打完BNT疫苗後，若在28內出現心肌炎及心包膜炎的五大症狀，應該趕緊就醫。這五大症狀分別是：一、胸痛、胸悶；二、心悸、心跳過快或不規則；三、呼吸急促；四、運動耐受不良，如沒有力氣爬樓梯；五、暈厥或昏厥等。</t>
  </si>
  <si>
    <t>電子大型權值股熄火，外資鎖定小尖兵衝鋒，摩根士丹利證券看好微控制器（MCU）大陸在地化商機，初評新唐（4919）喊買，瑞信證券科技產業分析師看好元太（8069）電子貨架標籤（ESL）業務，調高股價預期到100元，野村證券上調欣興（3037）財務預期，延續ABF熱度。
摩根士丹利證券最早深入探討大陸半導體在地化趨勢，過去二年來，多次針對CPU、記憶體、射頻（RF）、功率半導體、雲端用半導體等，建構大陸半導體在地化架構。大摩最新直指，2021年將是大陸MCU在地化引爆元年，當地供應商市場分額將從2020年的3億美元，暴衝到2025年的20億美元，換算年複合成長率高達44％。
新唐的終端市場多集中在大陸，透過完成併購NTCJ，新唐的高端產品可以滲透進工業用與車用領域，且收購NTCJ後，新唐MCU產品組合更能與國際同業並駕齊驅。摩根士丹利證券看好，在MCU、MOSFET、感測器、BMIC推動下，新唐2020～2023年營收年複合成長率將達40％，賦予新唐155元股價預期。
外資估算，新唐2021年每股純益較前年度逾倍增長至4.64元，2022年將再大增五成以上、至7.21元，2023年也有近二成年增率，至8.6元。
瑞信指出，元太ESL業務進入內生成長（organic growth）模式，從新冠肺炎疫情爆發以來，歐洲與北美客戶加速採用ESL，元太薄膜材料產能至2022年底至少翻倍，以支撐不斷提高的ESL與彩色電子紙顯示器（EPD）的需求。
根據瑞信所做通路調查，並參照電子貨架標籤業者SES-imagotag產業後市觀點，蘇厚合認為，美國與亞太眾多零售業者面臨工資上漲與社交距離的要求，更願意採用ESL以降低對勞動力的依賴，研判元太ESL業務2020～2023年營收年複合成長率達30％。
外資估計，元太2021～2023年每股純益各是4.31、5與6.16元，年增率維持在高檔的16～35.5％之間。
ABF三虎之一的欣興，過去一段時間以來獲得高盛、摩根大通、花旗環球集體看俏，野村證券最新上調對欣興財務預期，鎖定ABF需求爆發潮，看好欣興營運長線能見度愈來愈明朗，將推測合理股價升至180元。</t>
  </si>
  <si>
    <t>「半島電視台」（Al Jazeera）1日報導，印度4月再度爆發大規模新冠肺炎（COVID-19）疫情，該國東北部的產茶重地阿薩姆邦（Assam）也不能倖免，目前已有超過7000名採茶工人染疫，加上當地年初降雨量不足，恐讓這種全球知名的茶葉再度遭受重擊。
根據報導，自4月以來，阿薩姆邦的800座大型茶園中，已有403座出現工人染疫，總數達7121例，其中53例死亡；且由於檢測量不足，實際染疫人數可能更高。如其中一名工人薩巴爾（Gautam Sabar）便是在症狀出現一週後，茶園內的醫療設施仍未對其實施檢測，直到病情發展成重症後才送醫，最後在抵達大醫院不久後病逝。
不過即使當地政府下令收緊防疫措施，各茶園卻仍讓當地人數多達百萬的採茶工人繼續上工，因為5月起正是夏摘茶（Second flush）的採收時期，這時採得的茶葉香氣濃烈，主要用於外銷他國。因此茶園不僅沒有暫停作業，反而加薪讓工人繼續採茶。
茶園辯稱，讓採茶工人出門工作「比待在家裡安全」，因為當地人大多十分窮困，工錢可能每天不到3美元（約新台幣82.8元），所有人都只能擠在同一個房間，既無通風，也缺乏乾淨飲用水等衛生條件。
印度是全世界第二大茶葉生產地，僅次於中國大陸；其中阿薩姆紅茶便佔該國茶葉總產量的一半。當地茶葉協會告訴「半島電視台」，在新冠肺炎疫情下，當地2020年1至5月的茶葉產量較2019年減少7800萬公斤；今年初則由於降雨量不足，至今產量已較2019年減少6000萬公斤。當地若再發生大規模疫情，恐對相關產業造成更大的衝擊。</t>
  </si>
  <si>
    <t>全國新冠肺炎疫情升溫、三級警戒，連江縣疫情指揮中心今（21日）公布新增桃園案2344密切接觸需居家隔離個案1人，全縣統計目前居家隔離26例、居家檢疫11人，全縣各院所門急診採檢量為59件，皆為陰性。
連江縣疫情指揮中心表示，疫情中心專線進話29通，內容以自我健康監測問題、詢問篩檢結果及情緒支持為多，地區各院所門急診採檢量為59件，皆為陰性。
依據全國防疫會議內容，中央流行疫情指揮中心已依《傳染病防治法》等相關規定，全國民眾必須遵守的防疫措施， 訂定一致性之指引及規範，外出須全程佩戴之規定，針對自行開車部分，如為2人以上同車則應佩戴口罩，另工地施工人員用餐時間可保持社交距離（1.5 公尺）者，可允許不須佩帶口罩。
連江縣疫情指揮中心表示，今（21日）也做出6點決議，呼籲民眾落實相關防疫規定。
1.警察局及各鄉派出所加強巡邏公共場所、賣場、超商及餐飲業落實三級防疫措施。
2.各醫療院所篩檢站針對高風險族群逐步篩檢，找出潛在感染源降低社區風險。
3.呼籲民眾周末減少非必要出門，避免群聚，勤洗手，戴口罩，保持社交距離，民政處加強廣播。
4.自台返馬民眾請進行自我健康監測14日，減少移動。
5.建議鄉親減少赴台，公教人員休假比照軍方禁止赴台休假，戶外運動仍須戴口罩。
6.針對來馬遊客確診者足跡重疊者進行快篩作業，從高風險地區返馬民眾請與疫情中心聯繫安排篩檢時間，找出潛在感染者。</t>
  </si>
  <si>
    <t>小編精選《中國時報》5件不可不知大事，帶讀者掌握今天（29日）新聞重點。
【1】羅志祥今出關 下一步怎走考驗智慧
周揚青宣告與羅志祥（小豬）分手，並踢爆小豬與愷樂（蝴蝶）有不正當男女關係，讓小豬形象一落千丈。周揚青的家世背景及微博小號、小小號陸續被起底。小豬因新冠肺炎防疫措施，在深圳自主隔離，今（29日）是他隔離第14天，即將出關。而認了當小三的愷樂已有3代言遭撤，事業崩毀。
【2】再轟1968 黃偉哲諷阿飄多
交通部觀光局因應五一連假，推出「1968」APP升級版，提供全台234個熱點人潮示警，台南市27處高居「全台之冠」，台南市長黃偉哲繼27日炮轟中央「是跟台南有仇嗎？」昨進一步公布28日凌晨1點實測，包括三峽文化路商圈、休市的台南同安夜市、新竹市立動物園竟顯示「人潮略多」，他忍不住酸諷「是動物多還是阿飄多？」
【3】全球實際染疫 恐逾3000萬人
歐美引進新冠病毒抗體檢測，初步結果顯示實際感染人數可能是確診人數的10倍。以美國紐約州為例，以3000人進行抽樣調查的結果顯示，13.9％的人產生了抗體。假如以紐約州人口推算，約270萬人已具備抗體，達到已發布的確診人數（約25萬人）10倍之多。如果這項調查具有普遍性，則目前全球超過300萬人確診，可能實際感染人數已經超越3000萬人。
【4】2021年經濟 呈U型復甦
新冠肺炎疫情持續衝擊全球，安永公布最新「全球資本信心晴雨表」報告，逾7成企業領袖及高階主管預期疫情會導致供應鏈中斷、消費緊縮，重創全球經濟，展望未來發展，54％受訪者推測，2021年經濟將呈現U型復甦，但也有38％認為會V型反轉，在今年第三季即步入常軌。
【5】基隆廟口人流管制 攤商盼放寬
面對新冠肺炎疫情，基隆廟口夜市12日率先啟動人流管制，限額2000人，但實施半個月以來，人潮高峰僅千人，即使周末假日也從未達管制標準，讓攤商抱怨管制嚇跑遊客，認為現在疫情趨緩，全台已連續3天出現零確診，都盼連假能放寬管制。</t>
  </si>
  <si>
    <t>考慮新冠肺炎疫情，高雄市內門區農會連續多年推出「初二回娘家」辦桌活動，今年取消。內門區農會總幹事洪輝煌說，配合防疫需求，不得已停辦此活動，考慮會採訂購方式，讓有需要的民眾向總舖師購買。
「初二回娘家」辦桌活動是地方盛事，今年因為新冠肺炎疫情，內門區農會決定停辦，將退款給已匯款客戶。
洪輝煌表示，「初二回娘家」辦桌活動每年規模有400至500桌，菜色豐富，包含東坡肉、放山雞、魚翅肉羹、石斑魚、櫻花蝦油飯、佛跳牆等；可能會情商一些總鋪師，讓民眾以電話訂購的方式，訂購桌菜或想要吃的菜餚。</t>
  </si>
  <si>
    <t xml:space="preserve">
中央流行疫情指揮中心今（10日）針對新北幼兒園群聚公布最新基因定序結果，確定埃及爸（案16160）一家三口都染上Delta變異株，同時也指出與埃及爸同日返台的表哥和哥哥（案16169、案16170）抗體檢驗結果為陰性，研判是近期染疫，指揮中心不排除將改列為本土感染。
今新增2例本土、5例境外移入，指揮中心表示，新北幼兒園群聚沒有進一步擴大，維持在27例，2例本土分別為北市松山區一名國中生，與新北市一位民眾去醫院檢查身體，經篩檢後確診。
指揮中心今公布埃及爸一家三口病毒基因定序，確定妻子（案16155）及小孩（案16145）皆感染Delta，顯示和幼兒園群聚為同一感染源，不過仍不能推斷埃及爸就是這起群聚感染源頭，也有可能是其他社區不明感染源頭傳給他，再傳回去給家人，目前仍暫判埃及爸為境外移入個案。
然而，指揮中心也公布與埃及爸同日返台，入境後陰轉陽的表哥和哥哥，抗體測試結果呈陰性，醫療應變組副組長羅一鈞研判，這顯示2人為近期感染，推測是在過去7-10天之內染疫，可能屬於晚一波的感染個案。
羅一鈞說明，後續將追蹤表哥和哥哥體內Ct值變化，若Ct值有再下降，顯示病毒量增加，未來就有可能將這2例改判為本土病例。指揮中心發言人莊人祥表示，目前不會針對埃及三兄弟回頭匡列8月4日同班機乘客，畢竟已經過14天居家檢疫期，也完成2次採檢，就算有抓出確診者，也不具有傳染力。
</t>
  </si>
  <si>
    <t>澳門特區政府官網14日引用澳門高等教育局消息指出，日前該局與澳門10所高等院校高層及代表召開會議，就復課日期及安排進行磋商，根據澎湃新聞網報導，初步建議院校在滿足特定條件，並根據自身實際情況，可考慮於4月1日起恢復部分教學活動。</t>
  </si>
  <si>
    <t xml:space="preserve">滯留在武漢當地的台商當初因為武漢倉促封城而無法返台，第一班包機返台後，終於再次啟動，中央流行疫情指揮中心監測應變官莊人祥表示，將比照第一班包機模式，台商下機後，先在台灣飛機維修公司機棚進行防疫檢查後若沒有症狀者，將被分送往集中檢疫場所進行隔離檢疫14天，若有症狀者，則後送醫院的負壓隔離病房採檢治療。
新冠肺炎肆虐大陸，滯留在當地的台商因為武漢倉促封城而無法返台，因此有了「武漢包機」返台模式，第一班包機共有247名滯留當地的台商搭乘，於3日晚間11時40分返台，後來出現一名有發燒症狀，經採檢後為陽性，加上名單與我方開出的不符合，因此第二班包機遲遲無法成行。
滯留湖北台人的包機，在雙方協商僵持1個多月後，總算有了突破。據了解，10日晚間將分別由台灣華航和大陸東方航空執飛，共兩架包機返台，座位會採間隔方式，總人數控制在200人出頭，當中包含台灣提出的121人優先名單
中央流行疫情指揮中心表示，第二班包機原則為「弱勢優先、疾病優先」，才有辦法持續溝通。這次原則不變，莊人祥也表示，若登機前有發燒症狀，則不能登機，且全程需配戴口罩。
</t>
  </si>
  <si>
    <t xml:space="preserve">擴大紓困上路以來，民眾相當不滿，小黃司機可領6萬元，更是引起軒然大波，雖然政府趕快澄清是相關補助加起來6萬，但還是對政府威信造成傷害。對此，綠媒老董吳子嘉直言，連錢給人家這樣的事都沒做好，代表政府有可能因為防疫成效導致有些自滿和驕傲的現象都出來了。
小黃司機領6萬元，引起軒然大波，交通部長林佳龍趕緊解釋，原先就有薪資補貼，最高1個月2萬，最多領3個月，而自雇計程車則是1萬元，同時也鼓勵進修，只要有上課就可領1.8萬，運輸業還有1.2萬的油資補貼，因此這是原本給的各種補助加起來，而不是再多給6萬。
對此，吳子嘉在政論節目《關鍵時刻》上表示，連給錢給人家，這樣一個事情都可以搞成民怨四起，就可以想像這個政府目前為止有一些驕傲和自大，然後驕傲自大之餘，就發生這些事先考量不周現象出現。
吳子嘉強調，現在台灣面臨一個很大危機，每天下午兩點的衛福部長陳時中記者會吸引太多注意力，導致其他重要事情都荒廢掉了，媒體就不會關注，沒關注就會變成不重要的事情，像經濟就不易受到關注。
</t>
  </si>
  <si>
    <t>新冠肺炎疫情肆虐，蘋果執行長庫克仍樂觀看待後續發展。庫克表示，確診數字逐日下降反映大陸已管控住疫情，他對此相當樂觀，蘋果供應鏈復工也讓產能接近恢復正常水平。
福斯財經網27日報導，庫克受訪時表示，基於大陸確診數字每天下降，自己對於新冠肺炎疫情發展抱持非常樂觀的態度，認為大陸已經開始控制住疫情。
對於蘋果產能會否受疫情影響，庫克指出，iPhone等產品零件從世界各地而來，蘋果在大陸的工廠供應鏈已經開始重新運轉，在有條件的情況下復工。庫克稱，目前邊際產量已在上升，逐步進入恢復正常投產的第三階段。
日前庫克曾於蘋果股東大會上表示，新冠肺炎是個相當複雜的問題，也承認疫情對蘋果業績帶來挑戰。此前蘋果的Q1營收預測便指出，因疫情影響營收可能無法達到原先預測的630億美元低標目標。
此前大陸各地延後復工的情況，重挫仰賴大陸供應鏈的蘋果，也讓外界猜測蘋果今年新品會否因此延期推出。不過在消費端，蘋果在大陸的實體直營店則是陸續重新恢復營運。</t>
  </si>
  <si>
    <t>對於海軍磐石軍艦有24名確診新冠肺炎，民進黨立委林昶佐表示必須展現防衛的能量與決心，相關訓練有些不能停止。神朱學恆則說，搞不清楚敦睦和展現防衛決心的差別，大家不要怪他，因為他沒當兵。
對於海軍敦睦艦隊出訪帛琉返台後，磐石軍艦上計有24名官兵生確診新冠肺炎，民進黨立委林昶佐表示，「我們必須展現防衛的能量與決心，相關訓練有些不能停止，也不可能將國防工作完全公告周知，但是在防疫疫調上，國防部必須透明坦白的向指揮中心完整交代、釐清脈絡。」
林昶佐建請應該緊急回溯檢疫過去至少一個月以來，針對目前不管是海軍、海巡或是教育訓練(海大)的船舶，盤點相關行程以及船艦成員健康狀況。而因客觀形勢不能取消的航行計畫，也應該以磐石艦為例，與指揮中心一起梳理現行流程缺陷，做相關調整並提升防疫措施。
而宅神朱學恒則酸，「大家不要怪他，因為他沒當兵，所以雖然在國防外交委員會，也搞不清楚敦睦和展現防衛決心的差別。他大概覺得要跑到帛琉去才能對抗中共吧！」</t>
  </si>
  <si>
    <t xml:space="preserve">新冠肺炎治療又有重大突破，新研究顯示，一種稱為「氫化可體松」（hydrocortisone）的類固醇藥物能有效降低重症患者20%的死亡率，而且這種藥物相當便宜，最低只要5英鎊，不到200塊台幣。
綜合英國《太陽報》（The Sun）、天空新聞網（Sky News）報導，一項由世界衛生組織（World Health Organisation，WHO）統籌、英國國家衛生研究院（National Institute for Health Research）進行數據分析的研究顯示，氫化可體松能夠有效降低重症新冠患者20%的死亡率。
這項研究自今年2月至6月進行，招募全球12個國家、共1,703位重症新冠患者參與，整個計畫共分成7個實驗，總共針對3種不同的皮質類固醇（corticosteroids）藥物進行觀察，了解患者使用後28天的狀況，這3種類固醇藥物包含氫化可體松、「地塞米松」（Dexamethasone，DXMS）、以及「甲基培尼皮質醇」（Methylprednisolone），研究結果於2日刊登在《美國醫學會期刊》（Journal of the American Medical Association）。
研究顯示，重症患者連續使用氫化可體松7天，復原機率比未使用類固醇藥物治療的患者高出93%，而且這種藥物相當便宜，最低只要5英鎊（約新台幣195元）。
除此之外，地塞米松、甲基培尼皮質醇等另外2種類固醇藥物的實驗也出現類似效果，不過由於參與甲基培尼皮質醇實驗的患者數量過少，以至於研究人員無法確定它的效果。
實驗結果顯示，這些類固醇藥物能夠減少需要輸氧的重症患者肺部發炎狀況，特別是在那些不需要藥物支撐血壓的患者身上效果更好，而且不分年紀與性別，都有一樣的效果，不過在輕症患者身上的效果不佳。
參與該計畫的英國布里斯托大學（University of Bristol）醫學統計與流行病學教授史特恩（Jonathan Sterne）表示，「類固醇是一種非常便宜、而且容易取得的藥物，我們的研究證實，它可以有效降低新冠重症患者的死亡率。」
氫化可體松是第2個被證實能夠有效降低新冠死亡率的藥物，今年6月，牛津大學的研究也證實，地塞米松能夠大幅度降低重症新冠患者的死亡風險。
</t>
  </si>
  <si>
    <t>衛福部食藥署昨核准新冠肺炎新藥「瑞德西韋」（remdesivir）的輸入，所屬吉立亞醫藥針對近400名新冠肺炎重症者進行臨床試驗，其中有11名為台灣中、重症病患，食藥署官員表示，這11人的治療效果佳，有肺浸潤、呼吸困難者用藥後，症狀都有明顯改善。1000人次的份量，以台灣目前累計442確診病例，僅有不到1成符合適應症來看，大概要累計1萬人確診，才會用罄。
吉立亞醫藥4月底公布一項多國多中心開放性、第3期臨床試驗的重要結果，以397名新冠肺炎重症者為研究對象。吉立亞醫藥醫療長梅達帕西 (Merdad Parsey) 指出，在第3次試驗中，5天治療組達到一半患者的臨床改善時間為10天，10天治療組則為11天；兩組皆超過一半患者在第14天出院。而在第14天，5天治療組有64.5％患者達臨床上恢復，10天治療組則有53.8％。
根據該試驗，使用瑞德西韋5天與10天的病人恢復效果差不多，未來可將瑞德西韋療程定在5天，節省藥量以提供給更多病患。雖少數病人出現噁心、肝功能上升等副作用，3％病人因肝功能上升停藥，但疫情指揮中心專家諮詢小組召集人張上淳先前即指出，整體而言，瑞德西韋是比較有希望的新冠肺炎治療藥物。
食藥署署長吳秀梅表示，台灣參與瑞德西韋人體臨床試驗計畫，共收治11名新冠肺炎中、重度個案，所有患者治療效果佳，有肺部浸潤、呼吸困難者在積極用藥後，症狀都有明顯改善。
中央流行疫情指揮中心發言人莊人祥表示，食藥署初步下訂1000人次的份量，代表會有1000人可受惠，進口量大概等於6000劑，以台灣目前符合使用瑞德西韋確診病例僅1成來看，1000人次的量已充足。</t>
  </si>
  <si>
    <t>國際間已有59國開始注射新冠肺炎疫苗，台灣卻買不到疫苗，防疫指揮官陳時中在1月底先為國人打「預防針」，他坦承「打疫苗一定比他國晚」，這番大實話，真是令人無言以對。對此困境，民進黨立委王定宇開始帶風向稱，「台灣民眾在沒有出國可能或需要前，實在沒有注射疫苗的急迫性」。王定宇不急，但民眾很急，若疫苗終於買來了，不著急的王委員是不是「你先打我OK」，自願最後一個注射？
新冠肺炎造成全球大流行，至今已年餘，國際商旅形同中斷，百業悽慘，民眾防疫心理壓力備增，過去政府宣揚由民間與官方組成的國家隊，從做口罩、研發篩檢試劑、研發疫苗，均成效卓著，勝過對岸，一年過去了，人民心裡著急，想要疫苗，但國內研發落後，外購又買不到，民眾要等到何時?
更何況，如果各國紛紛完成疫苗施打，重啟國門，與國際恢復往來時，台灣若未施打，或施打率低，台灣會被列入開放之列？國人有辦法走得出去嗎？
王定宇說不必急著打疫苗，正如同去年初，疫情剛開始時，前總統馬英九、前高雄市長韓國瑜出入公共場合都戴口罩，卻被綠營抨擊為製造恐慌，衛福部還找醫師拍攝影片，告訴民眾在公共場合可以不用戴口罩，綠委更發起「我OK你先領」活動，蔚成風潮。其實是為了掩飾口罩產能跟不上的事實，現在又帶風向說，「既不出國，台灣不急著要疫苗」，是不是也想隱瞞疫苗取得碰壁的窘境？
台灣防疫能成功，很大的原因要歸功於台灣民眾自主的防疫意識，這是大家一起努力的成果，政府有做得好的地方，也有做不足之處，但政府遇到不利的狀況，就發動網軍帶風向，帶不動風向，就尋找異音批鬥，藉此移轉焦點。新冠肺炎是全人類前所未見的考驗，防疫原本就是邊做邊修正，但政府無法忍受被人指教，倨傲不接受建議，才是防疫最大的破口。</t>
  </si>
  <si>
    <t>澳洲音樂家日前來台演出，返國後確診新冠肺炎，值勤該班台北-布里斯本的組員將被要求居家隔離。事後再傳出確診音樂家是從英國倫敦搭機至曼谷，再轉機到台灣，長榮表示，與該班機接觸過的20多名機師、空服與地勤人員，都會給予防疫假居家隔離至3月8日。
長榮航空指出，依中央流行疫情指揮中心及澳洲官方衛生單位提供之資訊，一位新冠肺炎確診病患曾搭乘3月2日BR315班機由台北飛往布里斯本，該班機服務之12名空服員已於今日清晨返抵台灣，長榮航空依疾管署之規範給予14天有給之防疫假進行居家隔離。
此外，長榮航空採取更嚴格之防疫措施，該班機之3名飛行員、及曾近距離、持續性密集接觸的地勤人員比照辦理。
另外，該旅客曾於2月22日搭乘BR68自倫敦經曼谷抵達台北，該班機所有飛行員、空服員、及曾密集接觸的地勤人員，亦給予有給防疫假居家隔離至3月8日。</t>
  </si>
  <si>
    <t>美國總統川普13日在白宮舉行的記者會上回答提問時說，他可能很快接受新冠病毒檢測，相關安排正在計畫中。
新華社報導，上週末，川普在位於佛羅里達州的海湖莊園接待了來訪的巴西總統博索納羅一行。隨行的巴西總統府社會傳播秘書處負責人瓦金加藤回國後被確診感染新冠病毒。13日，博索納羅在社交媒體上宣佈，他本人新冠病毒檢測結果呈陰性。
訪美期間，瓦金加藤曾與川普、美國副總統彭斯合影。川普13日說，他不知道接觸過新冠肺炎確診病例，也沒有出現任何感染病毒症狀。
美國疾病控制和預防中心最新資料顯示，截至13日下午，美國累計新冠肺炎確診病例達1629例、死亡41例。美國首都華盛頓和46個州出現確診病例，其中，華盛頓州、紐約州和加州疫情較為嚴重。</t>
  </si>
  <si>
    <t>近期美股反彈，科技股扮演主要推手，尖牙股（FAANG）再度出頭天。其中，臉書與亞馬遜股價雙創新高。
臉書20日股價收盤狂飆逾6％，報229.97美元，亞馬遜股價勁升近2％，收在2,497.94美元，雙雙改寫新高紀錄。
21日美股早盤，臉書股價大漲2％，報234.68美元，亞馬遜股價續漲0.8％，報2,518美元。
自新冠肺炎疫情爆發以來，美股輪動從民生必需品、醫療保健、大型零售商再到半導體類股。
臉書宣布推出最新電商功能「Shops」翌日，股價便改寫新高紀錄。Shops可讓用戶在商家的臉書與Instagram頁面購物，該項功能是臉書揮軍電子商務領域最大的行動。
摩根士丹利分析師表示，Shops功能可望協助臉書迎戰亞馬遜和谷歌。
在新冠肺炎大流行期間，電商巨擘亞馬遜的表現優於大盤，投資人看好亞馬遜的長期績效，且疫情期間消費者轉向網購，帶動亞馬遜股價躥揚。
儘管沃爾瑪（Walmart）、Target和家得寶（Home Depot）等大型零售商的財報顯示，旗下電商部門業績相當強勁，但亞馬遜依舊是「電商之王」，而且成長快速的雲端業務AWS也是亞馬遜股價的重要推手。
科技股漲勢凌厲推動那斯達克綜合指數走高，那指自3月23日的波段低點反彈，5月初時便已經收復2020年的跌勢。那斯達克綜合指數目前只較2月19日的歷史新高水準低了約5％。</t>
  </si>
  <si>
    <t>中央流行疫情指揮中心22日宣布，台灣醫療能量有餘裕，除健檢、醫美外，要開放外籍人士來台就醫，此話一出便引來許多反彈。對此，前國民黨立委孫大千直言，若一旦形成防疫破口，是否會造成醫院的群聚感染，最終導致台灣的全面淪陷呢？
指揮中心將在8月1日開放外籍人士來台就醫，疫情中心發言人莊人祥表示，目前排除醫美、健檢等非必要醫療行為，主要還是針對過去曾在台治療的病人例如癌症等重要疾病的病人進行開放。由於新冠肺炎疫情仍持續，外界質疑此政策恐形成防疫破口。藍委批評此政策缺乏周延思考，也沒有和醫護人員充分溝通，呼籲衛福部立即暫緩開放外籍人士來台就醫政策。
孫大千則在臉書表示，民進黨政府是腦袋有問題嗎？他說上次投入數千萬片的口罩，贈送給國外的友邦政府，害得國內的民眾只能夠苦哈哈的排隊，購買每14天配給9片的口罩，還要學習如何用電鍋蒸口罩。最後外宣效果極為有限，變成一種自嗨自爽的行為，根本就是肉包子打狗，有去無回。
孫大千指出，現在為了要推動階段性的台獨，不惜犧牲台灣人民的健康安全，規劃開放外籍人士來台就醫。原本不是才告訴國內民眾，為了保全有限的醫療資源和實力，所以不推動全民普篩，一旦開放外籍人士來台就醫，難道不會耗費現有醫療能量嗎？「更重要的是，如果一旦形成防疫破口，是否會造成醫院的群聚感染，最終導致台灣的全面淪陷呢？」</t>
  </si>
  <si>
    <t>新冠肺炎衝擊，IMF（國際貨幣基金）大砍台灣GDP，中央銀行罕見對此提出說明，強調IMF未在台灣設置專職單位，難以即時掌握台灣現況，這份外部報告有明顯低估傾向，也過份悲觀，將會持續與IMF溝通，希望有助於其預測準確性。
央行整理出IMF近年預測，2016年後對台灣經濟成長率之預測值普遍偏低，以2016年為例，IMF於該年10月預設台灣GDP為1％，較該年實際值2.17％低估1.17個百分點。
央行副總裁嚴宗大明（20）日將赴立法院財委會，就新冠肺炎造成國際經貿環境的影響與展望進行專題報告，書面報告昨日出爐，罕見以「附錄」方式提及IMF一事。
IMF於14日發布之「世界經濟展望」報告，對台灣今年實質GDP預測值由原本1.9％大幅下修至負4％。不過，這份報告是由總部位於英國倫敦的Consensus Economics機構所做。
央行指出，IMF是採由下而上之經濟預測方法，在假設本年全球經濟大幅衰退，台灣屬小型開放經濟體，受衝擊程度較大，而國外需求驟降，不利台灣輸出成長表現，這也是IMF對台灣經濟成長較為悲觀的主要原因。
央行強調，近期多數機構雖然調降台灣GDP預測，但大部分仍有零到1％成長，反映出IMF未能掌握台灣受疫情影響之真實程度，及公共與民間投資情形，未考慮政府紓困振興方案之正面效應，會持續與IMF溝通，希望有助於協助其對預測的準確性。</t>
  </si>
  <si>
    <t>新冠肺炎肆虐全球，疫情繼續擴散。惟大陸疫情增長有所放緩，除了重災區湖北省外，各地新增確診病例連續多天維持個別數，多個省市區已陸續復工。截至3月2日，大陸確診病例超過8萬宗，造成2912人病亡，疑似病例僅餘715宗，累計超過4.4萬人治癒出院。
據港媒報導，針對湖北監獄爆發疫情，以及有釋囚突破「封城」返回原居地等情況，湖北省長王曉東1日到荊門市檢查督導監獄系統疫情防控工作，提出要嚴格做好刑滿釋放人員集中安置工作，嚴防疫情向外輸出。據了解，此次是王曉東3天內第2次檢查監獄等特殊場所的疫情防控，亦是湖北省第一次明確提出刑滿釋放人員的安置方式。
另一方面，因應世界各國確診人數急增，大陸當局亦加強入境防控措施，嚴防境外疫情回流，造成疫情第二波爆發。</t>
  </si>
  <si>
    <t xml:space="preserve">紐籍機師確診新冠肺炎，不僅在飛行期間未佩戴口罩，造成兩名同事染疫，還將病毒傳染給30多歲的廣達集團女員工，但依現行法規，無論本國籍或外籍人士，入境台灣確診後，其治療費用均由政府預算支出，引發網友不滿，感染科醫師王任賢今也表示，「相當不服氣」。
紐籍機師成為台灣防疫破口，令不少民眾憤怒，有網友在PTT上討論其治療費用時，絕大多數都認為「應由本人負擔或是長榮」買單。
據《三立新聞網》報導，中國醫藥大學附設醫院感染科主治醫師王任賢表示，「雖然很不服氣，但也只能接受」，由於此事事關公益政府責無旁貸。他無奈說，若政府不出這筆錢，以後有確診者更不會據實以告。不過，針對紐籍機師疫調不實，遭桃園衛生局重罰30萬，他很贊成，也認為「本就該重罰」。
另外，王任賢也呼籲各縣市政府單位，應停或暫緩辦耶誕節、跨年等活動，他認為紐籍機師與廣達妹，都已在社區趴趴走15日，絕非指揮中心說採檢173名接觸者，這麼簡單而已，呼籲政府在這段時間清查個案所待過的社區、足跡，徹底檢查、消毒，好消除民眾心中的疑慮。
</t>
  </si>
  <si>
    <t xml:space="preserve">國內昨天(13日)新增一例大陸新冠肺炎輸入個案，是隔8個月來再度出大陸返台確診，對此急診醫生陳志金警告，這一例不會是只有一例，「它背後代表的數字，絕對不能輕忽！」必須超前部署，做好準備。
陳志金在臉書提到，1月18日時他寫過了「大陸都靠外國檢疫揪出新冠肺炎？神奇！新冠肺炎只會出國，不會在國內傳播？」當時大陸僅41例確診，卻能輸出3例，很不符合比例原則，估計當時病例至少3000人以上，果然1月21日台灣出現第一例自武漢返台的確診後，23日武漢就封城了。
陳志金說，10月13日台灣再度出現大陸輸入病例，也警告這一例不會只有一例，背後代表的數字不能輕忽，「每天確診數千例的國家，跑一例來台灣，我相信！但大陸現在每天確診10到20例，那麼巧跑一例回來台灣？這個當然是不符合比例原則！」台灣現在能過著安定生活，就是因為一開始對大陸的數字保持懷疑態度，「我們一定要繼續秉持著年初的不信任、超前部署，做好準備！」。
對此，網友紛紛留言「準備開始抖抖了」、「希望台灣人千萬別輕忽，勤洗手戴口罩還是必要」、「14億人只有10-20例確診，而有1-2例到他國，比中樂透還難」，但也有人表示「可是我們不也輸出多例至其他國家？然後台灣也沒什麼事，不是嗎？」。
對於網友疑惑陳志金也回應，台灣在國外被驗出的確診案例，後續疾管署每一例都有追蹤、疫調，有的是偽陽性、有的是在當地感染機會比較大，而且這些個案在台灣都沒有造成傳播及本土疫情，「如果台灣真的有疫情，現在連假天天塞車去玩、到處人擠人、醫院人滿為患，能夠不爆發嗎？」。
</t>
  </si>
  <si>
    <t>明開始週末假期，蔡英文總統今在臉書拜託大家，明天是星期六，非必要，別出門。「相互體諒、配合，減少出門造成的接觸機會，這就是團結打贏防疫這一仗最好的方式」！
總統說，好好待在家裡，就可以減少感染風險。假使真的需要外出，也請記得口罩一定要全程戴好戴滿，違反規定就會開罰。
她說，她也要建議大家；如果跟確診者沒有接觸史，也沒有出現癥狀，請暫緩篩檢，把醫療資源留給需要的人，也避免出門感染風險。
她指出，防疫不容易，第一線防疫人員都盡全力在拚，「我們能做的，就是相互體諒、配合，減少出門造成的接觸機會，這就是團結打贏防疫這一仗最好的方式」！
她表示，拜託大家了！也請多關心家中長輩、孩子及身邊的朋友，一起做到非必要別出門！</t>
  </si>
  <si>
    <t>CES 2020展會舉辦之際，新冠肺炎（COVID-19）疫情仍處於初期階段。但時至今日，疫情散播情形已截然不同，全球確診人數衝破1600萬。為了保護參展廠商與參觀民眾與媒體們的健康，主辦單位CTA (Consumer Technology Association，美國消費技術協會)以確認2021年CES展會將以純線上形式舉辦。
CTA公告，原定將在2021年1月6日至9日在美國拉斯維加斯舉辦的CES消費性電子展，將取消線下（實體）展覽的形式，包含主題演講、高峰會議、產品展出以及商機媒合的會議，都將以線上方式呈現。
CTA方面指出，由於疫情傳播對於全球帶來的健康疑慮，選在2021年初在拉斯維加斯舉辦實體展覽，還有面對面對的洽談生意，難以確保參加者的健康，因此為了進一步保障參展者、參觀者的健康，CES 2021將以線上形式舉辦。但預計2022年將會重返拉斯維加斯（舉辦實體展覽）。
CES是每年第一個大型的消費性電子展，通常選在一月份在拉斯維加斯舉行，2020年CES聚焦5G、人工智慧（AI）、擴增實境（AR）、虛擬實境（VR）、自駕車等議題，吸引全球 160 個國家逾 4500 家廠商參展，展位面積超過 290 萬平方英尺，創下歷史紀錄。總共展出 2 萬項以上新品，參觀人數達 18.4 萬人，演講人數超過 1200 人。若要改以線上形式舉辦，對於主辦單位也將是另一個全新的挑戰。
2020年因新冠肺炎疫情影響，包含MWC全球行動通訊大展、日內瓦車展、SWSX音樂節、日本CP+攝影展器材展等展覽，還有蘋果、Google、微軟以及Facebook等科技巨頭的開發者大會也被被迫取消或以線上形式舉辦。在全球多國的疫情尚未獲得緩解之前，在CTA宣布CES 2021以線上方式舉辦展會後，會不會引發連鎖效應，值得觀察。</t>
  </si>
  <si>
    <t>新冠肺炎疫情升溫，全國三級警戒，新北市議員張維倩今（20日）接獲民眾陳情，民眾由PCR篩檢後得知確診卻僅能等候安排，她將向市府建議，市府應儘速建立整套的防疫SOP，讓市民知道確診後該如何配合市府等待、隔離、以及解隔離。
張維倩表示，接獲民眾陳情，自己經由PCR篩檢後得知確診，無奈衛生局回覆只能等候安排，不知道要等到什麼時候才能去檢疫所，也擔心自己在家會傳染給同住家人，尤其家中又有長者及幼兒，希望議員可以協助向市府反應。
張維倩表示，台北市政府在昨日的防疫記者會很清楚的放上快篩陽性以及PCR確診後該有的流程，讓民眾很清楚了解中、重度症狀患者會透過救護車送至專責醫院及EMOC，無症狀或是輕症患者會透過防疫巴士及救護車送至集中檢疫所隔離，集中檢疫所會有專責人員做健康監測。
相反的，新北市民只能在家苦苦等待不知道自己下一步該如何配合，張維倩表示市府應儘速建立整套的防疫SOP，讓市民知道確診後該如何配合市府等待、隔離、以及解隔離。
張維倩也批評，針對新北市政府在疫情期間多次強調市府的防疫工作方方面皆超前部署，可是針對防疫旅館、防疫物資、防疫SOP都沒有看到有超前部署的成效，直到疫情嚴重才開始徵用防疫旅館，疫情爆發熱區也不見市府加強快篩站設置。
張維倩質疑，台北市政府在萬華爆發感染源之後，立即在萬華設置四站的快篩站，反觀新北市政府在這幾天最多例的中和卻沒有設置快篩站，如此的防疫作為要如何儘速地找出感染源，截斷病毒的傳播鏈呢？
張維倩亦擔心，中和區有許多民眾都會到萬華的環南果菜市場批發回來中和擺攤販賣，人潮擁擠的傳統市場未落實稽查民眾戴口罩的情形，導致近日的確診足跡許多都是出現在傳統市場，亦未見這些傳統市場有安排休市或是清消的作業，倘若市府沒有在第一時間儘速控制疫情的傳播，恐怕疫情還會越來越嚴重。</t>
  </si>
  <si>
    <t xml:space="preserve">指揮中心前天(13日)公布一名台商自大陸江蘇返台確診新冠肺炎，是時隔8個月又見大陸移入個案，光電大廠友達也證實染疫台商為昆山廠台籍幹部，然而昨(14日)晚大陸疾控中心指收到我方電郵，指該名台商（案530)的核酸檢測為陰性，我指揮中心證實，這名台商確實首採陽性，但二採卻呈現陰性結果，目前難以判斷是否染疫，進一步的檢驗結果最快今天出爐。
時隔8個月又出現新冠肺炎大陸移入個案，引發各界高度關注，友達昨傍晚也證實確診個案是該公司昆山廠台籍幹部，但陸方疾控中心昨傳出，我方通報的採檢結果，該個案核酸檢測為陰性，加上我指揮中心前天宣布有大陸移入個案後，陸方連夜採檢友達昆山廠1970名員工，結果均為陰性，密切接觸者40人的血清和咽喉拭紙檢測結果也為陰性，引發案530是否為烏龍確診的疑慮。
指揮中心發言人莊人祥表示，這位台商是11日入境檢測，12日檢驗結果陽性，當日再採檢後，14日檢驗結果卻是陰性。並表示這位台商入境採檢是用口水，2次採檢是咽喉。目前難以判斷是否染疫，已經從台商口水中嘗試培養病毒以釐清，進一步檢驗結果最快今天出爐。
據中央流行疫情指揮中心公布資料，案530為40多歲男性，於2月赴大陸江蘇工作，10月11日返台休假，因入境時出現咳嗽、流鼻水及鼻塞等症狀，於機場進行採檢，13日確診。
</t>
  </si>
  <si>
    <t>本土疫情持續趨緩，中央流行疫情指揮中心今天公布，10月19日至11月1日維持二級警戒，不過因為疫情穩定，因此宣布口罩鬆綁規定，19日起民眾從事戶外運動、室內外拍照時可以不用配戴口罩，至於何時可以降到一級？指揮官陳時中表示，「降一級的條件很多，還要繼續努力」。
外界關心，今天宣布二級警戒持續維持，究竟二級警戒何時可以下降，與兩劑疫苗覆蓋率要達到6成有關嗎？
陳時中表示，要降一級，有多重條件在，目前為止全國疫苗一劑的覆蓋率為62.11%，劑次人口比84.12%，換句話說第二劑的覆蓋率還是只有22％，還是要繼續努力，請大家不要急。</t>
  </si>
  <si>
    <t>台南市1名有中風、洗腎病史的58歲男子，6月14日接種AZ疫苗後，隔天即出現身體不適，6月28日送醫治療，7月24日宣告過世，家屬向衛生局通報後，台南市衛生局也已經向中央通報為疫苗不良反應個案。
台南市衛生局指出，今天新增一起接種疫苗後不良反應的案例，該名男子本身有慢性疾病史，包括中風、洗腎等，上個月14日接種AZ疫苗後，隔天就出現身體不舒服，並向衛生局通報，男子接種疫苗2周後送醫治療，住院快1個月，本月24日過世。男子從接種疫苗到身亡間隔1個月，衛生局已向中央通報為疫苗不良反應，後續將釐清男子死因是否與疫苗相關。</t>
  </si>
  <si>
    <t>台灣疫情升溫，近日升至為第二級警戒後，昨（14日）更一口氣爆增29位本土病例，讓全台灣民眾人心惶惶，不過作家歐陽靖表示：「現在全世界能因為日增十幾位本土案例，就恐慌成這樣的…大概也只有台灣、澳洲這些防疫有成的國家了」，仍舊肯定台灣防疫有成。
歐陽靖表示去年的今天，日本新冠肺炎確診人數約1萬5千人，每日新增病例數不到100人，隨著東京奧運延期、志村健染疫身故，讓日本民眾人人自危，為了避免群聚及擔憂接觸感染，不僅不敢叫外送，甚至只能在家用視訊軟體聯繫感情，但事隔一年之後，日本新冠肺炎確診人數暴增到66萬人，每日新增病例數為3000-7000人，即使緊急事態宣布延長，卻不見民眾加強防疫，反而是四處群聚飲酒、到人多的地方逛街遊玩。
這讓她好奇詢問日本的朋友：「這麼嚴重，怎麼反而不緊張了？」沒想到竟得到「日子還是要過啊」的答案，這讓歐陽靖感嘆要是當初留在日本，一定也會變成防疫疲乏，面對未知危險只求盡人事聽天命，並說服自己：「其實好像也沒那麼嚴重？因為日子還是要過。」接著不忘讚美台灣防疫做得很棒，畢竟「全世界能因為日增十幾位本土案例，就恐慌成這樣的⋯大概也只有台灣、澳洲這些防疫有成的國家了。」
對於台灣確診病例爆增，導致政府飽受民眾批評，歐陽靖表示呼籲應該少一些謾罵，並保持警戒的情緒，下載好『台灣社交距離』APP，更要做到戴口罩、勤洗手的動作，相信一定可以再次渡過難關。
★中時新聞網關心您：喝酒過量，有礙健康！</t>
  </si>
  <si>
    <t xml:space="preserve">新冠肺炎疫情延燒，民眾聞「肺炎」色變，未料竟意外成為嚇阻民眾亂丟垃圾利器，台東市中華路1間服飾店在騎樓設置洗手台，長期遭民眾丟進垃圾，店家不堪其擾，結合「當紅時事」貼出「亂丟垃圾得肺炎」告示，果然一舉奏效，迄今都沒人敢亂丟垃圾。
服飾店林店長說，去年12月中開店，常有民眾把垃圾丟在騎樓的柱子底下及騎樓下的洗手台內，幾乎每天都有垃圾，狀況維持1個多月，雖已張貼公告請民眾不要亂丟垃圾，但情況並未改善，讓她非常頭痛。
「靈機一動！出奇招」林店長說，新冠肺炎年初爆發，當時抱著好玩的心態，結合時事在公告寫上「這是洗手台，不是垃圾桶，亂丟垃圾祝你得肺炎」，從2月初張貼至今，真的沒有人再亂丟垃圾，肺炎威力無遠弗屆，成功達到嚇阻效果。
看到公告的民眾說，原本就不該亂丟垃圾，況且還是在營業店家前，但這是防君子、不防小人，為了嚇阻沒有公德心的人，公告內容無傷大雅，蠻有趣的；但也有民眾說，現在疫情讓大家很緊張，公告內容似乎有點不妥。
台東衛生局表示，店家張貼亂丟垃圾祝你得肺炎，有詛咒亂丟垃圾民眾的意思，雖沒有違反傳染病防治法相關規定，但仍希望店家斟酌用詞。
</t>
  </si>
  <si>
    <t>日本厚生勞動省日前通報我方，當地自台灣返日的學生檢出新冠肺炎陽性。中央流行疫情指揮中心發言人莊人祥表示，今早得知這名學生的CT值大於35，屬於弱陽性，衛生單位目前已要求100多名接觸者進行採檢，截至目前44人陰性，其餘結果將在6點前出爐。
20多歲來台留學的日本籍女學生，20日返回日本後被驗出新冠肺炎。日本官方資料指出，該女的感染源為台灣，引發外界擔憂。莊人祥表示，今早接獲日方告知，該女的CT值為37.38，在台灣，通常是低於35會判陽性，這個學生的狀況在台灣會被判為弱陽性。
基本上，CT值大於33就養不太出病毒，傳染力低，而這名學生也沒有症狀，很難說什麼時候感染。莊人祥表示，先前要求125個接觸者改為居家隔離並採檢，但其中2名同學已經不在國內，還有7人仍在協尋中。116名接觸者當中，截至目前已有有44人檢驗陰性，其餘72人的採檢結果，預計將在今晚6點前出爐。
莊人祥表示，這名個案傳染力不高，且衛生單位也有掌握密切接觸者，採取的是精準防疫，才決定不公布足跡。至於為何等到昨天傍晚5點才公布，他表示，是因為在等待日方的說法，也在與學校溝通，才多花了一些時間。
對於有專家建議普篩，莊人祥表示，指揮中心曾針對3月30日自美國紐約返台的「最毒班機」進行全採檢，12名有症狀的個案都確診，但沒症狀的人都檢不出病毒，顯示指揮中心不普篩有根據的。</t>
  </si>
  <si>
    <t xml:space="preserve">瑞基(4171)新冠肺炎病毒檢測試劑開發完成，兩款試劑分別適用一般實驗室與瑞基POCKIT檢測平台。瑞基說，在新冠肺炎病毒檢測試劑開發上取得重大進程，已成功開發出適用於實驗室使用的qPCR(Real-Time PCR)試劑，以及適用瑞基POCKIT平台使用的iiPCR系列試劑。
瑞基新冠肺炎病毒檢測試劑是採用WHO與美國國家生物資訊中心(National Center for Biotechnology Information, NCBI)及全球共享禽流感數據倡議組織(Global Initiative on Sharing All Influenza Data, GISAID)基因庫所公佈之新型冠狀病毒基因序列的特異性基因片段進行設計，其專一性與靈敏度與WHO所公告的建議檢測方法一致。
qPCR試劑可搭載一般實驗室儀器檢測使用；iiPCR系列試劑將搭載瑞基儀器POCKIT系列使用。瑞基POCKIT儀器擁有微型輕便，簡易操作等特性。2018年成功開發並獲得CE-IVD認證之POCKIT Central儀器，更將萃取與檢測合而為一，sample-in-result-out的設計，只需將樣本置入，85分鐘後即可得知檢測結果，視為防疫一大利器。
瑞基深耕現場檢測平台多年，平台系統於2014年獲選列入美國國家級實驗室(PNNL)出版第一防線生物偵測技術指南，為亞洲第一家被列入可提供現場PCR檢測系統的生技公司；2017年亦獲得世界糧農組織(FAO)越南分部推薦，用於活禽市場疾病監控，此後FAO亞洲多國分部持續訂購非洲豬瘟與禽流感相關產品；2019年更獲沙烏地阿拉伯環境水利農業部(MEWA)青睞，運用POCKIT系列平台於邊境防疫。
</t>
  </si>
  <si>
    <t>桃園市政府19日公布確診者足跡，新增1人足跡在金沙酒店為5月10日至14日下午4時至凌晨2時。另根據苗栗縣政府資料，案2011曾在11日傍晚前往該酒店，當時衛生局已經匡列相關酒客、小姐、工作人員，如今又傳出1人確診，不少酒客擔心是否有接觸史。
因金沙酒店屬於八大行業，是警方列管場所，定期要前往臨檢。據了解，上次警方臨檢已經是1個多月前，警方比對臨檢日期與確診者足跡後，放下心中大石。
消息傳出，不少酒客也連忙向酒店打聽，詢問有沒有與該工作人員有所接觸，多數得知沒有，也鬆下一口氣。王姓酒客說，得知案2011曾造訪金沙後，連忙加強自主健康管理，趕緊去買耳溫槍，除了戴口罩，也加買耳溫槍防疫。</t>
  </si>
  <si>
    <t>上週末，北京市出現今年清明祭掃首個高峰週末。據市清明節群眾祭掃服務工作臨時指揮部統計，3月21日至29日9天時間，全市各殯葬服務機構已累計接待31.1萬祭掃群眾。週六周日兩天，全市223處祭掃點共接待群眾11.3萬餘人，疏導機動車4.2萬餘輛。現場祭掃人數週六同比去年下降90％，周日同比下降92％，機動車流量也同比下降近九成。
預約代祭掃、網上祭掃、家庭追思等方式，成為不少市民今年清明祭掃的新選擇。截至29日，選擇在「2020年清明節網上祭掃服務平臺」祭掃人數超過4700人。全市各掃墓點平穩有序，秩序良好。
資料顯示，週六當天截至17時，全市223處祭掃點共接待群眾5.9萬餘人，疏導機動車2.1萬餘輛，同比去年分別下降90％、83％，其中八寶山地區接待祭掃群眾3336人，機動車832輛，人數同比去年減少92％，車輛同比減少84％。
網同紀念網是大陸最早做互聯網紀念的網站之一，其實際負責人王曉彥表示，網路祭掃的功能早已不是簡單的「花歌燭酒香」等網上點擊方式，家屬可以在網上為逝者建立紀念館，以視頻、音訊、圖片、文字等多種方式祭奠留念。網上紀念館已經成為一種數位情感遺產。</t>
  </si>
  <si>
    <t xml:space="preserve">Rudy: "I was getting death threats" after the news came out he had coronavirus.
身為首位確診新冠肺炎NBA球員的爵士中鋒戈貝爾，如今總算把悶在心裡的話都說出來！《鹽湖城論壇報》記者瓦爾登13日爆料，戈貝爾坦承在確診之後，就不斷收到死亡威脅，畢竟他被外界認定是造成NBA無限期停賽的罪魁禍首。
畢竟在3月12日確診新冠病毒之前，戈貝爾曾在賽後記者會刻意觸摸麥克風，展示他的另類幽默，甚至還被傳出故意在休息室內摸遍所有隊友物品，擺明沒把新冠肺炎疫情放在心上，隨後當他確診之後，他也馬上遭到外界大肆抨擊。
戈貝爾隨後透過社群媒體，跟所有人公開道歉，且表達自己悔恨之意，「NBA總裁席爾佛馬上就宣布NBA無限期停賽，充分做好他份內的工作，當時我承受了很多外界批評，但席爾佛這樣的作法，如今看來可能拯救了很多人的生命。」
當說到戈貝爾是否感到後悔，他的回答是，「我向來是一個很愛開玩笑的人，認識我的人現在真正知道了我的內心，碰觸麥克風讓我看起來相當糟糕，這完全都是個人看法的問題，但這些動作讓我看起來，是那種不在乎別人性命的人。」
</t>
  </si>
  <si>
    <t>中央流行疫情指揮中心昨日（12）宣布新增16例本土個案，包括台北、新北、宜蘭、基隆都有確診者，讓全台恐慌。國民黨立委曾銘宗、賴士葆雙雙呼籲，總統蔡英文別再陷意識形態，趕快向上海復星醫藥採購有效且安全的德國BioNTech（BNT）輝瑞疫苗。
曾銘宗昨日接受香港媒體《中評社》訪問表示，台灣目前採購道的AZ疫苗，不管是對一般民眾或是醫護人員信心都不足，尤其連具有醫療專業的醫護人員都沒信心，現在變成在鼓勵一般民眾施打；即便一般民眾有意施打，但眼前卻只有AZ疫苗唯一選項，導致接種意願低落。
曾銘宗指出，雖然中央流行疫情指揮中心說有採購505萬劑莫德納疫苗，希望6月到貨，但這個時程真的拖太久了，何況6月到底能不能真的到貨也有疑慮，他認為蔡政府應放下意識形態，趕快找上海復星醫藥談，盡快讓有效且安全性較高的輝瑞疫苗進來讓民眾施打。
賴士葆受訪也表示，第一線的醫護人員AZ疫苗的接種率只有11%，連醫療專業者都認為AZ疫苗風險高，所以想等BNT疫苗或其他疫苗選項，而且AZ疫苗負面新聞不斷，變成大家縱然想打也不敢打；明明當初就有機會採購到BNT疫苗，若不是蔡政府意識形態作祟，又有人想從中撈一筆，BNT疫苗也不會被白白耽誤、早就進來了。賴強調，台灣現在又爆發社區感染，但現在向德國買BNT疫苗的話會變比較貴，和之前差到台幣70幾億。
賴士葆指出，蔡政府說等國產疫苗，但國產疫苗有沒有效？實驗樣本性夠不夠？這些都是問題，何況只有第二期實驗就授權有不少的爭議，就算對人沒有傷害，有沒有防護力也是問題，甚至有沒有在疫苗爆發區，例如印度接受檢驗國產疫苗的保護力，也仍是未知數。
綜觀眼前情勢，賴士葆直言，輝瑞目前被認為是最好的疫苗，美國原來一天確診20萬人，普遍施打後現在一天不到4萬人；現在只能要求蔡政府趕快購買保護力高、讓人民有信心的輝瑞疫苗，雖然輝瑞BNT疫苗的大中華地區總代理是上海復星，但只要能夠放下意識形態，還是能夠趕快取得輝瑞BNT疫苗，陳時中旁邊的專家諮詢小組召集人張上淳其實很懂，但好像沒向陳建議，因為陳很多防疫決策都是有問題的。</t>
  </si>
  <si>
    <t xml:space="preserve">一項刊登在國際權威期刊《自然》（Nature）的美國研究發現，輕症新冠患者感染病毒11個月後，體內還有抗體，還發現了能夠製造抗體的骨髓細胞，團隊認為染疫後或許能夠終身免疫。
綜合路透社、《印度人報》（The Hindu）報導，美國華盛頓大學醫學院（Washington University School of Medicine）研究團隊24日在《自然》刊登最新研究，發現輕症新冠患者出現症狀後11個月，體內還存有抗體，和先前部份研究指出，抗體數量會隨時間急速消逝有所出入。
研究共同作者、華盛頓大學醫學院副教授艾勒比迪（Ali Ellebedy）表示，當時有媒體解讀染新冠後的免疫力無法維持長久，他說這是「錯誤解讀」，「因為一般來說，在急速感染期過後，抗體數值本來就會下降，但不會歸零，只是進入停滯期。」
研究指出，當人體面臨新的感染時，短暫存活的成漿細胞（plasmablast）會先快速製造抗體，導致體內抗體數值飆高，待病毒被消滅後，這些細胞就會消失，患者體內抗體數值也跟著下降。不過同一時間，換成其他壽命更長的細胞製造抗體：記憶型B細胞（memory B cell）在血管中巡邏，防止再度感染，骨髓漿細胞（bone marrow plasma cells）則遷移至骨髓內，持續分泌少量抗體至血管中，幫助防止再度感染病毒。
華盛頓大學醫學院研究團隊的計畫是追蹤新冠康復者血液中的抗體數值，團隊一共招募77名新冠患者，在初感染後1個月開始，每3個月抽取、檢視血液樣本。多數參與者為輕症患者，只有6人有住院過。
除此之外，在初次感染7、8個月後，團隊也對當中28名參與者抽取記憶型B細胞及骨髓樣本，4個月後再對其中5人第2度抽取骨髓樣本。為了作比較，團隊也從11名沒有得過新冠肺炎的參與者身上抽取記憶型B細胞及骨髓樣本。
團隊發現，在感染後的前4個月，參與者體內的抗體數值降得很快，然後就趨於平穩，甚至在第11個月還能檢測到抗體。
被抽取骨髓樣本的參與者中，多數人體內都還偵測得到記憶型B細胞，15人測到非常少量的骨髓漿細胞，甚至4個月後第2度抽取骨髓樣本的參與者，體內的骨髓漿細胞數值仍維持穩定。
艾勒比迪指出，這些細胞在清除病毒感染後就「暫時靜止了」，待在骨髓內分泌抗體，「他們會這樣無限期地持續下去」，並且在康復者的餘生中持續「存在、製造抗體」。
不過團隊也表示，不清楚新冠中度、重度患者康復後是否也會有同樣結果。
</t>
  </si>
  <si>
    <t xml:space="preserve">
大陸數月前自祿口機場清潔人員檢出印度變異株（Delta）後，本土疫情便在境內多處擴散，引發國際擔憂。國內今新增一名桃勤清潔人員染疫，經初步定序檢出Delta，Ct值僅14，專家擔憂事情「大條」。由於國內過去的本土群聚都是以職場、家戶接觸者為主，加上此次碰上中秋連假，專家呼籲衛生單位必須「與時間賽跑」，今日應儘速把第一圈接觸者採檢完，了解機場是否有傳播鏈，連假是否需進一步限縮國人行動，就得看看此次的疫情規模。
桃園市今日新增一名20多歲桃勤清潔人員（案16213）確診，中央流行疫情指揮中心表示個案曾接種1劑疫苗，原定在9月23日接種第2劑，不過9月12日個案開始流鼻涕、頭暈，14日確診，Ct值只有14，初步定序為Delta。由於個案9月7日快篩陰性，因此匡列9月8日以後的接觸者。桃園市今午表示，個案可傳染期在桃園的足跡只有全聯、家樂福，其餘都以雙北為主。
北醫附醫胸腔內科主任周百謙表示，南京機場數月前才爆發Delta疫情，明顯機場就是個高風險場域，包括門把、桌面、電梯等環境污染，都有可能導致後續的傳染。國內4、5月曾爆發諾富特事件，但至今機場的工作人員卻未完整接種，相當可惜，2劑疫苗的接種是基本的，機場的人員比第2類更重要，此次應看看究竟有多少工作人員還未接種疫苗。
周百謙表示，一般而言，清潔人員通常都會有一起吃飯、休息的地方，目前並不曉得清潔人員的同事是否染疫。國人口罩遵從度高，不論是近期的幼兒園群聚、過去的台電群聚，都是以職場、家戶接觸者為主，因此此次機場是否有傳播鏈將是首要關鍵，呼籲衛生單位今應把第一圈接觸者先採檢一輪。
由於再過幾天就是中秋連假，民眾跨縣市移動的機率將增高，周百謙坦言此次的疫情「有隱憂」。他強調，衛生單位如今必須「和時間賽跑」，儘速把同事、家人等採檢完，了解染疫的規模後，才能決定是否需對連假期間的活動進行限制。</t>
  </si>
  <si>
    <t>靈鷲山無生道場今（31）日在貢寮聖山寺舉辦「2022年水陸空第1場先修大法會」，為新冠疫情染疫往生者、東北角濱海公路車禍意外、高雄城中城火災及雙溪區虎豹潭事故罹難者超薦祈福，並捐贈新北市府愛心贊普物資及消防設備，由民政局長柯慶忠代表受贈，並回贈感謝牌表達感謝。
法會募集白米、醬油、餅乾、罐頭等愛心物資，法會結束後捐給社會局、三重區及蘆洲區公所，分送地區弱勢族群，另外捐贈瑞芳區住宅警報器1000個及高功率太陽能閃爆燈100個等消防救助裝備，充實新北市消防及交安量能。
柯慶忠表示，靈鷲山無生道場為靈鷲山佛教教團總本山所在，由開山住持心道法師所創，致力於各項公益慈善，並積極推動「愛地球、愛和平」全球運動與環保教育，是新北市績優宗教團體。感謝捐贈愛心物資及消防設備，嘉惠三重、蘆洲、瑞芳地區弱勢族群，傳達法會的佈施精神，勸發菩提心。
心道法師表示，在這場疫情的震撼教育中，真實感受到地球上的萬物眾生是一個生命共同體，期許人們回到本初，不再違反地球靈性生態倫理，唯有找回靈性，尊重、包容、博愛，彼此分享，才能互濟共生，讓地球永續。</t>
  </si>
  <si>
    <t xml:space="preserve">對一般人來說，單是要做幾個伏地挺身，可能就得費上九牛二虎之力，累得喘噓噓。可是對這位健身高人而言，實在是簡單到爆。
據《每日郵報》（Daily Mail）25日報導，在法國巴黎郊區埃爾布萊（Herblay）的健身房裡，這位高手大約在短短21秒內，就展現了5種伏地挺身的超級技巧。只見他彷彿彈簧人般，輕易完成了所有的動作。
而最令人歎為觀止的，就是他展現絕佳的彈性，匍匐騰空。據說他在展現神級運動技巧前，已經運動了兩小時。
這段影片是在法國封城前拍攝的，為了防控新冠肺炎疫情，法國關閉了咖啡廳，餐館和公共場所。不過，法國總理菲力普（Edouard Philippe）說，大家必須學會和新冠肺炎病毒共處，因此從5月11日起，將開始解封。至今法國新冠肺炎的確診人數直逼14萬人，而死亡人數也接近2.6萬人。
</t>
  </si>
  <si>
    <t>新冠肺炎肆虐全球，歐美半導體大廠紛紛減產、拉長交期，使台灣半導體廠成為客戶下單的首選，另外中國復工後，拉貨需求大增，最後加上去美化效應持續發酵，更讓台灣半導體供應鏈等著大啖全球訂單。
新冠肺炎目前仍持續在全球肆虐，舉凡美國、歐洲及東南亞等各國都受到影響，在各國祭出封城令效應下，部分半導體大廠營運也收到衝擊，不過台灣由於肺炎疫情控制得當，因此設廠在台灣的半導體供應鏈營運幾乎不受影響，因此台灣半導體廠成為這波疫情下最大受惠者。
據了解，目前國際IDM大廠意法半導體（ST）為響應法國政府居家隔離政策，已經宣布旗下兩座晶圓廠減產50％，博通自家沒有晶圓廠，但由於重要倉儲及委託製造的封測廠部分落在馬來西亞、新加坡及菲律賓等東南亞國家，因此也向客戶發出信函，指出交期從原先的60～90天延長至半年，其他國家的科技大廠也傳出有員工確診，同樣存有減產的風險。
其次，目前中國大陸已經全面復工，企業開始恢復運轉，拉貨力道已經回到過往水準，且在當前5G儼然成為中國的重點發展技術之一，因此舉凡中興及華為等電信設備商，以及中國移動、中國聯通及中國電信等三大電信商都開始全力發展5G相關產業。
因此台灣IC設計廠、晶圓代工及封測產業等供應鏈都已經感受到中國大陸5G相關廠商的拉貨力道，包含5G手機晶片、WiFi、CPE、射頻IC及網通相關領域都成中國當前拉貨的重點產品線。
最後，華為在2019年受美中貿易戰影響，引發零組件缺貨危機，在此之後陸廠便積極啟動去美化，開始納入歐洲、台灣等半導體廠商作為供應鏈，其中台灣享地利之便，加上部分產品品質不輸歐美大廠，因此台灣IC設計廠也開始大啖這波去美化商機。</t>
  </si>
  <si>
    <t>台大公衛學院4日舉行第13周抗COVID-19說明會，副院長陳秀熙表示，到5月3日全球新冠肺炎344萬確診、死亡24萬、死亡率7.1％，仍未達到預期的下降；好消息是康復率32％，比上周增加4％。另外台大公衛學院也預測，全球通報確診應該會來到460萬人，到6月底每日新增個案數應該會小於2500人，「當每日新增小於2000人通常表示流行波過去了，變成冬季捲土重來或是季節性流行。」
陳秀熙提到，台灣狹義認為「社交距離（social distancing）」僅意味人際距離1公尺或1.5公尺云云，但國外指的社交距離是泛稱非藥物防疫策略。到5月2日疫情尚未控制的地區，包括亞洲R0值1.1、非洲1.3、南美洲1.5，都表示社交距離做得不夠。其中南美洲社交距離大概只做了40％；日本和新加坡是非常有趣的例子，R0值一直維持1到2之間，表示有些地方雖然疫情受到控制，但還是有很多未感染宿主，隨時可能發生小波群聚。
疫情趨緩的有澳洲R0值0.3、歐洲0.9、北美洲0.99。澳洲尤其值得台灣學習，陳秀熙表示，澳洲做了很多社交距離措施，R0值是全球最低。此外歐洲花了大概2個月把R0值控制到1以下，但也有部分地區R0值顯著地高，像英國還在1以上，這是一開始佛系防疫付出的代價，大概還需半個月才能逐漸控制；俄羅斯R0值更高達2.5，防疫措施只做到30％。
陳秀熙表示，實證上看來，各國工作場所採取社交距離措施，可有效減少流感傳染約23％；這也可說明為何最近這一陣子流感、腸病毒減少，以及為何台灣有境外移入，但本土感染相當少，原因就是民眾個人防護做得好，病毒就算進到社區也無從入侵。另一個例子是韓國大邱，隨著公共交通量減低，R0值一下子就降到1以下；相較之下首都首爾仍維持一定交通量，R0值就沒降那麼多。</t>
  </si>
  <si>
    <t>彰化16日晚間傳出新增2名學生確診，彰化縣政府17日上午由縣長王惠美率相關局處長透過臉書粉專直播說明防疫作為，公布疫調足跡表，針對家長要求停課，也強調未達中央規範，但家長憂心而以防疫因素，同意為孩子請假，學校都將不列入假勤紀錄。
王惠美強調，家長因為擔心疫情，幫孩子向學校請假，學校從寬認定，不列入紀錄。因疫情停課、補課措施，會依據相關因應辦法標準來辦理，而課後班、幼兒園、安親班等，若無法落實防疫者，全部予以停止。她更感謝所有站在第一線的醫事、消防、民政人員，不眠不休全力投入防疫，呼籲民眾做好所有防疫措施，戴口罩、勤洗手，避免外出，相信我們都能攜手度過難關。
衛生局長葉彥伯則說，彰泰國中共2名學生陸續確診，兩人同班，但位置相隔2、3排，平常不是同一掛的，還要釐清接觸感染情況；今天起全校停課，所有師生自主健康管理14天，健康監測有症狀就要就醫採檢。其中1確診學生有參加第一天會考，試場教室內有2名老師、42名考生，一半是彰泰國中學生、另一半是和群國中學生，全部匡列為居家隔離、採檢對象。
另外，南彰化葡萄盤商家族，又有一名小孩確診，同班同學已通知隔離等候採檢結果中。3名確診學生，合計匡列校內接觸者共121名師生，包括教職員24人與學生97人，也要求學校進行環境清潔消毒，其餘班級做好防疫措施。
教育處長陳逸玲強調，中央流行疫情指揮中心的停課標準是校內2人確診，加上考量學校仍是相對安全的處所，若全校停課並不是每位學生在家都有人照顧，若學生不上課卻四處遊蕩，甚至去玩水、找同學聚餐，反而引起更多不良後果；只要家長因為憂心疫情，同意幫孩子請假的都不列入請假紀錄。
而國中會考與彰泰國中確診學生同考場的還有芬園國中、和群國中考生，經昨天反覆討論，也決定讓兩校國三學生停課在家自主健康管理。
葉彥伯呼籲，經過連日來疫調，整理出4張足跡，民眾若在同日期時段出現在這些場所，應該立即從當天開始自主健康管理14天，身體出現症狀就主動就醫採檢，而不適把足跡圖作為獵巫、標籤化的工具，那對阻斷病毒傳播一點幫助也沒有。</t>
  </si>
  <si>
    <t xml:space="preserve">美國一名66歲老婦路安（LouAnn Dagen）在療養院染上新冠肺炎，在死前不停向亞馬遜AI語音助理Alexa訴說自己的痛苦、不停求救「我好痛苦…」「我好難受，我必須找到一種減輕痛苦的方法」、「我該怎麼做才能止痛？」多達40份這樣崩潰的錄音檔，讓妹妹心痛不已，不敢相信自己聽到的聲音。
外媒WOOD-TV報導，該療養院有31位住民及5位工作人員確診，路安也是其中之一。妹妹潘妮（Penny Dagen）說，4日是她最後一次見到姊姊，當時她已經因血液缺氧、血壓下降被送急診，、戴上呼吸器，隨時可能心跳停止實施CPR搶救，潘妮表示「不，她不想要那樣」半小時後，姊姊的心臟停止跳動，病逝於醫院。
姊姊死後，潘妮發現語音助理Alexa中有40份通話紀錄，都是姊姊在死前對Alexa的哭訴，說著自己有多痛苦、有誰可以來救她？「我很難受」、「我必須找到一種能減輕痛苦的方法」，還問Alexa「怎麼樣才能止痛」、「該怎麼找到警察？」當時Alexa只回答了附近一家警察局的地址，讓潘妮聽了傷心欲絕。
</t>
  </si>
  <si>
    <t>新冠肺炎持續延燒，台灣今（27）日宣布新增15例確診病例，累計確診達267人，隨著確診人數攀升，不少人也關注政府是否會有進一步措施。最新民調顯示，若疫情繼續擴散，大多數的民眾都支持封城、發布緊急命令。
根據《ETtoday新聞雲》最新民調，若疫情持續擴散，高達78.2%的人支持實施封城措施，19.3%的人不認同，2.5%不知道或沒意見。
另外，是否認同蔡英文總統發布緊急命令，有76.4%的民眾認同，17.0%的人不認同，6.6%表示不知道或沒意見。
此民調於3月25日至26日進行調查，以20歲以上民眾為對象，透過網路調查，有效樣本數1484份，在95%信心水準下，抽樣誤差為2.54%。</t>
  </si>
  <si>
    <t>中央流行疫情指揮中心今天公布中央流行疫情指揮中心今日公布國內新增267例COVID-19確定病例，分別為262例本土個案及5例境外移入個案；另有校正回歸本土個案65例，總計332例。而確診個案中新增13例死亡，其中有兩人是在院內感染，還有一人為溺水死亡。
指揮中心表示，今日新增13例死亡個案（案1757、1993、2580、2786、2993、3145、3546、4102、6517、6562、6932、7483、7793），共計為男性10位、女性3位，年齡介於60多歲至80多歲，發病日介於5月13日至5月27日，確診日介於5月17日至5月29日，死亡日期介於5月24日至5月31日。
其中案2786與案7483，分別是在不同醫院內的患者，但都被同病房的確診者而被匡列接觸者。
指揮中心發言人莊人祥表示案2786 住院時間也很早，已有多次篩檢，接觸其他確診者，而被匡列。案7483本身有氣喘冠狀動脈病史，五月五日入院治療，後續是因為同病房的個案被匡列。有三次因為是接觸者採檢，但都是陰性，後來變陽性。
另外案6932則是溺水死亡。莊人祥表示，死亡個案60幾歲男性，5月20發燒，本身有高血壓、糖尿病史，有去診所就醫，在5月24日時，溺水死亡，死後採檢確診。
莊人祥表示，目前只要在家中或是非在醫院的死亡，通常檢警都會去探查，他們通常都會先根據他們有懷疑就可以採檢，採檢了就會送驗，指揮中心沒有限制什麼樣的狀況要不要檢驗，非自然死亡就會有這樣類似的採檢。</t>
  </si>
  <si>
    <t>新冠肺炎疫情持續、大陸洪患、澳洲大火等事件重創全球產業經濟，「綠天鵝」頻出現，迫使企業開始提前思考氣候及環境變遷所產生的風險。國立臺北大學商學院院長、國立臺北大學商學院金融與合作經營學系教授池祥麟指出，「氣候變遷是慢動作的新冠肺炎」，大家不要心存僥倖一定要提早因應。
池祥麟指出，氣候變遷導致的企業財務風險，不會像新冠肺炎那麼立即明顯可辨，但一旦發生，產生的負面影響力會比新冠肺炎還要巨大，它會導致企業倒閉、銀行虧損，引發系統性的金融危機，所以國際清算銀行與各國央行都開始重視這個議題。
池祥麟強調企業、社會大眾要有二大心理準備：一、全球氣候變遷的規範一定會越來越嚴格，新冠肺炎大爆發與氣候變遷在未來會導致社會大眾對於政府（企業）的不作為產生反感，企業也必須做好因應的準備，預測法規的改變而提前部署。
二、企業要精準衡量氣候變遷帶給企業財務風險的影響並進行管理。金融機構則要有足夠能力辨識這些企業（以決定放款或投資與否），並積極透過股東議合去輔導並提升企業因應氣候變遷的能力，將是金融機構財德兼備的重要競爭力。
池祥麟指出，氣候變遷不只影響環境，還導致全球經濟不平等加劇。緯度比較高且富有的國家更富有，譬如挪威、加拿大與瑞典的每人GDP上升超過25％（1961年到2010年），緯度比較低且貧窮的國家，譬如印度與奈及利亞的每人GDP下降超過29％。
另外，英國經濟學人發現，氣候變遷也讓大企業變更大、小企業更小。因為氣候變遷像慢動作的新冠肺炎，大企業有好的償債能力、獲利，所以經濟衰退時他比較不會因此倒閉，中小企業就撐不過。
此外，氣候變遷讓社會弱勢底層更容易受傷且更不容易復原。貧富不均不僅限於國與國之間，而也在人與人之間。
池祥麟指出，因應氣候變遷的大趨勢，政府要主導產業公平轉型，提供資源給中小企業、協助轉換跑道，像是農業轉型，而不是放任讓企業倒，而金融機構要強化普惠金融的能力，不只是把錢借給中小企業，或是錦上添花，而是必須往受氣候變遷影響最大的社會弱勢底層延伸，並維持獲利能力。</t>
  </si>
  <si>
    <t>大陸高考考生進入考場是否要戴口罩？大陸教育部規定，低風險地區的考生進考場前要戴，進考場就座後，可以自行決定要不要戴；不過備用隔離考場和中高風險地區的考生，要全程戴口罩。不過山東省「建議考生進考場就座繼續戴口罩」。
對於是否戴口罩，大陸教育部此前規定，低風險地區的考生在進入考場前要戴口罩，進入考場就座後，可以自行決定要不要戴；備用隔離考場和中高風險地區的考生，要全程戴口罩。各地要求大體一致。
河南省規定，低風險地區考生進入一般考場前要戴口罩，進入考場前摘掉口罩放置在考生物品存放處，入場就座後可自行決定要不要戴口罩；如要戴口罩，可向監考員申領考場使用口罩，每場考試結束後要將考場使用口罩放置在座位上，不得帶出考場，考生自備口罩不得帶入考場。河南省規定各地要為考試工作人員每天準備兩片、考生每天1片口罩。
對於確診新冠肺炎的考生，如何處理？河南、安徽省接規定，如考生是確診病例、無症狀感染者、疑似患者、密切接觸者，須經衛生健康部門等專業評估，教育行政部門等綜合研判，是否可以在隔離或救治場所參加考試。
此外，已治癒未超過14天的病例、不能排除感染可能的發熱患者，須經衛生健康部門等專業評估，教育行政部門等綜合研判其是否可以正常參加考試。
貴州省提出，如考生是新冠肺炎確診病例、無症狀感染者、疑似患者、確診病例密切接觸者，將根據專業評估綜合研判其是否可以在隔離或救治場所參加考試。
據《河北日報》、「環渤海新聞網」等媒體報導，河北省6月17日召開2020年全省普通高校招生統一考試工作電視電話會議上，要求凡經醫療機構確診為新冠肺炎病例的考生，一律不得參加考試；6月19日，銀川市發布《銀川市2020年普通高考工作方案》，明確凡經醫療機構診斷為新冠肺炎確診病例、新冠肺炎疑似病例、無症狀感染者的考生，不得參加考試。</t>
  </si>
  <si>
    <t xml:space="preserve">
訪台澳籍音樂家確診罹患新冠肺炎，造成上百位接觸者須居家隔離。邀請該音樂家來台的國家交響樂團音樂總監呂紹嘉在今(10)日發出公開信，為此一事件造成的社會恐慌，向社會大眾道歉。
訪台前即有咳嗽症狀的澳籍音樂家，傳出在與樂團排練時，便有團員建議他戴上口罩，卻遭高層斥責。呂紹嘉發出公開信內雖未提及「高層」為何人，但也再度引發外界揣測。
執行長郭玟岑表示，澳籍音樂家事件造成社會恐慌，樂團為大家致上最深的歉意。對於外界傳言的「高層斥責」，她表示，其實並無斥責，而是溝通，相關細節有不同角度思考，任何角度都可做為借鏡。除了對社會的公開信外，對團員也不斷的持續相互關懷，確認大家健康狀況，交流相關資訊。
呂紹嘉在公開信中坦言，「這次在一些處理細節上，我們的確輕忽了病菌狡詐的隱匿強項與不可預測，部分舉措作得不夠完善，身為樂團音樂總監，我責無旁貸，要在這裡向各位致上最深的歉意。」
呂紹嘉表示，從事發到現在隔離期間，無時無刻不感受到各界對於樂團與他的關心，「經歷這次事件，我親身體驗，新冠狀肺炎跟我們的距離，原來只在咫尺之間。」
呂紹嘉除感謝防疫中心以外，他也表示，病毒的變化快速、疫情的嚴峻，以及個案的非典型症狀，對於全國甚至全世界來說，都是無比的挑戰，對於樂團也是一樣，「感謝所有NSO的音樂家們，在音樂上你們總是全力以赴，即使遇到這樣的難關，你們也為社會做了最好的示範。」
呂紹嘉承諾，交響樂團就是社會的縮影，在這次事件累積的所有經驗值，都是樂團進步的動力，未來一定會做得更好。深信當溫暖的樂音再起之時，正是展現人性光明的時刻，祈願社會早日恢復平靜，人們健康平安。
【臉書全文】
致所有關心NSO國家交響樂團的大家：
經歷這次事件，我親身體驗，新冠狀肺炎跟我們的距離，原來只在咫尺之間。
在這段從事發到現在隔離期間，我無時無刻不感受到各界對於樂團與我的關心，在這裡向大家致謝。而我與樂團也要為這次事件造成的社會恐慌，向社會大眾致上最深的歉意。
病毒的變化快速，疫情的嚴峻，以及個案的非典型症狀，對於全國甚至全世界來說，都是無比的挑戰，對於樂團也是一樣。謝謝防疫單位的明快處置，細心協助，我們在專業的社會資源支持之下，調整了前進的步伐。謝謝所有NSO的音樂家們，在音樂上你們總是全力以赴，即使遇到這樣的難關，你們也為社會做了最好的示範。
在未知的病菌與命運面前，人人都是平等的，我十分理解社會因為這次樂團音樂家染疫事件所受到的衝擊，更心疼NSO團員、音樂界人士以及相關從業人員感受到的壓力，這次在一些處理細節上，我們的確輕忽了病菌狡詐的隱匿強項與不可預測，部分舉措作得不夠完善，身為樂團音樂總監，我責無旁貸，要在這裡向各位致上最深的歉意。
交響樂團就是社會的縮影，我們在這次事件累積的所有經驗值，都是樂團進步的動力，未來我們一定會做得更好。深信當溫暖的樂音再起之時，正是展現人性光明的時刻，祈願社會早日恢復平靜，人們健康平安。
呂紹嘉</t>
  </si>
  <si>
    <t>凱基投顧、匯豐證券聯袂出手，於鴻海財報公布後啟動降評，點出未來需求不確定性升高利空，鴻海營業利益率同步面臨壓力，2020年獲利恐有衰退之虞，雙雙降評至「中立」。
大型研究機構對鴻海的疑慮氛圍愈來愈濃，繼本土投顧大行降評鴻海、摩根大通證券下修鴻海財測後，國際資金2月便已間歇性調節鴻海，3月6日以來更是開啟賣超循環，也導致鴻海股價從80元左右一路被砍至70元；凱基投顧與匯豐證券此時終結對鴻海樂觀看法，是否進一步激化國際資金賣股求現，瞬間成為台股最熱焦點。
凱基投顧科技產業分析師陳佳儀先前就點出，全球景氣被新冠肺炎疫情影響急凍，終端需求有連動風險，早早下修蘋果iPhone與全球智慧型手機出貨量。她最新看法是，大陸疫情度過確診高峰，鴻海於當地營運3月已恢復正常，然因人員限制出入規定尚未完全鬆綁，產能利用率短期內恐低檔徘徊，若疫情於下半年趨緩，鴻海營收最快要到第三季才有機會重拾動能。
同樣由多頭看法轉保守的匯豐證券則指出，鴻海第二季雖將因生產復工，有利營運動能，但這個利多很可能被下半年新iPhone的不確定性給抵消。由於新冠肺炎疫情擴散導致旅遊禁令，蘋果的工程師可能到第二季底都無法出差，也就是說，蘋果新機恐難在最後期限前完成設計驗證測試（DVT），新iPhone延遲量產風險變高。
更重要的是，研究機構推估，蘋果與消費性電子產品約貢獻鴻海集團五成營收，按出貨市場別，歐美占比應在50％以上，鴻海身為全球最大專業電子代工（EMS）業者，難以自外於全球疫情衝擊，儘管短期內企業與網通產品展現較佳韌性，一旦企業客戶因景氣蕭條不再擴大支出，相關業務同樣得面臨下修風險。
再者，鴻海瞄準電動車相關商機，然深耕開放式汽車平台生態系屬長期布局，凱基認為，雖然有機會幫助集團達成毛利率10％目標，但短期內尚難有所造化。外資與法人估計，鴻海2020年每股純益將由去年的8.32元，衰退逾一成、至7.31～7.48元，2021年則有機會重返2019年水準。</t>
  </si>
  <si>
    <t>中央流行疫情指揮中心今(12)日公布國內新增24例COVID-19確定病例，分別為23例本土及1例境外移入；另確診個案中新增1例死亡。
指揮中心表示，今日新增之23例本土病例(其中9例為居家隔離期間或期滿檢驗陽性者)，為13例男性、10例女性，年齡介於未滿10歲至90多歲，發病日介於今(2021)年6月20日至7月11日。個案分布以新北市10例為最多，其次為臺北市9例，基隆市、桃園市、新竹市及臺中市各1例；其中17例為已知感染源、4例關聯不明、2例調查中，相關疫情調查持續進行中。
指揮中心說明，今日新增1例死亡個案(案2598)，為60多歲男性，具慢性病史及其他確診者接觸史；個案於5月11日出現發燒等症狀，5月19日就醫採檢，5月20日確診並住院治療，6月11日解除隔離並出院。7月10日因其他原因死亡。
指揮中心指出，近期確診個案解隔離情形，5月11日至7月10日累計公布14019位確診個案中，已有11850人解除隔離，解隔離人數達確診人數84.5%。
指揮中心表示，今日新增1例境外移入個案(案15370)，為克羅埃西亞籍未滿10歲女童，6月28日自瑞士入境，持搭機前3日內檢驗陰性報告，入境後至防疫旅館檢疫，7月10日進行檢疫期滿前採檢，於今日確診(Ct值33)。個案在臺期間並無症狀，相關接觸者匡列中。
中央流行疫情指揮中心指揮官陳時中表示，以確診者居住縣市來看，還是集中在雙北，現在解除隔離人數達84.5%，這周以來，病例數只有一天18例以外，接下來都是20~30多例，連續三週Rt值都小於1，比較好的情況下會持續減少相關案件數。
指揮中心統計，截至目前國內累計1639921例新型冠狀病毒肺炎相關通報(含1622834例排除)，其中15273例確診，分別為1203例境外移入，14017例本土病例，36例敦睦艦隊、2例航空器感染、1例不明及14例調查中；確診個案中，累計105例移除為空號。自2020年起累計741例COVID-19死亡病例，其中733例本土，個案居住縣市分布為新北市369例、臺北市283例、基隆市25例、桃園市21例、彰化縣12例、新竹縣9例、臺中市4例、宜蘭縣、苗栗縣及花蓮縣各2例，臺東縣、雲林縣、南投縣及高雄市各1例；另8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Nouveau scandale olympique : le burger du MPC (media press center). Viande caoutchouc pain froid présentation immonde. Le tout pour 1600¥. Camarades journalistes mangez avant. pic.twitter.com/0SPCk0vkQQ
隨著東京奧運即將展開，大量外國記者已隨選手們抵達日本，不過有一名法國記者在推特上發文，表達對主新聞中心（Media Press Centre MPC）中餐點的不滿，認為又貴又難吃。其他記者表示，正爭取取消出外採購餐食時僅限15分鐘的規定。
法國雜誌「Japon Eco」主編艾諾（Regis Arnaud）在推特上貼出照片，稱媒體中心內的漢堡要價1600日圓（約新台幣406.7元），內容物為「橡膠一般的肉、冷掉的麵包、糟糕的擺盤」，並痛批這份餐點是奧運的「新醜聞」。
日本雜誌《女性自身》指出，東京奧運的主新聞中心和國際轉播中心（International Broadcasting Centre IBC）設於東京都江東區有明的東京國際展示場（Tokyo Big Sight），是日本面積最大的展覽場地。不過為避免大量外國訪客加劇日本本土新冠肺炎（COVID-19）疫情，主辦單位對餐飲設下嚴格規定。
一名未具名的日本體育記者透露，外國媒體人員只能在奧運會場和住宿地點用餐，若住宿地點無法提供餐點，則允許其前往附近的便利商店購買，但得遵守「15分規定」，即須在15分鐘內返回住宿地點，否則可能受到沒收記者證等懲罰。目前外國媒體正要求主辦單位撤銷該規定。
《東京新聞》先前報導，目前主新聞中心餐廳內僅提供6種餐點，最便宜的是1000日圓（約新台幣254.2元）的牛肉咖哩，自動販賣機中一瓶500毫升裝的茶則要價280日圓（約新台幣71.2元），高於一般日本超市或便利商店的售價。加上選手村內設備不足等狀況，遭批評日本先前宣稱的「款待」精神已然崩壞。</t>
  </si>
  <si>
    <t>去年12月爆發的新冠肺炎病毒（2019-nCoV），為冠狀病毒史上感染力最強，人體遭感染後，即使沒有症狀，也可能傳染給他人。中央研究院院士、冠狀病毒之父賴明詔接受《中國時報》專訪時指出，這場病毒與人類的戰爭中，對抗病毒要靠個人良好衛生習慣與足夠的免疫力。
冠狀病毒之父 當年抗煞功臣
賴明詔為全球最早投入冠狀病毒研究的學者之一，被學界尊為「冠狀病毒之父」。2003年台灣爆發SARS疫情，賴明詔返台擔任中央研究院副院長，立即投入SARS疫情防治，讓台灣迅速掌握SARS病毒特性，幫助台灣迅速脫離疫情。
蝙蝠被視為是吉祥動物，賴明詔指出，但是蝙蝠體內冠狀病毒非常多，科學家正在研究為何蝙蝠可以和病毒和平共存。人類侵入蝙蝠的棲地，和蝙蝠與其他野生動物接觸機率增加，使得蝙蝠與野生動物身上冠狀病毒有機會傳染給人類，伊波拉病毒也是從蝙蝠傳染給人類。
衛生良好免疫力足 抗疫關鍵
賴明詔指出，所謂R0值是指病毒的傳染力，這個數字若大於1，表示病毒會越來越多。如果從1個人擴散到3個人，那麼這個病毒的R0值為3。相關學者研究，新冠病毒R0值介於2～3，這是非常高的數字，為冠狀病毒裡最高的。
賴明詔指出，SARS病毒R0值為0.5，表示會越來越弱，經過幾代後，最後會消失。史上傳染力最強的病毒是麻疹，R0值介於10～15。
為何冠狀病毒不斷突變？賴明詔表示，病毒突變是自然現象，新種病毒出現是因病毒接觸新的細胞。因為人類捕捉蝙蝠或其他野生動物，
使得新病毒出現。
洗手最重要 口罩之亂沒必要
賴明詔指出，當年SARS爆發，病人發燒才具有傳染力，可以採取量體溫做為篩選工具，但新冠病毒感染者沒有症狀，也具有傳染力，使得防治上比較困難，許多無症狀感染者無法隔離。他研判新冠病毒傳染力驚人，疫情高峰期尚未到，目前很難預測何時為高峰期，情況不樂觀。
面對這場史上最強冠狀病毒與人類的戰爭，賴明詔表示，美國通常是生病者戴口罩，待在家裡休息；一般健康者不必戴口罩。台灣公共衛生水準高，勤洗手最重要，口罩之亂沒有必要，國人不必恐慌。</t>
  </si>
  <si>
    <t>香港國泰航空53歲男貨機機師由德國返香港後確診新冠肺炎，香港大學感染及傳染病中心總監何栢良今日（15日）表示，近日歐洲疫情反彈，但香港風險評估機制落後，部分地區仍然屬於中風險地區，有機組人員受感染是可預計，認爲港府需檢討風險評估機制，建議他們抵港後到檢疫酒店檢疫7日，
何栢良說，港府有需要檢討風險評估機制，強調機組人員屬於高風險接觸人員，不應讓他們走入社區，建議他們抵港後到檢疫酒店檢疫7日，也要接種第3劑新冠疫苗。何續指，他們應接種BNT疫苗，除了預防重症，更希望可減低病毒傳播風險。</t>
  </si>
  <si>
    <t xml:space="preserve">「爺爺離開了」。近日一名一線醫護人員表示，91歲的爺爺平常都會去龍山寺拜拜，沒想到因此染疫，最後仍敵不過新冠病毒離世，爺爺生前最大的遺憾就是害全家人跟著一起隔離，無法再見家人最後一面，令醫護悲痛地說「那些不知逃院、砍傷醫護人員的，霸凌醫護人員的，我就問你們腦袋都在想什麼？」
該名醫護人員昨（2）日於個人臉書透露，一名高齡9旬的爺爺平常固定會到龍山寺拜拜，自覺咳嗽後篩檢確診，入住集中檢疫所後因呼吸急促住院，因病況不穩，家屬忍痛簽屬DNR（不施行心肺復甦術），轉至專責病房。
醫護人員表示，住院期間爺爺非常配合醫護的照護工作，每次進入爺爺的病房，都會用一種「終於有人來陪伴的眼神」，就像怕被人遺忘，某次爺爺忘記如何吞嚥時，還會不斷地道歉，直說自己會配合，希望藉此能趕快回家，醫護人員回顧爺爺剛入院時，相當自責，不斷地說自己是壞人，害全家人因此被隔離，不應該沒事亂跑。
昨日早上９時許，爺爺的生命徵象十分不穩定，儀器持續發出警告聲，當醫護人員衝進去時，爺爺已經走了，醫護人員趕緊通知正在隔離的爺爺兒子，透過視訊電話，爺爺的兒子忍著淚說「爸，好好跟菩薩走，家裡我會顧好，我會把你跟媽媽放在一起。」此時，幫忙拿著手機的醫護人員，眼眶充滿淚水，只能勉強拿著手機，避免晃動。
醫護人員表示，入行7年，看了不少生死，但這次特別有感觸，內心也格外脆弱，「但我們依然會堅強地完成工作」，染疫真的沒有錯，反倒是那些逃院、砍傷醫護，「我就問你們到底知不知足？懂不懂珍惜？腦袋都在想什麼？」
★《中時新聞網》提醒您：因應新冠肺炎疫情，疾管署持續加強疫情監測與邊境管制措施， 如有疑似症狀，請撥打：1922專線，或 0800-001922， 並依指示配戴口罩儘速就醫，同時主動告知醫師旅遊史及接觸史，以利及時診斷及通報。
</t>
  </si>
  <si>
    <t xml:space="preserve">新冠病毒Covid-19仍在流行，病理學家也在調查感染風險。一項新的研究表明，常用來治療胃灼熱及胃酸逆流的胃酸抑制劑，可能會無意中增加感染COVID-19的機會。
醫療訊息 (Medical Xpress)報導，超過5.3萬名美國人都有胃酸過多的毛病，最近有醫學團隊發現，患有胃病的人，感染新冠肺炎的機率似乎比較高，研究小組進一步調查發現，許多服用強效胃藥，比如奧美拉唑（Omeprazole）和艾索美拉唑 (Esomeprazole) 的病患，也有較高的新冠病素感染風險。
長效胃藥是一種稱為氫離子幫浦阻斷劑（Proton pump inhibitor, 簡稱為 PPI），為目前最強效的胃藥，此藥物能阻斷胃壁細胞上的氫離子幫浦（H/K ATPase），進而有效減低胃酸分泌，常用來治療消化性潰瘍、胃食道逆流等腸胃道疾病。
但是，正因為效果太好，也造成人體抗病原防線的弱化，研究員克里斯多福‧阿爾馬利歐（Christopher Almario）博士解釋說：「 PPI可以阻止胃酸分泌，但是，胃酸也有殺菌殺病毒的功能，被抑制了以後，感染風險也會增加。」
最近的研究表明，冠狀病毒不只侵襲呼吸系統，一但從食道進到胃，也會影響胃腸道系統。
那麼，該怎麼辦呢? 阿爾馬利歐建議，先改用短效果胃藥，也就是另一類稱為組胺2受體拮抗劑（H2RAs），這一族的胃藥包括法莫替丁(Famotidine）、尼扎替丁（Nizatidine）和西咪替丁 (Cimetidine)，使用這類藥的患者未發現較高的新冠病毒感染風險。
美國胃腸病學協會發言人安德魯·陳（Andrew Chan）博士對此觀點表示支持。陳博士說：「總體來說，我同意個人應該服用盡可能低劑量的藥物。」
</t>
  </si>
  <si>
    <t xml:space="preserve">今(5日)高雄老字號餐廳「渝香園」宣布將於3月底歇業，此消息一出，讓許多粉絲透過電話、臉書表達深感不捨，該餐廳負責人Jenny表示：「要決定歇業是一件非常難過的事情。」新冠肺炎疫情為遏止前，似乎壓垮餐飲界的最後一根稻草。
位於前鎮區的渝香園成立至今已37年，該餐廳以台菜、川菜為主，知名的料理有椒麻肉、金沙四季豆小卷、臘味飯、蝦球，尤其是南瓜海鮮羹是老顧客必點的一道菜，餐廳空間寬敞，很適合舉家享用，再加上負責人Jenny為人熱情，因此累積不少忠實顧客。
受到新冠肺炎疫情影響，Jenny認為此次疫情影響餐飲業甚鉅，由於餐廳的人事成本極高，經慎重思考過後，忍痛宣布渝香園歇業，她表示：「這家餐廳是我一磚一瓦建立起來的，這是我的興趣也是我的工作，我非常享受這一切，餐廳已經開37年了，今天決定要關店一事，我非常痛心，員工也哭好幾天。」
渝香園粉絲團上寫到「走過最艱難的SARS，走過高雄人的痛高雄氣爆，但這次我們真的要在三月底跟大家說聲再見了。」網友們也留言回應，表示「感謝你們讓高雄人有回味的美食」、「 真的好捨不得渝香園收起來！」
</t>
  </si>
  <si>
    <t>今年以來全球金融市場屢受政經不確定性的影響，包括中美貿易紛爭、中東地緣政治緊張、新冠肺炎疫情等，使得市場表現震盪。法人表示，新冠肺炎疫情讓近期的全球股市出現了較大的震盪，但這並非經濟基本面出現惡化，建議投資人不妨以跨國組合平衡基金的多重資產布局特性因應，達到進可攻、退可守的投資效果。
群益投信表示，新冠肺炎疫情蔓延，但全球股市並沒大跌，現階段風險性資產仍有表現機會，不過國際市場仍存在許多變數，不排除為股債帶來波動，因此建議穩健型投資人採取多元配置的投資策略，一來分散投資風險，有效控制投資組合波動度，二來也增加投資組合彈性，把握不同資產上漲契機，提升投資效率。
群益環球金綻雙喜基金經理人葉啟芳表示，高於平均的經濟成長與偏低的通膨環境，有利風險性資產（包括股票與信用債）表現，加上全球企業獲利普遍性改善，建議投資比重股債均衡，未來除非經濟以及企業基本面意外惡化，再進行較大幅度調整股債比。
整體而言，疫情將影響今年全球經濟成長，建議可逐步逢高獲利了結科技股及高成長股票，轉移至低波動及防禦性股票，並遂步增加債券部位比重。
台新全球多元資產組合基金經理人謝夢蘭表示，新冠肺炎疫情仍有許多不確定性，但目前分析師普遍對第一季的股市仍不看淡，主要在於市場的資金非常充沛，Fed每月持續購買600億國債、歐洲央行今年進行QE、日本持續寬鬆貨幣政策、大陸隨時可能降息或降準等。
目前資金行情超越基本面與疫情，主導金融市場，加上美國的基本面不差，因此第一季金融市場仍然樂觀。不過，由於短線股市漲多，未來震盪將加大，建議採多元資產、股債同時布局的方式，以分散市場風險，同時，也可掌握類股輪動行情。
謝夢蘭指出，操作上建議股採股票六成、債券四成的配置比重，股票可著重在成長動能強勁的美股、科技股；新興市場則看好具補漲空間的印度股市。債券則可布局具高股息、低波動的優先高收益債，以發揮最佳的防禦效果，進可攻退可守。</t>
  </si>
  <si>
    <t xml:space="preserve">
高端疫苗於本週23日開打，不少民眾反映，接種完後食慾大增。對此，家庭醫學專科醫師王姿允表示，其實不只高端疫苗，許多在施打AZ、莫德納疫苗後也出現「巨大飢餓感」，她認為2原因是關鍵。
王姿允28日在臉書分享，針對接種後產生的飢餓感，不少台大感染科跟重症科醫師認為是「心理壓力放鬆所致胃口大開」。她則認為跟兩原因有關，其一是「對疫苗的免疫反應使熱量跟營養素需求大增」，雖T細胞誘發抗體產生保護力約要2-3週的時間，但疫苗的佐劑對身體來說畢竟是外來物，「嗜中性細胞或巨噬細胞會警鈴大作，對這些剛注入人體的異物，產生細胞激素的一連串反應，包括發燒、疲勞和肌肉疼痛。」
王姿允解釋，由於這些先天性免疫，會增加反應期間對熱量、巨量營養素（蛋白質）和微量營養素的需求，加上發燒期間的基礎代謝會提升，「營養素對免疫細胞的增殖跟分化至關重要，所以會更容易感到飢餓。」
另一個原因則是「需水量增加」導致，王姿允說，疫苗引起的免疫反應會造成體溫的上升，連帶水份容易散失，由於飢餓和口渴的生理狀態相近，且食慾跟渴慾中樞在大腦區域都是在同個位置，很多人便會把「缺水」的訊號，誤認為「飢餓」，進食的行為可能是想要「從食物中獲取水份」。王姿允建議，可以在喝完500cc左右的水之後，再看看食慾是否有下降的感覺。
王姿允指出，蛋白質營養不良也會影響免疫系統的正常發揮，要獲得最佳免疫結果，「營養」是關鍵。因此，打完疫苗後的飢餓感實屬對疫苗佐劑成分的「正常免疫反應後的現象」，並非不良反應，只要多喝水、多補充優良的蛋白質跟纖維、補充微量營養素，其實不用去擔心疫苗帶來的短暫飢餓感，還有助於接下來的抗體生成。
</t>
  </si>
  <si>
    <t xml:space="preserve">正值美陸因新冠病毒關係陷入緊繃之際，參眾兩院的外交事務委員會主席致信給超過50個國家，呼籲這些國家支持台灣參與世界衛生組織，指出需要讓更可能的廣泛參與，以讓全世界會員國共同對抗大流行。
路透社報導指出，在大陸的反對下，台灣仍不是聯合國成員，也被聯合國旗下的世界衛生組織（WHO）拒於門外。美議員在信中表示，在全球努力防範新冠病毒擴散之際，確保所有國家把全球健康及安全置於政治之上顯得更加重要，而台灣的資源和專業知識是能造福全球抗疫的資產，況且台灣在2009年到2016年都受邀出席世界衛生大會（WHA）。
消息人士透露，這封信是發送給理念相同的不同大小國家，都被視為台灣的盟友或站在同一陣線，包括加拿大、泰國、日本、德國、英國、沙烏地阿拉伯及澳洲。
署名信件的包括眾議院外交事務委員會的民主黨籍主席恩格爾（Eliot Engel）及共和黨籍首席議員麥考爾（Michael McCaul），還有參議院外委會的共和黨籍主席里契（Jim Risch）及民主黨籍首席議員梅南德茲（Robert Menendez）。
報導分析指出，此時美國總統川普和其他美國官員近期大力在疫情蔓延議題上抨擊中國，由於新冠病毒最早在大陸武漢市被發現，川普政府指控大陸隱匿資訊，放任疫情惡化。
台灣一直尋求參與WHO的決策組織，也就是將在本月舉行WHA大會，並受到華府與許多美國盟友支持。不過在大陸「一中政策」下，仍視台灣為其不可分離的一省，指稱台灣是出於政治動機，而非公衛考量；台灣則反駁，世衛組織不讓台灣參與，會在全球對抗疫情之際造成危險的缺口。
</t>
  </si>
  <si>
    <t xml:space="preserve">台灣新冠肺炎疫情嚴峻，讓老百姓人心惶惶，56歲資深相聲演員宋少卿上個月才因為批評政府言論，惹來網軍出征，然而他今(6日)更因為網友一句留言「疫苗沒來，也罵；疫苗來了，也罵」，爆氣寫下400字長文回覆，被PTT網友推爆大讚邏輯清楚，罵的好！
宋少卿今日遭網友質疑疫苗有沒有來都罵，爆氣寫下400多字長文回擊，他說：「怎麼？不能罵？政府做得不好不能罵？」更以小時候讀書寫作業來舉例，相信大家都共同經驗，明明沒寫作業，卻跟老師說忘了帶，那「說謊」是不是該要「自我反省」呢？
宋少卿認為每個人都有沒寫作業的背後原因，這個舉例就是我們都知道台灣當前在國際局勢上處境困難，「但是你嘴上說了沒帶而沒交作業的時候，是不是就等於給了你更多的時間回家寫作業（這就相當於給了政府一年的時間做『超前部署』)，結果我們還是沒有自己寫作業（反而靠其他同學或朋友家人幫忙）⋯⋯『捐贈』了作業好讓你交差！這樣不該罵？」
宋少卿說我們在台灣生活、工作、繳稅、投票，甚至生老病死，結果政府做不好卻不能罵？更直言沒要罷免、沒喊下台已經很厚道了，「『罵』！是希望政府做得更好。『罵』！是很鐵不成鋼。『罵』！是愛之深責之切。『罵』你是剛好而已。」
宋少卿這篇回應網友質疑的回覆，被網友轉發至PTT八卦版，更火速獲鄉民推爆，盛讚他內文邏輯清晰，「覺青就是紅衛兵」、「在台灣不能罵政府，這是常識好嗎」、「罵得好啊」、「說相聲瓦舍只會酸DPP的，要不要去看一下那集講『鹿耳朵的毛』那集」、「推，民主政治被搞到像共產統治」、「推老師教訓1450雙標仔」。
</t>
  </si>
  <si>
    <t>隨著我國疫苗覆蓋率突破六成，台灣目前累計912人接種疫苗後死亡，而申請受害救濟的案件數也不斷增加，根據衛福部統計，截至10月15日為止已收案1347件申請，目前已有5件死亡個案完成審定，初步判定與疫苗無關，將不予提供救濟。
衛福部長陳時中今赴立法院衛環委員會備詢，透露目前有5例死亡個案完成審定，已排除與疫苗之間的關聯，將不給予救濟；疾管署長周志浩接受媒體聯訪時透露，這5案屬於早期申請的案件，因此都是接種AZ疫苗，個案年紀也都偏長，都是經專家小組鑑定後排除與疫苗的關聯。
陳時中表示，由於目前申請受害救濟的案件數較多，因此衛福部將協助地方政府調閱個案病例，將增派調閱人力，盼能將過去調閱時間從6個月縮短至2個半月；周志浩則補充，已發包民間機構協助進行調閱，盼能加速受害救濟進度。
根據衛福部提供的資料，目前待完成申請程序的受害救濟案件還有436件、完成申請程序共計899件，已有665件進入調閱病歷階段。</t>
  </si>
  <si>
    <t xml:space="preserve">指揮中心昨日公布新增312例本土，另外400例是校正回歸，將案例回補到昨天以前的天數。對此，台北巿立聯合醫院陽明院區胸腔內科醫師蘇一峰表示，漏登400例事小，若過去幾天沒人通知這些確診者進行隔離或匡列接觸者，恐引爆更大傳播鏈，貼文曝光也引發網友擔憂，更感嘆原來台灣沒有擴大篩檢的能量。
「校正回歸」一詞曝光，不僅民眾霧煞煞，蘇一峰昨（22）日在臉書第一時間也表示十分不解，認為321例本土病例再加上400例，怎麼還會是321例，顯示檢驗能量不足，才會造成塞車，這才是核心問題。
蘇一峰表示，如果只是單單漏登400例，那就只是小事，但不知道過去這幾天，有沒有人通知這些確診者，或匡列相關人員進行隔離，若沒有通報，恐引爆更大的傳播鏈，更認為雙北的檢驗能量已燒到極限。
論點曝光後，引發網友熱烈討論，「過去一年，原來我們中央完全沒擴大篩檢能量」、「這些人有無匡列跟擴大匡列令人憂心」、「過去一年真的過得太安逸了，疫情爆發，什麼問題都顯露無遺」、「如果每天都驗不完，那不是每天都有校正數字，怎知高峰已過？」、「多麼脫線的政府」、「想甩鍋什麼理由都有」。
★《中時新聞網》提醒您：因應新冠肺炎疫情，疾管署持續加強疫情監測與邊境管制措施， 如有疑似症狀，請撥打：1922專線，或 0800-001922， 並依指示配戴口罩儘速就醫，同時主動告知醫師旅遊史及接觸史，以利及時診斷及通報。
</t>
  </si>
  <si>
    <t xml:space="preserve">近期因為受到新冠肺炎（COVID-19）疫情影響，年度盛事「媽祖遶境」爭議不斷。到底要不要繼續辦？各界說法紛紜，對於疫情來說，大型活動能延期就應盡量延後，但對於虔誠的媽祖信眾來說，則面臨了心靈與現實上的抉擇。去年參加人生首次遶境活動的《張修修》表示，活動恐藏3大染病風險，呼籲所有的「媽祖囝仔」今年能夠「請假一次」。
YouTuber《張修修》昨（25日）在影片中分享說，他能理解想參與媽祖遶境的香客在想什麼，因為去年他剛完成人生首次的「大甲媽祖遶境」，可說是獲益良多。但他表示就是因為經歷過，更需要向還在猶豫是否要參加這項年度盛事的大家呼籲，今年就向媽祖請一次假吧。
張修修指出，媽祖遶境並不像一般大眾所認為的一樣，只是個健康的休閒活動，真的走完全程，疲累程度可稱作是極限運動。其中就蘊藏了3個可能染上肺炎的風險，希望能讓大家再想一想。
●媽祖遶境真的會很累
張修修分享，扛轎的人走得速度飛快，對女生還來說可能還要加小跑步才能跟上。而駐駕和起駕的時間間隔也非常短，他形容「好像媽祖都不用睡覺似的」，但確實，「祂真的不用睡覺！」且扛轎人力會不停輪換。張修修說，他自己跟轎大概過了3天後，已經累到吃不下東西，只能坐在路邊休息，「還把肚子裡東西都給吐出來」。
張修修認為，跟轎真的會搞到身心俱疲，而人在最累的時候免疫力肯定很虛弱，此時就給了新型冠狀病毒很合適的傳播機會。
●遶境途中居無定所
張修修說，別以為宮廟提供的香客大樓多棒，環境不但人滿為患，他更看到，一群人擠在宮廟的小角落，「只要不被踩到就好」。有些人更直接在路邊騎樓舖上報紙就寢，整體環境將當差。同時，和一群不特定的人共處一室，染上各種疾病的風險就會大增。
●飲食複雜難躲飛沫
張修修提到，參與媽祖遶境最大特點，就是「不用花半毛錢買吃的」，在行進的過程中，熱情的店家和人群都會不斷遞給香客們食物、茶水，但可怕的是，宮廟通常都是提供大鍋菜，在多人取用的過程中，很難避免到飛沫傳染，而多人用過的桌椅設備，也都有潛在染病的機率。
張修修認為，綜合3點遶境潛在風險，在活動結束後很有可能會造成一股「疫情的大爆發」，如果因為參加活動而讓疫情快速蔓延，實在很可惜。張修修說，「有參加過媽祖遶境的都知道，我們都稱自己是媽祖的囡仔，媽祖就像媽媽一樣，默默守護著我們，既然這樣，祂絕不會想看到疫情在台灣爆發，讓祂自己的小孩受苦受難。」
所以張修修決定，今年不參加媽祖遶境，改用「吃素一個月」慶祝，同時也呼籲所有人，一同向媽祖娘娘「請個假吧」！
</t>
  </si>
  <si>
    <t xml:space="preserve">大陸爆發「新型冠狀病毒」，全世界幾乎沒有一個國家能夠倖免。兩岸雖然在地理上有著台灣海峽分隔著，但兩岸多年以來的交流，台商已有超過數十萬人在大陸地區建廠、工作甚至落地生根，兩岸之間往來的旅客更是多到無法想像，台灣也有許多觀光、服務業受惠於大陸旅客，固然這和過去政府的政策有關，但更凸顯台灣和大陸無論在承平時期，或是疫情階段，仍然維持著緊密的關聯。
當大陸身陷「封城」、「封省」的政策時，筆者對於無情的病毒固然感到無奈，前些日子眼看大陸疫情越來越嚴重，三不五時透過「微博」搜尋最新的疫情資訊；對於大陸的朋友，尤其是學生時期因交換的名義來到台灣就讀的大陸學生朋友，雙方早於過去建立了交流。
對方目前身在杭州，縱然彼此早已脫離學生身分，但仍會透過「微信」保持聯繫，更透過簡單的問候了解彼此的近況。
當我知道對方在大陸一切平安時，才將心中的石頭放下，因個人能力有限，我所能給予對方的僅有祝福、祈福，期待能盡棉薄之力為對方增添些許溫暖。
大陸身陷疫情風暴，全球都受到影響，尤其是開工日期一延再延，預計蘋果系列的手機應會延後上市，其他諸如星巴克、麥當勞、特斯拉等公司將延後開市，原先預計繳交的訂單將持續延後，這是全球化下的必然結果，也是全球化下的脆弱性。台灣當然無法倖免，目前能努力的在於努力生產醫療相關用品，持續保護個人健康，同時停止政治口水，不再增加兩岸之間不必要的政治攻防與誤會。
我相信人心是肉做的，意識形態絕非拒絕關懷對方的藉口，至少以個人的經驗來說，透過網路上的問好與關懷，大陸朋友仍能感受到台灣的溫暖，更能讓兩岸之間的人們充滿更多溫馨氣氛的對話，而非政治上的口水！
（宋磊／中華戰略前瞻協會會員）
</t>
  </si>
  <si>
    <t>中央流行疫情指揮中心今9日公布的案12038，3日才從台北坐高鐵南下，回水上鄉老家居住，8日因頭暈由救護車送往醫院治療，但未等到篩檢結果出爐就自行離開，衛生局昨晚11點多接獲院方通報得知他確診，緊急把人找出來送醫，並匡列6人進行採檢，目前已知5接觸者篩檢結果陰性。
嘉義縣今9日未公布確診個案，但嘉義縣長翁章梁下午3點緊急召開線上記者會，公布外縣市案12038的足跡。翁章梁說，案12038離開水上鄉10多年，長年在北部發展，但謀生狀況不太好，近來受疫情波及，以前常住的地方都關門，所以才返鄉。
翁章梁說，案12038於3日當天下午4點多搭高鐵0845車次，坐在4車10E號車位南下，約6點50分抵達，隨後叫計程車返回水上鄉內溪村的住家，據案12038自述，他這段時間都沒有出門，多委託一名黃姓友人全送餐食，8日晚間6點到7點之間曾到村庄裡的廟宇「仁安宮」拜拜，之後因身體不適叫救護車，由嘉縣消防局三和分隊送往醫院。
之後案12038又自行叫救護車離開，深夜11點多院方通知衛生局他確診，今凌晨找到人，馬上將人送到醫院治療。翁章梁說，目前共匡列7名接觸者，包括2名計程車司機、黃姓友人共3人要居家隔離，另村長、派出所兩名員警和案12038的堂哥自主管理，不含堂哥已篩檢6人，5人篩檢陰性。
因無法確認案12038供稱足跡是否屬實，縣府也委託警察局、地方人士協助追蹤還原，至於案12038是否在北部就出現症狀，卻仍返鄉？衛生局長趙紋華說還要再釐清。</t>
  </si>
  <si>
    <t>連鎖餐飲集團六角（2732）股東常會通過配發每股現金股利8.5元，今（2）日進行除息交易，每股參考價151元。六角今日股價開高穩揚，最高上漲2.32％至154.5元，填息率達約41.18％，隨後漲勢有所收斂，早盤維持近1％漲幅。
六角受惠「Chatime日出茶太」全球展店效益顯現，2019年合併營收達49.55億元，年增28.52％，毛利率略降至46.78％，但營益率升至12.11％、創近6年高點。歸屬母公司稅後淨利3.8億元，年增達1.28倍，每股盈餘（EPS）9.7元，營收、獲利、EPS齊創新高。
由於新冠肺炎疫情延燒全球，受各國相繼封城鎖國防疫影響，六角2020年2～4月合併營收明顯遭受衝擊。所幸，4月後已見消費市場動能逐步回溫，5月自結合併營收2.62億元，月增26.25％、年減35.26％，自近3年低檔顯著回升，確立營收已於4月落底。
六角表示，「Chatime日出茶太」5月業績已見回升，轉投資的杭州瑞里業績自3月起逐月回升，4、5月已持平去年同期。經營餐食品牌的王座，則受惠台灣防疫有成、祭出振興消費券激勵，5月營收月增近7成。整體而言，預期營運將在第二季落底，下半年動能看升。
由於4月首波「六角消費振興券」成效顯著，並因應「振興三倍券」即將發放，六角推出第二波方案，持「振興三倍券」於旗下9大品牌消費，200元面額可升級消費240元、500元面額可升級消費650元，並祭出10倍奉還優惠，各回饋2000、5000元優惠券。</t>
  </si>
  <si>
    <t>嘉義市有12名民眾18日陸續主動打電話通報市政府，3月5日從西班牙、土耳其、愛爾蘭、荷蘭旅遊入境返台，市府民政處表示，將依據中央疫情指揮中心指示追蹤管理這12人做居家檢疫，里幹事到家戶關懷。
中央流行疫情指揮中心指揮官陳時中18日宣布，3月5日起入境台灣，不分國籍，一律居家檢疫14天，此項防疫措施自19日凌晨零時起實施。
市府表示，中央疫情指揮中心發布管制措施後，陸續接到5男7女共12名市民打電話通報，5日返台入境，市府將依中央規定追蹤管理他們的居家檢疫。</t>
  </si>
  <si>
    <t>中央銀行總裁楊金龍12日將赴立法院財政委員會業務報告，他在10日出爐的書面報告指出，全球經濟面臨三大風險，包括肺炎疫情蔓延、主要經濟體貿易談判結果未定、地緣政治衝突及極端氣候威脅。
至於央行如何應變，楊金龍也提出三大重點，首先是密切關注肺炎疫情最新發展對大陸及全球的影響，尤其對台灣經濟金融的衝擊；其次是新冠肺炎疫情發展加劇全球金融市場波動，央行將持續關注資金大量進出，對國內金融市場的影響，並本於職責維護外匯市場秩序及金融市場的穩定。
第三是央行會關注金融體系流動性及銀行授信情況，充分支應市場資金需求，確保貨幣政策傳遞管道順暢運作。
楊金龍針對新冠肺炎指出，若疫情不能在短期降溫，國際主要機構預估大陸經濟受創程度將加重並延長。加上疫情擴散至日、韓、義、美、伊等近100國，大陸居全球第二大經濟體，扮演供應鏈核心角色，生產中斷及需求下滑，對全球經濟負面外溢衝擊將遠大於SARS。
其次，楊金龍說明，主要經濟體貿易談判結果仍未定，包括中美簽署第一階段貿易協議雖稍緩解緊張局勢，但衝突恐長期存在。美國與歐盟談判仍進行中，及英國進入脫歐過渡期，無協議脫歐風險仍存。
至於地緣政治衝突及極端氣候威脅，楊金龍分析，年初美國與伊朗的衝突，隨後緊張情勢雖未再升溫，但雙方關係仍難修復。還有極端氣候災害發生頻率增加，嚴重乾旱、洪災、森林大火、強烈風暴等極端氣候事件，發生頻率愈來愈高，帶來的經濟衝擊日益嚴重。
楊金龍強調，國際貿易緊張情勢暫趨緩，今年初主要國際機構多預期，在風險不致加劇下，全球經濟可望穩健成長，但肺炎疫情蔓延，拖累全球經濟，並加劇金融市場波動，仍應密切關注並審慎因應。</t>
  </si>
  <si>
    <t>美國新冠肺炎疫情升溫，1日新增確診病例突破5萬人、創下單日新高，促使部分州政府與企業暫停經濟重啟計畫。為防範肺炎疫情擴大，蘋果公司2日宣布再度關閉30家分店，累計達到77家。
美國肺炎疫情慘烈，周三單日新增病例達50,700人，其中以德州、加州近日病例暴增速度最快，而光是亞利桑那州周三便通報近5,000人確診。
有鑑於此，密西根、科羅拉多與佛州等多州政府宣布暫停或延後經濟重啟計畫，而蘋果、麥當勞等知名企業也重新評估旗下據點重新營業的速度與開放規模。
蘋果2日宣布，受到肺炎疫情影響，該公司在周四前將再度關閉30家分店，使得美國蘋果商店再度關門的總數達到77家。蘋果在全美共擁有271家據點。
蘋果再度關閉的據點遍及各州，包括阿拉巴馬州、加州、喬治亞州、佛州與德州等。
蘋果一下子再次關閉如此多分店，顯示美國肺炎疫情升溫，零售業者想恢復營業的困難度極高。
蘋果是全球最早因疫情關閉據點的企業之一，部分原因在於該公司據點大多位於購物中心或百貨公司，人潮洶湧恐導致感染機率大增。
麥當勞也宣布，美國店內用餐重啟計畫將暫緩21天，但外帶與得來速服務不受影響。麥當勞在全美擁有約1.4萬家據點，截至6月中為止，僅有約1千家以減少座位的方式恢復營業。
麥當勞表示，若當地政府未強制規定，已重新開放內用區分店可自行決定是否維持開放。麥當勞強調，旗下據點持續加強防疫措施，像是要求客人戴口罩與量測體溫等。
據約翰霍普金斯大學（Johns Hopkins University）統整數據顯示，截至2日為止，全球新冠肺炎確診病例約1,082萬人，死亡逾51萬人。其中疫情最嚴重的美國感染人數占四分之一、超過278萬人，死亡逾13萬人。</t>
  </si>
  <si>
    <t xml:space="preserve">韓國新冠疫情嚴峻，首爾自12日起實施最高第4級防疫措施，當中健身房有2項限制引人側目，包括有氧等團體課程禁止播放每分鐘超過120拍的音樂，跑步機也須限速在時速6公里以下，引發韓國民眾砲轟「荒謬」，專家也覺得非常好笑。
受Delta變種病毒影響，韓國第4波疫情來勢洶洶，韓聯社報導，韓國今（14）日新增1615例確診病例，創下疫情以來單日確診數最高紀錄，並且已經連續8天單日確診破千人，上周新增病例中，高達7成和Delta病毒有關，韓國衛生當局警告，至8月中，單日確診數可能飆破2000人，直到8月底才有可能控制住疫情，目前韓國已經累計有逾17萬人確診。
首都圈仍是韓國這波疫情的中心，今天新增病例中，首都圈佔比達75%，為了壓制疫情，韓國政府12日宣布，首爾自當日起至25日實施最高第4級防疫措施，包括晚上6時以後禁止3人以上聚會，晚上家庭聚會也只限2人，婚禮、葬禮僅限親屬出席等。
另外，健身房也有新措施，除了如同台灣不開放淋浴間外，還另外規定跑步機限速每小時6公里，飛輪、有氧舞蹈等團體課程播放的音樂節奏每分鐘不能超過120拍（bpm），韓國官員認為這些措施能夠避免民眾呼吸太過用力，或是讓汗水噴濺到其他人身上，以降低感染風險。
後面這2項新規引發側目，以音樂來看，江南大叔PSY的熱門舞曲「江南Style」因為每分鐘節拍達132下超過規定，可能會在首爾健身房遭到禁播。
《紐約時報》（New York Times）報導，首爾高麗大學九老醫院的傳染病專家金宇珠（Kim Woo-joo，音譯）砲轟這2項措施「荒謬」、「無效」。
健身房教練姜勝鉉（Kang Seung hyun，音譯）表示，他的健身房已經決定停用跑步機，而不是限制時速，他說不懂為何健身車、飛輪車可以使用，跑步機卻不能。
另一名健身教練尹拉爾夫（Ralph Yun）指出，當音樂節奏和運動時的心跳接近時，能夠提升運動表現，但不一定會讓人運動得更加起勁，就算是聽慢板音樂也可以劇烈運動。
研究音樂對運動影響長達30年的英國布魯內爾大學（Brunel University）教授卡拉格奧爾吉斯（Costas Karageorghis）表示，他被韓國政府的健身房政策「逗笑了」，直言相當「愚蠢可笑」。
他說如果民眾決心要進行高強度運動，音樂根本擋不了他們。
他說明，音樂可以讓人分散對疲憊的感覺、改善情緒，音樂確實可以改善民眾運動、鍛鍊的方式，但不是像韓國政府預期的那樣。此外，將音樂節奏限制在120拍下也不一定有效果，因為有很多音樂節奏在120拍下，卻仍然很有活力，不少運動員鍛鍊時反而會選擇節奏比較慢的饒舌歌曲。
</t>
  </si>
  <si>
    <t xml:space="preserve">新冠肺炎發展至今，已造成數百萬人染疫，數十萬人死亡，速度之快，影響範圍之大，都是前所未見的。目前看起來北半球的狀況慢慢有緩和的跡象，各國也開始陸續展開解封的動作。不過南半球的疫情卻讓人憂心，尤其是南美洲由於經濟考量，對於防疫政策不如北半球的已開發國家積極，因此，目前的疫情有持續升溫的跡象。
富邦證券表示，如果時序進入六-七月，而南半球疫情又開始升溫的話，那整個新冠肺炎疫情就有可能在今年冬季再次捲土重來，換句話說，也就是新冠病毒進入季節性的流感化，以目前的情況來看，往這樣的方向發展機率變得相當大。因此，接下來防疫器材、檢測試劑及治療藥品，將會是各國重要的布局，其中，投資人可以關注PCR及ELISA檢測、自動化PCR設備等產業發展方向。
據了解，台灣的相關概念股：如高端（6547）繼新型冠狀病毒核酸檢驗試劑（RT-PCR）取得歐盟和台灣上市許可後，該公司5日也與美國國衛院（NIH）簽署新冠疫苗全球行銷和生產製造的完整權利，正式加入國際賽局。普生（4117）完成研發生產的GB SARS-CoV-2 RT-PCR核酸檢測試劑，獲歐盟體外診斷醫療器材（CE-IVD）認證，將有助加速於歐盟CE認證之國家中展開銷售推廣。
現階段不論是治療藥品的臨床試驗與檢測試劑的開發都在緊鑼密鼓的展開，也逐漸看到成效，各項防疫及醫療器材的儲備也都積極進行，雖然疫苗的開發無法在今年完成，不過到了下半年，防疫器材、檢測試劑及治療藥品這三方面的準備下，對抗新冠肺炎的威脅，人類將不會再措手不及。
富邦證券表示，檢測試劑部份是現階段進展最快，也是商機最大的部份。新冠病毒的檢測試劑屬於體外診斷試劑，可以分成三大類：
第一類是檢測病毒核酸的PCR（聚合(酉每)連鎖反應）技術，也是目前主要的檢測方式，PCR的優點就是準確率高，在潛伏期就能夠檢測到病毒，因此PCR的靈敏度比較高，不過缺點是檢測時間比較久，大概要2~3小時，還有必須把檢體送到實驗室才能進行。
第二類是檢測病人血清裡面的抗體，這個技術叫做ELISA，和PCR一樣，都要在實驗室才能完成。但是因為感染新冠病毒後，最快也要7天才會產生所謂的IgM抗體，而IgG抗體還要再晚幾天才會出現，也就是說，ELISA只能用來檢測感染中後期的患者，缺點一樣是檢測時間比較長，大概要1~4小時。
第三類就是所謂的快篩，優點是篩檢的時間短，要在15分鐘內完成，而且檢體不用後送到實驗室，當場就可以快速得到結果，快篩可以分成驗病毒抗原的抗原快篩，以及檢測血液中抗體的抗體快篩，不過這兩種快篩的靈敏度一般都不會太高。主要都是用在所謂的初步篩選，若篩選結果呈現陽性，再用其他更準確的方式確診。
過去病毒檢測試劑產品，必需先取得當地政府許可後，才可以上市、銷售，不過這次新冠肺炎疫情來勢洶洶，美國面臨篩檢資源不足，為加快檢測速度，啟動緊急使用授權（EUA），主要是由廠商先向美國FDA提交EUA申請後，在FDA核准前，可以有條件賣給美國境內H等級的實驗室執行檢測。
富邦證券表示，目前取得EUA的快篩廠商已超過165家，大陸廠商最多93家、美國44家其次，南韓、台灣也都有廠商入列，但得到EUA授權不代表最後會得到FDA核准，也不代表業績就會大幅成長。
由於PCR檢測流程繁複，檢測速度較慢，如何透過檢測設備的自動化，將檢驗數量拉高也就是所謂的高通量檢測，來達成大規模檢測，就成為各國檢驗能量的重要關鍵。透過PCR的自動化檢測設備不但可以大幅縮短整體的檢測時間，也可以降低人工檢測的錯誤率，韓國這次之所以能快速的大規模檢測，就是因為自動化檢測做得不錯。富邦證券表示，隨著新冠肺炎可能流感化的趨勢來看，新冠肺炎檢測試劑相關廠商、自動化設備產業的後勢仍可期，值得投資人持續追蹤關注。
</t>
  </si>
  <si>
    <t>指揮中心因昨晚臨時公布，桃園醫院5000多名住院者、陪病家屬等都需要居家隔離，昨晚應答率不到三成，造成一晚民眾打爆1922專線，指揮官陳時中今天道歉表示，這兩天變化實在太多，已經緊急增加人力到97人，今天也公布隔離相關SOP，希望今天下午電話應答率可以提高到九成以上。
陳時中表示，昨晚公布後，立刻和相關人員致電，已經將幾個樓層通知，共打578通電話，其中30人沒有聯繫上，已經請警消協助。
陳時中表示，已經把住院人、陪病者都通知匡列完成，居家隔離單可能還要一點時間才會送達，目前隔離將近3千人。
這兩天變化實在是相當多，把相關問題做了整理，對國民表達歉意，應答率達不到三成，人力一個晚上緊急調度到97人，目前總計。應答率達51%多，下午希望達到90%以上，希望大家打到1922時可以儘速得到正確訊息。
昨晚到今天應打率不夠高表達歉意，希望趕快補上來，一方面敢快把問題都整理一下。</t>
  </si>
  <si>
    <t xml:space="preserve">經濟部次長林全能下午在行政院紓困振興記者會中表示，工研院已完成潛伏期快篩偵測儀，利用核酸分子試劑快篩，可在1時內完成測試，最快7月就可量產。
林全能說，為更早掌握感染者，快篩是很重要的布局方向，目前希望用核酸的分子快篩，在病患還沒有症狀時，可以高準度的測得患者，目前的快篩需要4小時，但現在鎖定的核酸分子快篩希望在1小時內，且有90％準確率。
他說，這樣的開發是結合工研院及業者來布局，工研院負責技術及芻型品開發，另外就是試量產，林全能也拿起手邊的核酸偵測儀，說配合試劑開放，可在1小時測得高達90％準確率，這是全世界最小的偵測儀，現在已開發出芻型，4月底可完成臨床測試，希望6月完成試量產，7月開始進行量產。
林全能並表示，假如肺炎演變成流感，秋冬就必需有快篩儀器提早防範。
</t>
  </si>
  <si>
    <t xml:space="preserve">新冠肺炎蔓延，儘管有研究病毒的源頭有可能是蝙蝠，讓許多人「聞蝠色變」，但是在東南亞某國家部分地區仍然是熱銷！
根據《鳳凰網》報導，咖哩蝙蝠是當地熱銷菜餚，饕客拿起咖哩蝙蝠肉配飯，吃得津津有味。
顧客說，不相信當地有病毒存在，他們常常吃這類食物，也不會害怕，會不會生病由老天決定。
販賣蝙蝠肉的攤販說，每天可賣50到60隻蝙蝠，遇到節慶更可賣600隻，有時庫存還不足，銷量沒有受到疫情影響，因為疫情只發生在中國大陸。
報導引述專家說法，呼籲民眾還是盡量不要食用接觸飼養野生動物。
</t>
  </si>
  <si>
    <t xml:space="preserve">國際貨幣基金組織（IMF）24日發佈《世界經濟展望》（World Economic Outlook）顯示，IMF將2020年和2021年中國大陸國內生產總值(GDP)的增長預測分別下調至1%和8.2%，較上次預測值再分別下調0.2和1個百分點。受疫情影響，今年大陸GDP成長亦將創下改革開放以來最低水準，但仍是今年全球唯一呈現正成長的主要經濟體。
據《環球網》報導，IMF週三發佈最新的《世界經濟展望》，預2020年全球GDP增速為-4.9%，在此之前的4月份預估為-3%。到了明年預估全球GDP增速為5.4%，此前預期為5.8%。
報導說，IMF就大蕭條以來最嚴重的經濟下滑發出警告稱，全球悲觀情緒日益加劇，社交疏離和防疫安全措施持續打擊需求，早期的封鎖對供應鏈傷害超出預期。
IMF表示，2020年全球經濟預期持續下調也是由於新冠病毒對消費的衝擊大於最初預期，預計中國大陸2020年經濟增速為1%，是全球主要經濟中唯一增長的國家。
報導說，預計2020年發達經濟體GDP增速為-8.0%，全球主要經濟體如美國-8.0%，、法國為-12.5%、義大利-12.8%、英國-10.2%、日本-5.8%，狀況都極為慘烈。新興市場及發展中經濟體稍為好些，平均GDP增速為-3.0%。
IMF表示，隨著疫情的持續蔓延，對生計、就業保障和不平等造成長期負面影響的前景變得更加嚴峻，預計90%以上的新興市場和發展中經濟體的人均收入將出現下降。
值得注意的是，IMF上調2021年全球GDP增速至5.4%，但如果明年出現第二波新冠肺炎疫情，當年的全球經濟增速可能下調至0.5%。
此外，IMF指出，受新冠肺炎疫情影響，經濟活動大幅下，可能造成企業破產以及國家債務違約，全球金融市場將出現大幅回檔，各國政府需要更多的財政和貨幣政策支持。IMF首席經濟學家戈皮納特稱，病毒將對全球經濟造成1200兆美元的損失。
</t>
  </si>
  <si>
    <t>為守住桃園移工的「馬其諾防線」，市長鄭文燦祭出「固安計畫」，9日啟動企業到場快篩，他視察提到，台達電為了安全營運，本勞加移工共6000人全快篩，有的同一廠區、有的混線生產，要一起完成，強調桃園移工陽性率仍低，沒有熱區現象，但為了員工和地方安心，要按部就班完成。
負責快篩的桃園市醫師公會，在理事長莫振東率隊下出動4人，1天預計可篩800人，莫振東指出，4人都是耳鼻喉科專科醫師，非常了解「耳鼻喉」的結構，能精準掌握採檢的鼻咽與喉嚨接觸帶，準確率高，即使是鼻中膈彎曲的病患也能採檢，全場最快下周就能完成。
鄭文燦9日一早到台達電視察企業到場快篩情況時表示，疫情期間企業要持續營運，必須做好預防性的準備，市府推動企業快篩，媒合醫師公會團隊，到廠區進行快篩，採取「採檢亭」或「採檢屏風」的方式，以標準快篩試劑篩檢，若呈陽性反應，立刻執行PCR核酸檢測，並送到防疫旅館靜候結果。
「就算多廠區快篩一樣可以很順利！」鄭文燦讚台達電是台灣綠能能源的領導廠商，在桃園有5個廠區，雇用的移工1500人、本勞4500人，因為有的是同一廠區、有的是混線生產，所以要一起完成，6000人同時快篩。
「桃園推動企業快篩確實有必要性！」鄭文燦說，桃園外籍移工是全台灣第一名，產業型外籍移工達9萬7000人，雇用移工的工廠非常多，光是雇用100人以上企業就有141家，以5、6月PCR篩檢經驗看，桃園還不是熱區、陽性率並不高，整個桃園外籍移工感染事件只有2起、18人、比率低，但為確保每一個潛在感染個案都能最快、最佳處理，仍要按部就班完成。
鄭文燦說，桃園固安計畫已獲行政院、經濟部、勞動部肯定和支持，部分大型企業則是和健檢廠商合作，駐點快篩，透過預防性的擴大篩檢，讓桃園的企業可以安全營運，也能夠讓員工、企業及社區三贏。
鄭文燦也提到，市府會在各大工業區設13個聯合快篩站，10日起陸續啟用，他解釋聯合快篩站是1站6線，採檢環境佳，可以讓各企業預約登記，強調到場快篩和聯合快篩同時並行，上波雙北熱區防線桃園守住了，相信竹竹苗移工群聚感染熱線桃園一樣也會守住。
鄭文燦也預告，原來13個快篩站，未來經過適當改造，也可以成為疫苗接種站，桃園的疫苗接種計畫，除了流感系統外，還另外增設桃園體育館的大型接種站，1天可以到6000人，工業區站外展接種站達8個，另外還有社區跟學校60站，每周施打人數可達10萬人。</t>
  </si>
  <si>
    <t>中央流行疫情指揮中心昨公布新增3名新冠肺炎境外移入個案，其中2人為30多歲男性（案519、521），1人為20多歲女性（案520），均為本國籍，分別自美國及法國返台。感染專家黃立民表示，近期台灣新冠肺炎確診者又現從歐美返台民眾，可說是第二波疫情來襲的前哨；顯示歐美疫情又開始變壞，加上氣溫變冷，非常不利防疫，建議入境者居家檢疫期滿都應再篩檢，陰性再回社區，是相對容易防疫模式。
中央流行疫情指揮中心發言人莊人祥表示，案519長期在美國工作，約2至3個月返台一次，在美國期間無不適症狀，10月4日返台，入境時主動告知搭機時出現喉嚨癢症狀，由機場檢疫人員協助採檢，昨天確診。同班機接觸者共21人。
案520今年於法國留學畢業後，9月中旬再前往法國。莊人祥指出，案520是在9月27日至30日陸續出現發燒、頭痛、流鼻水、鼻塞及嗅覺異常症狀，未於法國當地就醫；10月4日返國入境時主動告知檢疫人員有症狀，於機場進行採檢確診。至於案521，其長期於美國工作與案519搭乘同班機返台，但兩人互不認識，機組員7人已列為案519接觸者不重複匡列，而同班機前後二排座位旅客共11人則列居家隔離。
針對昨天一口氣三名確診個案都是歐美確診者，台灣感染症醫學會理事長黃立民表示，顯示歐、美洲疫情又開始變得更糟，他憂心，秋冬天氣變冷加上台灣民眾真的「關」了很久，恐再也不耐受到行動限制，兩者加乘下非常不利於防疫。
中華民國防疫學會理事長王任賢指稱，這不是第二波疫情，全球都還在第一波疫情未清的狀況，新冠肺炎病毒從沒消失過。但他也認為，國內目前沒有社區感染，只要守住邊境、戴口罩並保持社交距離，不用太悲觀，他不認為台灣疫情有再大爆發可能。</t>
  </si>
  <si>
    <t>基隆市新增2例本土確診個案，1例家庭群聚、1例疫調中，累計270例，為嚴防疫情擴散，防疫單位進行擴大、預防性採檢，市長林右昌表示，只要自覺有疑慮可以預約申請外，在篩檢站量能充足下，民眾也可以直接前往，醫護人員會安排進行採檢。
林右昌公布2確診案例，案13578為70多歲女性，丈夫為確診者，被匡列居家隔離，第一次採檢陰性，近日身體不適篩檢確診；案13642為60多歲女性，身體不適自行就醫，採檢確診，皆已收治醫院。他說，疫情看起來趨緩，但還是提醒市民，防疫是長期戰爭，這幾天還要密切觀察端午節移動造成的波動，呼籲市民還是要做好防疫，不能掉以輕心。
昨天疫情記者會市府提及，目前防疫目標在撲滅社區熱點，努力找出無症狀的隱性確診者，詳細作為為何，林右昌說明，未來將在過去有許多確診者集中的熱點地區再進行匡列，會通知附近居民前往篩檢站採檢，也希望民眾主動參與，他說，現在篩檢站已逐步放寬限制，只要量能足夠，市民可以不用預約，直接前往會由人員安排採檢。
至於是否在熱區增設篩檢站，林右昌說表示，基隆雖分為7個行政區，但實際上是一個大生活圈，不需和雙北一樣分為中正區、大安區，也不希望再有像萬華區被標籤化的現象，目前市府、防疫單位會主動將有風險疑慮的社區進行匡列，並通知民眾採檢。
衛生局長吳澤誠也補充說明，擴大匡列是為了找出無症狀感染者，預防社區傳播，他提及，目前一天PCR採檢可以做1千份，篩檢量能相當充足。</t>
  </si>
  <si>
    <t>近日來因敦睦艦隊返航，盤石軍艦的官兵新冠肺炎確診數增加，引起各地方政府的重視，紛紛以不同的方式規畫超前部署的防治措施，卻因與中央流行疫情指揮中心意見不盡一致，而有中央與地方不同調的「府際爭議」情狀發生；尤其對於高雄市政府的超前防治規畫，更為「罷韓」團體視為拖延罷免的行徑，頗多過甚其辭之言論一一出現。
就此次新冠肺炎肆虐全球的大災難言之，不僅國內須行政一體積極協同防治，國際間更宜以全球治理觀點採取相互支援的人道措施。我國最近捐贈友邦防治器材，固是「防疫外交」的作為，也頗受友我國家的好評，即是台灣身為全球一員的「協力治理」卓越成就。基於此一認知，回顧國內中央與地方的防疫作為認知差異，尤其媒體、名嘴的偏頗助瀾，不免令人憂心知識分子的良知何在？有必要如此不分是非嗎？倒是行政院長蘇貞昌希望朝野不要再對立，值得省思。
誠然防疫當前，既然中央已成立指揮中心，基於資源共享以及行動一致的必要性，理論上宜以中央疫情指揮中心的「指揮」為唯一行動基準；地方政府能夠知所依循，應係理性選擇，而非盲目施為。問題是中央指揮中心對於防疫的指揮，本就須視疫情的衍變而有不同的策略規畫。就以口罩的分配來說，雖未到一日數變，至少可說一個月好幾變，乃有口罩1.0、2.0、3.0，乃至4.0的說法。地方政府看到國際疫情的走勢，依據學者專家的呼籲，斷然採取若干超前的演練措施，中央指揮中心實無倒喝采之必要，何況中央指揮中心還有意無意有南北不同的指示，比如：新北市的兵演，召集人張上淳還專程蒞臨指導，並且肯認新北市的做法；反之，高雄市的做法，即一一駁斥，有如一無是處。這不免令人有支援「罷韓」的聯想。
中央指揮中心對於疫情的指揮，宜有「策略選擇」和「時機選擇」的考量，就「封城」而言，行政院蘇貞昌院長既以「全國一致」作為策略選擇，不僅地方政府務須全力貫徹，就是媒體、名嘴亦當協同策進，更不宜有故入人罪的譁眾取寵行徑。此外，地方政府依自治權的行使，尤其自治區域內的公益治理作為，中央指揮中心不僅宜樂觀其成，並且在技術上要多所指導，在經費上更要多所支援。相信此次疫情必可在最短期間內完全控制，持續維持本土病例的零確診，而國外傳入的確診數亦可逐日減少，尤其敦睦艦隊意外染疫，如機關間相互體諒或協助，應即可打住。
新冠肺炎是全球人類的最大敵人，自當認清敵人的真面目，採取一切有效的防治措施，這是此次新冠肺炎給人類的經驗和教訓。全球治理或許有其值得檢討之處，但全球治理卻是制勝新冠肺炎的唯一良方。此時此刻，國人應有更寬廣的心胸去了解和協同防治於任何一塊國土才是。
（作者為銘傳大學公共事務學系客座教授）</t>
  </si>
  <si>
    <t>陸股表現出乎投資人預期，法人表示，投資人相信大陸官方必出手，另外資金充沛、陸股價格合理等都是資金力挺陸股原因。
為降低疫情對經濟及股市的衝擊，台新中証消費服務領先指數基金經理人葉宇真表示，大陸人行持續大幅向市場注資，陸股流動性充足，加上大陸刺激政策持續出臺，企業陸續復工等都有助盤勢向上發展。
葉宇真指出，陸股快速止跌有三個因素，包括月度基本面資料開始回穩、宏觀政策偏暖、中美經貿關係緩和，後兩個因素最終將影響未來基本面，因此，新冠肺炎不會改變陸股牛市趨勢。
群益中國新機會基金經理人洪玉婷則表示，雖然新冠肺炎疫情尚未受控、持續影響投資人信心，也對第一、二季之經濟表現帶來衝擊，不過在中國人行釋放流動性、調整企業貸款成本等舉措，顯示當局對於鞏固穩增長的決心，若疫情可控後，市場信心可望逐漸回籠，惟現階段考量疫情不確定性仍在，復工狀況亦待觀察。
野村中國機會基金經理人劉尹璇認為，短期而言，市場情緒仍會受到疫情影響而波動，但今年多類題材發酵，景氣和產業進入回升期，不論5G手機的商機，電動車的量產，相關製造業、機器人等行業的復甦，數據中心重回成長趨勢，這些產業都已經走出循環的底部；需求在短時間會受到疫情影響而遞延，但長線仍具潛力。
野村投信認為，在市場恐慌時反而是分批布局的好時機，預估疫情過去後經濟及企業獲利將回升，市場將回歸關注基本面。
葉宇真建議短線遇回檔可分批布局，或定期定額長線投資，以參與疫情結束後的爆發性牛市行情。
洪玉婷建議，投資中國基金可採分散配置，以平衡投資組合波動，產業方面，相對看好消費升級相關之民生消費、醫療服務等類股表現，此外，基建投資有望拉動原物料和相關設備需求，可持續關注。</t>
  </si>
  <si>
    <t>27日起入境者一律入住檢疫旅館或集中檢疫所，桃園機場公司今天說，即時起實施入境旅客一律搭乘防疫車隊前往檢疫地點，籲入境旅客親友不要再前往機場接機，減低病毒傳播風險。
因應最早在印度發現的Delta變異株疫情，中央流行疫情指揮中心日前宣布，27日起入境者一律入住檢疫旅館或集中檢疫所，不可居家檢疫。
桃園機場公司今天發出新聞稿表示，配合指揮中心指示，即時起實施入境旅客一律搭乘防疫車隊前往檢疫地點，呼籲入境旅客親友不要再前往機場接機，減低病毒傳播風險。
機場公司也提醒，入境旅客入境後請依照指標及現場保全引導，至第一、第二航廈入境大廳防疫車隊搭乘處，由現場人員登記確認後指引搭車，同時也持續加強所有車輛及場域清消、司機自我防護，確保每名乘客乘車環境安全無虞。
指揮中心發言人莊人祥今天晚間告訴中央社記者，由於即起入境者不可再返家檢疫，也就不再需要親友專門接送，減少病毒傳播風險，即起禁止入境旅客親友前往機場接機，確保社區防疫安全。
莊人祥說明，即起若旅客自巴西、印度、英國、祕魯、以色列、印尼及孟加拉等7個重點高風險國家入境，應搭乘交通部安排的防疫車輛前往集中檢疫所；若旅客並非由前述「重點高風險國家」入境，應自費搭乘防疫車輛或自行駕車前往防疫旅宿或自費集中檢疫所檢疫地點。
若入境旅客的親友違反指揮中心公告，仍執意前往機場接機，或入境旅客拒絕搭乘防疫車輛前往檢疫地點者，莊人祥表示，得依「傳染病防治法」第58條及69條規定，處新台幣1萬至15萬元罰鍰。</t>
  </si>
  <si>
    <t>月初才以身作則施打新冠肺炎疫苗，看來神采奕奕的前大聯盟生涯全壘打王漢克阿倫（Hank Aaron），今天由其女兒證實已不幸辭世，享壽86歲。名人堂兩天前才痛失生涯324勝的強投蘇頓（Don Sutton），如今連阿倫也撒手人寰，令老球迷悲慟不已。
綽號「鐵鎚」（Hammer）的漢克阿倫是大聯盟長青樹，從1954年打到1976年，雖然是效力勇士、釀酒人兩支小市場球隊，他的生涯755轟卻在大聯盟維持了30多年，直到2007年才被邦茲（Barry Bonds）所超越。
然而，相對於破了紀錄卻因禁藥蒙塵的邦茲，阿倫不論場內外都是模範人物。儘管生涯全壘打退居次席，他仍是大聯盟生涯打點（2297）、壘打數（6856）、長打（1477）等3項紀錄保持人，3298場出賽、3771安都是史上第3，得分2174則排第4。
阿倫在1957年幫助勇士贏得世界大賽冠軍，他也榮膺國聯MVP。此外，他曾獲兩屆國聯打擊王、3座外野金手套，25次入選明星賽也是紀錄。1982年首次獲得名人堂候選資格，阿倫就以97.8％的高得票率上榜，大聯盟更從1999年起頒發「漢克阿倫獎」，表彰當年美聯、國聯的最佳打者。
球場之外，阿倫為爭取黑人權利積極努力，因為他自己就是種族歧視的受害者。阿倫出生於阿拉巴馬州莫比爾，家境貧寒，更從未打過正式棒球校隊，因為只有白人學生可以參加。而在打破「棒球之神」貝比魯斯（Babe Ruth）的生涯全壘打紀錄過程中，阿倫收到許多死亡威脅，因為有人不想看到黑人打破這項紀錄。
但阿倫還是做到了！他在1974年開季的首打席、首次揮棒，就擊出追平魯斯的714轟。4月8日，阿倫在亞特蘭大主場53775名觀眾面前，再將道奇左投道寧（Al Downing）的滑球一棒掃出左外野牆外，以715轟成為新科大聯盟全壘打王。
當下阿倫展開英雄式的跑壘，過程一度被兩位熱情球迷衝進場干擾，其中一位是已逝的TNT電視網場邊記者塞格（Craig Sager）。最後阿倫終於踏回本壘，被包圍的隊友們高高舉起，他也與觀眾席上的雙親擁抱，成為大聯盟史上最經典的感人畫面之一。
阿倫引退後成為勇士隊行政高層，也幫助更多黑人球員能跟他一樣，在卸下球員身分後也能轉任行政職務。
Nothing to it! I'm proud to roll up my sleeve and be among the first to receive the COVID-19 vaccine at Morehouse School of Medicine with my friends Hank Aaron and Dr. Louis Sullivan. I do hope hope everyone who has the opportunity follows our example!https://t.co/o6veVeD0JS
2002年，阿倫獲頒象徵美國最高平民榮譽的「總統自由勳章」。但他曾語重心長的說：「黑人在球場上能夠成為超級巨人，但一旦我們的球員生涯結束，就是一切的終點。我們又得『坐回巴士後面』。」這個典故來自1955年的「蒙哥馬利公車事件」，一位非裔美國女士因為拒絕把前排座位讓給白人，竟然遭到逮捕。
漢克阿倫最後一次公開露面，是本月初在亞特蘭大公開接種新冠肺炎疫苗，也呼籲民眾踴躍施打，熱心公益的他開心的說：「能做一件不只幫助自己，也能幫助社會的事情，我覺得非常棒！」可惜不到20天後，阿倫的笑容就像他飛出牆外的755支全壘打一樣，只能留給後人追憶了。</t>
  </si>
  <si>
    <t>新冠肺炎確診個案急速上升，中央流行疫情指揮中心指揮官陳時中坦言，失聯確診者在台北市有146名、新北市164名失聯，雖然不是代表完全失聯，但這樣的數字仍然是太高。
北市府表示，日前50名失蹤者已尋獲19人，台北市政府副發言人黃瀞瑩表示，後來31人中又找到了10人，剩下的21人裡面有17人是非台北市民，另外4個正在積極努力聯繫中。
至於中央流行疫情指揮中心指揮官陳時中25日提及的北市146名失聯者部分，台北市政府副發言人黃瀞瑩澄清，截至昨日晚間為止，台北市收到的失聯者為78人，員警們也相當努力在聯繫與追蹤，盼中央能給予基層員警更多鼓勵，以最快的速度找到這些個案。</t>
  </si>
  <si>
    <t>今年東京奧運帶動的體育熱潮，原本要由9月7日到12日舉辦的台北羽球公開賽延續，可惜因為新冠肺炎國際疫情尚未趨緩，加上變種病毒致疫情反彈，中華羽協昨宣布繼去年之後再度取消。
台北羽球公開賽是國內羽球饗宴，不少國際好手來台參賽過，去年因新冠疫情停辦，今年原訂9月回歸，中華羽協也在7月底呈交防疫計畫給中央流行疫情指揮中心並獲同意、發布舉辦消息。
羽協防疫計劃提到，今年來台的國外選手，除了提供抵台72小時內新冠肺炎檢疫陰性證明，來到台灣後也必須先隔離5天才能參賽，選手僅能搭乘專車往返住宿地點、比賽場地，採取團進團出方式參與賽事，比賽也將採取閉門方式，媒體也被限制不得進入場邊。
此外，國外、國內選手及大會工作人員每2天採檢一次，來自高風險國家地區的選手每天採檢，國外選手在賽事結束後也將比照東京奧運規定，48小時內就要離境。
不過萬全準備還是難敵新冠疫情的不確定，中華羽協昨透過聲明表示，鑒於國際疫情尚未趨緩，周邊國家亦有擴散情形，國內持續執行邊境嚴管措施，主辦單位BWF世界羽球聯盟在考量國際疫情因素及賽事安全維護的可行性後，與中華羽協、教育部體育署研議後，決定取消2021台北羽球公開賽。
羽協也向參與籌備賽事的協辦單位、贊助廠商、報名選手們及所有熱心支持的球迷朋友們，表達歉意與感謝，並期待疫情早日緩和。</t>
  </si>
  <si>
    <t>國內新冠肺炎疫情蔓延，新北市警察局各分局配合區公所執行取締未戴口罩，依據新北市警察局統計至下午3時止，全市共取締37件、勸導206件，民眾多為外出購物、騎車等未佩戴口罩，各分局依法通告衛生局後續裁罰，將處以3000元至1萬5000元罰鍰。
警方指出，未佩戴口罩將通報衛生局依違反《傳染病防治法》開罰3000元至1萬5000元罰鍰，呼籲民眾防疫期間配合政府防疫措施，落實勤洗手、戴口罩並遵守社交距離的規定，避免前往人潮聚集、密閉空間及易造成群聚感染的場所。</t>
  </si>
  <si>
    <t>台股衝上高點，投資人紛紛出現疑問，到底還有沒有便宜好股票？答案是肯定的。首先回顧去年的變化，從台股大盤跳水式的下跌、美股三月出現4次熔斷導致金融市場秩序大亂，接著美國FED緊急宣布降息至0利率、推出7,000億美元購債計劃，讓全球市場驚奇大V轉。隨著市場波動劇烈，投資人心理壓力也隨之加重，因此找到高殖利率又不受疫情影響的定存股就格外重要。
創下40%以上報酬率的抱緊組合
以老牛為例，在股災來臨持有高殖利率定存股，除了一路抱緊緊不怕以外，投資組合甚至創下高達44%的報酬率。因此老牛就要跟大家分享一些2021年7%高殖利率的定存股，提供不私藏的「抱緊股選股策略」。回顧老牛抱緊組合中，可發現累計報酬率前三高分別為豪展（4735）正192.29%、中菲行（5609）正155.55%及根基（2546）正38.38%，有兩檔是翻倍的成長。而報酬率較差的前三大則為新巨（2420）負3.16%、美律（2439）負3.75%及成霖（9934）負11.81%，因此讀者應該可以發現這個組合呈現「大賺小賠」。
超越大盤的抱緊股選股策略SOP
能創下超越大盤的報酬率，最重要就是老牛找到低本益比、高殖利率的抱緊股，才能遇到下跌「抱得安心」、看到上漲「抱得開心」。而老牛的價值投資SOP分別是「見識內在價值」、「確認獲利空間」、「低價逐步買進」、「靜待價值回歸」、「高價獲利賣出」。而抱緊股也必須符合以下四個特性：
1.獲利成長：公司獲利成其穩健成長，穩定累積盈餘。
2.高殖利率：公司獲利成長，也願意分享讓股東一起同樂。
3.高防禦性：在營運健全之下，具備足夠的現金流，因應黑天鵝來襲。
4.股價便宜：內在價值不斷增加，但股價卻尚未反映價值。
除了符合抱緊股特性外，基本面表現也要滿足五大條件：
1.去年EPS &gt; 1元：過去賺取足夠的獲利來發放給股東。
2.前三季盈餘較去年成長：盈餘成長有機會帶動股利給得越多。
3.近兩年盈餘發放率介於70%~100%之間：公司願意將盈餘分享給股東，但也不可過度發放。
4.本益比 &lt; 12倍：盡量挑選相對便宜的股票。
5.預估殖利率介於7～15%之間：我們目標是大於7%的高殖利率，但也要避開過於誇張的公司。
台股便宜股已不復見？
隨著大盤不斷創高，具有基本面的便宜股像是「日本壓縮機」一樣越來越稀少，目前台股只剩下不到50家（台股檔數在1,700以上）。但以一般投資人來說，其實50家仍是不易管理，因此投資組合最好能再具備三個面向：
1.風險分散：涵蓋不同產業，例如橫跨電子業、資訊服務業、再到營建業與生活類股。建議大家持股介於10-15檔之間，除了便於管理，也能讓整體組合風險大幅分散。
2.獲利成長：挑選的10檔個股，最好前三季EPS累計已達前一年全年度的8成以上，甚至公司前三季就已經超越全年度的獲利數字。
3.大方配息：公司願意與股東同樂，個股必須符合連續10年以上配出現金股利，甚至連續3年股利成長，這也代表企業能長期獲利。
抱緊股示範：根基（2546）
根基成立於1982年，目前為國內前十大營造廠，也是冠德（2520）轉投資的子公司。營造業的工作就是接案、蓋房，公司主要承攬母公司冠德及企業（如台積電南科、鐵路局南迴鐵路）等建設發包。而根基連續六年營收成長（近三年均突破百億大關），近三年也都出現在老牛的選股清單中，連續配息也高達14年且近年殖利率都在7%，EPS都也能維持在3-4元左右，而去年營收也創下歷史新高，配息率都在80%左右，那麼隨著持續成長的EPS自然就有機會配發更多股息了。
什麼樣的股票才能抱緊？
首先要提醒大家好股票的體質相對健全，無論面對新冠肺炎、中美貿易戰、金融風暴，都能在每次的挑戰中越發強壯。2020年是振幅最大的一年，面臨大盤急墜下殺後，緊接著又創下30年來的新高點，不過觀察過去經驗，高殖利率價值股仍會持續成長。而股價當然也與公司營運表現息息相關，所以如果確認股票營運趨勢向上，那麼通常這些股票都具有「左拿股利、又賺價差」的特性，長期看下來勝率都不會太低。只要掌握老牛的「抱緊股三四五法則」（三個投資策略、四個抱緊股特性、五個抱緊股營運條件），那麼股市就會幫助你賺到超額報酬，若對抱緊股有興趣的朋友，也歡迎加入老牛的專案（請點我）一起討論。
本文由PressPlay Academy專欄作家股海老牛授權轉載，原文刊於PressPlay Academy</t>
  </si>
  <si>
    <t>香港衛生署防護中心傳染病處主任張竹君今日在記者會上表示，香港新增32例新冠病毒確診病例，當中為19男11女，有24例曾有境外旅遊史，包含12名學生。另外，有5人為在卡拉OK包廂內唱歌所發生的交叉感染。
事實上，香港在3月27日宣布將禁止4人以上的聚集，自28日起，包含店鞥院、健身房、桌球室等娛樂場所都必須強制關閉；工作場合、法院、婚喪禮以及餐廳等可被豁免，但餐廳僅能提供一半的座位給客人，飯桌間也必須保持安全距離，並且客人也得量體溫後才進入用餐，除吃飯外也得全程配戴口罩。
該起唱歌群聚感染的病例，發生在尖沙嘴RedMr卡拉OK，7名確診或疑似病例曾在該處唱歌，該群組一共有7人，其中5名已確診，另外2名已經送往檢疫中心。</t>
  </si>
  <si>
    <t>政府啟動口罩援外，繼上周宣布捐贈千萬片口罩予歐美，外交部昨加碼，捐贈逾100萬片予新南向國家。國民黨昨指出，若口罩產量滿足國內需求，行有餘力，當然樂見援外，但政府應先將口罩配給透明化。革實院副院長游淑慧質問，「口罩國內真的夠用嗎」，現在民眾沒口罩就不能搭捷運、上班上學，她建議政府改「購買」為「配給」，直接分配口罩給民眾。
民眾還得排隊買 哪來多的援外
政府上周拋千萬片口罩捐國際，疫情指揮中心卻開始宣導電鍋蒸口罩，遭質疑「暗槓」口罩援外。行政院長蘇貞昌昨表示，媽媽從小告訴我們，自己吃剩的給人家，省吃儉用幫忙鄰居，才是高貴情操。他更說，「台灣人難得被世界這麼重視」，希望國人同胞珍惜身上有全世界最穩定、最便宜的口罩，相信政府絕不會暗槓濫用。
國民黨文傳會主委王育敏表示，若口罩產量可滿足國內需求，行有餘力援助他國樂觀其成，但坊間質疑的是，口罩數量、分配，是否真滿足民眾需求？
產量分配不透明 藍怒轟大黑箱
她說，政府要做口罩外交，應先確定第一、國內一線防疫人員、民眾口罩充足，再進行外交；第二、政府至今未清楚交代所有口罩數量，包括防疫口罩數、一線人員使用量、供應民眾認購量、提撥口罩外交量多少？她建議政府口罩配給公開透明化，先向國人清楚交代產量、去處。
國民黨立委陳以信說，疫情中心將口罩分為民生、醫療、公務、商業與儲備等5用途，現只公開民生口罩數據，讓民眾透過衛福部口罩供需資訊平台，了解各藥局剩多少口罩可買。但光這項資訊不夠，到底每天、每條生產線有多少？各單位分配多少？每天、全部及未來儲備量多少？5類用途各自分配多少？這些數據就像口罩大黑箱。
他強調，國人還在街頭排隊買口罩，海外還有2、300萬台灣人靠親友額度寄口罩，政府卻一下捐出千萬片，民眾當然會質疑，「生吃都不夠，哪還能曬乾？」
疫情中心回應 無法做到一人一片
游淑慧說，口罩援外前提是「真足夠」，以算術來看，目前日產量1300萬片，即便8成供民眾購買，每人兩周可買9片，約僅33％民眾可買到，並非人人都有，以致仍須排隊。她說，若日產量1300萬片，政府應改「購買」為「配給」，政府規定沒口罩不能搭捷運、上班上學，台灣能保證所有民眾都能取得口罩？
對於建議改「配給制」，疫情指揮中心發言人莊人祥說，國內仍無法做到一人一片，所以有教民眾重複使用，撙節口罩，至於配給制，需再進一步瞭解。</t>
  </si>
  <si>
    <t>新冠肺炎疫情升溫，為免病從口入，桃園市長鄭文燦11日中午至平鎮義興國小視察學校廚房防疫工作及學生打菜用餐情形，並與學童一同學習正確洗手與用餐防疫禮儀，有趣的是，在市長關心學童打菜防疫裝扮時，遭打菜學童制止提醒「市長不能講話」，現場十分尷尬。
桃園防疫不漏洞，為關心學校廚房及營養午餐防疫工作，鄭文燦11日中午至平鎮義興國小了解校方廚房防疫措施，及學生打菜的情形，並和學童一同用餐。沒想到市長在裝菜時關心學童打菜防疫裝扮，卻遭2年級打菜學童提醒「市長不能講話」，讓市長深刻學習「用餐不聊天」的防疫禮儀。
義興國小校長馮立縈表示，學校廚房在製作午餐前會先消毒，並監督廚工需確實穿戴工作服（含圍裙、髮網帽、雨鞋）及配戴口罩，強調，廚工要經過手部消毒後才能進行廚務工作，每天供餐結束後，餐桶餐具清洗完會亦放置於消毒櫃進行高溫殺菌，並以清潔劑、漂白水刷洗班級餐車、推車、及廚房四周，以確保供餐環境衛生安全。
鄭文燦表示，因應疫情嚴峻，為確保學生用餐健康，已要求桃園市學校應全面落實各項午餐衛生安全管理與防疫措施，如定期清潔消毒廚房、各班打菜學生需戴口罩、圍裙、帽子及手套，以免飛沫接觸感染，更指出，導師應宣導「濕、搓、沖、捧、擦」及「內外夾攻大力丸」等正確洗手步驟。</t>
  </si>
  <si>
    <t xml:space="preserve">核酸檢測前端萃取儀器及試劑大廠圓點奈米(6797)4月份合併營收1.2億元，年增128％，前4月營收8.9億元，較去年同期成長719％。全球新冠肺炎疫情數度攀上高峰，多國防疫措施從前期的大量檢測，陸續改為強制隔離，然而各國疫苗的採購預算壓縮檢測產品採購空間，核酸檢測需求暫緩，因此圓點奈米4月營收相較去年下半年以來的表現出現落差，但仍較去年同期大幅成長。
圓點奈米表示，新冠肺炎疫情短期內仍看不到盡頭，尤其圓點奈米的核酸萃取產品在過去一年得到國際肯定，已成功躍上全球許多知名客戶的採購名單，檢測需求仍然強勁的情況下，公司營收將可保持穩定表現。
全球新冠肺炎疫情再拉警報，多國醫療資源與人力不堪負荷，防疫措施從全民檢測改為強制隔離，公衛習慣也從看診篩檢轉為自主隔離；此外，旅遊泡泡配套措施尚未到位，邊境開放日期仍未明朗，疫情再度升溫，造成各國瘋搶疫苗的現象，也暫時壓縮了檢測產品市場的成長空間。圓點奈米短期出貨情況因前述因素而受到影響，長期的成長態勢則仍然不變。新冠肺炎病毒持續變種，在印度等國造成空前危機，因應未來邊境防疫需求增加、新冠肺炎將流感化的趨勢，圓點奈米提前佈局國際核酸檢測市場，核酸檢測的常態需求預期仍是穩定成長。
核酸檢測為分子診斷的重要環節，將大量應用於預防醫學、精準醫療及傳染病檢測，圓點奈米在打開國際知名度後，更將積極推出新產品，拓展更廣大的核酸檢測市場。在儀器設備方面，今、明兩年將推出全新的核酸萃取儀器，除全新設計的高／中通量儀器外，也有專為科學研究單位所設計的設備儀器，蓄勢攻向科學研究市場，產品線更加齊全。試劑方面，法醫檢測試劑、植物(葉類樣本不需研磨)與游離核酸(cfDNA)檢測試劑等，預計將於今年下半年上市，其中法醫檢測試劑已成功從骸骨、菸蒂、口香糖、織品血跡等萃取難度較高的樣本中萃取出核酸，將是刑事案件偵破的重要技術手段之一。
</t>
  </si>
  <si>
    <t>台股今開低震盪走低，主要原因係盤中傳來桃園地區某大型防疫醫院，疑似爆發院內新冠肺炎感染，使市場賣壓相對沈重，一度大跌136點，所幸台積電、日月光投控與部分防疫概股力撐短多，才使跌幅稍收歛。
不過，受制盤後才由防疫指揮中心召開記者會說明，因此，在消息面不明朗下，法人、主力群等市場大咖加大逢高打帶跑動作，致集中交易市場加權股價指數收跌56.6點，報15,500.7點，跌幅0.36%，成交量放大至3,696.01億元。
台積電周二開低震盪走高，仍係呈現拉回就被「有心人」逢低接手榮景，盤中高點一度來到597元，直逼600元大關；也帶動大盤一度上攻15,642點，再度雙創歷史天花板；之後，隨著台積電漲幅收歛，及市場憂心疫情是否失控？使大盤一度上演多殺多窘境。
但上市、櫃盤中個股依題材領先盤勢發展，仍無所畏懼，包括矽力-KY、旭隼、譜瑞-KY、上銀、亞德客-KY、弘塑、漢磊、聚陽、欣興、富邦媒、大同及群聯等，仍多逆勢大漲。另外，生醫族群與防疫概念股，則趁勢崛起，包括普生、生華科、健亞、ABC-KY、杏國、藥華藥、恆大、康那香、熱映、毛寶、南六、博錸及基亞等，也紅光滿面。
重量級集團股除台積電、日月光投控力挺多方陣營外，包括台達電、和碩與富邦金等，也站在多方。餘鴻海、股王大立光、國巨、長榮、元大金、國泰金、兆豐金、中信金、玉山金、中鋼、南亞科、長榮航、華航、聯電、仁寶、友達、群創、台塑四寶、台泥、亞泥、遠東新、統一、台玻及第一金等，都臉色不佳。
櫃買市場方面，除生技類跌深小反彈外，餘電子、紡纖、電機、化學、鋼鐵、營建、航運與觀光等族群，都臉色鐵青，使盤勢開高震盪殺低，終場指數大跌1.43%，報186.18點，成交821.98億元。
業內人士指出，盤勢今帶量下挫，短線籌碼將趨於凌亂，加上融資餘額仍在高檔，使近期盤勢或進入整理待變格局；不過，疫情畢竟屬非經濟因素層面，對台灣2021年的GDP的衝擊，雖待觀察，唯預期在全民多有防疫風險意識下，負面因子不會過分悲觀。
另外，美國政壇未來是否和平轉移，也待進一步觀察，今消息面雖傳來川普對日前國會爆亂事件，坦承將負一部分責仼，但以川普善變的黑天鵝性格，市場仍不敢掉以輕心，係短期台股逢高也相對承壓遠因。而金管會高層周二再對盤勢表態，應居高思危來看，不排除政策面或有降溫考量，使台股短線操作或暫宜低調，逢高善設停利點，再視消息面變數，伺機而動為上策。</t>
  </si>
  <si>
    <t xml:space="preserve">新冠肺炎疫情在台灣已經緩和許多，但國外疫情依舊緊張。對此，婦產科名醫施景中感嘆，過去會羨慕國外的醫生，但「曾幾何時，現在我知道在台灣當醫生是個福報」。
施景中在個人臉書上表示，全世界的感染病例已達500萬例，超過兩倍台北市人口。台灣人的生活卻沒什麼變化，像是置身事外一樣享受家庭生活。他分享自己假日還能與家人一起上餐廳吃飯後的感受，「這次的疫情，讓全人類遭受重大損失。台灣雖然身受其害，此時此刻的我們，卻又感覺幸福滿滿」。
施景中透露，多年前，大部分的醫生認為在台灣當醫生是很倒楣的事，那幾年醫學系畢業的都到國外去當醫生，不然就是轉行不當醫生。但看看現在的狀況後，施景中說，「曾幾何時，現在我知道在台灣當醫生是個福報」。
施景中感嘆，過去會羡慕著美國、新加坡、日本和香港的醫生，現在不會這樣想了。「或許疫情過了，我會選擇性拒絕國外演講的邀約吧，因為我現在能體認真正幸福是什麼」。
</t>
  </si>
  <si>
    <t xml:space="preserve">因著新北市的疫情升溫，幼兒園群聚案例更確定為Delta病毒，為了防疫優先，Global Mall也宣布將依循縣市政府規範，於明（9日）起至15日期間暫停開放餐飲內用，同時自疫情升溫以來，不僅落實餐飲安心防疫措施，積極推動外帶、外送服務及優惠，設置「無接觸快取區」，搭配行動支付，同時也設立外送平台單一取貨區，提供消費者快速且安心購物。
疫情發生以來，Global Mall持續落實並提升安心商場防疫措施，每周全館消毒、每兩小時公共區域消毒、實施實聯制，量測體溫、提供酒精消毒液、出入口進行分流、人流管制，每三小時員工測量體溫，同時也增設防疫消毒門、人臉辨識溫測裝置，積極落實防疫。
</t>
  </si>
  <si>
    <t>台灣於5月中旬新冠肺炎疫情爆發，外界將其歸咎於，民進黨立委范雲協助推動放寬機組員檢疫措施為「3+11」所造成。范自5月12日起臉書均未發文，神隱83天後3日晚間首度發文，強調自己任內工作報告重點項目是「守護主權，防範紅色滲透」。對此，國民黨青年部副主任詹為元痛批：「有妳在根本不用等紅色滲透，妳就讓台灣門戶洞開了。」
范雲在臉書刊出自己自2020年2月至2021年7月的工作成果報告，其中第一項是「深化民主，守護主權」，第一句話就寫著「守護主權，防範紅色滲透」，強調自己上任後就積極處理，中研院院士國籍、中研院外文名稱正名等問題。
詹為元3日深夜在臉書發文抨擊：「范雲不道歉就是不道歉，有妳在根本不用等紅色滲透，妳就讓台灣門戶洞開了。」詹表示，范消失了近3個月，終於出來了竟仍無任何一絲悔意與歉意，起手式第一點就在那邊防範紅色滲透，標準綠色共產主義的思維，以為所有事情罵了中共就有人支持。
詹為元直言：「我跟妳說，有妳在立法院，根本不用等到紅色滲透，妳自己就幫台灣門戶洞開。噁心死了，危機處理爛，躲了這麼久，要是我是妳就直接把臉書關了，然後安安靜靜的做完剩下任期。」詹質疑，新冠肺炎截至3日已累計789人死亡，范雲怎麼隻字未提？難道以為這樣世人就會遺忘嗎？
網友紛紛在詹為元文章下留言：「太扯了啦」、「妖孽，鬼扯瞎掰」、「等到有選舉才會出來吧！」、「錯誤的決策比貪污更可怕，無形殺人也是要償命的，民進黨不要這麼囂張！」</t>
  </si>
  <si>
    <t>大聯盟春訓2.0繼續對球員實施新冠肺炎篩檢，今天又有海盜、國民、白襪、紅雀隊宣布各有2名球員確診，使得23日球季開賽蒙上一層陰影。
海盜隊總教練謝爾頓（Derek Shelton）表示，菜鳥投手塞德林德（Blake Cederlind）和外野手布里托（Socrates Brito）檢測結果呈陽性反應確診。在與記者的視頻電話採訪中，謝爾頓感謝兩名球員允許公開他們的姓名，兩人將被隔離治療直到痊癒。
紅雀隊棒球運營總裁莫澤里亞克表示，三壘手蒙泰羅（Elehuris Montero）的新冠肺炎測試呈陽性，但無症狀。先前紅雀也公布了左投手桑契斯（Ricardo Sanchez）和卡布瑞拉（Genesis Cabrera）測試結果呈陽性反應確診。
白襪隊也證實有2位球員確診，但並有出現症狀，球團已對2人進行聯繫追蹤，目前正在接受球隊醫務人員的監測，並將在未來幾天接受後續測試。球團表示，2名球員都要求保密，所以無法透露姓名。
國民隊總教練馬丁尼茲（Dave Martinez）則表示，接受測試的60名球員中有2人出現新冠肺炎病毒陽性反應。這2名球員在向球隊報到前已先接受測試，其他球員則還在等檢測結果出爐。
按照大聯盟公布的安全手冊，測試結果為陽性的球員，痊癒後必須兩次測試為陰性，並通過其他與新冠肺炎相關的規定後，才能返回球隊繼續練球和比賽。</t>
  </si>
  <si>
    <t>美國參議院司法委員會主席格雷厄姆12日提交法案，建議一旦大陸若未能如實交代新冠肺炎疫情爆發的起因時，授權總統制裁大陸。大陸外交部發言人趙立堅13日稱，美國對中美貿易合作設障，只會損害美國投資者自身利益，中方對此堅決反對。
東網報導，該項《新冠肺炎問責法案》，要求總統在60日內確認，大陸已向美國、美國的盟友或世界衛生組織等聯合國屬下組織領導的調查，充分及全面交代新冠肺炎疫情。此外，又要求總統確認大陸關閉可能傳播人畜共通疾病的溼貨街市。
法案授權總統在一旦未能確認上述各項時，可以立即制裁大陸，包括凍結指定官員的資產和向他們發出旅遊禁令、吊銷給大陸國民的簽證、禁止美國及國際金融機構貸款予大陸企業、禁止大陸企業在美國上市等。有關法案獲得另外8名共和黨參議員支持。
格雷厄姆表示，大陸拒絕讓調查人員了解新冠肺炎疫情如何爆發；而自己則相信，如果大陸沒有欺騙的話，病毒就不會傳到美國；又指除非強迫大陸去做，否則對方是絕不會配合認真的調查。
大陸外交部發言人趙立堅回應事件，指全球化時代各國利益深度交融，你中有我，我中有你，中美經濟合作本質是互利共贏；但該議員以所謂國家安全為由，對美國投資者進入大陸市場設障，甚至政治化，只會損害美國投資者自身利益。
趙立堅又表示，美國國會個別議員完全罔顧事實，妄圖通過搞有罪推定式的調查向中方推卸自身抗疫不力的責任，這極不道德，中方對此堅決反對；而大陸已經立法全面禁止非法野生動物的獵捕、交易、運輸和食用，大陸根本沒有西方所謂的野生動物溼貨市場。
美媒曝光共和黨參議院委員會，對黨內競選陣營的備忘錄中，要求共和黨候選人要積極攻擊大陸來應對本地的疫情。趙立堅指美國的「甩鍋」大戲已被嚴重劇透，沒有再演下的意義；奉勸美國有關政客，不要入戲太深，把心思和精力都放到抗疫和維護美國人民生命安全上去，把自己的事情做好，不要一心想著轉移視線。</t>
  </si>
  <si>
    <t xml:space="preserve">衛福部長陳時中今天證實，下一批自購的41萬劑莫德納疫苗確實會在周三（30日）進來，只不過航班班次與媒體報導有誤差，另外我國也曾與美國Novavax、德國CureVac兩家公司談過疫苗採購。
針對周三將來台的莫德納疫苗，陳時中也解釋為何選在今天宣布？是否與媒體搶先披露有關？他則說，由於已有媒體先報導，因此主要是證實這件事情，但還是希望在疫苗還沒進來前，大家還是報少一點好了，免得節外生枝。
陳時中今天說，去年底就曾跟Novavax公司談過，當時我們只要是對進入二期或是有潛力的，都會建立一個溝通管道，去年Novavax告訴我們，說他們已經加入COVAX平台，現在試驗告一段落，對方建議我們要在平台做爭取，比較可能可以得到比較早，否則在雙邊供應都會拖到比較晚的時間。
陳時中說，當Novavax接近要成功的時候，我們有透過其他管道，跟他們做進一步的談判和溝通，而目前COVAX平台我們也有提出需求數，但現在這個平台幾乎停擺，但我們已提出兩百多萬劑的需求。
陳時中也透露，我國對可能成功的疫苗廠商都有談，就像德國另一家CureVac試驗成果雖然不好，但我們也有跟他談過，這部分駐德代表處也都知道。
至於國產疫苗高端，有哪些技術性資料尚未補齊？陳時中也說，食藥署對相關審查作業常被批評過嚴，而大家之所以會批評過嚴，代表是很嚴謹的單位，對任何時候送的資料審查也好要補件也是常有的事，只要是他們認為資料不完整或沒有辦法證實某些情況，有須要探討的問題都會請廠商補件，這部分要看廠商補件速度怎樣，才會決定最後審查速度，在新藥或新疫苗審查對相關文件技術性資料要求相對嚴格，因此審查時間無法預判。
</t>
  </si>
  <si>
    <t xml:space="preserve">國際新冠疫苗陸續研發成功，國際藥廠開發的新冠疫苗已陸續進行三期臨床試驗，包括：美國輝瑞（Pfizer）和德國BioNTech合作開發的疫苗；美國莫德納（Moderna）的新冠疫苗mRNA-1273；阿斯利康（AZ）與牛津大學的疫苗。世界上更有一些國家已開始施打新冠肺炎疫苗，國內疫苗採購狀況持續受到各界關注。
據報載，有消息指出中央流行疫情指揮中心已購買AZ疫苗、輝瑞疫苗，並且通過各管道購買約1500萬劑疫苗。本月16日，指揮官陳時中透露，外界傳聞的購買廠牌「大部分沒錯，但排列組合不對」，且可望買到超過3000萬劑疫苗。
依據世界衛生組織（WHO）指出，新冠疫苗若達到群體免疫，單一國家接種疫苗覆蓋率要達到65～70%，新冠確診病例與死亡人數最多的國家，需70～85%人口接種疫苗，才能產生群體免疫。因應疫情時代來臨，國際航空運輸協會（IATA）12月研究報告也提出有關「疫苗護照」，護照上可記錄民眾檢測以及疫苗施打的狀況，作為各國或是各個機場之間的認證機制。
IATA並擬定第4階段疫苗施打情境，進行航空運輸業配合防疫措施分析，包括：第1階段為非常有限接種疫苗（占全世界人口的10%），凡接種疫苗的旅客免遭檢疫和檢驗；第2階段為易受感染的群體接種疫苗（占全世界總人口的25%)，各國或是各個機場可放寬邊境措施及檢疫措施，但如搭機乘客所在國家接種疫苗的次數有限，應啟動原有邊境措施及檢疫措施。
第3階段疫苗接種已普及（占全世界總人口的50%），各國可實施疫苗／抗體測試要求，但是法律適用性問題仍需要解決；第4階段疫苗接種已達到群體免疫效果，各國旅客應定期接種疫苗，但應建立病毒突變相關應變措施。
綜觀各個國際組織對新冠肺炎產生群體免疫，及邊境與檢疫措施規定之疫苗覆蓋率標準，顯示台灣若要開放邊境，保守估計國內疫苗覆蓋率至少需7成。
若以比較嚴謹的群體免疫標準及統計方式，依據109年11月統計我國總人口數約2360萬人來看，如果疫苗接種要達7成，疫苗須施打1650萬人，且目前國際藥廠開發的新冠疫苗大多需要施打兩劑，則需3300萬劑疫苗，才能達到符合國際規範的最低標準。且據報載，無論政府規畫採購疫苗數1500萬劑還是3000萬劑，還可能差約150萬到1800萬劑，都還是存在到底有哪些人可以接種，多少人可以接種等問題。且各藥廠雖紛紛喊出明年產能將超過10億劑，但事實上，仍存在短期內如何大量生產，需分批量產、超低溫運輸供貨等問題。
為了全民的健康，各界質疑疫苗採購量1500萬～3000萬劑是否有足夠免疫力，自費接種是否納入採購範圍等問題，政府均應妥善釐清，及早規畫並有完善嚴謹的配套措施，以足量而且要採購防護效能最佳的疫苗為原則，避免民眾會選擇性不打反而造成資源浪費。
另外，建議政府採購疫苗的合約不應使用平均分配選擇採購的方式，而應以防護力最佳的疫苗優先。中央流行疫情指揮中心應接受專家建議及以科學的角度來評估疫苗的採購，而非以顏色或政治立場作考量，讓國內疫苗得以順利施打，乃為全民之福。
（作者凃維穗為國家政策研究基金會高級助理研究員，陳宜民為永續發展組召集人）
</t>
  </si>
  <si>
    <t xml:space="preserve">中央9日宣布酒店、舞廳暫停營業，台中市府加碼宣布八大特種行業實施「實名制」，連續四天突擊檢查店家，12日晚上由副市長陳子敬帶隊前往稽查，強調「有男女陪侍之視聽歌唱業等營業場所都應該停業」，金錢豹、海派兩家酒店不敢大「疫」，配合政策暫時停業，經發局長張峯源表示，最高罰款100萬元，業者勿心存僥倖。
中央流行疫情指揮中心9日宣布，全台酒店、舞廳等一律禁止營業，10日再度解釋凡有男女陪侍之視聽歌唱業等營業場所，都應該停業。
市府9日起配合中央政策，立即啟動聯合稽查小組全市查察，兩家登記為舞廳的營業場所均已停業，市長盧秀燕表示
，防疫如同作戰，將持續強化所轄特定行業執行聯合稽查，發現有男女陪侍服務未停止營業，相關局處會嚴格執法。
市府今晚由陳子敬率隊經發局、都發局、消防局、警察局
、衛生局等局處組成「維護公共安全聯合稽查小組」，強力針對視聽歌唱業、三溫暖業、酒家業、酒吧業、舞廳業、舞場業、飲酒店業、夜店業等持續執行稽查。
對金錢豹酒店一樓為舞廳已停業，二到四樓登記為視聽歌唱KTV，不在停業之列，但市府稽查發現涉及「男女陪侍之視聽歌唱業等營業場所」，符合中央要求應該停業對象，今晚到場稽查時，金錢豹與海派都配合中央政策停業。
陳子敬表示，感謝業者在疫情嚴峻時歇業，至於要停業到何時？將視疫情控制情況，為防範這些酒店女公關為了生計
，是否變成地下化，他直言，健康生命很重要，人人應自保
，不要為了貪歡，付出健康代價，也恐成防疫破口，害人害己。
張峯源說，業者勿再存僥倖心態，應配合中央立即停止營業，一旦查獲有陪侍且持續營業者，將依《嚴重特殊傳染性肺炎防治及紓困振興特別條例》，裁處5萬元以上100萬元以下罰鍰。
</t>
  </si>
  <si>
    <t>台灣疫情嚴峻，第一線員警協助防疫工作，因工作需要經常面對不特定民眾，危險性相對提高，警友楊文志，特別請廠商設計「紫外線消毒滅菌門」捐贈給文正派出所使用，讓洽公民眾及員警進出派出所前，先經過「滅菌門」一入門即自動消毒，讓人民保母執勤及為民服務更安心。
員警稱之為「神隊友」的「紫外燈消毒滅菌門」，人員開門進入時，即啟動紫外燈照射，據說消毒3至5秒能將病毒清除；文正派出所長李健瑋說，同仁全天候出勤進進出出，為加強防疫措施，大家通過「滅菌門」，稍作停留、照一下，多一份消毒防護。
有員警說，執勤需頻繁進出醫院等公共場域或密閉空間，很怕不慎沾染病毒帶回所內，也擔心洽公民眾會帶入病毒，在所內吃飯也無法安心，啟動消毒滅菌門後，人員進出都進行全身消毒，較能安心工作及保護家人。
文正派出所警友站長楊文志說，文正所位處市區，員警業務繁忙進出匆忙，洽公民眾也多，疫情期間，一定要提升防疫措施，購置「紫外燈消毒滅菌門」，讓忙碌出勤的員警，進入時透過紫外燈照消毒殺菌，且空氣門的設計將室內（外）空氣隔絕，做到人員分流，有效降低染疫風險。
面對疫情的威脅，台中市警第二分局長蔡元戎呼籲，民眾應確實遵守防疫相關規定，減少非必要外出及群聚活動，保護自己，也保護他人，同時也要求同仁於執勤過程中應隨時提高警覺、不容鬆懈，共同為防疫加油。</t>
  </si>
  <si>
    <t xml:space="preserve">經常與英國女王接觸的侍僕新冠肺炎確診，如今已返家自我隔離，而高齡93歲的女王在疫情威脅下，目前在溫莎城堡（Windsor Castle）隔離，兩年來首度和高齡98的夫婿菲立普親王（Prince Philip）同住同一個屋簷下。
據《太陽報》（The Sun）和《每日郵報》（Daily Mail）28日報導，英國新冠肺炎火速蔓延，確診已超過1.7萬人，死亡人數也破了1,000。除了女王的長子王儲查爾斯確診隔離外，首相強森和衛生大臣韓考克（Matt Hancock）也都相繼確診，如今連身邊的僕役也確診，可說是危機四伏。
據悉這名侍僕的工作包括每天幫女王遛狗與送餐飲、介紹賓客，還有遞送信件等，雙方接觸相當頻繁。而其他數十名王室內廷宮務人員也都在家接受了檢測，目前全都呈陰性反應。不過，有侍僕確診的消息傳出，仍令大家膽戰心驚。「每個人都嚇壞了，」一名王室消息人士透露，「他們不只是為自己害怕，也為女王和親王擔憂。」
自從白金漢宮傳出有工作人員確診後，女王已遷居溫莎城堡，和夫婿菲立普親王同住。基於謹慎起見，官員已限制部份親信幕僚和女王接觸。如今負責照顧女王和親王的，只剩幾名最基本的員工。
另一方面，3月12日在白金漢宮見過女王的查爾斯24日已確診。而他的私人醫師認為，從顯現的症狀看來，他最早可能在13日就已感染。至於查爾斯的另一半卡蜜拉檢測雖然呈陰性，但在蘇格蘭的伯克豪（Birkhall）大宅仍和夫婿保持距離。在孤單一人的情況下，如今唯一陪伴查爾斯的，只有他喜愛的紅松鼠。
</t>
  </si>
  <si>
    <t>日本自上周四以來每天的新冠肺炎確診人數逾兩千人，讓人擔心明年7月東京奧運能否如期舉行之際，東京都知事小池百合子周二重申有能力維持安全環境去舉行奧運，強調許多日本民眾有道德責任心，願意配合政府的防疫措施。</t>
  </si>
  <si>
    <t>瑞磁（ABC-KY，6598）受惠出貨給寵物檢測大廠Idexx（愛德士）和多元腸胃道檢測試劑的銷售暢旺，帶動上半年營收達1.5億元，年成長140％，目前正持續加強在腸胃道檢測的布局，預期秋冬季時，也可望通過美國FDA 510k的20項呼吸道檢測試劑，增添營運成長力道。
截至6月，愛德士已拉貨27部BioCode 2500數位生物條碼分析儀，未來幾個月瑞磁仍會持續交貨。愛德士名列標準普爾S&amp;P 500指數公司之一，為全球獸醫診斷技術領導公司，隨著愛德士積極推進商業化，瑞磁的儀器與數位生物條碼銷售將繼續增加。
瑞磁表示，美國疫苗施打普及，新冠肺炎檢測量開始下降，但過去一年在美國新增了數百家專門做新冠肺炎檢測的實驗室，這些實驗室都需要有新的檢測項目，瑞磁通過美國FDA 510k的多元腸胃道檢測，一次就可以準確的檢測17項引起腹瀉症狀的細菌、病毒與寄生蟲，並且有保險給付，因此成為熱門檢測產品。
針對腹瀉症狀做多元診斷，競爭對手僅有美商Luminex（今年被DiaSorin 18億美元併購），與BioMerieux（市值110億歐元的體外診斷大廠）。但Luminex檢測平台缺乏自動化，Biofire檢測通量低、且試劑售價很高，因此瑞磁的自動化、高通量、多元檢測能力在腹瀉症狀的檢測上特別顯出優勢，對大型實驗室最具吸引力。
瑞磁說，紐澤西州最大的實驗室QDX，自美國新冠疫情以來就是該公司的客戶，而近幾個月QDX的採購主力開始轉向多元腸胃道檢測。QDX的服務地區不僅有有紐澤西，也向全國的醫檢單位收檢體，主要業務包括腸胃道致病菌檢測、泌尿道感染檢測、婦科健康，與腫瘤疾病檢測，都是和瑞磁產品開發高度相關的項目。</t>
  </si>
  <si>
    <t xml:space="preserve">因新冠肺炎疫情擴散，淪為國際人球的郵輪「威士特丹號」今（13）日終於停靠柬埔寨，針對各國都拒收這艘郵輪，柬埔寨卻反國際趨勢而行，柬埔寨總理洪森（Hun Sen），表示，他此舉是想打破世界對新冠肺炎的「恐慌症」。
載有1,000多位乘客的荷美公司旗下郵輪威士特丹號（Westerdam）今日終於停靠柬埔寨施亞努港。
柬埔寨英文媒體《高棉時報》（Khmer Times）報導，柬埔寨總理洪森昨（12）日接受Freshnews專訪時表示，許多國家都禁止威士特丹號停靠，唯獨柬埔寨允許，是希望消除世界各國對新冠肺炎的恐慌症。
「我之前說過，比病毒更可怕的是『恐慌症』，而不是病毒本身」，他說，「柬埔寨不會歧視任何民族，只要有人需要，我們會積極參與人道協助。」
「我們需要互相説明、共同合作，在郵輪上的人需要救助，柬埔寨不會歧視任何民族。柬埔寨不只和中國合作，也會和全世界所有國家合作。」他補充，「人道主義協助是無國界的，我們需要幫助那些需要幫助的人。」
針對柬埔寨讓威士特丹號停靠，世界衛生組織秘書長譚德塞（Tedros Adhanom Ghebreyesus）表示感謝，他在致函柬埔寨的信件中指出，「這是我們一直以來呼籲的、國際合作的範例」，「疫情爆發會為人類帶來最好及最壞的事」，「侮辱個人或是整個國家無濟於事，只會帶來傷害。」
據美聯社報導，威士特丹號今日上午停靠在施亞努港外海1公里處，當地一組衛生官員登船位船員進行檢疫。柬埔寨衛生官員指出，約有20名乘客表示出現肚子痛、發燒情形，不過官員認為，他們只是普通感冒症狀，不過出現身體不適的乘客仍會先受到隔離，如果他們最終被檢驗出新冠病毒，後續會為他們進行治療。
威士特丹號此前遭亞洲、太平洋四國拒絕停靠，淪為海上人球。船上共有1,455名乘客、802名工作人員，荷美公司先前強調，船上沒有人染上新冠病毒。
</t>
  </si>
  <si>
    <t xml:space="preserve">因應新冠肺炎疫情持續蔓延，中央9日下午宣布酒店、舞廳暫停營業，台中市政府超前部署、率先加嚴；市長盧秀燕今日宣布，台中除酒店、舞廳外，其餘8大特種行業，即日起實施「實名制」，違者將裁罰3000元至1萬5000元，讓防疫加嚴加密共同對抗疫情。
盧秀燕表示，全球疫情嚴峻，為避免人潮聚集地成為防疫破口，針對娛樂場所，市府3月第一階段祭出「強力稽查、柔性勸導」策略，多家大型娛樂業者配合自主停業；第二階段宣導娛樂業者保持室內1.5公尺、戶外1公尺的社交距離或戴口罩。
針對中央今天宣布酒店、舞廳暫停營業，盧秀燕說，市府為每個人的健康，第三階段進一步要求台中市其餘8大特種行業，包含視聽歌唱業、三溫暖業、酒吧業、舞場業、特種咖啡茶室、飲酒店業、夜店業、電子遊戲場業；即日起應實名登記，守護全民安全，市府將聯合稽查，希望業者善盡社會責任，「防疫工作大家一起來！」
經發局長張峯源指出，業者必須實名登記、出入口測量體溫、所有人員進出配戴口罩、室內保持社交距離1.5公尺、每人空間至少3至4平方公尺，違者將依《傳染病防治法》裁罰3000元至1萬5000元。
警察局長楊源明指出，市府超前部署，今年3月23日至今已有52家娛樂場所配合自主停業，包括X-CUBE、MUSE、CHOWHOUSE等知名夜店，以及金錢豹、海派(海七、海八)、紫爵等知名酒店。市府將持續不定期聯合稽查，提醒民眾避免出入密閉式娛樂場所，降低感染風險。
衛生局長曾梓展說，3月27日已公告「台中市供公眾使用各類場所防疫指引」，請各類娛樂場所配合執行相關防疫措施，包括活動場所維持良好通風、足夠換氣、控管入場人數等。根據統計，有5％至15％陽性患者沒有症狀，今天推出的防疫措施就是要對此進行防護，因此必須超前部署，提醒民眾應自主健康管理，出門戴口罩、勤洗手、量體溫，做好基本防疫工作人人有責。
</t>
  </si>
  <si>
    <t>新生代潛力演員李宗霖正在新冠肺炎疫區之一的浙江省拍戲，家人朋友都很擔心，想說服他回台，他13日報平安說：「大家放心，我很好。」李宗霖去年底拍攝導演張之亮的電影《阿麥從軍》，殺青後立刻轉往橫店投入新劇，農曆年也沒辦法和家人一起過，「這是第2年沒在家裡過年，去年錄製《青春有你》在河北大廠過年，今年就和劇組300多人待在橫店」。
李宗霖農曆年前在橫店收到劇組停工消息，經紀人原打算讓他先回台，與劇組溝通後，才知道所有演職員都留在原地待命，由劇組負責一日三餐與日用品採購，住宿酒店也嚴格執行人員隔離管制，其實相對安全，因此沒撤離。
李宗霖樂觀說：「劇組對我們照顧無微不至，拍戲過程中也經常會有各種需要共患難的情境產生，不要太緊張、太焦慮，就把這些日子當成是獲得不能出門的假期調養生息，待復工的時候，拿出好的狀態和效率全力以赴交出最好作品。」他有空就在房內做棒式變形運動健身及打發時間。
李宗霖參與錄製最新一期播出的網路綜藝節目《花花萬物》，被問起比較害怕哪位主持人的提問？他直言：「S姊。」他笑說：「感覺比較犀利一點，之前錄過《康熙》，康永哥感覺比較會照顧人，會幫我緩解一些尷尬」。
《花花萬物》錄影前，製作單位要求李宗霖多帶一些有故事的或好用的物件到現場與觀眾分享，節目最後會讓藝人選擇其中一件送出做公益拍賣，平常就是科技宅男的李宗霖，帶了各種黑科技產品，像是會自走的行李箱、免清洗豆漿機、5秒充電電蚊拍、電熱衛生衣褲…等等，新奇實用的物品讓節目製作單位封他「帶貨小李」稱號。
本來以為只有一件物品拍賣，節目錄影最後，主持人蔡康永即興要求李宗霖只能帶走一件物品，其他都做公益拍賣。李宗霖最後帶走發熱衛生衣，因為出了攝影棚，第2天還要在零下10多度的外景拍戲，李宗霖開心笑說：「康永哥真的很照顧我，把東西都留給節目組拍賣，其實是幫我舖哏，這樣才不會播出被剪光。」</t>
  </si>
  <si>
    <t>「小姐您好，我是小方，對政大這邊熟悉嗎？」高挑帥氣的外表，遇到客人親切招呼、細心介紹，總是把客戶當朋友的永慶房屋文山區經紀人方奕凱，出社會才1年，24歲的他上半年業績已突破450萬元，曾獲得百萬戰將、超級戰將的殊榮，奕凱自我期許：「想要挑戰自己，並且發揮專業與個人特質，幫大家解決買賣房屋的大事。」
文化大學觀光系畢業的奕凱，曾在連鎖義式餐廳等餐廳打過工，不過他發現餐飲業工時長、工作量大，薪資水準與付出並不成正比，因此畢業後沒有選擇投入相關行業。奕凱說「我喜歡服務業與人互動的感覺！」當初找工作時就鎖定房仲業，加上看到永慶保障新人前9個月每月5萬，彈性工作8小時、團隊合作等完善制度，決定挑戰高收入，一頭鑽進房仲的世界。
師徒制、團隊合作效率快轉 打造工作「好玩」體驗
很多人會覺得房仲一樣工時長、工作量大，但方奕凱認為在永慶工作，自己的收入和付出可以成正比，讓自己的努力更有價值。進公司後，不僅有彈性工作8小時制度，可以自由安排不同班別，工作與生活平衡，加上團結合作的環境，大家不分你我，高效率的做好服務，贏得客戶信賴。
奕凱也分享到:「永慶有完整的師徒制，房仲新手不怕沒人教！」不管是店長還是學長姐，都很願意分享服務技巧與房產知識，幫助他打好基本功，讓他在第3個月就開花結果順利成交，甚至不到一年時間拿下百萬業績，獲得人生第一條「百萬戰將」的肯定。
此外，永慶房屋打造「永慶大聯盟」平台，讓經紀人每天上班就像玩遊戲，把工作內容轉化成「解任務闖關」，奕凱開心地說「自己本身就很喜歡打手遊，接觸公司創新的遊戲化系統後，完全一拍即合！完成任務還能獲得永者幣獎勵，像我就喜歡換電影票或是餐券，與女友約會時超實用。」
深耕在地商圈 細心傾聽客戶需求加速成交
從小居住在政大商圈的奕凱，儼然是社區萬事通，加上外向、健談的個性，總是能和客戶打成一片，好人緣的他，藉由聊天的過程找出客戶的需求點，進而推薦適合的物件，獲得客戶肯定，今年到現在已成交10件，幾乎月月都有成交，最高月收入更高達20萬元。
「陳太太為什麼想看政大這邊的房子？」許多房仲通常順著客戶的需求，就直接開始找物件，但奕凱的目標，則是想盡辦法多聊一會兒，他笑著說「太多客戶最後買的跟原本要的不一樣！」所以多問一句「為什麼」，真正了解客戶購屋原因，才能更有效率地為客戶找到合適的房屋。
奕凱更透露工作最開心的莫過於「和客戶當朋友」，只要展現熱情與積極，透過扎實的服務，就能獲得客戶信賴，他舉例「有一次幫客戶篩選案子，雖然花了很長時間與客戶對話，但客戶卻沒感到不耐煩，反而覺得他很細心，有重視自己的需求，最後帶看一間合適的物件就順利成交。」
加入永慶更加圓滿 讓特質被看見
回想剛進房仲業時，家人對業務有著高工時、高壓力的刻板印象，認為賺不到錢，但現在媽媽每個月收到孝親費超級開心!方奕凱慶幸地說:「還好當初的選擇是對的，沒有投入餐飲業，不然現在應該在放無薪假了。」
面對新冠肺炎持續延燒，奕凱說「永慶一直都做好準備！」投入創新科技，提供更便利的賞屋服務，像是力求無接觸的「實境找房」，讓消費者在家就能先過濾物件，掌握周邊生活機能，甚至拍攝「專人導覽」線上帶看服務，減少客戶和屋主接觸風險，大受使用者肯定。
在永慶經過一年的磨練，奕凱不僅熟悉房地產相關事務，憑著能力月月晉升，當上業務襄理，證明好的企業文化讓他的特質被看見，成功當一位助人「圓夢成家」的推手。談及未來的生涯規劃，奕凱秉持「趁年輕時不斷挑戰與學習」的想法，希望能夠持續在房仲領域發光發熱，感謝公司願意給予機會，讓他建構出潛力無窮的職涯。</t>
  </si>
  <si>
    <t>截至9月12日24時，大陸福建莆田此次疫情累計報告本土確診病例35例，無症狀感染者33例。疫情延燒，當地官方正加緊推進12歲以上人員疫苗接種。
據微信公眾號「健康幸福仙遊」披露，經專家研判，鋪頭小學1名學生家長林某某疑似為本次疫情源頭，即新加坡入境人員導致的傳染鏈。而林某某從入境到9月10日確診，中間已經過去了38天。
根據官方通報，林某某於8月4日乘坐廈門航空MF852航班自新加坡從廈門機場入境，在廈門進行集中隔離14天後，於8月19日點對點轉運至仙遊縣集中隔離點繼續集中隔離。
根據福建省的疫情防控辦法，林某某在完成14＋7天的集中隔離之後，於8月26日開始實行7天的居家健康監測，而也就是在這時，林某某才開始向家人傳播。
值得一提的是，官方通報顯示，在入境後21天集中隔離期間，林某某共進行了9次核酸檢測和1次血清檢測，結果均為陰性。
此次疫情已形成了鋪頭小學和協勝鞋廠為中心的兩條傳播鏈。目前，鋪頭小學密切接觸者及全部師生都已到達指定隔離點。
這波疫情，有19例年齡小於12歲及以下，最小的3歲，而這部分人群目前尚未開展新冠疫苗的接種工作。
莆田市疾控中心工作人員表示，目前莆田市正在加緊推進12歲以上人員的疫苗接種工作，下一步會繼續擴大疫苗接種人群，「一定會逐漸覆蓋12歲以下人群，但還沒有明確的時間表。」
莆田市教育局11日發布通知指出，各地各學校要加大12歲到14歲學生第二劑疫苗接種工作力度，提高接種覆蓋率。9月15日前，全面完成教職員工和12歲到17歲學生疫苗接種工作。</t>
  </si>
  <si>
    <t xml:space="preserve">自指揮中心發布醫事人員出國禁令，引發醫事人員不滿。一名住院醫師透露，過去2年除了10天特休，每天4點就到醫院上班。更批一片口罩在醫院戴一天，隔天還要繼續戴著髒口罩才能進醫院，讓他心寒「防疫爛到不可思議」。
「這種政策，為何有人可以挺得下去？」這名醫師在Dcard發文，解釋為什麼被剝奪特休，醫生會如此氣憤，「過去兩年除了特休，我每天上班，四點到醫院、五點看病人資料，查完房進刀房，平均晚上九點半下刀」，之後回病房補病歷、補order、處理病人到11點，「如果沒值班就回家，準備晨會，寫paper弄年會弄報告。隔天3點半鬧鐘準時響起，催著你到醫院」。
結果原PO努力工作換來的10天特休、蜜月還被剝奪，「要我不能出國？憑什麼？這是最基本人權，還是說在台灣當醫生，基本人權都不配有？」現在政府表面上放寬，但把審核壓給醫院，跟轉彎前是一模一樣，都是限制出境。
原PO更說，自新冠肺炎開始，台灣防疫爛到一個不可思議，「我每天被配給一個口罩，一定要到醫院才能拿，但進出醫院都需要戴口罩。所以這一個口罩，不論中間接觸新冠肺炎、肺結核、流感，通通得戴著，再把那充滿各樣細菌病毒的口罩放在家裡，不然第二天我還進不了醫院上不了班」，對整個國家政策失去信心。
</t>
  </si>
  <si>
    <t xml:space="preserve">
新冠肺炎人心惶惶，江蘇無錫江陰市一名李姓婦人怕鈔票沾染病毒，便把3125元（約新台幣1.3萬）的鈔票全放入微波爐加熱，想要透過高溫消毒，沒想到一分鐘過去，飄出濃濃燒焦味。李婦趕緊把鈔票取出，但已來不及，鈔票早已碳化成黑色，無法使用了。
根據陸媒《環球網》報導，新冠肺炎爆發後，不少人都擔心病毒會透過如紙鈔、硬幣等，流動性極高的物品傳播，因此都會進行消毒。不料李姓婦人竟異想天開，把剛從銀行取出的錢放進微波爐內消毒，結果不到一分鐘便飄出濃濃燒焦味。
李婦趕緊將東西取出，但已為時已晚，鈔票都碳化不能用了。她趕緊跑到銀行尋求幫助，經行員花了一整個下午比對、鑑定以及清算，終於換回3125元。
據了解，防疫敏感時期，金融機構每日將鈔票入庫前，都會為鈔票噴消毒液，再使用紫外光燈消毒最少一個小時，存放至少14天才會再度流入市面。專家則提醒，雖然銀行會進行消毒，但還是鼓勵民眾使用電子支付或刷卡，盡可能阻斷疫情傳播風險。
更多 CTWANT 報導
</t>
  </si>
  <si>
    <t>「鑽石公主號」確診新冠肺炎已逾200人，該船在1日曾泊靠的沖繩，今爆出計程車司機確診首例，由於停泊沖繩前一天才在基隆上岸並搭車，引起熱議；市府指出，54名與郵輪遊客接觸司機，目前居家隔離中皆無異狀，預計15日0時解除管制，民眾勿恐慌。
鑽石公主號疫情在船上蔓延，累積確診感染冠狀病毒疾病（COVID-19）攀升至218人，就連日本檢疫官也「中鏢」，目前仍有22名台灣旅客受困船上，其中6旬婦人與8旬麥姓老翁先後確診下船就醫，今再傳出沖繩6旬女計程車司機確診染疫。
公主郵輪1日停泊那霸港約9小時，2600多名旅客上岸乘坐觀光巴士或計程車出遊，因1月31日該船曾停靠基隆港，也多循相同模式出遊，疾管署追蹤遊客足跡遍及九份、故宮、基隆廟口等35處景點，整理出地圖呼籲民眾留意以及自我健康管理。
基隆市府衛生局長吳澤誠表示，日前接獲疾管署通知，針對當天曾經與下船者接觸的2名觀光巴士、54名個人計程車司機依《傳染病防治法》強制居家隔離14天，目前皆沒有出現疑似新冠肺炎症狀，依規定在周六凌晨0時將可望解除管制。
對於近來網路謠傳基隆廟口有攤商「中鏢」，導致生意一落千丈；吳澤誠說，衛生局在船上有確診病例傳出後，已派員至廟口消毒，追蹤攤商健康狀況也無異狀，他指出，居家隔離已限制54名小黃司機人身自由，若無異常，沒理由再繼續管制。</t>
  </si>
  <si>
    <t>新竹市衛生局為有效利用並加速民眾完成新冠肺炎疫苗接種，10日起開放全市5家醫院及15家診所提供免平台預約接種BNT、AZ疫苗，未來接種第1、2劑BNT或AZ疫苗，衛生局也將視庫存、到貨與接種情形，適度調整合約院所家數，以利民眾就近接種。
衛生局表示，新竹市第1劑疫苗涵蓋率至今天，已達89.4％，為全國排名第1，為讓疫苗更有效運用及提供未於平台預約接種的民眾方便施打疫苗，衛生局協調竹市5大醫院及15家診所，優先提供接種第1、2劑BNT或AZ疫苗，後續也將視疫苗接種及配送情形，增加接種服務院所家數，尚未接種疫苗的民眾可多加運用。
接種BNT第2劑須為18歲以上符合接種間隔滿4周以上者；AZ疫苗則開放第2劑接種間隔滿8周以上民眾接種，相關院所接種資訊請可至新竹市防疫資訊專區查詢，前往醫療院所接種前，請先電話洽詢預約。
衛生局同時提醒民眾，除COVID-19疫苗外，流感疫苗也已開打，呼籲符合公費流感疫苗資格民眾宜盡速接種，尤其是長者及幼童，接種流感疫苗，提高自我保護力，但需注意與COVID-19疫苗接種間隔7天以上，避免發生疫苗接種不良事件無法釐清。有關合約醫療院所，可至衛生局網站查詢，或撥打1999市民服務專線洽詢。</t>
  </si>
  <si>
    <t xml:space="preserve">東京都的新冠肺炎單日新增確診病例創下逾1個月來新高，使投資人信心受挫，周三日股午後由升轉跌，終場日經225指數收跌0.07%，為22,534.32點。
東證一部指數收跌0.42%，為1580.50點。船運股與紡織股分別下挫2.61%與1.66%，在33大類股中表現最差。
在今日稍晚國際貨幣基金（IMF）公布更新後的「世界經濟展望」報告前，投資人亦保持謹慎。
美國最新公布的經濟數據持續改善，以及投資人看好政府將推出更多激勵措施，周二美股三大指數收高，科技股大漲帶動那斯達克指數本月來第5度改寫收盤新高。受此激勵，日股早盤走升。
NHK報導，周三東京的新冠肺炎確診病例新增55人，創下自5月5日以來的單日新高。東京都政府之前曾表示，如果單日新增確診數達到50例以上，就可能重啟防疫限制措施。
軟銀下跌1.84%，該公司宣布將出售1.983億股的T-Mobile US持股。
</t>
  </si>
  <si>
    <t>蘆竹30歲羅姓婦人23日凌晨和丈夫發生激烈口角憤而離家出走，因邊哭沒戴好口罩，被巡邏的龜山大坑派出所員警發現，警方勸導見她泛淚關心，獲悉緣由曉以大義並護送返家，婦人婆婆和2小孩在家門口焦急盼望，5歲女兒更當場飛撲熊抱媽媽說「永遠不離開」，讓員警直呼：「有洋蔥！」也樂見幫忙緩解家庭紛爭。
大坑派出所員警陳俊傑、林思宏4時許巡邏經龜山區南上路路段，發現未戴好口罩羅姓婦人在清晨街頭行走，上前勸導請她配合戴好，眼尖員警發現婦人神情哀戚眼眶不斷流淚，關懷詢問下她不時啜泣拭去淚水，娓娓道出深夜與丈夫發生激烈口角衝突，感到無比委屈，負氣離家，因為凌晨不敢打擾親友，才會漫無目的在街頭遊走。
警員陳俊傑獲悉，不斷安撫曉以大義以小孩為重，再跟丈夫好好談，婦人才願意坐上巡邏車讓員警送回住處，抵達蘆竹區住家時，看見婆婆一手抱著未滿1歲男嬰、另一手牽著5歲孫女，佇立在社區門口焦急等待媳婦的消息，丈夫則出去四處找老婆。
女童一見媽媽平安歸來，奔跑上前挽住媽媽的手臂，一直說不要跟媽媽分開，現場的人聽到非常窩心，婆婆也萬分感謝員警護送媳婦歸來，家人終於能夠團聚，放下心中坎坷不安巨石。員警也適時提醒雖然每個家家有本難念的經，仍然需要互相溝通達成最大的公約數，全家和樂融融，一家人頻頻向警察道謝。</t>
  </si>
  <si>
    <t>三軍總醫院松山院區護理師參加進香團染疫，中央流行疫情指揮中心日前也證實為案號1352，但非院內感染，不過有院內人員爆料，匡列採檢醫護的人員中，一名醫師傳出確診，但院方卻未在第一時間通知，讓同仁暴露在風險中。
三軍總醫院松山院區14日傳出有門診醫護確診，消息傳出後，院方目前已針對門診醫護、工作人員與接觸者做採檢，豈料，匡列採檢的醫護人員中又傳出一名醫師確診，對此，總松山院區表示，雖未在第一時間告知護理同仁，但因沒有直接接觸，所以也無須過度擔憂。
至於北市衛生局是否掌握三軍總醫院醫師確診消息，衛生局長黃世傑則表示，尚未接獲通知，會請同仁掌握了解詳細情形。</t>
  </si>
  <si>
    <t>隨著各家新冠肺炎疫苗陸續進入大規模人體試驗階段，預定價格也紛紛出爐，但各家計價方式落差顯著，從每劑數美元到一個療程70美元都有。
嬌生、阿斯特捷利康（AstraZeneca）、Moderna及輝瑞（Pfizer）等藥廠近日陸續發表與各國政府簽下的最新疫苗供應合約。根據最新合約推算，新冠肺炎疫苗價格從每劑10美元到37美元不等，與前一批合約最低每劑4美元的價格相比有上漲趨勢。
以嬌生為例，該公司先前獲得美國政府資助4.6億美元加速疫苗研發後，近日與美國政府簽下1億劑疫苗供應合約，總價超過10億美元，相當於每劑價格10美元。
Moderna近日也宣布和多國政府簽下少量疫苗供應合約，平均價格在每劑32至37美元之間，也就是說兩劑療程所需費用最高74美元。Moderna雖未透露簽約的政府包含哪幾國，但加拿大政府近日公布和Moderna簽約。</t>
  </si>
  <si>
    <t>新冠肺炎疫情全球延燒，國際奧會（IOC）17日發布公告，還是重申「現階段仍致力東奧如期舉行」。至於健康疑慮怎麼辦？中華奧會顧問孫立群今天表示，IOC主席巴赫（Thomas Bach）已強調「不會因為經濟利益而不顧選手的健康」，而且參賽的主角是選手，孫立群說：「選手說No的話，我們沒有任何人有資格去強迫選手做任何事情。」
孫立群透露，東奧的主角是選手，而如期舉辦的健康疑慮，運動員也有管道表達聲音。因為巴赫跟運動員代表，包括運動員委員會委員和國際運動員有一個網絡，每個國家也會為其相關運動員報名註冊參加19日的電話會議。
「這個意見在該會議中有備表達，IOC也很清楚的表達，不會為了經濟利益去犧牲選手的健康，這是一個很重要的保障。」孫立群說：「『我們』最重要的就是選手，選手怎麼評估，中華奧會和體育署怎麼提供他們客觀資訊來做決定，這是最重要的，比賽的是選手，他們才是主角。」
至於東奧能否如期舉行的健康評估，IOC跟WHO與日本東奧籌委會有個小組，到時候若評估出現問題，不會因為損失的經濟利益而一定要舉辦。至於決策的時間點，孫立群說，上次得到的官方訊息是5月多來做決定，而到目前為止，沒有收到任何「不舉辦」的官方消息，目前維持「蠻動態」的發展。
萬一東奧如期舉辦，但部分運動員仍有疑慮不願前往，中華「代表團」該如何因應？孫立群則說，這是還沒有發生的事情，不過代表團牽涉到各單項協會與選手個人，屆時一定會有一個很完整的考量，包括國訓中心、體育署、各單項協會與組團的中華奧會都責無旁貸，「再強調一次，選手的健康是最重要的。」</t>
  </si>
  <si>
    <t xml:space="preserve">據路透社報導，白宮官員透露，美國參議員已與川普政府就減緩因新冠病毒疫情造成的經濟衝擊的紓困案達成共識，這項紓困計畫規模高達2兆美元（約新台幣61兆元）。美國有線電視新聞網（CNN）報導指出，若此案一旦出爐，將會是國會史上最為昂貴，措施最為廣泛的一次紓困方案。
白宮法制工作主管尤蘭德（Eric Ueland）指出，自20日起就展開馬拉松式談判後，雙方於當地時間25日凌晨1時左右達成共識。參議院多數黨領袖麥康奈（Mitch McConnell）在參院表示，「至少我們達成了共識。針對這場大流行疫情，經過數日緊密的談判，參議院達成了歷史性紓困方案的兩黨協議」。
麥康奈說，形容這規模兩兆美元的紓困案是「戰爭時期層級的國家投資」，並表示參院將在25日稍晚通過，但目前仍未確定投票時間。報導指出，雖然詳細細節尚未公布，但在過去24小時內已有部分章節內容已經媒體報導，包括2500億美元的個人與家庭補助、3500億美元的小型企業貸款，以及2500億美元的失業保險以及針對財困公司的的5000億美元的貸款。
參議院少數黨領袖舒默（Chuck Schumer）也在參院表示，這將是美國歷史上最大的包括紓困案，「但此時並非值得慶祝時刻，而是出於必要」。白宮首席經濟顧問庫德洛（Larry Kudlow）也稱，這項包裹紓困案，將是美國歷史上最大的單一紓困方案。
</t>
  </si>
  <si>
    <t xml:space="preserve">
這波新冠肺炎疫情讓很多人荷包嚴重縮水，不過，對有錢富豪似乎沒有受到太大的衝擊，不僅人數增加，資產規模也水漲船高。根據統計顯示，今年上半年16家私人銀行資產管理規模（AUM）合計達13.96兆元（人民幣，下同），較上年末增加1.51兆元，年增12.16％，而且人數也較上年同期增加了7.7萬戶，成長10.27％。
根據中新經緯網站報導，儘管今年疫情突然來襲，但上半年各家銀行的私人銀行（類似台灣理財VIP貴賓室）規模不減反增。據初步統計，可比的16家上市銀行2020年半年報披露的私人銀行AUM合計達13.96兆元，比去年底增加1.51兆元，年增12.16％。
再從人數來看，很多人都很關心私人銀行的客戶數量究竟有多少？剔除中報未披露數據的中國銀行，15家上市銀行的數據顯示，2020年上半年的客戶總量達82.67萬戶，較去年底的74.97萬戶，增加了7.7萬戶，年增10.27％。其中，招行、工行、建行、農行的客戶數量居於前列，招行的戶均總資產最高，達2743.36萬元，較上年末增加11.70萬元。
蘇寧金融研究院高級研究員黃大智指出，隨著資本市場的改革，上市的公司越來越多，會導致一定程度上的造富效應，進而增加高淨值客戶的數量和私行業務的資產管理規模；其次，受益於收入、財富的自然成長，雖然疫情導致了一定程度的收入成長乏力，但同樣存在居民財富的自然成長。同時，上半年疫情對消費的影響更加明顯，會使得居民加大投資、存款等，進而導致在銀行端的財富增加。
另外，從陸銀半年報發現，目前多家銀行正在嘗試推出家族信託業務。如工行表示，該行於今年上半年展開家族信託業務，並成功簽約首單資金型家族信託。建行也披露，該行穩步推進家族辦公室業務，推出全委託資產管理、家族基金定制化服務，家族信託顧問業務資產管理規模餘額320億元。平安銀行說，該行已啟動高淨值客戶的離岸家族信託服務，並針對高淨值客戶及上市公司董監高客戶，按照家族辦公室模式進行試點經營。
更多 CTWANT 報導
</t>
  </si>
  <si>
    <t>受新冠肺炎疫情影響，經過史上最長暑假後，剛開學，北部校園就傳出疫情；南投縣教育處防疫優先，已通知國中、小學在9月底前暫停跨縣市交流，畢業旅行可以提前規畫，但要有備案以因應疫情變化。
南投縣教育處副處長王淑玲表示，北部有學校傳出疫情，基於防疫考量，應該避免跨縣市交流；至於畢業旅行，縣內多數學校通常年底時舉辦，學校可以事先籌畫行程，但必須有替代方案，屆時視疫情變化情況進行調整。
受新冠肺炎疫情影響，今年很多學校停止舉辦畢業旅行，甚至畢業典禮都在線上舉行，連與同學當面道別的機會都沒有，讓今年的畢業生感到失望；由於BNT疫苗即將施打，將於明年畢業的學生，都希望接種疫苗後，可以順利舉辦畢業旅行。</t>
  </si>
  <si>
    <t>新冠疫情延燒，但不少民眾忍受不住清明連假的誘惑，單日超過5萬人跑去墾丁爽玩，恐成防疫破口，也讓政府緊急發布國家級警報，呼籲勿前往墾丁。對此林口長庚兒科急診醫師吳昌騰就指出，若爆發第3波疫情潮，最該注意的就是無症狀患者的傳染力。
吳昌騰在臉書PO文指出，新冠病毒，就是叫「社交病毒」，只要接觸確診者，短短幾分鐘近距離接觸就可能染病，他呼籲千萬別跟自己賭運氣，與陌生人近距離接觸。
他指出，大家都很擔心清明連假過後，若知名景點、飯店出現人潮，又沒保持好社交距離，也沒戴好口罩，就會出現感染案例，而若發生這第3波感染，最要注意的就是隱性感染者(無症狀患者)的傳染力。文末他也呼籲，這段期間別去密閉空間，因為極有可能增加感染機會。</t>
  </si>
  <si>
    <t xml:space="preserve">國民黨革實院院長羅智強今晚主持「未來沙龍」，邀請國民黨立委洪孟楷與淡水商圈理事長盧育佑，談論政府紓困成效。當盧育佑被問到，有多少淡水商圈的店家成功貸款時，他僅能無奈的回答「沒有概念」。
針對淡水商圈的業績，盧育佑說，二月時掉到六成，三月則「跳樓式」的下滑到不足二成。目前約有二成的店家選擇歇業，寧願賠違約金，也不願繼續營業。「這是一個惡性循環，生意不好，店家變少，店家變少，生意就更不好」。
盧育佑說，「他很努力的幫大家找紓困的方式，但是手續實在太繁雜」。雖然政府劃出了八千億的貸款大餅，但是主導權還是在銀行身上。「銀行也不敢確定，借錢給店家，店家之後生意就會變好，還得出來，因此就有很多的條件，沒有辦法滿足」，甚至還有店家在申貸的時候，因為「戶頭裡有錢」而被拒絕，「但那是人家的貨款啊」。
盧育佑說，淡水商圈的店家，申請貸款的約有四成，而申貸成功的？　盧育佑只能兩手一攤，無奈的回答：「我真的沒有概念。」
洪孟楷說，淡水商圈是台灣的指標景點，台灣雖然旅遊漸有起色，人潮變多了，但是「錢還放在口袋」，店家的收入並沒有改善。洪孟說有八大行庫的高層，用簡訊要求第一線人員「貸款出去」的業績，但真正的小型業者，卻難以申貸成功。
羅智強說，「雨天收傘」是銀行業的慣性，可惜政府推動政策的時候，沒有想到這一點。羅智強一位企業界友人，說他現在的困擾是「銀行拜託他來借錢」，因為他的公司屬性，是疫情期間，業績反而微幅增加的。因此羅智強感嘆，「看起來八千億的貸款額度很高，但反而是越不需要借錢的人，越容易借得到」
最後，羅智強與洪孟楷，聯合推薦淡水商圈的「假日酷碰券」，疫情會持續，生活還要過。趁著現在店家聯合促銷，大家戴著口罩，配合防度，來到淡水出遊，絕對是「俗夠大碗」。
</t>
  </si>
  <si>
    <t>無畏新冠肺炎疫情變化，陸股持續向上。截至20日收盤，滬深300指數收漲2.3％，收4,144.66點，創業板指數則上漲2.21％至2,186.74點，資金仍持續流入。
疫情蔓延，造成全球70餘國對中國旅客下達禁止造訪令，儘管如此，不影響市場，陸股仍向上盤堅，表現出乎意料，而隨著一線城市復工率拉高至八成後，對中國經濟影響降低，陸股中長線看法偏樂觀。
首先，由於新冠肺炎影響各地封城與延後復工，確實造成經濟與交通上的不便利性，部分生產線有供應鏈中斷的危機。對外部分，這一階段因中國疫情嚴重，美國則持續調整手機等晶片限制採購的動作，讓預期3至6個月後的第二階段中美貿易談判，又多了一層隱憂。
不過，回歸基本面檢視，中國經濟轉型過程中，經濟成長率合理下修。觀察已開發國家中，並無哪個國家經濟成長率每年維持6％不變，所以中國經濟並非是受重創，而是來自於去槓桿化下，讓中國的經濟轉向內需導向的消費市場關係影響，經濟成長率才會逐年下調。
再者，去槓桿這個部分，其實2018年的下半年就開始喊停，所以2019年整個為中美貿易談判過程的干擾，貿易戰影響持續到下半年以後，但觀察無論中國的消費者物價指數也好，或者工業生產指數到去年底時，公佈都優於市場預期，第四季連續幾個月都穩定向上。
2020年初遇到新冠肺炎疫情爆發的非經濟事件影響，的確會衝擊中國經濟、消費市場，甚至所有經濟學家皆在1月20日疫情尚未全面大爆發前，紛紛下修GDP成長率，初估平均值來到4.5％～5％中間的水準，讓全球市場也覺得這是較合理的狀態。
事實上，數據皆已反應在近期股價行為之中，所以，投資人不須太過擔憂，現今的中國確實是比較有效率的市場，不僅股市如此，透過網路，消息傳播也很快速。
那有很多人會詢問，接下來要注意什麼？若是第二季疫情告一段落後，市場恢復正常的交易與消費行為，然後經濟成長率恢復的話，其實現在肯定會是一個更好的加碼買點，建議不妨逢低布局。
總結以上，筆者認為，持有中國A股的投資人不應該過度恐慌。目前儘管疫情仍有風險，但中國對抗SARS專家鍾南山則認為二月底可能是疫情高峰，若沒有新一波的拐點，預計4月份疫情漸見和緩；目前新增疑似與確診人數也持續下降，且中國各地醫療專家攜手，已經研發六種有效抗病毒的療法，美國也宣布縮短研發疫苗希望於16周內生產。
因此，中國A股應持股續抱，或定期定額長期布局。建議配置以科技、消費、金融、週期均衡配置為主。另外，也看好宅經濟帶動互聯網、家庭娛樂、電商及線上教育軟體產業的發展。
而港股投資價值浮現，包括：科技、消費、週期類股等估值偏低，具吸引力者，此時應努力挖掘新機會，或以共同基金定期定額投資方式，進而布局具備體質完善、財務健全且相對便宜的產業，掌握未來長線的獲利機會。</t>
  </si>
  <si>
    <t>SEMI（國際半導體產業協會）公布北美半導體設備出貨報告，2020年12月份設備製造商出貨金額成長達26.808億美元，創下歷年同期新高紀錄。由於半導體市場需求暢旺，晶圓代工廠及IDM廠產能滿載到下半年，記憶體廠新一代製程進入量產，預期2021年全球半導體產業將進入新一波產能擴張循環。
根據SEMI統計，2020年12月北美半導體設備製造商出貨金額達26.808億美元，較2020年11月的26.116億美元成長2.6％，與2019年12月的24.917億美元相較成長7.6％，創下設備出貨金額的歷年同期新高紀錄。
過去第四季都是資本支出淡季，但去年半導體市場需求強勁，未受到新冠肺炎疫情及美中貿易戰等外在因素影響，設備出貨淡季轉旺，2020年第四季北美半導體設備製造商出貨金額達79.406億美元，與2019年同期相較成長18.6％。累計2020年北美半導體設備製造商出貨金額達297.827億美元，較2019年242.893億美元成長22.6％，創下年度出貨金額歷史新高。
SEMI全球行銷長暨台灣區總裁曹世綸表示，2020年12月北美半導體設備製造商出貨金額增長，年度出貨金額更超越2018年所創下的產業新高，為充滿挑戰的一年畫下完美句點。創紀錄的出貨金額顯示半導體產業在新冠肺炎疫情期間為實現數位轉型發揮了關鍵作用。
SEMI預估2021年全球半導體廠資本支出將改寫新高，市場持續看好資本支出概念股表現，包括EUV光罩盒（EUV Pod）供應商家登、EUV設備模組代工及廠務工程業者帆宣、廠務工程業者漢唐及信紘科、先進封裝及濕製程設備廠弘塑、蝕刻及薄膜設備代工廠京鼎等，2021年營運看旺，營收及獲利均可望創下歷史新高。</t>
  </si>
  <si>
    <t>近期大陸疫情再起，各地實施嚴格防疫措施，大陸台企、台商也都相當配合防控要求，採取高標準放疫舉措。「減少跨省活動，記得勤洗手帶口罩，出入看健康碼和行程卡，中高風險區的配合核酸檢測不出門。」台企聯總會長李政宏也再次提出呼籲，他並不擔心，因為「大家都很有經驗了！」
廈門台商協會長吳家瑩表示，廈門台協積極配合各類大陸官方防疫措施外，也組成志工隊，協助各小區的防疫宣導，也有台商提供醫療單位物資，同時台企也會對內部要求禁止餐廳大規模聚會、減少非必要的長距離移動等。
至於這波疫情較嚴重的南京、揚州台商防疫措施更加嚴格。南京台協副監事長劉鴻寬此前表示，「高風險區防疫要求高。所有人包括台企人員，對防疫工作都採取了最為嚴謹的態度。」
南京台企主管指出，他們在工廠與員工宿舍「兩點一線」之間啟用了閉環交通通道，減少員工與外界的接觸。為避免員工集體外出做核酸檢測對生產造成影響，政府部門主動上門服務，在企業公司內開通了檢測點，進行錯峰檢測。企業除落實員工核酸檢測、防控措施和人員排查工作外，對生產廠房、辦公區、單位食堂等工作場所與公共區域也都有明確負責人。
揚州市台協會長、虹揚科技董事長方丁玉表示，配合揚州市政府防疫要求，揚州地區生產企業從8月1日起就暫時不安排員工到崗上班。位於揚州的永豐餘造紙（揚州）公司、永道射頻技術公司也公告停止生產作業，全廠嚴格施行防疫措施，進出人員均須有健康綠碼、行程碼、最近一次核酸檢測證明及量測體溫，並每天執行全廠消毒作業。
企業生產進出貨雖受到一定程度影響，不過大多仍能維持正常營運。南京台企主管指出，物流因南京祿口機場關閉，還好長三角仍有許多替代方案，包括到無錫、上海甚至合肥機場中轉。外地貨車無法直接進城，需先找到一處接駁點，車上貨物經過消毒後，再由其他貨車接駁到工廠。在南京、揚州的低風險地區，企業的生產經營基本正常。
方丁玉則指出，之前揚州的企業要發貨還可以透過申請緊急通道，但8月初這些緊急通道都中斷了，揚州部分地區停工、停產且停運，位於揚州的台企也很配合。雖然有些無奈，但他認為嚴格防疫「不是壞事」，隨著疫情漸漸穩定，企業也就逐步復工復產。</t>
  </si>
  <si>
    <t>資誠（PwC）聯合會計師事務所今（12）日發布《全球數位信任洞察》報告。受新冠肺炎影響，96％受訪企業將改變網路安全策略，50％受訪企業研擬將網路安全和隱私納入業務決策。
資誠智能風險管理諮詢公司執行董事張晉瑞表示，由於新冠肺炎的空前影響，許多組織不得不重新考慮並重新制定網路安全策略，資安長的角色及其對組織生存及成長的重要性前所未見。對於資安長來說，在科技和企業營運之間取得平衡，同時支持組織的網路安全策略非常重要。</t>
  </si>
  <si>
    <t>高端疫苗選定巴拉圭進行新冠肺炎疫苗第3期臨床試驗，上周三 (13)日正式展開；試驗執行已1個星期時間，已有超過300位民眾登記，近日受試者持續完成第1劑疫苗施打；高端疫苗表示，從今日起受試者施打會加速展開，預計本周完成約330人第1劑疫苗施打。
高端新冠肺炎疫苗在第3季運抵巴拉圭之後，由亞松森大學醫學院負責試驗執行及完整的臨床試驗前訓練；由於當地疫苗緊缺，研究團隊花了較多心力取得比對用的AstraZeneca(AZ)疫苗，克服挑戰並完成臨床試驗前相關準備後，試驗自10月13日正式展開。
高端疫苗於巴拉圭執行的第3期試驗，計劃收納1000位受試者，採用免疫橋接設計與AZ新冠肺炎疫苗進行比對性試驗，預計於第4季取得安全性及免疫原性比較數據，加速佈局中南美洲市場。
目前國際法規聯盟ICMRA，以及由澳洲、加拿大等五國所組成的Access Consortium，正積極倡議新冠肺炎疫苗的免疫橋接試驗。免疫橋接已成為國際新冠疫苗採用的主要試驗方法之一，且試驗結果也可透過澳洲學者D. Khoury Curve及牛津大學發表AZ疫苗之保護力關聯指標（Correlate of Protection，CoP）進行疫苗保護力推估。</t>
  </si>
  <si>
    <t xml:space="preserve">
金融業員工紛傳染疫，位於敦化北路的中國人壽總部大樓，20日亦證實其14樓有內勤員工染疫，中壽表示該員工工作性質單純，並沒有接觸客戶，且在職場均配戴口罩、體溫正常，目前已安排同層員工進行檢測、並立即居家不要外出，且19日已進行全棟大樓的清潔消毒。
金融業員工紛紛傳出疫情，中壽表示，是19日晚間接獲通報，14樓一位內勤員工檢測為陽性，這位員工工作性質單純，並無接觸客戶，均依規定於配戴口罩、量測體溫正常後，始進入職場，於職場內也全程配戴口罩，並做好相關防護措施。
中壽強調重視員工權益，以「保護員工安全」為優先原則，確保全體員工健康及客戶服務、業務，皆能持續營運，不受影響，在第一時間依照衛生主管機關指示，以嚴謹、審慎態度迅速進行相關處置及各項應變措施，
包括立刻安排同樓層員工進行檢測；通知同樓層員工返家不外出，並加強自我健康監測；19日晚間已經安排專業消毒廠商進行大樓全面性消毒。
因應這波疫情變化，中壽為維護員工健康安全，大幅提升員工居家辦公比例超過6成，異地辦公及原地辦公員工，也採取彈性上下班時間，藉由人員分流、分散，以降低感染風險。同時，提醒員工加強自我健康監測、定期回報，更提供公司醫師專屬諮詢專線，解決員工健康疑慮。
中壽強調將持續加強職場衛生及員工健康保護，並將配合政府政策積極努力做好防疫，呼籲員工做好自我健康照顧，祈願大家齊心團結，攜手共度難關，一起為台灣防疫盡一份心力。</t>
  </si>
  <si>
    <t>冷氣團一波波來襲！加上人流增加，台中市長盧秀燕23日在市政會議中宣布，疫苗充足市府推出疫苗無限暢打服務，民眾只要符合施打的資格，即可聯絡熟悉的醫院診所；另外「你揪團我來打」，只要揪團30人，即可派出行動防疫車服務民眾，提升市民的防護力。
媽媽市長有細心的特質！盧秀燕今天主持市政會議時說，雖然新冠疫情相對平緩，但絕不能鬆懈，歲末寒冬、人流增加，必須要加強防疫，市府考慮到疫苗充足，推出疫苗無限暢打服務鼓勵民眾盡量施打，當然為安全起見，醫院診所衛生所採分流施打。
盧秀燕指出，診所衛生所只有一種疫苗避免錯打，但醫院規模大，可施打兩種以上疫苗，不用上預約平台，民眾向熟悉的醫療院所詢問即可。
盧秀燕說，還有你揪團我來打，市府感謝磐石會捐贈1輛防疫車，有些地方政府當篩檢車，台中市增加很多功能，包括疫苗儲存設備，因此命名為行動防疫車，只要揪團30人，即可派出行動防疫車載著接種團隊，前往服務民眾施打同一種疫苗，歡迎各機關團體組織，夜市菜市場業者都可揪團。
秋冬季節是流感的高峰季節，為加強市民保護力，市府採購73萬8350劑疫苗，到22日為止，施打率80.38％。65歲以上接種率39.93％，高於全國平均率，但跟去年比還是下降7.23％，可能打過新冠疫苗長輩因此鬆懈。幼兒階段也下降2.76％，特別呼籲長者、幼兒盡量施打流感疫苗提升保護力。</t>
  </si>
  <si>
    <t xml:space="preserve">大陸地區新冠肺炎疫情延後復工，日常生活及消費活動因防疫措施而受限，羅麗芬-KY(6666)首季營收1.13億元，較去年同期減少63.5％，平均毛利率71％，因推出新品牌增加營銷費用，營業費用較去年同期增加9.5％，首季小幅虧損145萬元，每股稅後虧損0.03元。
受疫情衝擊影響，大陸第一季首度出現經濟負成長，據中國大陸國家統計局的統計資料，民眾減少外出消費，社會消費品零售總額也衰退了19％，不過「宅經濟」帶動新型消費加快發展，第一季實物商品網上零售額年成長5.9％，占社會消費品零售總額比重為23.6％，比去年同期提高5.4個百分點。隨著企業復工復市，市場活力提升，先前壓抑的一些消費行為已有回補跡象，實體通路銷售開始陸續好轉。
羅麗芬指出，第二季起也陸續於各省導入旗下三大品牌暢銷爆品至最新開發網路商城(美時芬)銷售；新零售品牌-伊姿佰EasyBio在自營線上商城及天貓、京東等平台上線銷售，引導消費者於線上消費，預期在第二季逐漸收到成效。
美容美體養護產品的線下體驗仍然是培養長期消費者的最快途徑，在防疫優先的情況下，美容院雖陸續開業，仍有人流限制，因此，雖然大陸各城市逐步解封，但要回復常態外出消費仍需要一段時日，目前還是謹慎防疫優先，羅麗芬4月份營收5,097萬元，年減55.32%，前4月營收1億6325萬元，年減61.36%。
</t>
  </si>
  <si>
    <t>國巨董座陳泰銘14日表示，農曆年前訂單無虞，稼動率將緩步爬升，國巨合併基美、普思之後，車用相關比重衝上35％，隨著各國政府理解如何在新冠肺炎以及經濟活動之間取得平衡，2月開始急凍的車市，已經邁向復甦；陳泰銘此番產業景氣的解讀，為2020年以來首次翻多。
電動車產業的MIH聯盟預計2021年6月前獨立運作，陳泰銘表示，MIH聯盟志在建立平台，新國巨在車用累積長年經驗，對於加入MIH聯盟。陳泰銘說，不排除其可能性。陳泰銘也首度表示，基美是一家有101年歷史的公司，在汽車領域中累積多年經驗，由於鴻海集團大部分的解決方案來自海外，無法就近取得服務，加上語言溝通、文化背景的隔閡，有必要尋找一家國際性布局的企業，提供更迅速的解決方案，國巨對外合作追求互補，過程中將提前掃除零件問題的障礙。
據了解，國巨合併基美已歷經四個月，根據國巨集團的清點，基美、普思先後加入國巨集團之下，車用營收占比攀升至35％，細項來看，MLCC的50％、鉭質電容的40％、晶片電阻的20％及普思的35％重壓在車規，合計高階應用佔了新國巨營收70％，並逐漸朝80％邁進。
陳泰銘指出，基美、普思原本就不做一般品市場，合併進來之後，基美加上國巨的MLCC規模上看10億美元，新國巨的車用純度很高，而且主要應用集中在引擎、控制系統、安全系統上，全球一線車廠均為旗下客戶，將可降低景氣循環波動，國巨現有低階產能僅維持規模，新增產能將以布局高階產品為主。
至於景氣的看法，陳泰銘表示，長線景氣仍無法斷定，但是國巨在農曆年前的訂單無虞，稼動率受招工不順影響，僅維持80％，接下來將緩步爬升，目前低於60天的庫存水位，在農曆年前還是無法拉高庫存量。
國巨前三季大賺兩個股本，由於第四季可望淡季不淡，法人預期，國巨2020年每股盈餘將達28元，2021年有機會突破三個股本，上看36元，獲利可望連續第二年邁向成長。</t>
  </si>
  <si>
    <t>蔡英文總統、賴清德副總統今天先後前往「台大醫學院體育館」接種第二劑高端疫苗，蔡英文上午7點12分抵達現場，醫師詢問上次接種第一劑情況，蔡英文摸摸手臂表示「只有這裡有些酸痛」，隨後前往接種區完成第二劑接種，態度相當輕鬆。
蔡英文總統由臺灣大學副校長張上淳、臺大醫院院長吳明賢、臺大醫學院院長倪衍玄及立法委員邱泰源等人陪同，在上午7點12分左右抵達現場，依照流程完成報到。
在問診區醫師詢問上次接種後是否有發燒等狀況，蔡英文表示「都沒有」，僅摸摸上臂表示「只有這裡有點酸痛」，隨後前往接種區。
護理師在注射前按照前次慣例，先高舉高端疫苗讓媒體拍攝，然後快速完成施打，過程僅幾秒鐘，蔡英文也將打完兩劑高端疫苗的黃卡高舉讓媒體拍攝，神情相當輕鬆。
賴清德則是在7點42分抵達現場，同樣依照相關流程進行報到和問診程序，被詢及上次施打是否有發燒等症狀時，賴清德也表示都很好，隨後簽署接種同意書，並前往接種區完成接種後離開現場，由醫療團隊後續掌握身體狀況。</t>
  </si>
  <si>
    <t>新冠肺炎疫情延燒，新北市瑞芳區的蝙蝠洞公園也大受影響，日前傳出新冠肺炎疫情會爆發是因為大陸有研究員遭蝙蝠的血液噴濺而來，因此不少遊客走訪東北角旅遊的時候，特別迴避蝙蝠洞一帶。台灣蝙蝠學會則指出，病毒會快速突變，在同一族群中會有能突破物種特異性的限制，所以原本在蝙蝠身上的病毒要進入人體並不困難，而在時常接觸蝙蝠的人身上應也會發生，但是新冠病毒能否感染到人體，還需研討，但蝙蝠學會呼籲以「管制人類與蝙蝠的接觸」來減少蝙蝠病毒轉變成人類病毒的機會，才是上策。
對此瑞芳區海濱里長鄧麗華指出，在蝙蝠洞公園內棲息的蝙蝠為東亞折翅蝠，與新冠肺炎疫情的菊頭蝠為不一樣的品種，而折翅蝠的移轉前來停留的時間為五月到九月，她強調，當地的居民都知道，所以請前來觀光的遊客都免驚，在蝙蝠洞公園並不會有傳染疾病的風險。
針對民眾反映蝙蝠洞是否會有傳染風險，新北市動保處長陳淵泉受訪時表示，到目前為止，對於蝙蝠跟新型冠狀病毒之間的關係，目前沒有任何科學證據顯示，有直接的關係，所以請大家不必恐慌，但是觀賞蝙蝠或其他動物的時候，他請前往旅遊的民眾遵循不撿拾、不餵食、不要有直接的接觸的「三不原則」，像五月到九月之間的夏天，蝙蝠飛回來的時候，如果要前往觀賞，只要保持距離、不要恐慌，便可以大幅降低危險性。
陳淵泉也指出，目前中央疫情防疫中心已明確規定，若民眾有接觸傳染的機會、風險時，一定要戴口罩，所以雖蝙蝠洞還不會封鎖，但若有旅客要進入到蝙蝠洞內，請於進入前後，做好勤洗手及消毒的工作，避免有任何的疑慮發生。</t>
  </si>
  <si>
    <t>香港食物及衛生局依聯合科學委員會的建議，批准3至17歲人士接種中國科興疫苗，並且優先安排疫苗予12至17歲青少年接種。
港府發言人表示，是參考了顧問專家委員會的意見，並考慮新型冠狀病毒對公眾健康構成的威脅後，認為批准科興疫苗適用年齡的效益大於風險，可以保護他們免受新冠病毒感染，盡早回復正常的校園和日常生活。</t>
  </si>
  <si>
    <t>今增7例確診個案，其中2例為本土、5例為境外移入；另確診個案中有1人死亡。中央流行疫情指揮中心指揮官陳時中表示，2個本土案例台北市與新北市各1例，台北的個案為松山區某國中的學生、新北市的個案則是民眾去看病被檢查出來，疫調仍在進行中。
陳時中表示，今增2例本土，台北市的案例是松山某國中的國一學生確診，該班已停課，比較好的消息是，確診國中生就讀國小的妹妹，採檢結果是陰性；至於新北市的案例，是一位民眾去看病的時候被檢查出來的，相關疫調仍在進行中。
陳時中也說，新北幼兒園的群聚案，今天沒有新增個案。長榮機師群聚的二採結果全都是陰性，因此這個案子目前可以算是控制住了，未來是否有個案，還要等解隔離那一波再採檢了。
指揮中心說明，今日新增2例本土病例中，案16173為60多歲男性，9月7日出現胸痛、輕微噁心、肌肉痠痛等症狀，9月8日就醫並採檢，於今日確診，已匡列接觸者6人，列居家隔離，餘匡列中。案16179為10多歲男性， 9月8日出現胸痛、呼吸痛等症狀，9月9日就醫採檢，於今日確診，已匡列接觸者51人，列居家隔離，餘匡列中。衛生單位將持續進行疫情調查及防治，以釐清感染源。
指揮中心表示，今日新增5例境外移入個案，分別自美國(案16174、案16175)、土耳其(案16176)、日本(案16177)、亞美尼亞(案16178)入境，入境日介於8月26日至9月8日，均持有搭機前3日內檢驗陰性報告，詳如新聞稿附件。
指揮中心指出，今日新增1例死亡個案(案10387)，為70多歲男性，具慢性病史及其他確診者接觸史，6月3日因其他原因就醫，同日出現發燒、咳嗽等症狀，採檢後住院治療，於6月4日確診，8月26日解除隔離，9月5日死亡。
指揮中心統計，截至目前國內累計2938839例新型冠狀病毒肺炎相關通報(含2921268例排除)，其中16069例確診，分別為1452例境外移入，14563例本土病例，36例敦睦艦隊、3例航空器感染、1例不明及14例調查中；另累計110例移除為空號。2020年起累計839例COVID-19死亡病例，其中829例本土，個案居住縣市分布為新北市411例、臺北市318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 xml:space="preserve">世界衛生組織 (WHO) 幹事長譚德塞昨天公開指控台灣發動對他個人的種族歧視言論攻擊；前民進黨立委沈富雄今表示，這一役，台灣的表現，世人有目共睹，不要像小孩子，唯恐人不知，到處嚷嚷「台灣來了」！
沈富雄今在臉書指出，「別跟譚某一般見識」；譚德塞被罵黑鬼的新聞上了紐約時報頭版。「台灣處理的方式是典型的吳釗燮模式，我不喜歡」。
他認為，「如果我是小英總統，我不會以上駟對下駟，如果非說不可的話，我會這麼說：『在這個網軍橫行的網路時代，再文明的國家總不缺不文明的網民，希望祕書長忙你的防疫，當下全世界的各個角落，不少人都認為你的份內工作尚有不少有待改進的地方…』」。
他強調，做為地球村的一份子，台灣應該學習的是：「優雅、厚道、堅毅、不屈與有力。」
</t>
  </si>
  <si>
    <t xml:space="preserve">口罩實名制2.0將上路，但日前食藥署貼出公告，由於有104間藥局口罩數量剩過多，因此10-12日都不會收到新口罩，而大部分暫停配送的藥局都位在雲林、台南以及高雄等地，新北唯一一間則位在瑞芳。
藥師全聯會日前轉貼公告，部分藥局暫停口罩配送，調整之後會再重新上線，這104間藥局主要以雲林縣和台南市最多，由於部分藥局位處偏鄉，需求量沒有都市區域來的高。而這104間藥局當中還包含了一間位在新北瑞芳的藥局。
另外，藥師全聯會也公告11、12日口罩配送調整機制的結果，有262家藥局會持續配送成人及兒童口罩，位在新北市泰山區 、三芝區、桃園市新屋區、新竹市香山區、新竹縣竹北市、寶山鄉 、湖口鄉、新豐鄉、苗栗縣頭份市、後龍鎮、竹南鎮、台中市梧棲區、神岡區、清水區、沙鹿區、大雅區、彰化縣鹿港鎮、南投縣南投市、花蓮縣秀林鄉等日均銷售率達80％之鄉鎮市區，其餘5921家藥局僅出貨成人口罩。
</t>
  </si>
  <si>
    <t xml:space="preserve">新冠肺炎疫情在全球肆虐，各國目前都尚未研發出疫苗，部分國家甚至期待能透過「群體免疫」的方式來對抗病毒，然而，疫情爆發至今已超過半年，《刺胳針》最新研究的數據卻讓看過的醫師直言，「群體免疫之路依然遙遠」。
兒科急診重症醫師吳昌騰在臉書上透露，7/6《刺胳針》發表的一項西班牙新冠病毒血清學調查研究報告顯示，部分國家當初希望能「群體免疫」，但這項目標至今仍未達到。
研究人員在4/27-5/11期間進行問卷調查並分析新冠病毒抗體的血清學，研究發現在西班牙全國範圍內，有大約5%的人具有新冠病毒抗體，馬德里等疫情嚴重的地方則大約有10%的人具有抗體，但這些數據都遠低於群體免疫所需的55%或82%。
研究還指出，在抗體陽性的人群中，有大約1/3未曾出現過症狀（21.9%～35.8%）；研究人員估算了一下，在西班牙大概會有37.6萬-104.2萬名無症狀感染者，另外，曾經出現過新冠肺炎類似症狀的人中，有16.9%測得抗體陽性；在自我報告14天前核酸檢測陽性的人群中，有88.6%-90.1%測得抗體陽性。
因此，吳昌騰直言，目前若要實現群體免疫，只能靠有效的疫苗來做到，像麻疹、天花等疾病的群體免疫就是疫苗做到的，那些沒有建立群體免疫的傳染病，每年都得來這麼一次，比如：流感。
</t>
  </si>
  <si>
    <t>新冠肺炎在台疫情趨緩，也催出「報復性旅遊」，端午連假全台各大景點全都塞爆，指標性的墾丁大街更是恢復了多年前的繁榮，人潮水泄不通，一名網友就貼出墾丁大街上人擠人照片，許多人看了也冷汗直流，直呼完蛋了，因為照片中的觀光客幾乎都沒戴口罩。
男網友今天(27日)在臉書「爆廢公社」PO出照片，表示自己待在墾丁2天了，詢問「有多少廢友也在這」。只見照片中人潮爆滿，整條墾丁大街都塞滿了人潮，彷彿回到4、5年前陸客造訪時的榮景。
人潮擠爆，商家也不亦樂乎，但不少網友看到照片後卻冷汗直流，直呼完蛋：「幾乎都沒人戴口罩...」、「感覺過幾天又要看到疫情新聞了...」、「社交距離已經沒人在乎了」、「這個人潮也太誇張」、「完蛋了，第二波疫情爆發也不意外」、「還好沒有去...」、「大家都懶得戴口罩了」、「人果然是健忘的，一下就完全忘記病毒的存在」。</t>
  </si>
  <si>
    <t>國民黨立委林奕華今天在立法院質詢行政院長蘇貞昌，過去SARS的特別預算執行率僅46％，林奕華問蘇貞昌有沒有信心這次要通過的紓困特別預算執行率可以到90％，蘇貞昌則誇下海口，要以執行率百分之百為目標。
林奕華指出，SARS當時也有通過特別預算，但是執行率才46％，而當時的行政院長就是現在的立法院長游錫堃，林奕華質詢蘇貞昌，有沒有信心做得比當時的行政院長還要好？
由於游錫堃也在現場主持院會，場面有點尷尬，蘇貞昌也立刻幫忙打圓場，蘇貞昌說，「不能怪當時的院長，預算通過的時候是5月，但是6月就已經沒有SARS了」，蘇貞昌也說自己會以執行率百分之百為目標。</t>
  </si>
  <si>
    <t>大陸新冠肺炎疫情發生以來，14日晚間出現迄今治癒的最高齡患者──一名98的確診患者，在河南省南陽市中心醫院成功治癒。現已轉到普通病房，進行康復治療。
現年98歲朱姓男患者，最初以「發熱1天」為主訴，進入南陽市第二人民醫院。2月2日檢查確診感染新冠肺炎，3日轉入南陽市中心醫院治療；12、13日兩度核酸複檢陰性，14日複查肺部CT下肺感染明顯吸收。但因患者仍存在心功能不全及心房顫動等情況，已轉到普通病房，進行康復治療。</t>
  </si>
  <si>
    <t>衛福部疾管署30日表示已和高端疫苗簽約採購新冠疫苗，不過事實上高端的二期試驗根本還未完成，12到18歲青少年的部分還沒做。且就在簽約的前一天，新竹馬偕才嚴正聲明網傳的「高端在新竹馬偕徵青少年接受二期試驗」是假消息，且新竹馬偕表示查證之後發現消息是由廠商自行發布；高端同日則說明，青少年二期試驗還未啟動，對新竹馬偕感到抱歉。但高端並未承認自行發布上述消息。
衛福部疾管署30日表示，已和高端疫苗簽約「110年國內COVID-19疫苗採購（案號CL110017）」，合計採購500萬劑疫苗，再附上後續擴充500萬劑。
不過高端的二期試驗根本還未完成，且還造成糾紛。5月29日，新竹馬偕聲明表示，日前有群組網傳訊息「高端疫苗在新竹馬偕醫院徵12-18 歲青少年接受COVID-19疫苗二期試驗…」，完全是子虛烏有，新竹馬偕並表示「經查相關違法訊息係為廠商自行發布，與本院無關」。
同日高端官網也發表聲明，但僅說明近日新竹馬偕招募相關訊息是「社群媒體傳播」，且造成醫院困擾，高端在此澄清與致歉，並提醒民眾「此試驗將待食藥署及各式驗中心人體試驗委員會審查同意後，才會正式啟動受試者招募活動」。高端並未承認自行發布上述消息。
在這則「高端新冠疫苗青少年（12-18歲）二期臨床試驗說明」文中也指出，高端疫苗已召募完COVID-19疫苗二期臨床試驗的20歲以上成人受試者，日前已由獨立資料審查委員會（IDMC）審閱初步安全性資料，依據台灣EUA（緊急使用授權）法規，同意高端疫苗規劃青少年臨床試驗相關事宜。高端強調，目前尚未正式招募青少年（12-18歲）受試者臨床試驗，目前正持續和主管機關討論試驗設計。</t>
  </si>
  <si>
    <t>我的供應商無法交貨了怎麼辦？我的公司有400個員工在湖北不知道何時才能回崗位上班？我過春節的貨都賣不出去，業績怎麼辦？新冠肺炎疫情延燒讓台商非常頭痛。
資誠創新諮詢公司董事長劉鏡清指出，受到新冠肺炎疫情影響，預計要到3月底整個工廠生產才會回復到穩定狀態。換句話說，整個製造生產將被影響至少2個月。另外，消費也受到極大衝擊，主要的原因是一月底至二月消費市場急凍，整個消費循環都衝擊到，估計第一季如果是大陸內銷為主的產業如手機、汽車相關等最高有可能近40%的影響。
擬定三項策略
曾任陸委會台商張老師、華信統領企管總經理袁明仁指出，疫情可能要3個月才會完全平息，台商口袋要夠深，才能撐得過這波混亂；他說，中美貿易戰受傷較重的是作外銷的台商，此波新冠肺炎疫情則是重挫不少作內需市場的台商，特別是很多回台上市的台商，例如餐飲業等，這些台商在疫情時期無法開店，但仍要付租金，要付員工薪水，口袋不夠深，實在很難撐的下去。
面對種種問題，劉鏡清指出，台商需要擬定人力、生產和營收等三項短中長期策略：一、解決人力需求的問題，長期而言，企業應做好人才培育，主管接班梯次計畫，同時強化數位轉型與工業4.0減少對員工的依賴。
二、解決供應鏈的潛在問題，短期掌握交期與數量：儘快與客戶聯繫，再次確認訂單與交期，因為變更的機率非常大。尤其是當客戶如果是手機、汽車等相關以大陸內需為主的產業，更要特別注意。因為終端消費受影響，客戶所在地如果被封城影響更大。長期而言，要分散供應商地點，建立彈性供應鏈。
三、解決營收與業績的問題，產業是最終消費產品，必須重新評估通路的吃貨能力及市場消費力，需訂出更積極的銷售與行銷策略，積極搶市占率；若是B2B公司能做的有限，除了積極開拓市場，必須設法於4至12月補足業績差額。
另外，台北經營管理研究院長陳明璋指出，台商現在想移動也困難，他估計大陸會提出積極的產業政策，建議台商留在當地爭取紓困補助，先求升級，後做較複雜的轉型，未來可朝大健康產業、醫療產品、文創等產業轉型。</t>
  </si>
  <si>
    <t xml:space="preserve">全國三級警戒至7月12日，屆時能不能解封，備受關注，雖然近期每日新增確診數趨緩，不過中山醫學大學附設醫院兒童急診科主任謝宗學表示，有3件事攸關重大，若能先達到這3條件，且維持一段時間，才能暫時脫離封城的日子。
對於連續多日來新增本土病例都維持在2位數，外界預期7月12日解封機率高。謝宗學在臉書《Dr. E 小兒急診室日誌》表示，今(1)日本土病例新增47例，扣除正在居家檢疫隔離的病例後，對社區有風險的病例剩下26位，顯示疫情緩解趨勢持續中。不過謝宗學也指出，若想恢復正常生活，脫離只能宅在家裡的封城日子，必須先達到下列3條件：
一、	對社區有風險、不明感染源的本土病例數每日少於10人
二、	沒有爆發群聚感染
三、	篩檢陽性率持續低於1%，甚至更低
謝宗學說，若以上這些條件都符合，且維持一段時間，我們將能恢復有條件的正常生活。他並預期疫苗覆蓋率將快速上升，下一個我們要努力創造的台灣奇蹟，就是疫苗覆蓋率在今年內達到50%以上，比齊先進國家行列。
此外，謝宗學也肯定疫情指揮中心終於採納各方意見，同意對於入境旅客全部PCR採檢，他認為在現今傳染力超強的Delta變異株肆虐國際的時空背景下，多一次採檢就對社區多一分保障。
</t>
  </si>
  <si>
    <t xml:space="preserve">國內今天新增3例新冠肺炎境外移入個案，加上近期傳出英國出現變種新冠病毒，倫敦20日緊急封城，世界各國也中斷英國航班，引發台灣民眾恐慌，衛福部長、疫情中心指揮官陳時中表示，台英往來管制加嚴，下午一點半記者會公布細節。
英國疫情爆發，甚至還被發現是變種的新冠肺炎，國民黨立委陳玉珍今天在立院質詢衛福部長陳時中，對於台灣跟英國之間的交通往來是否有評估？陳時中表示，疫情指揮中心還在評估中，不過大方向就是「加嚴」，下午一點半會對外說明。
陳玉珍指出，現在很多國家都跟英國暫時停止航班往來，台灣如何評估？陳時中表示，對於現在英國變種病毒是否增加傳染力，指揮中心都提高警覺，並搜集各國相關情報，目前決定「方向是加嚴」，細節中午一點半會在記者會上宣布，大半方向定下來了。
陳玉珍說，疫情期間往來的必要性也是減少，陳時中說「對」。陳玉珍說，暫時停止往來也是必要方向？陳時中回答，方向是要加嚴，可行性還要評估。
</t>
  </si>
  <si>
    <t>立法院臨時會開議在即，考量新冠肺炎第2波國際疫嚴峻，為因應外銷產業衝擊。蘇揆今天指示行政院祕書長李孟諺召集經濟部等相關部會，會同行政院副院長沈榮津進行盤點，不排除再加碼紓困及薪資補貼預算。
沈榮津上午在向行政院長蘇貞昌報告時，特別點出外銷市場可能受第2波國際疫情嚴重影響，需研議增加薪資補貼。蘇揆回應，不可能只有薪資補貼，包括各產業紓困方案、資金挹助，都應通盤討論。
目前包括經濟部及交通部都有提出新的紓困需求。蘇揆將在盤點後聽取相關建議。據悉，若所需額度較高，有可能再請立法院追加特別預算。</t>
  </si>
  <si>
    <t>全國3級警戒，特殊場所需歇業。桃園市龜山區一間麻將館卻涉私下營業，員警獲報發現大門深鎖，但電表快速流動決定入內盤查。雖內部僅有業者，但麻將桌上有飲料，隨即在後方防火下找到7名客人，立即函送裁處。
桃園市龜山警分局指出，20日22時許位於龜山區萬壽路某麻將館，疑似偷偷關門營業，員警以電錶流動確定營業要求開門。雖然45歲吳姓業者辯稱無對外開放，但是員警發現麻將桌上有飲料，隨即在後門防火巷找到7名客人，龜山警分局迴龍派出所開立記錄表移請市府，依傳染病防治法開罰6萬至30萬元。
龜山分局表示，新冠病毒疫情快速升溫，全國進入三級警戒，桃園市政府為了市民健康要求娛樂場所暫時歇業，就是避免群聚感染，警察機關配合政策強力宣導民眾配合政策，並特別強調各派出所一定要針對相關特種行業強力執法，不容許有偷偷營業情事，避免造成防疫破口。</t>
  </si>
  <si>
    <t>許多人打完疫苗都會出現副作用，但多是接種部位痛、肌肉痠痛和發燒等症狀，但昨天一名網友發文透露，他打完AZ疫苗隔天除了發燒之外，還出現超特殊的症狀「菊花痛」，不舒服到他睡不著，引起網友討論，不少人看了忍不住質疑，這個症狀是不是其他原因造成的，畢竟連疾管家健康回報都沒這選項，不過也有人認為，如果真的感覺不適，建議還是盡速就醫為上。
一名網友昨在PTT上發文表示，大概在26日的下午六、七點左右，去打了AZ疫苗，當下並沒有什麼特別的感覺，直到隔天凌晨兩點半副作用才開始發作，讓他從睡夢中醒過來，由於身體實在很不舒服，趕緊測量體溫才發現，原來他開始發燒了。
該網友指出，他的體溫從原本的37.6度，一路上升到38.9度，只覺得自己全身又冷又熱，最扯的是就連「菊花」也開始不舒服。且打完疫苗的副作用實在太難受，讓他躺在床上怎麼樣都睡不著，最後只好吞普拿疼來緩解。「我抵抗力好成這樣後天有辦法上班嗎？」
不少網友看了直呼，「發燒正常，肛門酸痛幾乎沒聽過，疾管家健康回報都沒這選項」、「之前打也發燒、全身痠痛無力，但沒有菊花痛這回事」、「疫苗打完有些微副作用很正常，但肛門那個是怎麼回事」、「英國人打了第一劑AZ後形容像被卡車撞到一樣痛苦，原來是真的」。
至於原PO分享的「肛門痛」症狀，多數網友都表示從未聽過，因此建議他如果持續感到不舒服，建議還是去看醫生比較好。
根據疾管署網站上公布的新冠疫苗副作用，其中包括接種部位紅腫疼痛、疲倦、頭痛、肌肉痠痛、發燒、畏寒、關節痛等症狀，不過多數的症狀都會在48小時內緩解。</t>
  </si>
  <si>
    <t>新冠肺炎持續衝擊零售產業，KPMG安侯建業消費與零售產業主持會計師黃柏淑20日表示，如果上半年度疫情爆發和消費者的信心下降沒有緩和，許多實體零售企業可能無法生存。她建議，零售業應考慮併購數位企業，創造投資機會。
黃柏淑表示，近一個月以來新冠肺炎疫情持續升溫，各國採取區域封閉管制，導致全球航運、海運等物流配送受影響，零售業將面臨供應鏈挑戰，復甦速度將有待觀察，應及早透過併購數位公司或是及早導入線上行銷系統因應。
KPMG全球20日發布新冠肺炎對零售業影響的產業報告指出，近19年中國大陸零售產業每年春節期間實體零售商機都在成長，自2001年0.41兆元人民幣逐年提升到2019年的1.01兆元人民幣，呈現倍數成長。但2020年受到新冠肺炎影響，零售產業實體店面飽受衝擊，但線上零售則躍升到0.5兆元人民幣。
報告也顯示，在2002～2003年中國大陸的消費品零售總額成長率多在9％以上，但在2003年3月～7月因適逢SARS期間，成長率降至4.3％，但半年後隨即回升到8.3％。
雖然疫情比SARS影響層面更廣，但KPMG報告認為，按照過去經驗，只要新冠肺炎疫情獲得控制，加上大陸電商蓬勃發展，長期來看，零售消費仍有良好的復甦力道。
黃柏淑則建議，零售業應從控管成本、建立線上行銷和數位零售功能等減緩衝擊並建立長期營運能力。她舉例，以控管成本而言，企業應以靈活的管理方式來控制人力成本、租金成本，並有效調整營業時間、降低成本，讓現金流量處於合理水位。
黃柏淑也表示，零售業要確保所有產品都有兩個以上的供應商，使供應鏈更加流暢，避免過度依賴單一供應商，同時應導入線上銷售系統、投資機器人流程自動化（RPA），以長期發展為考量，降低人工成本並提高效率。</t>
  </si>
  <si>
    <t xml:space="preserve">公費疫苗預約平台重新開放意願登記，新增高端疫苗選項，截至今(28)日17時，有意願接種高端疫苗的總計有55萬2445人，其中只登記高端的有9.2萬人，和昨天的3.7萬人相比，一夕暴增，對於突然有這麼多人願意打高端，引起網路上一片好奇，有網友分析，有得打就打，「無效大不了回頭打AZ，最慘就這樣而已」。
根據指揮中心公布，截至28日17時，全國意願登記完成總人數866萬7679人，只登記AZ的有43萬5134人，佔比5.02%；登記AZ、Moderna的421萬9066人，佔比48.68%；登記AZ、Moderna、高端的有37萬2704人，佔比4.3%；登記AZ、高端的1萬6815人，佔比0.19%；只登記Moderna的346萬0956人，佔比39.93%；登記Moderna、高端的7萬0787人，佔比0.82%；只登記高端的有9萬2217人，佔比1.06%。
由於高端疫苗還沒做出三期初步結果，保護力如何近來受到高度討論，有PTT網友驚訝表示「竟然有人敢打高端！」對於指揮中心公布的意願統計也感到意外，原PO指出，雖然高端是次單位重組蛋白疫苗，施打後副作用較小，但有沒有效還不是那麼清楚，好奇詢問「各位自己敢打高端？」
貼文一出引起熱議，網友紛紛回應「高端就適合給那種很怕副作用的人啊」、「實際去的有4萬就不錯了」、「安慰自己還夠用，想出國照樣要打別家啦」；也有人指出「身邊確實有朋友登記打高端」、「既然也沒證明沒效，過度的嘲諷其實真的沒必要」。有網友分析，如果副作用小，頂多就是打了沒效，神回「無效大不了回頭打AZ，最慘就這樣而已」。
</t>
  </si>
  <si>
    <t>因新冠狀病毒危機終於出現放緩跡象，美國東北部7個州與西岸3個州各自敲定區域協議，將聯手推動協同、逐步的重啟經濟計畫，但也強調必須採取預防措施以免疫情再度爆發。
周一美國通報至少1500個新冠肺炎新增死亡病例，但遠低於上周每24小時就新增約2000個死亡病例，顯示這場危機似乎已出現到頂的跡象。
在美國總統川普宣稱任何重啟美國經濟的決定都由他作主後，以紐約州為首的東岸州政府團隊，以及由加州、奧勒岡與華盛頓等3州組成的西岸團隊分頭宣布其聯手復甦計畫。
紐約州長古莫（Andrew Cuomo）表示，他將與鄰近的紐澤西、康乃狄克、德拉瓦、賓州與羅德島等合作，研擬放寬防疫居家令的最佳策略。麻薩諸塞州隨後宣布加入這個東岸聯盟。
美國西岸三個州亦宣布將遵循共同的解除社交疏離計畫，但也表示大規模重啟經濟的前提，是新冠肺炎的傳播速度放緩。
這10個州的州長僅有麻州州長貝克（Charlie Baker）是共和黨籍，其餘全屬民主黨。他們並未提出結束社交封鎖的時間表，僅強調何時與如何重啟非必要商業活動與學校的決定，將以居民的健康為優先，並取決於科學而非政治。</t>
  </si>
  <si>
    <t>韓國19日通報新冠肺炎確診病例新增297人，不僅創下3月初以來單日新高紀錄，更是連續第六日新增病例維持在三位數，而這也讓總確診人數來到16,058人，死亡306人。新增病例主要集中於首都首爾及鄰近地區，促使韓國當局趕緊加強防疫並限制人潮聚集。</t>
  </si>
  <si>
    <t xml:space="preserve">一架美國F-22隱形戰機周五早晨約9:15時，在佛州進行例行訓練中墜毀，飛行員安全彈射逃生，並被送往當地艾格林空軍基地（Eglin Air Force Base）的醫院接受觀察與評估，目前情況穩定。
綜合外電報導，這起墜機事件發生在艾格林空軍基地東北方12英里（近20公里）的訓練場。美國空軍在聲明中說，這次墜機沒有造成人員喪生，或是民間財產損失，而軍方正在調查事故原因。
這架戰機參與了向新冠肺炎醫護人員致敬的「美國強」（America Strong）飛行秀，但發生墜機事故後，表演將暫停。不過稍後艾格林空軍基地官員說，這架飛機並未參與飛行秀。
F-22是公認世上最先進的戰機之一，一架造價1.43億美元（近43億台幣）。由於五角大廈將重心轉移到生產F-35上，因此從2011年起，就不再製造F-22。
由於五角大廈將重心轉移到生產F-35上，因此從2011年起，就不再製造F-22。而F-22原本就不多，再折損一架，將產生重大的衝擊。事實上，2018年時，在颶風麥可（Hurricane Michael）重創下，好幾架停在佛羅里達州汀道爾空軍基地（Tyndall Air Force Base）F-22都因而受損。
而汀道爾空軍基地因受災嚴重，許多戰機後來都遷往艾格林空軍基地。
</t>
  </si>
  <si>
    <t>歐洲多國因接種AZ疫苗後出現血栓故暫時施打，亞洲的泰國昨日（12）也宣布停打，衛福部部長陳時中卻呼籲「持續施打」，引發不少質疑。藥師林士峰表示，血栓發生率約萬分之0.06，AZ疫苗的保護力卻只有70~90%之間，台灣應跟著停打較妥。網友則直言，陳時中既然對自己那麼有信心，又一再批評大陸製疫苗，就應帶頭打AZ疫苗才對。
針對歐盟藥品管理局（EMA）表示，歐洲已接種的500萬人中，有30例血栓事件。藥師林士峰12日在臉書貼文強調，疫苗就好像是施打在體內的「口罩」，但是不同於口罩的是，疫苗也是一種藥品，凡使用藥品，都有一定的機率必須承受藥品可能發生的「副作用」，而使用藥品同時也要考量的點，則是「他們能發揮多少的功效」。
林士峰指出，500萬人施打疫苗後出現30例血栓，發生率約為萬分之0.06，遠低於罕見「千分之一到萬分之一之間」發生率，血栓算是嚴重的副作用。但是考慮到AZ疫苗的保護力只有70~90%之間，也遠低於輝瑞或莫德納疫苗的95%保護力。因此，他才會主張，我國是否也跟著去停打AZ疫苗，會是比較有利的選項。
對此，網友紛紛回應：「阿中啊！既然有信心，是時候帶頭示範打AZ了」、「牙醫部長跟總統、院長應率全家公開先打……」「阿中先打AZ疫苗，蔡英文接著打苗，文武百官跟著打，直接證據會出現」、「這個人壞透了，多國已經停打，有例證證明嚴重副作用可以讓健康人失去生命，而自己怕死，不帶頭施打？」「總統與五院院長還有陳時中先打！」「為什麼自己不敢先打？還要逼別人去打？」「請小英、陳時中、蘇貞昌及民進黨立委、高官先打，都沒有問題了再給國民施打」。</t>
  </si>
  <si>
    <t xml:space="preserve">《中時電子報》精選5件不可不知的國際大事，帶讀者掌握今（22）日的國際新聞重點。
【1】歐盟達成25兆經濟刺激協議 各國領袖大爆走
在新冠肺炎疫情衝擊下，歐盟領袖21日在氣氛火爆的峰會中，終於達成7500億歐元（約25兆台幣）的經濟刺激協議。據傳法國總統馬克宏在峰會上大動肝火，痛罵奧地利總理庫爾茨、荷蘭總理呂特等人。
【2】川普終於認了：新冠疫情會更慘
白宮21日重啟疫情記者會，川普大轉性，終於承認美國的新冠肺炎疫情會更惡化，同時他也呼籲民眾如不能遵守社交距離，就要戴上口罩，不過整場記者會上，川普本人並未以身作則戴上口罩。
【3】法國表態 不會禁止華為在法投資
英國13日決定今年底不再採購華為相關設備，並在2027年要求營運商全數替換華為電信設備，外界關注作為華為重點市場的歐盟國家下一步動態，不過法國21日率先表態，有別於英國立場，法政府當局不會禁止華為在法國投資。
【4】美正式起訴2陸駭客 控竊新冠、國防機密
美國司法部21日正式起訴2名大陸籍駭客，指控他們竊取新冠肺炎相關研究資料及國防機密，造成全球數百人受害。
【5】1956年來首次 諾貝爾獎因疫情取消宴會
新冠肺炎蔓延全球，不少大型活動取消或延期。諾貝爾獎基金會（Nobel Foundation）21日表示，由於新冠肺炎疫情影響，將取消12月例行諾貝爾獎宴會，頒獎典禮也將以「新形式」舉行。
</t>
  </si>
  <si>
    <t>不少曾經確診的個案，既無法打疫苗，也拿不到陰性證明，返回工作崗位遭到刁難，中央流行疫情指揮中心醫療應變組副組長羅一鈞表示，已經要求地方政府提供「解隔單」，若雇主刁難，可以依照傳染病防治法開罰一到十五萬元。
本土疫情確診病患超過一萬人解除隔離，羅一鈞表示，最近接獲很多民眾詢問，許多康復的民眾，有需要回去上班，但因為居住、安養等機構有設下管制，要有七日內檢驗報告或是疫苗接種證明才能返回工作。然而因為確診者後續會有陰陽反覆等可能會長達三個月，加上確診過，六個月內不能列入公費疫苗接種對象，面臨兩邊卡關。
為了解套，羅一鈞表示，讓民間事業者希望對於確診者不能要求其出示證明，但可以拿衛生局由縣市政府拿「解隔單」，開立一兩天內會收到，上面有清楚說明不會具有傳染力，讓曾確診的個案，可持解除隔離通知書，就形同康復證明書，「請各單位不要再為難確診者，用這個代替檢驗陰性證明，可以安全返回工作。」
羅一鈞表示，根據傳染病防治法，第十一條、第十二條也有保護就學權、工作權等。這次主管機關，對於感染者出現不公平待遇時可以檢具，違法可以處以一到十五萬元罰鍰。</t>
  </si>
  <si>
    <t>北藝中心爆出有40人群聚感染，新北市長侯友宜表示，這暗中有16人住在新北，都在掌握中，他也說，薪北9項工程中也共計有11人確診，都經過停工、隔離、清消、確認，9項工程都已經復工。
侯友宜說，前一段時間建築工程都有做很多防疫作為，雙北建築工程常常互相交流，除了到台北工地，也會到新北做，市府都加強掌控。
侯友宜說，新北工程防疫作為包括進入工地實名制、量測體溫、酒精消毒、全程配戴口罩、落實勤洗手、用餐開會採梅花座、保持安全距離等。</t>
  </si>
  <si>
    <t>新北市疫情嚴峻，總統府參議郭昆文9日在臉書發文，寫下「第一第一得第一侯友宜讚」被罵翻，郭隨即刪文，嗣發表聲明表示，本人臉書的私人貼文，並無影射之意，惟因引起不當的聯想，造成混亂，深感抱歉！不過此事件被PTT八卦版罵翻，「還在政治鬥爭？」
郭昆文9日在臉書發表，「第一第一得第一，侯友宜讚」被罵翻，郭隨即刪文。郭昆文嗣後發表聲明，本人臉書的私人貼文，並無影射之意，惟因引起不當的聯想，造成混亂，深感抱歉！郭昆文表示，無論中央或地方的防疫團隊，都非常努力非常辛苦，都應該受到支持與鼓勵，更希望各界團結一起讓疫情早日得到控制，大家能回到正常的生活。
郭昆文的發文被PTT八卦版罵翻，紛紛砲轟到現在還在政治鬥爭，下限無止盡，這種水準？把疫情當兒戲看嗎？人前講同島一命，這種早該辭職了吧！以為新北百萬人沒有DPP選民？20年內別想拿回雙北了！</t>
  </si>
  <si>
    <t>新冠變種病毒Omicron來襲，針對大陸將如何應對，中國工程院院士鐘南山研判，Omicron變種病毒的危害性還需要一段時間的判斷，需隨時注意，但是現在還不會採取比較大的行動。
中國罕見病聯盟呼吸病學分會第一屆全國會議28日在廣州舉行，鐘南山出席會議並講話。
鐘南山表示，從目前的情況來看，Omicron變種病毒傳播速度快，已在南非等地區流行，近期在香港也發現了一例。Omicron變種病毒很新，雖然分子基因檢測發現，它在受體結合部位有比較多的變化，但是它有多大的危害性、傳播會有多快、會不會使疾病更加嚴重，以及是否需要針對它進行疫苗研發，還要根據情況來判斷，現在下結論為時太早。</t>
  </si>
  <si>
    <t xml:space="preserve">展開新的一天，中時新聞網帶您看看，世界發生了哪5件大事。
【1】美國前國安顧問波頓出書，大曝總統川普為了連任，曾要中國大陸國家主席習近平幫忙，還說在這位白宮主人眼裡，台灣很渺小。
【2】在中美關係緊張之際，雙方外長閉門會議17日在夏威夷登場，雙方各自表達了立場。
【3】北韓最近態度十分強硬，繼皇妹金與正下令爆破拆除開城兩韓聯絡辦公室後，又傳出平壤可能秀潛射飛彈的消息。
【4】新冠肺炎第二波疫情來襲，病毒在北京可能已潛伏1個月。
【5】美國總統大選今年11月即將見真章，由於現任總統川普引發的爭議不斷，新民調顯示，他遠遠落後民主黨對手拜登。
</t>
  </si>
  <si>
    <t xml:space="preserve">
37歲的張先生是專帶歐洲團的領隊，2/16帶團前往義大利旅遊，沒想到旅遊到一半，義大利確診人數瞬間從3人激增至 400人(目前已破2500例)，中央指揮中心2/27於是將義大利旅遊疫情升至第三級警告，導致張先生一團共17人2/29抵台便需要進行14天的居家檢疫。
「我們的團員來自北中南，有4對新婚夫妻、也有50多歲的熟齡族，大家旅遊時感情就很好，再加上都要居家檢疫14天，所以我們就成立一個群組，每天分享檢疫生活的趣事。」張先生說，目前他們已經進入居家檢疫的第5天，最有趣的莫過於各團員分享的居家檢疫關懷包，大家收到的時間都不相同，以他自己居住的新北市為例，大約是第4天時收到，其他有些人則是第2天。
各個地方政府的居家檢疫包共通點是都附上14個口罩，其他部分則各有風格，「以新北市來說，線上服務做得非常棒，有14天免費影音可以盡情追劇，還有雲端圖書館、宅在家運動指南。」台中的居家檢疫包的特色是附贈體溫計，方便自我檢測健康狀況，台南則帶些寧靜的禪意，居然提供《靜思語》書籍，希望居家檢疫生活能夠沉澱心靈。
其中最令團員們「激賞」的莫過於桃園的居家檢疫包，除了有消毒水之外，居然有滿滿的零食跟泡麵，再加上是新婚夫妻一起居家檢疫，所以是2人份的分量，擺出來拍照簡直就像普渡拜拜一般澎湃。張先生笑說，新婚夫妻不僅吃得好、兩人還會在家一起唱卡拉ok，甜蜜蜜放閃，也讓其他人戲稱14天後應該就會傳出好消息！
更多 CTWANT 報導
</t>
  </si>
  <si>
    <t>本土疫情大增，雙北週六升三級警戒，引發民眾恐慌性採購，新北果菜公司周末所有蔬菜大漲近40％，「菜母」高麗菜價格更是漲飆破3倍，新北果菜公司總經理江惠貞表示，產地蔬菜供貨充足，如今碰上雙北18日起高中職以下停課，團膳每天約可釋出約18公噸蔬菜，預估18日後菜價可回穩一些。
江惠貞說，週六雙北提升三級警戒，周末民眾瘋搶物資，果菜公司周末沒有刻意從南部進口菜，因此蔬菜整體約漲40％，「菜母」高麗菜是所有民生便當、團膳常用蔬菜，加上目前不是產季，產量較少，因此高麗菜價格飆漲3.3倍，而葉菜類像是大陸妹、小白菜、牛番茄等約都漲到1.5倍，反映民眾恐慌心理。
「菜都還在田裡不會不夠！」江惠貞說，產地蔬菜量都足夠，由於疫情關係，民眾避不出門，拍賣場人也少，目前整體供貨型態會有所改變，目前大多採預約交易，或直接透過電商平台購菜，18日起學生停課兩周，中央餐廚蔬菜頓時停止供餐，團餐兩周約可釋出約200公噸蔬菜，預估價格可回穩。
新北果菜公司經理郭瑞榮進一步指出，今年氣候好，梅雨季節短，蔬菜量充足，水果部分雖然整體較往年小顆，但甜度也較甜，且因為不是日常用食因此價格沒有落差太大，其實供貨端的產地也很緊張，周末時很擔憂因為疫情無法將菜輸出，民眾不必搶囤蔬菜。
郭瑞榮坦言，非常時期蔬菜價格漲跌、供應多寡本來就會較不穩定，他也聽聞南部有搶購蔬菜，新北果菜公司目前致力媒合團膳公司釋出的蔬菜，提供電商、宮廟、企業認購等方式以平衡蔬果物價。</t>
  </si>
  <si>
    <t>中央流行疫情指揮中心日前預告將開放AZ混打BNT，不過在昨日公布的第13輪疫苗規劃內卻未見混打選項。讓外界質疑混打政策急轉彎，指揮官陳時中今出席「醫療奉獻獎」頒獎典禮前表示，混打還是要開放，是在這個月的計畫之內。發言人莊人祥則補充說，預計11月會開放。
陳時中表示，混打還是要開放，這個月應該就會有。媒體追問第13輪是否會加開？他表示，這個月還是有很多波要打，是在這個月的計畫之內。由於這個月就只剩下今、明2天，莊人祥隨後於疫情記者會中表示，將視後續疫苗到貨情形，預計11月開放混打。
另第13輪疫苗接種將在11月3日開放預約，包括AZ及BNT都能預約接種第1劑，指揮中心今天提醒，50歲以上民眾可能同時符合兩種疫苗資格，可擇一預約接種。指揮中心發言人莊人祥提醒，本輪BNT和AZ開放預約時間不同，請符合資格的民眾記得上網預約。
而第13輪預約簡訊將在11月2日下午2點起陸續發送，莊人祥表示，由於簡訊是依序發送，不一定會同時收到，且兩種疫苗開放預約時間不同，請符合資格的民眾多加留意。本輪BNT預約時間為11月3日上午10點起，AZ則為同日下午2點起。
至於國高中BNT第2劑，指揮中心昨表示校園接種時程未定，有家長擔心，由於學校安排11月初施打流感疫苗，兩者恐怕會撞期。莊人祥表示，校園接種和第13輪無關，會等疫苗配發給衛生局後，再提供給校園接種，整體需要1個月的時間，「趕快接種流感疫苗沒有問題」，並重申校園接種不太可能會在近期發生。</t>
  </si>
  <si>
    <t xml:space="preserve">鴻海（2317）今（15）日召開線上法說，公布2020年首季財報。受新冠肺炎疫情衝擊，毛利率4.5％、營益率0.49％、淨利率0.22％，歸屬母公司稅後淨利20.83億元，季減95.64％、年減89.49％，每股盈餘（EPS）0.15元，均為2008年公布合併財報以來新低。
法人指出，若概括過往單季個別財報數據，鴻海首季歸屬母公司稅後淨利為2000年首季以來20年新低。至於獲利指標的「三率」方面，毛利率為2000年第四季以來18年低點，營益率、淨利率則雙創新低。
鴻海2020年首季合併營收9291.33億元，季減46.63％、年減11.87％，為近11季低點。財務長黃德才指出，新冠肺炎疫情自1月下旬爆發後，集團首季總工作時數年減逾20％，但在全體員工通力合作努力下，營收最終僅年減12％。
黃德才指出，首季因疫情造成的成本增加超過100億元，其中營業費用增加超過10億元。由於營收下滑、固定成本攤提比例增加，加上客戶產品組合變化、防疫費用增加等，導致毛利率及營益率雙雙明顯下滑。
黃德才表示，首季受疫情影響而增加的相關成本，將由客戶與政府的協助分攤，部分費用將在其他季度陸續入帳。若不考慮因疫情增加的成本，鴻海首季本業表現仍屬優異，內部評估若未受疫情影響，本業表現應可優於去年同期。
鴻海先前預期，四大產品線中的消費暨智慧產品、企業產品、運算產品，首季營收季減、年減率均將大於15％，元件與其他產品營收則預期季減15％、年減約10％。公司表示，實際結果季減幅度均符合預期，年減幅度則均優於預期。
</t>
  </si>
  <si>
    <t xml:space="preserve">桃園市桃園區北科附工1名學生確診，學校3日緊急停課，不少家長指責「已經知道有人確診，為何今天還讓其他學生到校上課？」校長陳勝利喊冤，2日晚間8點得知學生自行快篩陽性，先向上通報，11點半PCR陽性確診，但礙於時間已晚，且學生需進行快篩，3日早上8點多一併於校內宣布停課，進一步進行快篩。
北科附工全校有2400多名學生，200多名教師，師生共將近2700人。桃園市教育局指出，染疫學生（案16122）所在班級有35名學生、曾接觸3名老師，案16122僅開學日9月1日有到校上課，當天體溫、身體健康狀況皆正常，但9月2日早上覺得身體疲累，請假未到校上課，晚間在家使用快篩後發現陽性，再近一步做PCR檢測才確診。
陳勝利表示，學校2日晚間接獲學生聽到消息學生快篩陽性已是晚上8點，半夜11點半才知道確診，與衛生局討論後決定3日宣布停課，等所有學生到校後由衛生局先做衛教，並發放快篩試劑給學生，後來臨時通知全校都要做PCR檢測，3點起醫療人員進駐學校，目前正在進行PCR檢測中。
</t>
  </si>
  <si>
    <t>勤業眾信（Deloitte）聯合會計師事務所今（21）日發布《2020不動產業趨勢展望》報告，內容指出，新冠肺炎改變既有的生活與工作型態，不動產業傳統的行銷和銷售方式，亦受到消費模式變化、遠距辦公等因素影響。
根據台灣不動產投資協會《2020年第一季台灣商業不動產投資信心指數調查》，疫情衝擊商業不動產投資信心，「土地開發、辦公室、經濟環境、店面和旅館」五指標表現均下降。勤業眾信建議，業者應藉此機會思考轉型策略，善用「數位科技、個人化服務、強化資安與隱私」，精準掌握「地點、體驗與分析」致勝關鍵。
勤業眾信聯合會計師事務所不動產產業負責人楊清鎮表示，美中貿易戰促使企業思考供應鏈重組和台商回流，工業區開發、辦公廠房市場需求看漲。然而，新冠疫情延燒造成不動產上游營建業，面臨進口建材原料斷鏈、人力短缺等問題，而企業面臨經營困境或因實施遠距辦公，使得商辦租賃需求減少，進而導致開發商推案進度延遲、租售業未來交易表現不如預期等衝擊。
楊清鎮認為，疫情期間「線上看房」意願將大幅上升並可能成為長期趨勢，建議不動產業者強化數位技術來提升客戶體驗，以因應疫情過後的市場需求回溫和避免在轉型浪潮中被淘汰；同時，面對勢必迎接的「後疫情」時期，建議業者「提前開發與尋找合適地點、強化體驗與分析技術」，精準掌握不動產業的致勝關鍵。</t>
  </si>
  <si>
    <t xml:space="preserve">日本外務大臣茂木敏充今（6）日宣布，將在8日追加提供台灣113萬劑AZ疫苗。
路透社報導，日本外務大臣茂木敏充今日在例行記者會上表示，日本將會再捐贈台灣113萬劑AZ疫苗，這批疫苗將於8日配送。
日本先前已經無償捐贈台灣124萬劑阿斯特捷利康（AstraZeneca，AZ）疫苗，這批疫苗已於6月4日運抵台灣，總計日本至今提供台灣237萬劑AZ疫苗。
目前台灣自行採購的疫苗劑量總計達2981萬劑，包括向阿斯特捷利康採購1000萬劑AZ疫苗、莫德納採購505萬劑疫苗、透過COVAX採購476萬劑疫苗、及1000萬劑國產疫苗，當中已到貨約152萬劑，分別為自行採購的11.7萬劑AZ、COVAX平台分配的60.96萬劑AZ、以及80萬劑莫德納疫苗。
另外日本捐贈237萬劑AZ疫苗、美國捐贈250萬劑莫德納疫苗、立陶宛捐贈2萬劑AZ，總計外國贈台489萬劑疫苗，目前已到貨374萬劑。
</t>
  </si>
  <si>
    <t>中央流行疫情指揮中心7日公布1境外移入確診個案16147，北市衛生局今公布足跡說明指出，案16147 在6日確診，感染源為境外移入，8月28日解除隔離前採檢為陰性，因需出國至醫院採檢陽性確診(CT值超過30)。
北市衛生局表示，9月2日下午6點30分至晚上8點，曾到過Dreamers Coffee Roaster；9月4日早上10點曾到家樂福超市台北八德店；9月5日下午6點全聯福利中心吉祥店已於9／6完成清消，9／7停業1天。</t>
  </si>
  <si>
    <t>本土疫情不見升溫，為了降低感染風險，不少辛苦的醫護人員改先看診、後收費的「視訊看診」方式，不過卻有民眾罔顧醫護人員的信任，看完診一秒下線，並封鎖醫師帳號，鑽小門的舉動令人傻眼！
日前，小兒科醫師陳木榮就在粉絲團《柚子醫師的育兒診療室 - Dr.陳木榮醫師》無奈PO文，稱自己看視訊門診看得「昏天暗地」，可是卻有家長得知孩子沒甚麼大礙，也不用吃藥後，立馬下線，還封鎖診所LINE帳號，錢都沒付就腳底抹油溜了，讓陳木榮忍不住高喊「爸爸媽媽……你們還沒有付錢啊啊啊！」
此文一出，許多網友聽了也怒氣沖沖，留言聲援「沒品到極點」、「過河拆橋，太誇張了」、「怎麼會這樣咧？真的是很沒有道德觀念耶！給方便當隨便！」其中還有人向陳木榮醫師喊話不能姑息養奸，直呼「故意的！惡劣！以後誰敢／願意用這種方式遠端看診，真的得先收費才看診！」「醫療不可以被這樣下流的使用，不可以縱容！」
不僅如此，同在醫界服務的婦產科名醫蘇怡寧看到此文也發聲力挺，強調「我們的信念就是，你只能白嫖我一次」，至於網紅醫師《黑眼圈奶爸Dr. 徐嘉賢醫師》則看了心有戚戚焉，表示貪小便宜心態的家長為數不少，所以他見怪不怪，只能說「其實作為一個在網路上面常常跟大家閒聊的醫生，跟大家回答問題我都很樂意，只要在合理的範圍內都ok。但是我偶爾也會遇到一些無理的家屬和無理的要求，認為這些都是理所當然的。我自己鼻子摸一摸，就當作可能孩子生病，父母心情就不會好，就會亂發飆，就不計較了。」
但話鋒一轉，徐嘉賢醫師也強調「行政人員和護理師真的很辛苦，疫情期間，頂著面罩、穿著隔離衣，要幫忙聯繫、打電話、再三確認、幫忙安排時間。而藥師也是穿著多重防護衣調劑藥物⋯備好藥膏、氣喘過敏的藥再三核對，在已經忙碌的工作下，再三確認後另外放置好」，同時呼籲民眾尊重醫護人員，畢竟「視訊看診要事前準備的工作很多，跟一般看診難度更高。不體恤我也沒關係…. 但同仁的付出，真的不能被抹滅。」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日系迴轉壽司業者亞洲藏壽司（2754）上半年營運轉虧，每股虧損0.4元，財務長田村和也表示，主要受展店初期費用較高及新冠肺炎疫情影響。目前開業滿1年的既有店營收已回升至去年同期的80～90％，未來仍將延續積極展店方針，並致力提升獲利表現。
亞洲藏壽司第二季合併營收4.98億元，季減2.56％、年增0.65％，但毛利率降至37.97％、營益率負1.76％，本業小幅虧損。稅後虧損632.5萬元、每股虧損0.17元，連3季出現虧損，但衰退幅度較首季減少29.13％。
亞洲藏壽司上半年合併營收10.1億元、年增8.47％，續創同期新高。但毛利率38.02％、營益率負1.45％，較去年同期43.22％、10.21％明顯轉虧。稅後虧損1525萬元、每股虧損0.4元，較去年同期獲利6494萬元、每股盈餘1.91元明顯轉虧。
田村和也表示，上半年營運轉虧，主要由於新冠肺炎疫情導致來客減少，影響落於2～4月、又以4月最嚴重。不過，5月以來營運狀況已見明顯回升，營運1年以上的店面單月營收，已恢復到去年同期的80～90％。
隨著疫情影響趨緩帶動來客數回流，配合展店效益持續顯現，亞洲藏壽司7月自結合併營收2.23億元，月增18.45％、年增14.56％，改寫歷史新高。前7月合併營收12.34億元、年增9.53％，續創同期新高。
田村和也指出，藏壽司的店鋪投資成本較高，營收規模將顯著影響獲利表現，由於會在展店初期便認列大部分費用，壓抑短期獲利表現，但為確保未來獲利成長空間，將維持積極展店方針，目標每年新展5～10家步調，並持續致力提升獲利表現。</t>
  </si>
  <si>
    <t xml:space="preserve">清明連假危機平安度過了嗎？今天4月12日是原本指揮中心認為，清明連假後要觀察是否造成連假後發病潮的關鍵時間，然而今天只有3名確診個案，疫情指揮官陳時中表示，目前第一段沒有出現徵兆，算是過關，但還是要持續觀察，不能鬆懈。
至於還要觀察多久，才算是能解除清明連假後發病潮的威脅？陳時中表示，至少要在觀察一個禮拜，也就是總共14天的觀察期。
清明連假國內不少民眾出遊，引發中央擔心恐會造成社區大傳播，但現在警報解除，是否五一連假會有調整的措施？中央流行疫情指揮中心指揮官陳時中今表示，目前針對五一連假，並無更動或停止假期的規劃。
</t>
  </si>
  <si>
    <t>新冠肺炎的疫情在全球持續延燒，雖然正值防疫期間，上周末的清明連假卻在各地湧現人潮，防疫中心憂出現「防疫破口」，特別針對11個景點發出國家級警報，許多企業也都跟進，要求有到景點的員工「居家辦公」，對此就有網友好奇發問「居家辦公到底爽不爽啊？」文章也掀起網友熱烈的討論。
一名網友在PTT八卦板以標題「居家辦公到底爽不爽啊？」發文，表示現在越來越多企業要求員工居家辦公，他認為對員工來說爽的是不用浪費通勤時間，也開玩笑稱壞處是沒有正妹同事可以看，但最後還是忍不住好奇想知道「有沒有居家辦公到底爽不爽的卦啊？」
文章曝光之後引起熱議，不少正在居家辦公的過來人紛紛跳出來表示「不爽，超級麻煩」、「不爽！下班時間更不定時！」、「隨時視訊、電話來哦」、「更不爽吧，上下班時間更模糊」、「不爽，工時還變長」、「貓貓一直會來亂，效率很差」、「煩最多一個禮拜一天 不然受不了」但也有人認為「可以一邊吸貓一邊工作，還不賴」、「在家工作我願意減薪20％～30％」、「應該不錯，不用擔心天氣問題」、「光節省通勤時間就很爽」、「平常效率越高的越爽，多超多時間打電動」。</t>
  </si>
  <si>
    <t>紓困金給領？不給領？
新冠肺炎疫情自2020年初至今，民生、企業、生產等問題全球都受到影響，台灣當然也不例外，行政院6日推出萬元紓困補助申請，提供給受到疫情影響的民眾和企業，能暫時度過眼前的難關，然而美意卻被罵翻，從訂定方案、申請手續、條件資格到發放時間等，民眾抱怨手續太複雜、時間標準不統一、資格條件太高，全台罵聲四起。
今天DailyView網路溫度計就透過《KEYPO大數據關鍵引擎》，整理紓困方案推出至今，讓網友黑人問號到不行的10大問題，看看你是否也感到超疑惑！
10、增加混亂！基本生活費算式超複雜
行政院日前提出加碼紓困金方案，提供每戶1萬元紓困金，但審核標準是「家戶每人每月生活費在居住地每人每月最低生活費1.5倍到2倍之間」，生活費官方公式「[家戶月平均收入+(家戶總存款-15萬*家戶人數)]÷家戶人數」直接讓民眾霧煞煞，不知道是上國文課還是數學課，抱怨各縣市生活費不一，要看懂算法就夠難了，真的有想要讓人申請嗎？
9、追究法律責任？申報不實難查核
一場紓困金方案引發民眾多方抱怨，原本要發給真正面臨生活困難的人，卻有民眾開雙B轎車、大學生揪團申請，讓立委點出亂象「不需要的人擠爆公所、需要的人卻不清楚方案」，雖然有宣導申報不實會追究法律責任，但中央SOP沒訂好，後續故意亂申報的人又該怎麼調查？
8、為了拍照領錢，玉蘭花漲價是在哈囉？
行政院長蘇貞昌日前舉例紓困金希望讓舉牌、賣玉蘭花工作一族民眾受惠，意外釀成「玉蘭花之亂」，許多民眾為了符合申請資格，瘋搶玉蘭花去賣並拍照佐證，一夕之間讓花價上漲6成，網友都傻眼痛批投機民眾貪小便宜，也酸「去申請紓困金的根本不缺錢」。
7、中央SOP沒訂好，紓困亂糟糟
雖然紓困方案是美意一場，不過不只申請民眾霧煞煞，負責協辦的第一線公所人員恐怕也手忙腳亂，政府4日宣布防疫紓困政策和方案，但衛福部被質疑當天深夜才發公文宣達，6日就要正式申請，公所人員有搞懂了嗎？其中民進黨立委蘇巧慧質詢痛批衛福部SOP混亂，也被批罵老爸、行政院長蘇貞昌的下屬是「公主救駕」，最後蘇貞昌趕緊發布道歉聲明表示有錯就改，試圖緩和民眾的怒氣。
6、申請沒效率，排隊排到臉都黑掉
政府6日匆忙擴大紓困方案，各縣市區公所一早就被申請民眾塞爆，不只公所人員因為太晚收到公告，不熟悉作業流程，也因為工作證明認定不明確，搞得民眾一個個卡位還得先釐清資料、證明，才能通過申請，生氣、抱怨得大有人在，雖然政府後續宣布簡化申請程序，但到現場詢問、排隊申辦人潮仍擠爆公所。
5、為什麼計程車司機可以領比較多錢？
平平都是台灣公民，想要領1萬元的紓困金手續繁多、條件一長串，還不一定領得到，但同樣的紓困方案，政府卻直接給計程車司機3萬，引發不公平爭議。不過有網友跳出來平反，計算薪資證明計程車司機收入的確比一般勞工低，且接觸人群、疫情危險性更高，他們真的更需要紓困金。
4、各縣市不同調，新北從寬認定、花蓮暫停申請
紓困方案上路，除了各部會有各種申請標準和條件外，各縣市開始時間也有不同步調引起反彈。日前行政院宣布6日開始申請，花蓮市公所卻表示還沒收到公文要延到11日才受理；而新北市申請資格也在市長宣布下從寬認定，資料從簡、從速發放，同套標準卻有不同步調，民眾也不開心。
3、排富大小眼！3萬爽爽發、1萬查身家
行政院針對紓困方案提出未加保勞工、農漁民加發1萬紓困金，不過卻要提出身家證明。國民黨立委林奕華就質疑，為什麼所有的紓困方案都沒有審核存款，只有無勞保者方案要求要審，這對急需紓困的人不僅增添麻煩更傷害尊嚴，引起友不滿，狠酸「3萬爽爽發、1萬查身家」、「領3萬比領1萬簡單...」
2、申請門檻一堆，看得到吃不到
想要申請到紓困金，你得先符合資格。各種身分有各種申請門檻，什麼無軍公教勞保、全家人平均所得要超低、存款限制...等條件，從第一條篩到最後一條，發現自己其實有些條件根本算不上，就成了紓困金無緣者，根本看得到吃不到。PTT網友也直說：「能通過申請的根本都低收家庭吧！」
1、各部會標準不一，到底有幾種可以領？
新冠肺炎疫情影響民生、企業，中央推出紓困方案，提供民眾申請，但是勞動部、衛福部、財政部、文化部、交通部等各部會都推出各家領法，衛福部沒勞保能領、勞動部針對勞保勞工、文化部針對藝術表演者，管控內容不同、標準也各有不一樣，什麼時候開始申請？誰有資格領？加加減減可以領多少？真的別怪民眾看得霧煞煞。
【網路溫度計調查結果之圖文，未經授權請勿轉載、改寫】
分析說明：
本研究資料由《KEYPO大數據關鍵引擎》提供，分析時間範圍為2020年02月08日至2020年05月07日，共三個月。
系統觀測上萬個網站頻道，包括新聞頻道、Facebook、PTT及各大討論區、部落格等，針對討論『紓困金亂調』相關文本進行分析，並根據網友就該議題之討論，作為本分析依據。
本文所調查之結果，非參考投票、民調、網路問卷等資料，名次僅代表網路討論聲量大小，不代表網友正負評價。
本篇分析報告使用「KEYPO大數據關鍵引擎」
延伸閱讀:</t>
  </si>
  <si>
    <t>大甲媽遶境新港因新冠肺炎疫情延期，內政部長徐國勇15日代表蔡英文總統和行政院長蘇貞昌向嘉縣新港鄉奉天宮廟方表達感謝。徐國勇表示，防疫視同作戰，感謝奉天宮長期配合中央政策，防疫工作是台灣最團結最驕傲的事，全民應承擔應有的責任和義務。
徐國勇昨日由縣長翁章梁、立委陳明文、蔡易餘、新港鄉長林茂盛、新港奉天宮董事長何達煌和董監事、新港文教基金會董事長陳政鴻等人陪同上香祈福，感謝媽祖慈悲，保佑國泰民安，風調雨順，四時無災，疫情早日遠離，何達煌也代表廟方回贈國寶級大師林洸沂燒製的九鯉化龍盤交趾陶。
徐國勇致詞時說，希望新冠肺炎遠離台灣，疫情不能排除社區傳播的可能性，中央各部會到地方都非常小心防止，在遶境、祭祖方面也拜託大家配合政府，防止疫情擴散，這次來也感謝奉天宮很多地方都主動配合。
陳政鴻藉蔡易餘的衣服強調，「顧好咱庄頭」是當下最重要的。翁章梁表示，這次可以看到全民的警覺性和高配合度，遵守並支持政府各項防疫政策，表現出台灣應有的國民水準和防疫觀念；接下來即將面對清明祭祖的防疫工作，地方政府皆努力研商對策，希望能避免群聚效應，又能讓鄉親安心祭祖。</t>
  </si>
  <si>
    <t xml:space="preserve">新冠肺炎肆虐，防疫警民齊心協力，中市南屯區惠中里里長曾善體恤員警執勤辛勞，日前特地自掏腰包，買了一大瓶可稀釋的消毒水送到大墩派出所，讓該所能夠常保環境衛生安全，保護員警也保護洽公民眾。
新冠肺炎疫情越演越烈，造成世界大恐慌，各國紛紛限制疫區旅客入境，但台灣地理位置鄰近大陸，民眾往來頻繁，防堵疫情擴散，中市警局第四分局大墩派出所，除於駐地門口張貼防疫宣導海報外，也加強駐地環境的消毒清潔，但員警出勤或站櫃檯，接觸民眾包羅萬象，更增防疫缺口，為防範未然，目前執勤員警，均須配戴口罩，並備有消毒酒精與額溫槍使用。
轄區內的惠中里長曾善，體恤員警執勤辛勞，日前特地買了一大瓶可稀釋的消毒水送到大墩派出所，讓員警們能夠時常維護派出所及民眾洽公區等周邊環境衛生，連執勤時的隨身裝備也能常常擦拭與消毒，希望略盡棉薄之力協助員警防疫，第一線執勤員警身體健康了，才能進而守護地方治安。
大墩派出所所長葉信良表示，感謝里長暖心力挺，作為警察堅強有力的後盾，同時呼籲：「民眾應勤洗手、注意環境衛生清潔、出入公眾場所應戴口罩、不生食肉品，落實個人防疫措施及自主管理，全民共同為防疫努力！」
</t>
  </si>
  <si>
    <t xml:space="preserve">受惠於調漲運費，以及在去年底節日購物旺季期間，新冠肺炎疫情帶動電商交貨量激增，美國聯邦快遞公司（FedEx Corp）上季獲利飆高，表現優於市場預期預期。
自一年前這場大流行病迫使聯邦政府關閉企業並發布居家令以來，聯邦快遞的股價已經上漲逾1倍。
周四盤後，聯邦快遞股價上漲逾4%，報274.99美元。
其創始人兼執行長Frederick Smith表示，他預期對電子商務與國際快遞服務的需求，在可預見的未來仍將非常強勁。
聯邦快遞公布第三財季（截至2月28日）營收年增23%，為215億美元。這段期間約5億件包裹的運量，以及新冠肺炎疫苖的配送，為營收帶來提振。
經調整後淨利年增153%，為9.39億美元，相當於每股3.47美元，優於市場預期的每股3.23美元。
即使2月的酷寒天候導致曼非斯（Memphis）、印第安納波利斯（Indianapolis）和北德州的重要設施服務中斷，並導致上季營業利益減少約3.5億美元，聯邦快遞仍然交出了非常亮眼的成績單。
由於這場大流行病衝擊了利潤較高的企業間運送，並觸發大量的網購交貨訂單，聯邦快遞與其同業優比速（United Parcel Service）決定調漲價格以維持利潤。
第三財季FedEx Ground平均每日包裹量大增25%，達到1320萬件。每包裹營收成長11%，為9.72美元。
在所有事業部門利潤同步增長的假設下，聯邦快遞預期全年經調整後每股盈餘將介於17.60美元～18.20美元，優於市場預估的17.40美元。
展望未來，聯邦快遞營銷部門主管Brie Carere表示，隨著已接種新冠肺炎疫苗的購物者重返商店，電子商務包裹運送量可能短暫減少，但我們深信電商占零售業比重仍有相當大的成長空間。
</t>
  </si>
  <si>
    <t>為防堵新冠肺炎新變種病毒Omicron，嘉義縣推出各鄉鎮衛生所隨到隨打服務，即日起接種莫德納還能獲得健康米一包，7、8日兩天，朴子市、大林鎮全聯門市也會設接種站，方便購物民眾接種，藉此提高2劑疫苗接種率，進而追加第3劑進階防護確保醫療及防疫量能。
中央疫情指揮中心2日宣布，醫事、一線防疫人員等1至3類及因公出國人員為第3劑優先對象，凡第2劑接種滿5個月者，提供莫德納追加第3劑，此外嘉義縣更針對18歲以上民眾，評估自身感染風險以及接種意願，第2劑滿5個月者經醫師評估後可接種。
衛生局指出，Omicron威脅全球，春節將近返國人潮激增，快速提升社區防禦迫在眉睫，嘉縣第1劑涵蓋率已達76.8％，第2劑54.8％，期望在農曆年前第2劑能達7成。
衛生局說明，目前除第16輪平台預約接種持續至8日，6日下午也將在大埔美工業區開設接種站服務廠區員工，另與企業結合，朴子市及大林鎮全聯門市各在12月7、8兩天，設站提供購物民眾接種，朴子接種位於四維門市，開放時間下午2至4點；大林接種位於忠孝門市，時間下午4至6點，若現場人潮眾多則加開到7點。
各鄉鎮衛生所也開放隨到隨打服務，即日起接種莫德納更可獲得精美禮品健康米，數量有限送完為止。衛生局長趙紋華表示，為提升接種可近性，民眾有需求並符合接種間隔，除透過平台預約也可電洽18鄉鎮衛生所或嘉義長庚、大林慈濟、灣橋榮民醫院、朴子醫院預約。
嘉義縣長翁章梁今前往大林國小疫苗接種站視察，關心施打狀況，表示全台目前疫苗施打相當順利，疫情也控制得很好，最關鍵還是在境外管理以及人民都戴好口罩，國外不像國內平靜，沒有很多國家跟台灣一樣不受太大影響，感謝所有醫護人員努力，希望繼續保持良好戰果，盡快還給大家正常生活。</t>
  </si>
  <si>
    <t>美國國務卿蓬佩奧日前稱「有大量證據」證實新冠病毒來自武漢病毒實驗室，不過蓬佩奧的指控，卻遭到國際情報集團「五眼聯盟」否認。該聯盟成員之一的澳洲就指出，蓬佩奧指出的「證據」，是基於幾篇公開的新聞報導的內容，實際上並沒有做任何情報蒐集工作。
據澳媒《雪梨先驅晨報》4日報導指出，多位澳洲情報官員透露，近期在五眼聯盟中傳閱的一份研究文件當中，大部分基於幾篇聲稱大陸隱瞞新冠疫情的公開新聞報導彙整而成。一名澳洲情報官員更暗示，美國政府手握的「大量證據」，與這些新聞報導的內容差不多。
另一方面，澳洲情報機構則於4月底多次公開表示，目前澳洲還沒有找到證據能證明新冠病毒來源於武漢實驗室。澳洲總理莫里森5月1日也坦言，沒有看到任何明確的證據表明該病毒起源於武漢病毒研究所。他還指出，目前僅僅知道感染病例最早應是在武漢被發現的，但這並不表示該病毒起源於武漢，因為還存在其他的可能性。</t>
  </si>
  <si>
    <t xml:space="preserve">美國福斯電視新聞台主播要求大陸應該對新冠肺炎疫情向全球擴散正式道歉，大陸外交部發言人趙立堅回應稱，美媒個別主持人的言論「荒謬可笑，充分暴露出他對中國的傲慢、偏見和無知。」在此次疫情防控中，「中國力量、中國效率、中國速度」受到了國際社會的廣泛讚譽。為了世界各國健康和安全，中國人民也付出了巨大犧牲，作出了重大貢獻。
福斯新聞台主持人傑西．沃特斯日前在節目上公開要求大陸為新冠肺炎疫情擴散向全世界道歉，這位主持人還表示，中共當局餵不飽人民，老百姓因飢餓才會「生吃蝙蝠」，以致釀成嚴重的疫情。而此一「中國道歉論」，最近也在社群媒體上被廣為討論。
在5日的大陸外交部例行記者會上，則有媒體就此提問稱：近期，美國福斯新聞台主持人在播出節目時稱，中國人應該就新冠肺炎疫情「正式道歉」。我們注意到，一些社交媒體上也有類似論調。你對此有何評論？
發言人趙立堅答稱：你提到的個別主持人的言論荒謬可笑，充分暴露出他對中國的傲慢、偏見和無知。痛批個別主持人的言論荒謬可笑，充分暴露出他對中國大陸的傲慢、偏見和無知。
趙立堅強調：第一，疫病是人類的公敵。各國患病的人都是受害者，不知道「道歉論」從何說起？當前，世界各國人民正在攜手努力共同抗擊新冠肺炎疫情。世界衛生組織多次表示，污名化比病毒本身更危險。在這個時候，個別人散佈這種毫無邏輯的言論，居心何在？
第二，「中國道歉論」毫無根據，也毫無道理。目前病毒源自何處，尚無定論。無論病毒源自哪裡，中國同其他出現疫情的國家一樣，都是病毒的受害者，都面臨阻擊疫情蔓延的挑戰。2009年美國爆發的H1N1流感蔓延到214個國家和地區，當年就導致至少18449人死亡，誰要求美國道歉了嗎？
第三，中國抗疫體現了一個負責任大國的應有擔當。在此次疫情防控中，中國力量、中國效率、中國速度受到了國際社會的廣泛讚譽。為了世界各國人民的健康和安全，中國人民也付出了巨大犧牲，作出了重大貢獻。全球170多個國家領導人和40多個國際地區組織負責人向中國領導人來函致電、發表聲明表示慰問支持，對中國抗疫舉措及其積極成效以及為阻止疫情蔓延作出的巨大犧牲和貢獻予以高度肯定。世界衛生組織總幹事譚德塞指出，中國強有力的舉措既控制了疫情在中國境內擴散，也阻止了疫情向其他國家蔓延，為世界各國抗擊疫情樹立了新標桿。
</t>
  </si>
  <si>
    <t xml:space="preserve">新冠疫情延燒一年多，中央流行疫情指揮中心團隊已成為全民熟面孔，其中擔任醫療應變組副組長的羅一鈞，被衛福部草屯療養院醫師沈政男大讚是「數理資優又悲天憫人的文藝青年」，他還翻出羅一鈞跳級上台大的超狂經歷，並爆料他曾赴非洲行醫背後的真正原因。
沈政男13日在臉書談到有慢性病的老人家適不適合打AZ疫苗時說，如果不相信他，可以聽聽羅一鈞的講法，並強調他特別上網找了所有羅一鈞的相關資料指出，羅一鈞是建中數理資優生，據說是跳級考上台大醫學系，而且還是那年的聯考榜首，台大醫學系只念了六年就畢業。
沈政男指出，雖然羅一鈞數理資優，但他後來在醫學之外，最有興趣的似乎是藝文，他從網路上兩個羅一鈞十幾年前所寫的部落格，看到他在非洲行醫與美國受訓的紀錄，還看出他對文學有興趣、文筆不錯，也有在聽流行音樂與看一些電影，可以說是一個文藝青年。
此外，沈政男說，從羅一鈞後來走非典型行醫道路就知道，他對醫學本身並沒有那麼大的興趣。醫學系畢業後，剛好那時前總統陳水扁為了拓展邦交，開辦了非洲醫療團，而羅一鈞就是其中一員，當時最有名的是連加恩，而羅一鈞則是走上了更堅定的史懷哲之路。
沈政男指出，羅一鈞在馬拉威行醫兩年，原本打算學成後要回去幫助當地的愛滋病患，他對醫業的認同，在於這是一個救苦救難的工作，並不是他對醫學有多大興趣，而是為了幫助可憐的病患。
羅一鈞從馬拉威回台後，進入台大內科，然後在感染科受訓，在拿到感染科證照準備回馬拉威服務的時候，馬拉威跟台灣斷交了，於是羅一鈞只好到疾管局當防疫醫師，並為此到美國受訓兩年，後來羅一鈞就當了公家的防疫醫師，並順便在台大看診，主治愛滋病患。
沈政男說羅一鈞對病患很好，也編寫了教材，可說是仁心仁術。至於他為什麼不走博士、升教授的路？沈政男強調因為羅一鈞骨子裡就是一個文藝青年，而且是數理資優又悲天憫人的文藝青年，是一個最單純，卻也是一個最複雜的人，很少自我揭露，翻遍了他的兩個部落格，想要尋找更多個人的成長故事都找不到。
沈政男並肯定羅一鈞之前在PTT上看到大陸疫情相關訊息時，第一時間幫台灣升起了防疫警戒，成為國際典範。
</t>
  </si>
  <si>
    <t>目前正在與白血病對抗的日本游泳名將池江璃花子，今天在個人網站上呼籲，日本民眾不要瘋狂囤貨，按照日常生活即可。
新冠肺炎在日本持續蔓延，尤其是東京都的疫情更加嚴峻，日本首相安倍晉三有可能在今天有重大宣布。
有鑑於此，日本民眾開始前往各大賣場搶購物資。池江璃花子非常擔心，「大家不要著急著去超市，別驚慌也不需要囤積物品，和往常一樣買必要的東西就可以。」
池江璃花子寫著，超市的物資與糧食有著足夠的存量，但同時也可能有無症狀感染者，現在一下子湧進超市，感覺非常恐怖。</t>
  </si>
  <si>
    <t xml:space="preserve">
連日因為新冠肺炎疫情大爆發，各大賣場造成搶購，總統府秘書長陳菊今表示，家買好吃的同時，也別忘了不要搶購囤積、浪費食物、過度消費，以免荷包哭哭。
陳菊今天在臉書指出，台灣物產豐饒，米食、漁產、蔬果，自產自銷最新鮮。
他說，目前國內的公糧米倉都有90萬公噸以上，豐富的漁產蔬果更是供應無虞，各項物資也都準備充足。面對大家的熱情採購，政府也媒合業者加大物流產能，大家也要多多交關我們台灣在地好吃的農漁特產喔！
陳菊表示，購買國產優質且具溯源的農產品，讓大家在防疫期間買得安心、買得開心。
</t>
  </si>
  <si>
    <t>中研院P3實驗室女研究助理染疫，指揮官陳時中指出個案脫隔離衣的SOP有誤，中研院長廖俊智今更坦承，「其他研究人員疑似也沒有完整遵守SOP」。台北市副市長黃珊珊今前往中研院視察時表示，「應該是SOP出問題，環境才會有問題」，連他們2位檢測人員現在也在隔離。
被問及是否掌握實驗室SOP出問題，黃珊珊表示，SOP主要是中央調查，不過看到媒體有一些報導，他們有去做環境檢測，的確環境上面不是很理想，「可能真的在實驗室裡面有一些汙染，連我們檢測人員現在也在隔離」，重點是在於說應該是SOP出問題，環境才會有問題嘛，沒有SOP出問題，環境怎麼會有問題。
黃珊珊補充，檢測的同仁上周六就跟著中央官員一起進去查看實驗室環境，一回來之後，因為環境檢體是陽性，所以進去的人有兩位當天就被隔離，至於多少檢體陽性？黃表示，細節等中央公佈，還是場域盡量做到確定安全性才會放鬆。</t>
  </si>
  <si>
    <t xml:space="preserve">行政院發言人Kolas Yotaka今日下午接受電訪表示，行政院呼籲雇主不要雇用非法移工，並已指示勞動部、衛福部、內政部加強對合法、非法移工的管理處置，另外也會對全國移工加強宣導防疫措施。
台灣第32例新冠肺炎確診案例，是一名30多歲印尼籍非法女看護，上月該女得知確診後，於臉書直播發布消息，當時多家媒體報導並痛斥其散佈染病資訊行徑，甚至還用「在鏡頭前微笑搔首弄姿」等等聳動標題。
但在新聞發佈後，許多社會輿論紛紛對相關報導做出批評並認為，該名移工是透過直播向海外親友告知訊息，並故作樂觀希望家人不要為她擔心。而後新北市衛生局對此案也做出不罰裁定。
行政院政務委員林萬億今日表示，在抗疫期間，不宜討論移工到底是否合法，而是要趕快把這些移工都先納入防疫衛教體系，否則若因此出現防疫缺口，反而得不償失。
Kolas表示，有許多病患家屬在知情或不知情的情況下僱用了失聯移工做為看護，希望解決照顧病人的燃眉之急，這是真實發生在醫院裡某些家庭的現況。而行政院也再次呼籲雇主不要雇用失聯移工，立場並沒有改變。
</t>
  </si>
  <si>
    <t>由慈濟、台積電、永齡基金會購買捐贈的BNT疫苗，首批「客製化標籤」將於本周四到貨。今晨一度傳出該批疫苗已由華航運送抵台，後證實誤傳。最新消息指出，這批疫苗數量共140萬劑，其中55萬劑將於本周四抵台。
民間企業、團體購買後捐給政府的BNT疫苗，今年底前將到貨800至900萬劑，以每周約70萬劑的頻率來台。原本傳出一批BNT今晨落地，結果中央流行疫情指揮中心澄清，「今天沒有疫苗」。
鴻海創辦人郭台銘PO文，指「客製化標籤」BNT原本要在中秋節當周起運，但負責載運的盧森堡航空滿載，加上原廠倉庫發貨繁忙導致手續延遲。經多方協調，排定30日（周四）先送55萬劑，接下來還有大約85萬劑，將分兩次陸續到貨。
指揮中心發言人莊人祥日前表示，初步規劃BNT會在第十輪開打，由第九類40歲以下往下開；若疫苗數量充足，再自64歲以下逐年齡層往下開。</t>
  </si>
  <si>
    <t>日女無症狀返日被確診，引起社會大眾熱議，台灣是否如防疫國家隊所說，社區很乾淨安全。對此，台大公共衛生院詹長權認為，此病例帶給台灣的啟示，被動採檢就一定會有破口，出現漏網之魚。
日本女學生疑在台染疫一事，詹長權今在臉書上評論說，台灣第一個被他國確診的COVID-19案例給了我們啟示，被動採檢必有無症狀感染者漏掉。
詹長權提到，6月22日日本厚生勞動省宣布新增新冠肺炎3個案，其中有1名20多歲女性有台灣旅遊史。6月24日台灣中央疫情指揮中心證實，該名日本籍女性於今年2月底自日本入境台灣於南部就學，上周搭機返回日本時於入境採檢檢出新型冠狀病毒陽性，個案當時無症狀。
詹長權接受媒體訪問時表示，國內被動式採檢方式，肯定會有無症狀者沒被檢測到。現在疫情到一個程度時，就應該採取主動式採檢，才能更了解國內疫情的傳播情況。
台大小兒部主任黃立民認為，這案例是由日本官方宣布，具有一定可信度，他受訪時指出，台灣的檢驗數目確實不夠多，尤其是最近檢驗數目在下降中，這代表連臨床醫師都不太做檢驗了，這是隱憂，那有點危險的。他建議，該女學生除了匡列接觸者，也應對接觸者或針對社區驗抗體，瞭解有哪些人曾被感染。</t>
  </si>
  <si>
    <t>經濟部日前（5日）表示，為了減輕產業衝擊，由工業局轄管的62處工業區，配合「嚴重特殊性傳染性肺炎防治及紓困振興特別條例」實施期間，推動延長土地租金紓困措施，各事業有承租工業區內土地以及國有房舍者，如營業額較同期衰退15％以上，可以申請土地租金減收二成，至110年6月30日止。
工業局指出，工業區內產業以中小企業為主，自去（109）年受到新冠肺炎的影響，不少中小企業到衝擊，工業局也於去年4月推出「嚴重特殊傳染性肺炎防疫期間工業區紓困方案」，透過將產業應繳納的維護費、土地租金、污水處理費等規費透過減收或緩繳的方式，藉此來減輕產業的負擔。
由於工業區內產業型態以出口外銷為導向，在國外肺炎疫情仍嚴峻的情況下，仍有許多企業營收受到衝擊，為協助廠商度過難過，經濟部於今（110）年1月核定將工業區紓困方案再延長至今（110）年6月30日。
工業局表示，此次工業區紓困方案在土地租金減收方面，需由企業提出佐證於109年12月起營業額較同期衰退15％以上，才可申請租金減收20％，去年申請減收的企業在申請月份不重疊的情形下，仍可提出申請。
工業局也提醒，因為配合國家能源政策、能源法規執行期限、地方回饋承諾事項以及相關優惠不重覆等原則，工業區紓困方案針對再生能源發電業者或已經申請租金緩繳之廠商，不適用此次的申請。提醒廠商在申請之前，可以洽詢當地工業區服務中心確認是否符合申請的資格。</t>
  </si>
  <si>
    <t xml:space="preserve">生華科(6492)旗下被視為治療新冠肺炎潛力新藥Silmitasertib，緊急人體臨床試驗(eIND)的合作夥伴美國Banner Health 新冠醫療團隊，已在10月31日正式向美國FDA送件申請Silmitasertib用於新冠肺炎二期人體臨床試驗，規劃收治40人。
生華科指出，若獲核准，生華科新藥旋即可用於治療新冠患者，生華科和Banner Health團隊希望Silmitasertib在這項較大規模的人體臨床試驗中，同樣能在短時間內治癒新冠患者，同時目標將爭取美國FDA授予緊急使用授權，有機會成為全球治療新冠肺炎的重磅藥物！
生華科總經理宋台生博士表示，全球首位接受Silmitasertib治療的新冠患者在康復出院後健康情況良好，Banner Health也持續關心進行追蹤，接下來在由Banner Health主導發起的二期人體臨床試驗，希望能重現eIND首位患者的康復經驗，收治病患能迅速恢復健康出院，生華科團隊在藥品製備和運送也將給予全力的支持。
美國Banner Health醫療機構旗下亞利桑那州鳳凰城大學醫學中心在九月三日成功運用生華科新藥Silmitasertib治癒第一位eIND新冠重症患者康復出院，從開始給藥治療到康復僅五天時間，負責主持計畫的Dr. Marilyn Glassberg Csete醫療團隊相當振奮，因為這位患者已經接受過包括瑞德西韋、類固醇地塞米松、兩種抗生素和抗凝血劑等藥物治療都沒有療效，Silmitasertib卻成功把患者從瀕死的鬼門關前救回來，因此Banner Health希望盡速啟動大型臨床收治更多新冠患者，能夠有效率進行治療；同時Banner Health將對病患進行病毒載量、血液和免疫因子等進行分析，將更大量且完整了解Silmitasertib作用於人體的抗病毒感染和抗自體免疫風暴機制運作。
近日多項包括新冠疫苗和抗體療法的大型臨床試驗都因為出現安全疑慮或無明顯療效喊停，在這種氛圍下，美國FDA對不同機制的新穎藥物皆持積極開放態度，生華科新藥Silmitasertib已經在首例病患取得成效，法人表示，接下來若能夠在大型臨床對更多新冠患者有正面積極療效，有利獲得以爭取緊急使用授權EUA為目標的國際大型臨床合作機會，將是Silmitasertib於新冠藥物開發的下一個里程碑。
</t>
  </si>
  <si>
    <t xml:space="preserve">台灣陷入疫苗荒，民眾搶打殘劑，外界對永齡基金會和台積電等機構引進BNT疫苗殷殷期待，各式傳聞、報導不斷。對此，國民黨立委李德維觀察一些媒體報導，他認為，進口BNT疫苗應該有譜了，之所以如此肯定，是因為府院黨開始搶功。
對於近來一些媒體報導BNT疫苗進度，李德維今（5日）在臉書發文表示，由永齡基金會與台積電採購的BNT疫苗，進口應該有譜了，而他之所以這麼肯定，理由也很簡單，因為府院黨開始搶功。
李德維觀察，上週部分親綠媒體的御用記者們，已經開始放消息、寫小說，又是「獨家」，又是「內幕」：某新聞網說，多虧行政院政務委員羅秉成幫忙；另一家新聞網則強調，德國政府出手相助。李德維認為，這些報導的動機與筆觸，昭然若揭，就是要模糊焦點，永齡基金會與台積電的疫苗交易，還是透過上海復星，繞回「東洋模式」完成。
針對這些媒體舉動，李德維直言，又是認知作戰，因為，民進黨政府終究無法解釋，為了「抗中」、「反中」，無視商業代理機制，硬是抵制上海復星與「東洋模式」，結果就是虛耗大半年，置人民生命與生計於險境。如果去年10月，當東洋生技以「有條件授權」來洽商時，指揮中心就直接採購3000萬劑，會不會如今600多位的死者，其中有些人，就能逃過一劫？
李德維稱，其實都是老套路，相信民眾都能看破馬腳，但真正重要的是，即便永齡基金會與台積電，加上慈濟出手，採購量還是不夠全民施打兩劑，更別說是為了防範變異病毒的第三劑。既然永齡基金會與台積電已經把路走通了，那上海復星也不再是問題，政府應該趕緊跟上，追加採購。編了數百億元預算，結果被捐贈的，比買到的多；民間買到的，比政府買到的好，李譏諷，民進黨政府的「黑色幽默」，人民無福消受。
</t>
  </si>
  <si>
    <t>美國郵輪「威士特丹號」爆出首例新冠肺炎個案，由於2月4日曾停靠高雄港，中央及地方防疫單位聯手追查，可能的接觸者共215位，包含港務公司、計程車及公車司機等，將持續健康監控，直到後天正式解除，目前都未出現異狀。至於美籍確診個案行蹤，則有待中央流行疫情指揮中心進一步追查。
高市衛生局長林立人今早表示，該郵輪停靠期間，在高雄9號碼頭進行旅客入境後，部分旅客到各景點遊玩；根據統計，港務分公司等相關工作人員，及34位計程車司機、10位大巴士公車駕駛，總計215位名單，目前中央掌控當中，中央會持續健康監測至2月18日止，19日則正式解除，目前未接獲有任何異狀。
林立人指出，這些遊客在高雄旅遊的景點，包括佛光山、高雄美術館、九號碼頭、蓮池潭及西子灣。台南奇美博物館、安平古堡、赤崁樓，以及屏東墾丁。提醒民眾在當天早上至下午到過這些景點，可以多加留意身體狀況。
至於最關鍵的確診個案行蹤，林立人表示，國際港埠檢疫工作權責在於中央，目前還是沒辦法掌握這位美國籍的確診個案，中央也很努力搜尋相關資料追蹤，只要有進一步的訊息，一定會幫助地方來配合相關的防疫作為。</t>
  </si>
  <si>
    <t>台中市朝陽科技大學因學生夜唱狂歡成為新冠肺炎疫情「重災區」，22日上午環保局出動到學校清潔消毒，目前夜唱團20名學生已全部採檢完畢，其中17名為台中人，當中有6人確診、11名陰性；外縣市有3人、其中1名設籍南投的學生確診、另2名為陰性，市長盧秀燕請學校緊急通報已離校及離開台中、超過1萬4000名師生主動快篩。
盧秀燕表示，市府除設立前進指揮所對留校師生快篩，也呼籲校外1萬4000名師生，及曾於5月13日晚間11時至5月14日早上7時曾至美樂地KTV的民眾，主動就近到快篩站篩檢。
市府指出，20日在朝陽大學設立前進指揮所，至21日中午共快篩793例個案，其中19名陽性，至晚間為止再進行PCR檢驗，已確認17名陰性，2名尚待檢測結果出爐。
環保局長陳宏益說，今日動員清潔隊再次到朝陽科大消毒，朝陽科大確診案足跡，範圍集中於朝陽科大當地區里，環保局已全數完成消毒工作，請民眾放心，但未來且因應消毒人力，即日起暫停水肥清運、停止流動廁所借用等業務，將有限人力用於清消工作。</t>
  </si>
  <si>
    <t>隨著口罩解禁，可自由買賣；而疫情指揮中心也宣布，6月7日起大幅解禁防疫措施，進行人流與活動的放寬。屆時由於已歷經四波的潛伏期，國內本土都沒有新增病例。加上之前「有驚無險」的舞廳閉店、酒店大停業、外籍提琴家表演、長照護理師確診、軍艦艦內感染等案，台灣都相安無事；顯見只要守好境外馬其諾防線，國內社區傳染機率趨近於零，國人可以適時摘下口罩，展開防疫新生活。但滿城盡是口罩一族的現象，可能要適時調整戴口罩時機，以符所需。
根據5月分《刺胳針》（The Lancet）一篇〈新冠肺炎大流行期合理使用口罩〉的文章指出，各國對於要不要戴口罩，何時、何人須戴上口罩，還有國風民情的不同，都有不同的做法與規定。文章末尾指出，台灣很特別的是，預見口罩會短缺，所以早有準備儲存了大量口罩。鼓吹大眾普遍戴上口罩，有一個明顯的好處是，如果有不舒服症狀的人可以自在地戴上口罩而不受歧視。但當社會都集體戴上口罩時，有的風險是忽略了洗手的重要性，也有風險是，口罩可能短缺，那些最需要用到口罩的前線醫護工作者，可能缺乏防護口罩而受到感染的高風險。
文章建議，口罩的使用，應先擺在重點群體，例如在前線的醫事人員，還有易受感染的人群，例如65歲以上的長者，還有健康狀況不佳的人們。因此，隨著疫情的解封，國內有必要區分感染風險等級，來配戴口罩或摘下口罩，不但可以合理使用口罩，也可有如下的優點。
首先，人類是社交的動物，俗語說，知人知面不知心；但如果連臉部表情都不見了，人們之間的心理距離就更加隔閡而難以親近了。在口罩底下，人人變成日本卡通中的「無臉男」，令人感到冷漠無情，根本連對方的喜怒哀樂都難以察覺，很難有進一步的互動，遑論活絡社交生活與經濟活動。其次，運動、長時間配戴口罩容易導致如昏沉、注意力不集中、頭暈目眩、睡眠障礙、記憶力下降，乃至於呼吸困難、缺氧等症狀，血氧量嚴重不足者，可能導致猝死。第三，外科口罩仍是前線醫護工作者與高風險族群的常備物品，如果大眾都搶著配戴，不但目前的防護效用不高，且會排擠醫事人員的資源，於事無補。
防疫新生活的開始，雖還是要配合疫情指揮中心的各項指示，在大眾運輸內、密閉空間、醫療院所、長照機構仍還要配戴口罩。至於若到空曠處、運動場合，則可以免除口罩配戴，大口呼吸、笑臉迎人，暫時一掃疫情帶來的陰霾，免除隨同疫病而來的憂鬱。
（作者為國立台灣大學醫學院名譽教授）</t>
  </si>
  <si>
    <t>外媒報導指出，2018年與我國斷交的薩爾瓦多，總統布格磊宣布，將無償把大陸捐助的50萬劑科興新冠肺炎疫苗，其中至少3.4萬劑，提供給鄰近的我國友邦宏都拉斯，恐影響台灣與宏都拉斯的邦交關係。
外交部發言人歐江安表示，宏都拉斯政府面對嚴峻的新冠肺炎疫情，正全力設法透過多元管道取得疫苗，以保護宏都拉斯人民的健康；另外日前宏都拉斯七個地方政府洽獲薩爾瓦多捐贈的三萬多劑疫苗其實是AstraZeneca疫苗，並非大陸疫苗。此外報導中提及，中國「捐贈」並於日前運抵薩爾瓦多的大陸科興疫苗，事實上該批疫苗是由薩國政府自行採購，而不是陸中方贈與。
另針對報導引述路透社文章指出，美國國務院將中南美洲17名重量級政治人物納入貪腐收賄的調查清冊，其中包括宏都拉斯現任總統葉南德茲（Juan Orlando Hernandez)，經查路透社報導內容，薩爾瓦多總統親信及安全部長被列入相關名單，但並未提及宏都拉斯總統。
歐江安強調，對於部分媒體甘願配合大陸的宣傳和假訊息攻勢，進行混淆事實的錯誤報導，外交部表示極為遺憾。該報導未經嚴謹查證，企圖製造台宏邦誼不穩的假象、造成台灣人民與民主政府之間的矛盾，並蓄意打擊我國政府的形象；此外，相關報導也極浮誇聳動，實不可取，外交部特別澄清說明。
外交部在維護國人健康權益的前提下，也將繼續秉持同舟共濟的精神，結合理念相近國家的力量，協助友邦設法取得所需疫苗，共同渡過公衛危機、捍衛民主，並協助保護友邦人民的健康與安全。</t>
  </si>
  <si>
    <t>新冠肺炎持續延燒，口罩更是1片難求，但在ptt爆掛版傳出台北市八德路上的某小兒科診所疑似私賣口罩，且每片以10元價格販售，引發網友討論，北市衛生局食品藥物管理科長陳怡婷指出，衛生局將會派人員前往了解，會評估販賣的口罩來源，如為一般醫療級口罩，就會以市場機制為標準，但如為進口貨其他來源口罩，則未強制規定販售價格。
Ptt網友Campbell天堂與地獄的分界，今天下午在八掛版提到，某小兒科診所買的到口罩，但卻以合法掩護非法，診所樓上就是藥局，大門也貼著「要買口罩請上樓」，一片口罩販售10元，且不限購買次數，並指出「當我們守法排隊買口罩的人都是時間太多的白癡嗎？」，引發不少網友熱議，不過也有不少民眾認為，診所藥局販賣口罩沒有不對，因規定進入診所一定要戴口罩。
陳怡婷指出，近日衛生局會派人員到現場了解狀況，會先了解口罩來源，目前雖然沒有硬性規定口罩要賣多少錢，但哄抬價格可能違反公平交易法，如為一般醫療級口罩，就會以市場機制價格為標準。</t>
  </si>
  <si>
    <t>在大陸2020年首季經濟成長數據公布之後，主要負責大陸宏觀經濟政策方向的大陸國家發改委提出了新規劃，要再進一步推動車市及家電等消費力度，以及提出所謂的新基建概念，藉由投資重振經濟。
伴隨著中國人民銀行財金部會密集出手，維持市場流動性，給企業強力奧援是其一，但根據發改委的最新說法，相信主要還是大陸期望在疫情稍緩的平穩趨勢之下，在第二季保住經濟基本面。
這是新冠肺炎疫情爆發以來，大陸較為明確的表述，由於大陸政府部門體制龐大，職掌分工極細，我們很難真正了解其政策運作上的細節，不過，市場可以說明很多事情，近來可以觀察的指標，一來是各政策細項公布（如免汽車購置稅等等）後的買氣，再來還有一個改採網上舉辦的廣交會。
本月稍早，大陸商務部已宣布，第127屆廣交會於6月15至24日在網上舉辦，在這為期十天展會中，商務部表示因應疫情，會提出不同做法更為順應客商交流，全力幫助企業拿訂單保市場。
事實上，這並非第一次。
2003年SARS疫情也震驚全球，當年，被視為大陸對外最重要商貿平台的廣交會，正值第93屆春季廣交會籌備高峰，因國際採購商人數較少，主辦單位第一次以「網上廣交會」運作。直至2012年，中國對外貿易中心（集團）才籌組廣交會電子商務公司，成立廣交會電子商務平台。
為什麼廣交會對大陸商貿活動如此重要？除了外貿平台作用之外，主要是廣交會一年兩屆分春秋兩季，可藉由為企業搭建平台創造人流，還能在期間為廣東省的旅遊及餐飲等服業帶來大筆收益，一直被視為帶動廣東內需的重要活動。
不過，由於近兩年受中美貿易爭端擴大影響，加上進博會層級更高，其實廣交會業績早已有直線下滑趨勢。此外，大陸曾公布一項調查顯示，如果以客商交易而言，資料顯示，「網上廣交會」僅占廣交會總成交額比例在1％以下。
可以說本屆廣交會要突破的，不止是網上交易冷清的問題，還在於創造需求。
在新冠肺炎疫情仍未平息，產業也對市場需求不足發出預警之下，大陸要如何在網上交易突圍並擴大其效益？並釋出那些刺激外貿的政策措施？市場高度關注。自疫情爆發以來，大陸已提出諸多重振內需政策，如何克服外貿的難題，本屆廣交會就是一個重要的風向球。</t>
  </si>
  <si>
    <t xml:space="preserve">新冠肺炎疫情衝擊全球，仍擋不住台灣民眾連假出遊決心，各大景點都湧入觀光人潮，像是墾丁光3天遊客就高達7萬人，讓人擔憂清明連假後疫情恐攀高峰，對此歌手魏如萱則在臉書喊話：「當一下邊緣人不會死掉」。
魏如萱擔憂清明連假後，恐會爆出另一波疫情高峰，昨天先在臉書向所有人喊話，若還想趁著連假尾聲去哪裡溜達，拜託取消這個念頭，更強調防疫這件事情還不能鬆懈，不過似乎眼看各大景點湧入滿滿人潮，讓她再次宣達防疫觀念，除了要大家勤洗手之外，也要大家外出一定要保持社交距離，此外更在三強調：「當一下邊緣人不會死掉」。
由於清明連假各景點都湧現出遊人潮，讓中央流行疫情指揮發送2則「國家級警報」，地點涵蓋全台11區，像是阿里山森林遊樂區、花蓮東大門夜市，以及墾丁等地等列入範圍，呼籲大家保持社交距離，並且記得配戴口罩。
</t>
  </si>
  <si>
    <t xml:space="preserve">因應新冠肺炎疫情，台中市政府衛生局全國首創於官方臉書《健康就是讚》推出《我的保健室：曾醫師聊聊日》直播活動！上週三首播後獲得熱烈迴響，8日再邀請「型男歐巴」交通局長葉昭甫分享不同運輸工具防疫措施，還順應粉絲要求邊唱法文歌、邊教洗手方式「內外夾弓大立腕」，萌樣引發粉絲尖叫！
葉昭甫說，行人出門記得洗手、戴口罩，儘量少到密閉空間，若一定得去也要戴口罩、保持安全距離；騎家裡腳踏車出門的民眾應注意車輛及手部清潔，台中iBike的站點、手把、座椅都會清潔，請民眾放心；針對自行開車民眾，記得使用酒精消毒車輛內部時要通風避免危險。
葉昭甫指出，民眾若搭公車、計程車或其他大眾運輸時一定要戴口罩，將先柔性勸導，勸導不聽則罰3000元至1萬5000元，在車上少交談並遵守禁止飲食的規定。
兩位局長於直播活動上，耐心一一回應民眾問題，有人問到「搭大眾運輸戴布口罩可以嗎？」，衛生局長曾梓展醫師回答，戴布口罩、活性碳口罩、醫用口罩、N95口罩都可以；「誰可以搭中市防疫計程車？」，曾醫師說，防疫計程車提供台中居家檢疫及居家隔離者自指定地點至醫療院所或檢疫地點交通接送服務。
粉絲要求曾經留法的葉昭甫教大家戴口罩的法文，並邊唱法文歌邊教洗手口訣；為不讓粉絲失望，暖男葉昭甫順應要求，與曾梓展醫師一起唱著法文歌，同時表演「內外夾弓大立腕」洗手舞，連現場工作人員也被逗得哈哈大笑，氣氛歡樂、「笑」果十足。
衛生局指出，《我的保健室：曾醫師聊聊日》直播活動配合不同防疫主題，由局長化身曾醫師，邀請市府各局處首長、醫事人員公協會、區管指揮官等專業人士，即時回應民眾防疫生活問題，每週三中午時段播出。
每週二直播預告當週主題與隔日直播時間，民眾可留言提出防疫生活相關問題，週三中午曾局長將直播解答，歡迎市民朋友追蹤衛生局官方臉書《健康就是讚》( https：／／pse.is／R3X33 )，即時獲得最新防疫資訊。
</t>
  </si>
  <si>
    <t>新冠肺炎疫情所造成的恐慌持續在本周擴大，道瓊指數周三(18日)終場大跌1338.46點或6.30%、報收19898.92點，為2017年2月以來首次道瓊指數跌破2萬點大關。投資者悲觀情緒籠罩，道瓊指數期貨周四(19日)開盤下挫超過300點，隨後跌勢擴大到500點，代表道瓊指數開盤恐怕也有200點以上的跌勢。
截至美東時間上午7點，道瓊指數期貨下跌超過300點，標普500指數期貨微幅下跌，納斯達克100期貨指數表現持平，就在前一晚，美股指數期貨一度翻紅上漲，但隨著恐慌情緒仍未消散，美股指數期貨再度翻黑平盤震盪。
Vital Knowledge 創辦人Adam Crisafulli 表示，市場顯然仍處於恐慌以及斷頭賣壓狀態，風險處於高水位，一旦解決部分清償問題，情況將更加明顯。市場還在等待上午8點30分即將發布的每周失業申請，藉此評估新冠肺炎疫情對美國經濟造成的經濟損失。
截至台北時間晚間7點40分，道瓊指數期貨下跌524點或2.64%、暫收19329點；標普500指數期貨下跌61點或2.54%、暫收2340.5點；那斯達克100指數期貨下跌116.25點或1.61%、暫收7089.25點。</t>
  </si>
  <si>
    <t>各國狂打疫苗盼能擋住Delta，但突破性感染案例頻傳，一名網友發文說，感覺打完2劑疫苗也無法保護所有人，特別是高風險族群，但若台灣疫苗打到90％以上，政府敢直接放生大家，不管防疫了嗎？貼文引起網友討論，首先台灣要打到90％就不是很容易，也不知道要多久才會實現，再加上台灣人的習性就是怕死，看到1例確診都會恐慌到不行，怎麼可能允許政府放生。
一名網友在PTT上發文表示，Delta變異株來勢洶洶，突破性感染的案例頻傳，感覺新冠疫苗接種完2劑也無法保護所有人，特別是老人、胖子、慢性病患者與免疫力低下的族群，不知道台灣如果疫苗覆蓋率提升至90％以後，政府敢直接「放推（網路用語：放給它爛）」大家嗎？
貼文引發網友討論，「12歲以下不能打，應該很難到90％」、「疫苗根本沒啥屁用，以色列示範給大家看了」、「台灣打到90%時，其他國家早就開放」、「不太可能兩劑到90%，頂多70%就算很厲害了」。不過，也有人認為，台灣不可能打完疫苗就放給它爛，因為台灣人光是看到1例確診就可以恐慌到不行，台灣人就是怕死啦！
另有網友則以新加坡為例說，當時新加坡的開放宣言就說了，初期確診會爆增，但要密切觀察重症人數是否增加，希望符合疫苗接種資格的老人快出來打，「有目標的準備開放，絕對會比追著其他國家開放，而在沒有準備好的狀態下被迫跟進來得好」。</t>
  </si>
  <si>
    <t xml:space="preserve">南投縣23日新增例確診個案，1例為陽性個案，皆為在台中市工作的南投埔里鎮民，案14356為30歲男性，於桃園發病，就地就醫，23日確診為新冠肺炎，22日開車回埔里後，已送集中檢疫所收治治療中，另其同住朋友為31歲男性，22日經PCR檢測結果為陽性，但未取案號，目前也已送集中檢疫所收治治療。
南投縣衛生局長黃昭郎指出，南投23日新增2本土案例，都是設籍南投埔里鎮泰安里的埔里鎮民，不過2人長期居住在台中，一起從事攤商的工作，但因疫情關係，5月底就結束營業後，2人就常常往返桃園、苗栗、新竹、台中甚至彰化，主要活動史都是在台中，南投縣則無活動史。
黃昭郎接著指出，2人於22日前往桃園時，案14356因感覺身體不適，有肌肉痠痛、咳嗽、喉嚨痛、腹瀉及全身倦怠等症狀，就近前往桃園市醫院就醫，醫院安排PCR檢測結果為陽性，當日晚上2人就開車回埔里，南投縣衛生局，立即安排其友人PCR檢測也是陽性後，2人一起送集中檢疫所收治治療，23日案14356也收到新冠肺炎確診通知，其朋友則尚未有案號，2人在桃園匡列的10名友人、及二人各縣市活動史，已通報各縣市衛生局追縱。
雖2案例，皆無南投活動史，黃昭郎表示，仍會在6月24日上午9時到12點，再次啟動一場次「埔里鎮新冠肺炎社區篩檢站」，地點是埔里鎮綜合球場，提醒有南投縣政府近期公布確診者足跡有重疊者、自覺有新冠肺炎（COVID-19）臨床症狀者（發燒、上呼吸道症狀、腸胃道症狀、四肢無力）。可攜帶健保卡，全程戴醫用口罩，請勿搭乘大眾運輸工具接受篩檢。
</t>
  </si>
  <si>
    <t>桃園9日啟動防疫旅館新制，在6家大型防疫旅館設置採檢站，減少入境隔離期滿民眾到醫院採檢的移動風險，市長鄭文燦說，桃園26家防疫旅館，有6成是外縣市或外籍旅客，入住率超過7成，還有增加的需求，他也以南京祿口機場失守成大陸Delta擴散破口為例，希望機場持續提高防疫等級，包括建立PCR檢驗能量、機場從業人員雲端健康監測等，全力防堵Delta病毒。
「屏東只有一個Delta入境個案，桃園是每天要面對Delta病毒都可能進來的風險！」鄭文燦說，Delta病毒7月20日從南京祿口國際機場入侵後，開始有蔓延的現象，目前入境確診個案基因定序大部分是Delta病毒，所以國境一定要保護好，桃園是國境到社區的第二道防線更要守住，包括防疫計程車、防疫旅館、集中檢疫所和醫院4大防線，目前533輛防疫計程車都打了疫苗，除了個人防護裝備到位，也要把握單趟清消的原則。
鄭文燦也提到，9日起桃園也啟動提高防疫等級的新制，安排醫護人員到6個大型防疫旅館入館採檢，避免入境民眾隔離期滿還得搭防疫計程車到醫院採檢，減少移動風險，工務局也提供採檢屏風，保護採檢人員的安全，務必讓民眾一個採完再換一個，保持距離，避免接觸風險。
鄭文燦指出，中央7月2日啟動入境普篩、期中快篩、期滿二採、隔離14天的國境防疫4大對策後，目前入境旅客全都要住檢疫所跟防疫旅館，桃園26家防疫旅館、3200間房間入住率已經超過7成，預料還會提高，只要國境防疫4大對策沒有改變，桃園還會再增加防疫旅館數量。
鄭文燦說，桃園防疫旅館入住旅客桃園人跟非桃園人的比例大概是4比6，有6成是外縣市跟外籍人士，但該做的服務一項都不能少，包括關懷包、第十天的居家快篩的提醒、還有期滿前第13天要做PCR等，務必把隔離期滿二採處理完善。
鄭文燦表示，桃園從去年2月到現在，都採取14天隔離二採的政策，也篩檢出很多確診個案，這些個案可能CT值都超過30，比較不具傳染力，但這是嚴謹防疫的原則，他提到機場目前採取唾液快速PCR政策，但應該建立入境一採PCR的檢驗能量，畢竟檢體若都送到醫院實驗室檢驗會比較麻煩，人的檢疫應該比照動植物入境檢疫，動線如果不夠要增加動線。
鄭文燦也認為機場疫苗覆蓋率要盡量到達百分之百，機場從業人員的健康監測也應該比照醫院或者是防疫旅館，採用雲端監測的方式，每天都要自我健康管理，守住機場的第一線，他將向中央流行疫情指揮中心持續反映，強調機場端一定要徹底保護好，嚴格執行各種防疫對策，機場端到桃園社區端也要守護好，避免社區有任何風險，阻絕境外。</t>
  </si>
  <si>
    <t>北京市委宣傳部、市政府新聞辦2月19日聯合多部門召開新聞發布會，宣布北京市文化改革和發展領導小組辦公室出台《關於應對新冠肺炎疫情影響促進文化企業健康發展的若干措施》。
其中包括緩解當前企業經營壓力的措施11條；保障精品內容創作生產的措施3條；培育產業發展全新動能的措施4條；加大金融服務支援力度的措施6條；優化提升政務服務水準的措施4條。
新冠肺炎疫情發生後，大陸電影院、文藝演出場所、文博單位、娛樂場所均暫停營業，很多文化企業因疫情影響陷入經營困境。文化企業普遍反映當前最需要的是延繳社保、減免房租、貸款延期和融資補貼等資金政策支援。
《北京日報》客戶端指出，北京市委宣傳部會同市發展改革委、市科委、市財政局、市人力社保局、市文化和旅遊局、市廣播電視局、市地方金融監管局、人民銀行營業管理部等16個部門及各區有關單位，對北京3000多家文化企業進行深入調研，找准疫情期間文化企業的難點痛點，有針對性地提出地解決措施。
其中，針對影視行業，對今年春節期間受疫情影響未能如期上映的北京企業生產的影片給予一次性宣傳發行補貼；今年春節前後處於集中創作期，受疫情影響而暫停的重點專案給予創作製作特殊補貼；對於出版行業則鼓勵北京地區數位出版企業及相關文化機構在疫情期間免費對公眾開放優質內容資源及公益性線上演出等數位文化內容服務。
調查顯示，疫情期間網路遊戲、網路影音、數位音樂、網路教育、知識付費、有聲讀物等新興業態使用者規模有了較快增長。
《若干措施》也特別強調未來要著力深化文化科技融合，大力發展「文化＋互聯網」，明確新興業態、場景應用的主攻方向，為文化企業更好地抓住發展機遇提供指引。</t>
  </si>
  <si>
    <t xml:space="preserve">
近日《科學》雜誌發表一項在大陸所做的研究，被新冠肺炎感染的獼猴在28天內會產生抗體，不會再受到2次感染。不過研究人員表示，目前尚不清楚抗體能在體內維持多久，可能需要等到數年後，才能得知在疫情大流行期間，感染者是否有抗體存在。
據《TRT World》報導，北京協和醫學院對6隻獼猴進行抗體實驗，他們將一定劑量的SARS-CoV-2病毒注入獼猴氣管中，結果觀察到獼猴出現了輕度到中度的症狀，大約需要兩周時間才能恢復。研究人員表示，6隻獼猴首次感染的第28天後，對其中4隻注射另一劑病毒，實驗結果只有體溫稍有升高，沒有再度感染的跡象。
研究人員通過頻繁採樣，發現獼猴被感染3天後，病毒載量達到最高峰。科學家表示，獼猴首次感染新冠肺炎後，身體表現出較強的免疫反應，產生了更多的「中和抗體」，這些抗體可以保護牠們在短期內免受感染。不過研究人員指出，需要有更多實驗來觀察這個免疫力能維持多久。
因為獼猴與人類相似，因此北京協和醫學院對他們進行新冠肺炎抗體研究，為了找出牠們對病毒是否有短期免疫力；目前研究結果是獼猴在初階時有出現免疫力，不過尚不清楚在人體內的反應，可能要等到數年後，才能得知當時疫情爆發期間被感染的人們，是否有產生抗體，不會再度被感染。
更多 CTWANT 報導
</t>
  </si>
  <si>
    <t>新冠肺炎兩岸四地嚴防死守之下，大陸的疫情已經趨緩，現在面臨的是倒灌回來的境外輸入病例，台灣、香港也一樣，連守得最好的澳門，也都因境外輸入破了一個多月來0新增的防禦罩。在病毒無所不入的侵襲之下，防疫堵漏稍有疏忽就會破口，絲毫無法鬆懈。
大陸在全面封城之下，總算新增病例到了個位數，與疫情盛行時期每日數千新增確診相比，非常不容易，也可以看出大陸的全面封城發揮了阻擋疫情擴散的極大功效。
但是這幾天除了境外輸入病例之外，又新增門診確診病例，令專家再度擔心，有不明確的防疫漏洞存在。從中外專家共同發表的論文指出，大陸在疫情初期記錄到的確診病例只有14%，高達86%未被記錄到，這些未被記錄到的，除了無症狀或症狀輕微之外，也有可能是潛伏期出乎目前醫學界的認知之外，這也使得新冠肺炎這個新出現的流行疾病更難捉摸，一切有可能的防疫手段，都要再審視是否有漏洞未堵住。
對於前所未見的新疾病，尤其是像新冠肺炎這種凶猛的傳染疾病，防疫工作本來就是極大的挑戰，相較於兩岸四地的嚴陣以待，歐美各國初期的輕忽造成目前的全面大流行，顯見一點疏忽都會造成大災難。堵漏工作全世界都要共同努力。</t>
  </si>
  <si>
    <t>有專家建議，疫情警戒從三級降至二級前，可先施行「2.5級過度版」措施，先完成老人疫苗接種，並觀察一至兩周的人流，如未造成小型群聚感染，再降到二級警戒，台北市長柯文哲表示，就我專業概念，台北市從現在起，每周確診者會降一半，很快數量就會降到相當低，就算沒有疫苗，再給我們1個月時間，北市也能做到清零。
柯文哲說，台北要清零做得到，但同島一命，假設雙北都清零，但其他縣市仍有潛伏的案例，還是沒辦法，北市12個行政區，有5個行政區從13日起就沒有案例，表示精準追殺有用，一段時間後，北市潛伏感染源就可殲滅。
柯文哲表示，但如果從外縣市來的，例如一個獅子王就可以造成很多感染，所以真的是「同島一命」，這問題我想很久，不過我想還有1個月的時間，先用幾周時間把北市清零，清零後全台怎麼做，真的不是北市問題，也不是雙北問題，是全台要一起想的問題。」</t>
  </si>
  <si>
    <t>歐美新冠肺炎疫情再起，一方面市場擔憂經濟復甦遭拖累，然另一方面卻因而加快AI在各產業的進展速度，成為後疫情時代下，科技產業最火紅的創新技術，法人表示，5G與AI將是推動未來十年的新成長引擎，預估到2035年5G結合AI應用，將可為全球經濟增加1.4兆美元貢獻，超過日本和德國兩大經濟體的GDP合併規模。
法人強調，AI結合各行各業，突破傳統框架，潛藏投資爆發力，極具想像空間，可作為長線布局產業基金。
第一金全球AI人工智慧基金經理人陳世杰表示，AI產業受惠於全球企業積極推動智能化轉型，加上，新冠肺炎疫情加快AI發展，如自動化物流、無人配送等，持續推動經濟活動。以美國零售業為例，6月實體零售銷售額年減8％，線上零售卻較前月大增18％，代表這一波AI數位革命浪潮趨勢確立。因此，即便短期股價陷入盤整，長期在技術領導下，AI相關股價有機會再度衝高。
法人指出，AI引領產業技術變革，將推動未來十年內，各產業出現突破性創新與革命性的變化，最直接受惠領域包括行動通訊、醫療照顧、媒體與娛樂、農業及工業應用等五大領域，另外，金融、物流、資安等產業，對AI需求與技術應用，也將大提升。
5G和AI將是驅動人類第四次工業革命的新發動機，亦帶旺半導體產業持續火紅，儘管現在歐美第二波疫情再起，但國際半導體協會（SEMI）預估，疫情對半導體產業影響甚微，全球半導體需求在未來幾個季度將逐步改善，主要成長動能來自雲端與伺服器需求持續暢旺，相關需求將可望延續至後疫情時代，配合中國市場的支撐下，展望2021年，全球半導體設備出貨預估將從2020年的650億美元，再進一步成長至700億美元新高。
展望科技產業長線趨勢，法人認為，未來是「萬物聯網」的時代，預估到2025年，全球IoT連結數量將近250億個，全球物聯網（IoT）將更蓬勃發展，AI技術與應用將迎來更龐大的市場商機，大型雲端業者如亞馬遜、微軟、Google皆積極投入AI應用服務。</t>
  </si>
  <si>
    <t>墾丁大街在清明連假湧入大量人潮，中央流行疫情指揮中心發出國家級警報，連假後墾丁人氣慘跌，觀光產業被打趴在地，住房率跌至2成。縣府及警方連2個周末在墾丁大街實施封街及人流管制，不過大街幾已成空城，業者質疑人潮如此寂寥何需再管制？
墾丁大街繼上周末實施封街及人流管制措施後，本周末繼續施行，將「墾丁大街將視同大型室內場所」，屏東縣政府各局處、保七總隊第八大隊、公路總局、墾管處等單位出動，進行人車分流、量測體溫、酒精消毒、佩戴口罩、宣傳保持社交距離等。
不過接連2周末墾丁大街人潮都少得可憐，攤商苦笑說「警察和宣導人員都快比遊客多了！」「人都少成這樣了，還管制什麼？做什麼人車分流？是在做心酸的嗎？」
王姓攤商大嘆，「1個晚上只賣200元，要怎麼活下去？」很多攤商乾脆都停業或撤離，留下來的攤商也在「垂死掙扎」，他考慮另移他處，但疫情尚未結束，實在也沒地方可去。
墾丁商圈發展會協總幹事蔡正榮說，墾丁業者一定會配合政府防疫政策，但政府也該為百姓的經濟著想。租金、人事、原物料都是成本，大家都在苦撐，都在吃老本，恐怕等不到政府的振興方案或補助就全部倒了，希望政府腳步能快些，否則大家只能吃土。
一家飯店主管表示，墾丁現在已進入史無前例的「觀光黑暗期」，星級飯店的住房率都跌到2成以下，民宿更慘，大概1成左右。接下來的五一連假，原本有7成訂房率，但自從清明連假之後一直退訂，目前約剩4成。業者即使有優惠也不敢促銷，怕引發眾怒，有苦難言。</t>
  </si>
  <si>
    <t xml:space="preserve">台灣醫事行動聯盟發起人吳欣岱今日透過台灣基進黨發出聲明表示，高雄市長韓國瑜提出的「普篩」根本沒有必要，而且若出現偽陰性，反而會造成防疫破口，韓國瑜應停止普篩，停止製造對立，配合中央普篩。
吳欣岱指出，高雄市政府今日所召開的防疫記者會，韓國瑜提到有前線反應擔心自己感染，因此決定對高雄市一線醫療人員，共4千人進行普篩，並已經從高雄市政府籌措出足夠的資金。
吳欣岱說，一線醫療人員只要由醫師判定，本就可以進行篩檢。所謂的「普篩」根本沒有必要，更會造成檢驗能量的浪費。
吳欣岱認為，檢查結果也可能出現偽陽性的狀況，而一個偽陽性要有幾十甚至幾百人居家隔離，如此必定造成多餘的醫療人力浪費，也可能導致臨床人員輕忽反造成防疫破口。
吳欣岱表示，高雄市府應取消普篩計畫，將籌措之資金用於充實各醫院防疫物資存量。也請配合中央政策，由防疫、公衛及感控人員組成的專業團隊來評估封城演練的必要性及施行細節，不要為了博取鎂光燈而勞師動眾，浪費更多資源和行政人員的時間。
據了解，吳欣岱雖以台灣醫事行動聯盟發起人發表聲明。但另一身分為台灣基進黨員，也曾獲得基進黨提名2020不分區立委第3順位，但基進黨僅獲得3.15％的政黨票，因此未能取得不分區立委席次。
</t>
  </si>
  <si>
    <t xml:space="preserve">中央流行疫情指揮中心召集人張上淳兒子日前出國惹議後，張上淳已連續5天都沒有公開露面，包括媒體及網友都很關心張上淳去向，張上淳今天終於「復出」，在記者會中神情平靜，化身張教授分析病例，面對外界關心，他親自回應「謝謝鼓勵」。
張上淳的醫生兒子日前赴美看NBA引發爭議，外傳張上淳因自責，一度要離開指揮中心團隊，遭指揮官陳時中強力慰留「你很重要，絕對不能離開」。張上淳神隱多日後今親上火線，復出指揮中心記者會，面對媒體詢問，他以平常心簡單回應，「謝謝很多人對我的鼓勵，但指揮中心正式記者會上，還是希望不談我個人的事」。一旁的陳時中則說，他有幫忙轉達網友想念張上淳的心聲，並感謝大家對他的關心。
中央流行疫情指揮中心祭出醫護人員不得出國措施後，張上淳的醫師兒子遭爆仍赴美引發爭議，事後張上淳表示，兒子去的國家當時醫事司還未列入旅遊警示﹐對於兒子事後臉書貼文又惹議，張上淳也發聲明道歉。鬧出「出國風波」後，陳時中日前則強調，「張上淳沒有離開，也不會離開的團隊」。對於張上淳今天終於現身，疾管署記者會直播時，引起眾多網友歡呼：「淳淳回來了！！」、「歡迎張教授回歸」。
</t>
  </si>
  <si>
    <t>素有工研院奧斯卡美稱，象徵科技研發最高榮耀的工研菁英獎23日正式揭曉，共有六項金獎技術展現工研院在擘畫「2030技術策略與藍圖」下重要研發成果，涵蓋「智慧生活」、「健康樂活」、「永續環境」及「智慧化共通技術」領域的創新應用，並且導入科技大廠。
工研院院長劉文雄表示，「養兵先日、用在一時」，新冠肺炎襲捲全球，台灣透過超前部署成功守住疫情，從科技的角度來說，科技的超前部署，就是要洞悉產業的變化與趨勢，指引未來發展方向。面對後疫情時代，工研院擘畫的「2030技術策略與發展藍圖」，期許帶領台灣產業共創新局，今年脫穎而出的「產業化貢獻獎」及「傑出研究獎」六大金牌獎技術，以市場需求為導向，布局下世代創新技術，更是工研院將創新研發能量，真正落實到產業，攜手共創新商機的豐厚成果，期望協助台灣產業在未來十年奠定根基。
獲得傑出研究金牌獎的「智慧物聯網關鍵記憶體」，以讀取速度快、功耗低，可達到更穩定、更快速存取的優勢，目前已導入半導體大廠晶圓製程。「iKNOBEADS於次世代細胞免疫治療之應用」，以獨特的突觸結構有效提升人體T細胞活化效率，將與國內大型醫院合作推出臨床用GMP等級產品。「可循環熱固型樹脂合成設計與產業應用鏈結」則可解決環氧樹脂無法回收再利用之環保問題。
獲得產業化貢獻獎的有「新型耐溫熱塑彈性體推動」，不只耐候、耐寒、抗衝擊，還能再生利用，目前已進入試量產與驗證階段，預期可達百億以上的市場規模。「應用人工智慧提升光電半導體與PCB產業競爭力」與「推動Pre-5G/5G小基站白牌化產業」則扣合最新AI人工智慧、5G最新發展趨勢，以前瞻的研發實力及系統化平台，分別導入帆宣、華邦電及5G上下游廠商。</t>
  </si>
  <si>
    <t>台灣地區新冠肺炎確診者持續增加，但政府不公布新冠肺炎確診者足跡，令許多民眾無所適從，不曉得自己是否曾與患者同時間出現在同場合，是否需要自主健康管理。台大也因為中研院已經有群聚感染，所以請衛福部提供確診病例的足跡，卻遭拒絕，國民黨立委葉毓蘭今天也在臉書貼文為台大發聲，呼籲政府應公布新冠肺炎確診者足跡。
葉毓蘭指出，台大與中研院的互動頻繁密切，甚至有不少老師是台大與中研院合聘，教育部對校園防疫已經有明確的規範，台大要求防疫指揮中心提供名單甚或病例足跡紀錄，有其必要性，而衛福部對於病例個資採高標準保護，恐怕有些矯枉過正。
葉毓蘭舉例，歐美各國也都是捍衛隱私權的先鋒大國。但是這次疫災中，確診的英國王儲、首相、西班牙公主、摩納哥親王，甚至大咖運動明星、知名藝人都公開，主要也有提醒大眾防疫的效果，發揮他們的社會責任。
葉毓蘭表示，當然為了個人隱私，避免造成困擾，可以不公布姓名、住址，但確診病例的活動足跡應該適當公開，以利防疫。</t>
  </si>
  <si>
    <t>全國新冠肺炎疫情嚴峻，三級警戒再延長至6月28日，移民署北區事務大隊新北市服務站為讓移工落實防疫措施，利用多國語言公布「移工工作、生活及外出管理注意事項」，以利雇主、私立就業服務機構及移工有所依循，同時於站內、官網、臉書、人力仲介公司、新住民相關團體及社群軟體廣為宣導三級警戒延長等相關訊息。
中央流行疫情指揮中心呼籲移工「非必要不要外出」，新北市服務站秉持防疫不漏接，主動向站內、官網、臉書、人力仲介公司、新住民相關團體及社群軟體，宣導勞動部以多國語言於「[email protected]移點通」及1955臉書推播相關防疫措施，並請協助移工到勞動力發展署網站下載使用，一起共同抗疫。
新北市服務站主任林振智表示，現在是防疫的關鍵時刻，惟有民眾與政府相互配合，才可控制疫情。所以也請人力仲介業者及外籍學生，善加利用外籍移工及學生線上申辦系統辦理相關居留業務，以網路替代馬路減少不必要的外出，避免人員流動群聚感染。
移民署為配合減少人員流動防疫政策部分，已啟動居留效期即將到期的外來人口，自動延期居留期限30日，不限次數，直到疫情警戒標準降至二級當日起30日內，再至管轄地服務站補辦延期居留手續。
另外來人口的停留效期即將到期及原來經許可延長離台期限的外來人口，可暫時不用辦理延長停留及離台期限手續，直到疫情警戒標準降至二級的次日起10日內，再至當地服務站補辦延長停留及離台期限手續。
此外，外來人口不符合申請延長停留及離台期限規定，在疫情警戒標準降至二級的隔日起10日內，不必到各服務站辦理離境手續，直接至機場辦理相關手續即可離境，該段期間不算逾期停留。</t>
  </si>
  <si>
    <t xml:space="preserve">新冠疫情持續蔓延。美國洛杉磯地方法院26日裁定，移民家庭拘留所必須釋放100多名移民兒童，以避免他們感染新冠肺炎。
外媒報導，美國的3個移民家庭拘留所中，有2個已經出現確診病例。目前在美國移民及海關執法局（ICE）設施中，共收容124名移民兒童。洛杉磯地方法官下令ICE在7月17日之前，讓兒童的父母將他們領回，或經父母同意後交由「合適的擔保人」照顧。
美國總統川普2018年對非法移民實施「零容忍」政策，當時海關人員把非法移民和子女強行分開，做法引起不少爭議。
據美國有線電視新聞網（CNN）報導，目前ICE設施內已有超過2500人確診感染。
</t>
  </si>
  <si>
    <t>桃園市政府4日表示，新增11例本土確診案例，以龜山新增4例最多，11例中9人接觸過確診者，2人尚在調查，足跡包含好市多、市場、全聯、家樂福等。年齡介於10多歲至50多歲之間。
6月4日足跡包含5月23日至5月30日前往大園公有零售市場、Costco南崁店、全聯大園菓林店、全聯大園華興店、好朋友百貨、全國桃園國際店。
6月3日足跡包含5月23日至6月2日前往頂好福祿店、美聯社蘆竹六福店、興達黃昏市場、誠心藥局、野上麵包坊、家樂福經國店。</t>
  </si>
  <si>
    <t xml:space="preserve">眼見最近自己跟米契爾不和謠言越傳越誇張，爵士中鋒戈貝爾終於首次跳出來回應，他在電玩「太空戰士7復刻版」直播間放話，「媒體有時候說的並非事實，不僅是在籃球方面，也在生活方面，他們有時候獲取的新聞跟事實並不相符！」
戈貝爾的這番話，無疑是指責最近盛傳他跟米契爾不和是假新聞，畢竟兩人都在爵士當了兩年多的隊友，私下關係也很密切，卻因戈貝爾成為首位確定感染新冠肺炎的NBA球員，米契爾也變第2位確診球員，兩人不和的傳言才會亂傳。
畢竟戈貝爾在確診之前，做出相當多的脫序舉止，像是在賽後記者會刻意亂摸麥克風，或是在休息室亂摸隊友東西，儘管他隨即公開道歉，且呼籲大眾重視這次新冠肺炎疫情，卻讓外界仍然難以原諒，甚至開始謠傳他跟米契爾已經翻臉。
如今隨著戈貝爾公開澄清自己跟米契爾並無不和，一切只是媒體惡意炒作，卻還需等到兩人公開見面，或是真正有所對話，才有辦法說服外界相信戈貝爾的個人說詞，否則目前兩人關係越說越誇張，甚至到了爵士必須趕緊交易戈貝爾程度。
</t>
  </si>
  <si>
    <t xml:space="preserve">海軍敦睦艦隊爆發新冠肺炎群聚感染，至昨天(4/19)為止共爆出24例確診，都是在磐石軍艦上的官兵，目前共有基隆、北市、桃園、台中、雲林、嘉義、台南、高雄、屏東共9縣市公布這些海軍確診者足跡，最北到過淡水，最南到台南新光三越新天地、瑞豐夜市、義大商城、潮州健身工廠運動，足跡遍布全台，以下是《中時新聞網》的統整。
(13：28更新新北市個案)
【新北市：1名確診】
新北市衛生局長陳潤秋今表示，該個案4月15日下船後，搭乘軍方安排專車返回北部營區，隔天（16日）返家，大部分時間都待在家中，曾外出買早餐外帶、眼鏡行修眼鏡、到超商領錢，時間都很短暫。
【高雄：9名確診】
高市疫調顯示，又增加一名官兵染疫，9名確診官兵曾停留漢神巨蛋（海港餐廳、添好運、cafe del sol）、瑞豐夜市、義大商城、家樂福鼎山店、好市多大順店、四維羽球場及小港郵局停留至少半小時，在漢神巨蛋、義大商城更停留逾2小時。
4月15日，09：00~10：00，到四維羽球場
4月16日，11：30~13：30，到漢神巨蛋（海港餐廳、添好運、cafe del sol）
4月16日，13：30~18：00，到義大商城
4月16日，21：00~22：30，到瑞豐夜市
4月17日，09：00~10：00，到好市多大順店
4月17日，10：00~11：00，到家樂福鼎山店
4月17日，小港郵局停留30分鐘
衛生局長林立人指出，除了昨公布的7個地點外，經內部研議確認後，再增14地點，包括：麗馨商旅七賢館、玫瑰汽車旅館、赤鬼牛排、新光三越高雄左營店等地方。
中正一路120號5樓之7教室(苓雅區)-4／16 18：00-20：00
緣髮百元精緻快速剪(林園區)-4／17 15：00-16：00
麗馨商旅七賢館(前金區)-4／15 住宿一晚
天天汕頭火鍋(鹽埕區)-4／15 19：00-20：30
玫瑰汽車旅館(左營區)-4／16 18：30-21：00
赤鬼牛排(左營區)-4／17 11：30-13：30
韓咪達韓式料理店(三民區)-4／17 12：00-13：30
卡布Cappu 義式料理(楠梓區)-4／16 18：30-19：30
Mr. 帕(鼓山區)-4／17 19：30-21：00
吳媽媽餃子館家常菜(左營區)-4／14 18：30-19：00
澤野燒肉屋(左營區)-4／15 18：00-20：30
新光三越高雄左營店(左營區)-4／15 15：00-19：00
素香庭(三民區)-4／17 19：00-21：00
老四川巴蜀麻辣燙(鼓山區)-4／17 18：30-20：00
【嘉義市：1名確診】
嘉義市政府衛生局表示，此案例於4/15由家人開車接回家，全程均有戴口罩，4/16、17休假二日在嘉義市及台南市活動。
4月16日，11：30-13：30，千葉火鍋(垂楊店)與家人午餐
4月17日，10：12-11：00，自強號火車103車次第3車。由嘉義市前往台南
4月17日，12：30-14：30，台南市南紡夢時代MOMO壽喜燒火鍋與同袍用餐
4月17日，14：30-17：30，台南市享溫馨KTV與同袍唱歌
4月17日，18：01-18：42，自強號火車146車次。由台南市回到嘉義市
4月17日，19：00-19：30，國華街路邊ㄉㄚ仔魯肉飯。與家人用晚餐
4月18日，11：00，軍隊召回集中檢疫；19日確診後住院隔離治療
【桃園市：2名確診】
鄭文燦指出，案397男性於 4月15日從國防大學政戰學校搭捷運和台鐵到桃園火車站，16日4點半到5點15分到統領的誠品，因為有症狀全程戴口罩。
案402女性活動史都在嘉義跟高雄， 17日去桃園八德廣豐新天地的家樂福。
另有住屏東的官兵，16、17日到龜山體育大學找朋友，住進某棟宿舍，吃飯、剪頭髮、長庚醫院看病。
【台北市：1名確診】
北市副市長黃珊珊今指出，該個案有見女友、搭公共運輸17日下午3、4時，與女友到家樂福桂林店爭鮮用餐，只有在用餐時脫口罩，沒有進到賣場，其他時間都有戴口罩。她強調，確定個案後昨已派人到家樂福消毒。
【基隆：1名確診】
市長林右昌表示，確診個案15日上午下船後搭「部隊交通車」返回海軍陸戰隊學校。
4月17日，18：55，搭乘「高鐵」自左營返回台北
4月17日，21：20左右轉搭國光客運返回基隆
4月17日，21：50分左右下車後即步行返家，並未搭乘基市公車客運或計程車。
林右昌指出，請17日晚上9時20分左右搭乘往基隆的國光客運乘客能主動跟市府聯繫。
【屏東：4名確診】
屏東縣政府衛生局也公布4例個案皆於15日下船。
第1例當日自行騎車返家，1小時即又返回軍艦，未有社區活動史。
第2例16日下午5時半至7時、17日下午3時50分至5時半，曾出入屏東市國民運動中心、17日下午5時半至7時出入長治鄉玄天上帝廟附近球場，其他地點皆短暫且有戴口罩。
第3例16日下午至屏東大學找朋友、17日至屏東大學接朋友並於環球影城食用晚餐，即返家未出。
第4例16日上午10時半至下午2時，曾至潮州健身工廠運動，同日全程戴口罩搭乘火車及高鐵前往其他縣市。
【雲林縣：1名確診】
雲林縣衛生局長曾春美指出，該感染者15日下午由父母開車接回雲林，16日與父母拜訪親友共進午餐，16日下午搭台鐵到台北，當天晚上10點多搭再高鐵到高雄找朋友，並借住朋友家。
【台中市：3名確診】
台中衛生局指出，住清水的23歲軍艦實習生，4月15日下船返家後，搭乘火車從軍營到新左營火車站，並搭乘高鐵至烏日站。該案返家後，活動範圍僅有家裡與診所，目前匡列接觸者7名居家隔離中，均無不適症狀。
住沙鹿的28歲男正職士官，4月15日下船後，自凹子底搭乘捷運至左營高鐵站，再搭高鐵回台中烏日站，之後搭巴士到台中與朋友碰面，目前匡列接觸者5名。
4月15日，20：30~22：30，與友到85度C沙鹿英才店喝咖啡
4月16日，20：30~21：30，與母到家樂福沙鹿店購物
4月16日，19：30~20：30，到歐奇牛排沙鹿店吃飯
4月17日，17：00~18：00，自己到華得來清水店買飲料
家住龍井27歲的男士官，4月15日隨船返港後，由家人開車至左營接送，先至雲林縣外婆家，再返回台中，4月16日到歐奇牛排沙鹿店用餐，4月17日曾開車至苗栗女友家中，再至新竹某風景區散步，後至苗栗商場購物，晚間返回台中住家，4月18日早上部隊召集，匡列接觸者10名。
【苗栗：0確診，有台中第3例的遊玩足跡】
家住龍井27歲的男士官，4月17日曾開車至苗栗女友家中，再至新竹峨眉湖風景區散步，後至苗栗商場購物。
</t>
  </si>
  <si>
    <t>1.政府抗疫作為 54%英國人不買單
皮尤中心調查14 個已開發國家，其中英國和美國民眾對自己政府應對新冠疫情的認同度排名墊底。有52% 美國民眾和54% 英國受訪者認為政府的防疫措施不到位。只有不到18%的美國受訪者表示，現在的美國比疫情前更加團結。這一數據遠低於46%的平均值，也是受訪14個國家中的最後一名。值得注意的是，58%的美國受訪者認為，更多的國際合作會對減少本國確診病例有所幫助。
2.提領公積金永久離港 3季達41億港幣
2020年首季以「永久離港」為由，提取強制積金高達7,600件，年增10%，金額年增32%。自2019年反修例事件以來的9個月，永久離港領取強制積金，累計約2.4萬餘件，提取金額約41億港幣，創史上新高。
3.美國52%年輕人住爸媽家
在新冠肺炎疫情和反種族主義運動等因素影響下，校園被迫關閉，失業率居高不下，美國年輕人的生活也受到影響。皮尤調查顯示，52%的美國年輕人選擇和父母同住，達到大蕭條以來最高水準。大蕭條時有48%的美國年輕人與父母住在一起。與父母同住的年輕人比例，白人和少數族裔的差異也在縮小。
4.戴口罩可能性民主黨比共和黨高1倍
疫情與政治立場碰撞，造成美國兩黨在戴口罩問題上的分裂。民主黨人和親民主黨人士「始終戴口罩」的可能性（63%），比川普為代表的共和黨人和親共和黨人士（29%）多1倍。而共和黨人比民主黨人更可能很少或永遠不戴口罩（23%比4%）。
5.疫情全球燒 6.9億人恐挨餓
新冠肺炎疫情可能導致全球飢餓人數大幅增加，世界將迎來50年來最嚴重的糧食危機。全世界將有6.9億人處於飢餓狀態。2019年，處於嚴重糧食缺乏狀態的人口波及55個國家和地區、全球1.35億人口受到影響。其中，超過一半的受影響人口聚集在非洲。中國大陸國家糧食和物資儲備局統計，截至今年8月主產區小麥收購4,285.7萬噸，年減938.3萬噸。
6.城市奢華排名 台北第15
2020年「全球奢華展望報告」根據各城市資產超過3,000萬美元富豪的財富水準、奢侈品零售市場發展等指標計算奢華城市指數排行。全球前15 大奢華城市排行，紐約居冠，上海排名擠進前10，北京排名第12，台北則排名第15。</t>
  </si>
  <si>
    <t xml:space="preserve">引發全美示威抗議的非裔男子佛洛伊德（George Floyd）官方完整驗屍報告周三出爐，顯示他罹患新冠肺炎，並死於心肺驟停。
綜合外電報導，明尼蘇達州漢尼本郡（Hennepin County）的驗屍報導顯示，44歲的佛洛伊德早在4月3日時，新冠肺炎檢測就呈陽性，而這種病毒可以潛伏在體內長達數週。報告指出，雖然後來他沒有症狀，但驗屍時仍呈現陽性。官方的驗屍報告最後歸納，在警方執法時，佛洛伊德死於心肺停止。
首席醫檢師貝克（Andrew Baker）在報告中指出，雖然佛洛伊德的肺部看似正常，但心臟的部份動脈狹窄。
然而，佛洛伊德家庭律師委託的獨立專家驗屍後卻發現，他死於「機械性窒息」（mechanical asphyxia），也就是窒息。此外，獨立驗屍報告指出，佛洛伊德沒有病史。
這份長達20頁的報告在家屬同意後公開，而驗屍官辦公室周一已公佈總結，說他在遭警方壓制時心臟病發，並將白人警察蕭文（Derek Chauvin）以膝蓋壓頸，導致他5月25日的死亡歸類為殺人罪。此外，先前的報告指出，他有芬太尼（Fentanyl）中毒跡象，最近也用過甲基安非他命（methamphetamine），但這並非致死原因。
而據約翰霍普金斯大學（Johns Hopkins University）的統計顯示，明尼蘇達州至今有超過1,000人死於新冠肺炎。
★中時新聞網關心您：保護自己、遠離毒品！
</t>
  </si>
  <si>
    <t>國內疫情嚴峻，外交部今天表示，為維護國內防疫安全及確保國人健康，除了緊急或人道考量等經專案許可者之外，我國將自5月19日零時起至6月18日止，暫緩未持有我國有效居留證的非本國籍人士入境。
國內新冠肺炎確診人數持續爆量，今天一共增加333例本土案例。外交部發言人歐江安指出，中央流行疫情指揮中心今天宣布，鑒於國際及國內疫情升溫，我國暫緩未持有我國有效居留證的非本國籍人士入境。外交部配合指揮中心防疫政策，將暫停受理各類簽證申請。目前持有有效停留簽證、居留簽證者也將暫緩來台。
外交部強調，外籍人士如果因奔喪、探視病危親屬等緊急重大事由急需來台，必須經指揮中心專案許可後才能向駐外館處申請特別入境許可簽證。上述措施將由指揮中心視疫情及執行狀況適時滾動調整。</t>
  </si>
  <si>
    <t>台灣疫情延燒，目前部分縣市將一般旅館改成「加強型防疫旅館」，不過大陸專家認為，用一般旅館來收治可能的病患有「很明顯的缺陷」；相較之下，大陸方艙醫院能有效解決醫療資源擠兌問題，「蓋之前是人等床，蓋了之後床等人。」
由新國際理論與實踐中心發起的「台蘇視訊交流：方艙醫院與防疫體系」視訊座談會1日舉行，邀請曾赴武漢抗疫的江蘇專家小組分享組建方艙醫院經驗。台大醫院名譽教授高明見、高雄民間防疫聯盟發起人蘇偉碩都好奇：大陸是何種標準才啟動方艙醫院？方艙醫院和專責醫院之間病患如何互轉？蓋方艙醫院之前和之後有何差異？台籍建築師謝英俊則認為，篩檢、方艙、疫苗是解決疫情的3大要素，其中方艙醫院把感染者全部集中起來，是最重要關鍵。
南京醫科大學第一附屬醫院劉波表示，何時啟動方艙醫院並沒有一定標準，但只要感到專責醫院即將發生醫療資源擠兌、需要分級收治、或有多起家庭群聚時，就該準備方艙醫院。蓋方艙醫院好處非常明顯，就是蓋之前是「人等床」，蓋之後變成「床等人」。大陸4個新冠病患就有1人是在方艙醫院診療，可見方艙醫院的重要。
大陸東南大學建築研究所執行總建築師曹偉去年2月參與編寫《公共衛生事件下體育館應急改造為臨時醫療中心設計指南》，把方艙醫院選址、內部分區，以及汙水收集、空調設置等「眉角」全部寫入54頁指南中。經過多方研究，體育場館寬敞、通風、交通便利，是蓋方艙醫院的最佳選擇，且要畫出「三區（清潔區、汙染區、半汙染區）兩通道（醫務人員通道、患者通道）」。
南京市第一醫院前副院長馮丁認為，台灣把一般旅館改為加強型檢疫場所「有很明顯的缺陷」：第一，旅館很難區分清潔區和汙染區；第二，旅館欠缺通風、排水等傳染病防治需要的基本設施；第三，旅館房間各自分隔，用來收輕症或無症狀確診病患，醫護效率太低。擔任《設計指南》醫療顧問的馮丁表示，方艙醫院1周之內就可以準備好，「如果能在疫情爆發時盡早準備，從我們的經驗來看是有用的。」</t>
  </si>
  <si>
    <t xml:space="preserve">33歲港星李美慧是選美佳麗出身，2006年在港姐比賽中落選，然她出道當了演員，同年演出《宮心計2深宮計》中太平公主身旁的宮女「秦槐」一角，意外爆紅廣為人知，成了「御用宮女」，前年更在感情上有重大進展，帶球閃嫁大25歲百億富商曾文豪，翻身成了豪門太太。
李美慧結婚不到半年，給富尪曾文豪添了千金，她也經常在IG上曬生活照，足見老公對她非常疼愛，經常帶著妻女周遊列國，日子過得富足幸福，而近期新冠肺炎疫情全球告急，李美慧也受到重大影響，一家三口因此滯留異國，如今還在南法的家中避難。
而雖然歐洲疫情嚴峻，李美慧昨(7/4)在IG更新了新照，寫下「Happy birthday，老公大人」，仍堅持幫富尪慶祝59歲生日，照片中，曾文豪面前擺著鋪滿草莓的鄉村風大蛋糕，懷裡則抱著寶貝女兒一起吹蠟燭，收到老婆準備的手寫卡片「Dear PaPa Happy Birthday Love you」，還細心印著掌上明珠的小手印，讓曾文豪笑得合不攏嘴，不吝嗇展現「有女萬事足」的幸福感，讓人直呼疫情期間還能如此，真的是讓人羨慕。
</t>
  </si>
  <si>
    <t>大陸昨新增本土個案均在福建省，其中廈門市32例、莆田市24例、泉州市3例。香港大學感染及傳染病中心總監何栢良今（14日）表示，福建疫情應是由一名從新加坡入境廈門的患者在檢疫期間受感染，之後再衍生傳播鏈。
何栢良說，雖然福建已追蹤到所有傳播鏈，且當地政府在短時間內已圍封有傳播風險的地方，進行廣泛排查及檢疫，但預計新增個案仍會持續增加，是否進一步擴散則要視其他省市有無出現群組個案。
何栢良表示，此次患者進入大陸社區一段較長時間才被察覺並通報香港，因此追蹤工作有些耽誤。他強調，日後遇到類似情況，港府應馬上熔斷「回港易」機制，安排曾出現於相關地方的港人接受檢疫，單靠返港後的檢測，恐怕有走漏個案。</t>
  </si>
  <si>
    <t>金管會公布保險業匯兌損益最新統計，受新冠肺炎疫情致使資本市場波動加劇，壽險業淨值2020年3月驟降至1.46兆元，月減達5337億元，4月隨著資本市場回穩而回升至1.77兆元，月增3152億元，仍較2月底新高減少2185億元、亦較去年底減少1519億元。
金管會統計，新台幣前4月升值1％，壽險業前4月出現1265億元匯損，不過避險工具評價增加644億元、扣除換匯成本560億元後，整體避險成本降至84億元，加計外匯價格變動準備金回沖202億元，合計為淨匯損979億元。
在積極處分股票及債券實現利得挹注下，壽險業2020年首季稅前獲利633億元，年增達93.6％。但4月受新台幣強升產生匯損636億元影響，單月稅前獲利僅67億元，累計前4月稅前獲利700億元，年增率降至47.1％。
至於產險業前4月實現淨匯兌收益5億元，但稅前獲利44億元，較去年同期58億元減少達24.1％，淨值1305億元。合計保險業前4月稅前獲利744億元，較去年同期534億元增加39.3％。</t>
  </si>
  <si>
    <t xml:space="preserve">台灣今起管制外國人入境，入境國人若有症狀也將進行採檢，並居家檢疫14天。交通部預估今有8千餘人入境，機場檢疫將面臨極大壓力。小兒急診醫師吳昌騰表示，面對第二戰場「境外移入」，真的要認真應戰！他指出有5個因素，會造成機場入境篩查很難阻止新冠病毒傳播。
國內新冠肺炎疫情急速飆升，連日公布的確診案例多為境外移入，能否第一時間在機場抓出確診者或疑似病例，將考驗第一線檢疫人員。中央疫情中心指揮官陳時中昨坦言，未來機場壓力大 希望守住第一道防線。
吳昌騰在臉書上引述《科學》雜誌一篇文章「為何機場檢測難以阻止病毒傳播？」，他指出新冠肺炎無症狀患者、潛伏期患者、體溫檢測設備假陰性和假陽性、隱瞞病情等原因，會造成機場入境篩查很難阻止新冠病毒傳播。
吳昌騰說，這些種種也正考驗著我們對「境外移入」的防疫效果。因為目前新冠肺炎「無症狀感染者」規模尚不清楚，有些專家認為其傳染性較小，但現實中確有無症狀患者導致的人際傳播現象。
</t>
  </si>
  <si>
    <t>亞洲羽球總會今天確認，原定今年在中國大陸武漢舉行的亞洲羽球錦標賽，因為新冠肺炎疫情移師菲律賓馬尼拉，比賽日期4月21日到26。
而上個月同樣在馬尼拉舉行的亞洲羽球團體錦標賽，因為菲律賓政府規定來自中國大陸、香港及澳門的運動員抵達菲國後必須隔離14天才能參賽，因此大陸、香港都缺席亞洲羽球團體錦標賽，亞洲羽總表示，目前和菲律賓羽球協會密切聯繫，會確保個人運動員的簽證可以順利核發。
2020東京奧運參賽資格積分排名將於今年4月26日截止，因此4月的亞錦賽會是奧運積分截止前最後一站賽事。</t>
  </si>
  <si>
    <t>新北板橋幼兒園群聚案擴大，有確診幼兒的家長曾開車載小孩到嘉義縣的姨婆家中用餐，幸好這名姨婆採檢陰性，嘉義市為嚴防疫情，8日擬出幼兒園防疫新指引，有疑似接觸風險者，幼兒園自行決定班級或全園停課至少1日。
嘉義市今天召開全市公私立幼兒園防疫視訊會議，特別訂定「增愛我嘉」防疫新措施，市府教育處長林立生指出，嘉義市幼兒園教職員工第一劑疫苗施打率已達99％，黃敏惠市長已極力向中央爭取第二劑疫苗儘快施打，希望讓幼兒有更安全的環境。
林立生表示，北部疫情升溫，為防堵幼兒園群聚感染擴散，若有疑似接觸風險者，市府授權各園決定班級或全園停課至少1日之預防性停課措施，教職員生1人被匡列，該班停課2日，全園停課1日，1人確診，全園停課14日。
嘉市府教育處表示，幼兒園師生需加強自主健康管理，若發現有「發燒、呼吸道症狀、嗅味覺異常、腹瀉」等身體不適症狀，應停止上班、上課，落實生病不入園，並立即通報園所及教育處，另教職員工須在3小時內提供自主快篩證明。
市府並加強幼兒園防疫稽查工作，確保各園落實防疫措施及空間容留人數規定；每日上、放學前，各園應針對園內學習場域全面清潔消毒並確實記錄，尤其教室、公共空間、遊具及設備使用完畢後，應立即清消，並視使用情形，增加清消頻率。
針對容易肢體接觸、無法全程配戴口罩或團體活動，應適度調整課程內容及上課方式，教室內採固定成員、固定座位並確實點名，不得混班上課，暫停戶外教學。</t>
  </si>
  <si>
    <t xml:space="preserve">政務委員唐鳳應國外智庫邀稿，今天轉貼在臉書，主題是「協力對抗不實訊息，民主彩球再度飛舞」。唐鳳說，重構數位時代的民主生態系，必須將政府與人民相對抗的制衡關係，改變為政府、企業、人民相互協力的三角關係，才能抵禦不實訊息，讓彩球有足夠的動能流暢地在空中飛舞。
唐鳳說，民主政治是動態而充滿活力的，但一如雜耍藝人拋接球，需要高度平衡，才不會讓飛舞的彩球落下。力矩的一邊是國家權力，有著龐大資源及組織，但需要治理的正當性；另一邊是號稱主人的人民，擁有終極權力，卻總是眾聲喧嘩，於是我們面臨兩難：期待政府有能，卻不希望逸脫韁鎖；期待社會多元，卻不希望一事無成。
唐鳳表示，當代憲政主義一方面透過權力分立來相互制衡，另一方面以議會政治及媒體自由，確保意見多元卻又能凝聚公共意志，民主仰賴這些機制建構相互信任，讓空中飛舞的球不會落地。
她說，在這個信任機制中，言論自由無疑是重要基石，而且言論必須是透明而真實的。錯誤訊息的危害顯而易見，而且說錯話或說謊話，比說實話更輕而易舉，不然不會有「當真理還在穿鞋時，謊言已走過半個世界。」的說法（“A lie can travel half way around the world while the truth is putting on its shoes.”）。
唐鳳指出，傳統上，我們仰賴國會及媒體擔任守門人，維繫著這個生態系的微妙平衡。網路的出現帶來了巨大的變化，接收資訊、表達意見乃至於群眾動員，不需再透過國會或媒體，人人都可以是民意代表或媒體，社群網路一個標籤（hashtag）就能捲起千堆雪。本來就脆弱的相互信任岌岌可危，有組織有計畫運作的不實訊息更乘虛而入——運用社群媒體資訊超載、演算法不透明等弱點，假訊息可以快速傳遞，不斷餵養相似內容，強化既有觀點，形成同溫層，網路言論環境日漸壁壘分明，互信基礎日漸薄弱，權力失衡、信任崩潰下，民主彩球散落一地。
對於不實訊息的蔓延，唐鳳形容，這已經成為民主能否良善治理的阿基里斯腱，直覺反應是透過法律管制來防護，新加坡通過《防止網路不實訊息與網路操縱法》（Protection from Online Falsehoods and Manipulation Act），賦予政府下令個人或媒體下架假訊息的權力；另一種典型是德國的 NetzDG，要求主要社群媒體自我審查防阻，並向公眾公開。但將下架權力交給行政部門，難道不會前門拒虎、後門迎狼？而乞靈於跨國企業也不會更好，就算委諸於機器運算，企業營運及演算法若缺乏透明與制衡，其勢更甚於國家權力，作為持守安那其價值者，尤其不能不心存警惕。
她說，解鈴還須繫鈴人，既然問題來自於資訊傳播從媒體轉移到社群，讓民間社群參與信任重建才正本清源，而且賦權給任何人都可以隨時進出的社群，因權力集中導致濫用的風險最小。
唐鳳並指，其實我們並不缺乏類似經驗，一度在每個信箱氾濫成災的垃圾郵件，幾乎形成電子郵件的末日危機，但其救贖並不來自強而有力的立法管制，而是在社群倡議之下，郵件服務者提供使用者標示垃圾郵件的權力，大家都標示的垃圾郵件，系統攔截到另一個收件匣，但並沒有刪除任何訊息，如果認為是有用資訊，還是可以找出來，而且標示為白郵件——權力不會集中在任何人或企業，使用者仍然保有自主！
唐鳳在文中提及，台灣應對假訊息的路徑類同，主要並不依賴法律管制，而是敦促 Facebook、LINE、Google 等主要社群媒體或訊息工具業者，共同簽訂自律實踐準則，除了在技術面建立防護、提升廣告透明與管理、強化使用者識讀能力之外，重要的是與第三方合作，建構獨立、透明、公正的監督機制。
她也說，台灣的第三方事實查核機制，例如「台灣事實查核中心」、「Cofacts 真的假的」、「MyGoPen」與「蘭姆酒吐司」都是民間獨立組織，甚至沒有固定成員，人力資金短缺可想而知，開放公民參與也就勢所必然，許多技術開發及事實查證工作，都是在每個人都可以參與的志願者投入下完成。公民參與讓這些社會部門的朋友，在與政府及企業協力合作之時，能保持一臂之遙，而且維持內部監督制衡。
唐鳳認為，同樣以公民為中心的邏輯，也運用在媒體素養教學上。與其教條式地教導民眾或學生如何分辨網路上如潮水般資訊，不如讓大家認清在網路上每個人都可以是媒體，作為可能的自媒體工作者，將比任何受眾更能深刻體會訊息的真假或是否被操控。
而以政府擁有的龐大組織及資源，提供即時、正確而易懂的資訊給民眾，也讓第三方進行查核，才是責無旁貸。行政院以「2-2-2 原則」期待各部會即時澄清：2 小時、200 字以內、2 張圖片（多數在不實訊息揭露後一小時完成）。
唐鳳並表示，當然「有趣」也很重要。迷因工程——「設法把訊息包裝成忍不住想要分享的樣子」，能讓正確訊息更加快速傳播。當不實訊息前腳剛出門，正確訊息後腳就跟上，也同樣光鮮亮麗，或許不必走過半個地球，就能迎頭趕上了。
她說，2019年聯合國秘書長高階數位合作專家小組會議發布《數位互賴宣言》，強調建立分散式共同治理架構（「COGOV」）。重構數位時代的民主生態系，必須將政府與人民相對抗的制衡關係，改變為政府、企業、人民相互協力，相互倚賴的三角關係，也唯有如此才能抵禦不實訊息的侵蝕，重新取得民主社會所需的生態平衡，讓彩球有足夠的動能流暢地在空中飛舞。
</t>
  </si>
  <si>
    <t xml:space="preserve">因應新冠肺炎疫情對民眾生計的衝擊，政府擴大紓困方案適用對象，但因為適用對象為沒有勞、軍、公、較、農保等各種保險的民眾，實際收入難以查核，引發地方審理時的困難，因此新北市一口氣將9千多件案件送交中央，請中央確認。對此衛福部長陳時中今天在中央流行疫情指揮中心記者會上表示，新北市政府可能有點中央的政策了，行政院說的中央審核指的是中央是負有最終審核權，但把審核權力給予地方，審查時地方審查不用擔最後審查之責，責任中央會負。
被問到其他縣市送件情況時，陳時中表示六都只有新北市送件，其他縣市當中花蓮也送了三百多件。而被問到紓困衛福部人力是否足以因應辦理審核紓困相關方案時，陳時中表示中央人力當然不夠，中央人力本來就在做政策工作昨天就有一百多人在衛福部內加班，建議地方審查時，沒有疑義的案件不用送中央，如果有疑義再送到中央，會協助辦理。
此外台北市長柯文哲認為中央的命令對地方有困難，因為地方政府只能調到舊的財稅資料，無法調到最新的；新北市長侯友宜也說之後要改成自行審核，從寬認定，合格就發錢。對此陳時中表示，本來就是合格就發錢，至於收入上，能提出證明最好，不能的把真實情況寫上，並寫切結就可以了。事實上這些本來就不容易查，政府查核是用排除法，真正收入很難認定，賣玉蘭花、洗碗打工都很難拿到相關憑據。
因此陳時中表示，只要存款不要超過規定額度、不要已有保險或領過其他紓困方案，這些都排除後，基本上民眾寫的政府就相信，從寬從簡，寧可錯發也不要少發。
</t>
  </si>
  <si>
    <t>大陸河南省政府新聞辦21日下午召開河南省新冠肺炎疫情防控新聞發佈會，回應工業企業復工復產等問題。據新浪財經引述河南省工業和信息化廳副廳長郝敬紅表示，統計截至3月20日，河南省規模以上工業企業的2萬664家數中，已有1萬9425家企業復工，換算復工率為94％，同時200戶重點企業已全部復工。</t>
  </si>
  <si>
    <t xml:space="preserve">日本放送協會(NHK)1日引述政府官員說法，證實1名11月底入境日本的外國男性旅客，確診新冠肺炎變種病毒株Omicron。這是日本第2例感染Omicron病毒株的案例，也是日本連2日出現新變種病毒感染案例。為進一步防堵Omicron入侵，日國土交通省同日宣布，直至12月底前停售所有飛往日本的國際航線機票，即使日本國民也不例外，恐讓海外日人年末無法返鄉。
儘管11月29日宣布禁止外籍人士入境，但繼11月30日傳出1名來自納米比亞的30多歲男子確診Omicron之後，日本再度傳出第2名確診案例。
該名男子於11月底抵達日本成田機場，在檢疫站篩檢時呈現陽性反應，隨後檢體被送往研究單位進一步分析是否為Omicron變種病毒，最終為日官員證實感染新變種病毒。
官員表示，目前正調查該名男子感染途徑，以及接觸對象。相關部會與單位也都收到通報，並追蹤、掌握任何新事態的發展。
為防堵Omicron再度突破邊境，日國土交通部宣布，暫停所有飛往日本國際航班的機位預訂，直到12月底為止。不過，已售出的機票仍可搭機飛前往日本。
國土交通部解釋，此舉目標為限制入境人數在每日3500人內，影響族群為還沒有訂購機票的族群。換言之，已購票的民眾年末仍可返鄉。對此，全日空與日航表示已採取措施，1日起取消國際航班預定。
事實上，由於Omicron來勢洶洶，日本11月27日已宣布強化邊境措施，要求南非、辛巴威、納米比亞、賴索托、史瓦帝尼、波札那、尚比亞、馬拉威、莫三比克等9個國家入境的日本公民，必須前往政府指定的防疫旅館，進行10日的隔離。要在國家指定的防疫旅館內隔離10天。
11月29日，日首相岸田文雄更宣布，甫於11月8日開放的商務入境再次全面喊卡。儘管他表示，會持續研討是否要進一步加強邊境封鎖，如今卻依舊擋不住連2日傳出新變種病毒確診病例。
</t>
  </si>
  <si>
    <t xml:space="preserve">新冠肺炎疫情禍及全球，而台灣多虧超前部署，確保防疫物資與醫療量能，才擋住一波波危機，然疫情初期，大S夫妻四處買口罩捐武漢，小S力挺姊姊寫下「恨！比病毒更可怕！」，引發議論，不但影響工作，社群部分也停止更新，一停就是3個月之久，直到日前低調「解禁」，大嘆：「總算可以跟大家聊天了」。
 今天的菜可都是我親手做的，沒使用魔杖哦！而且沒化妝！世上能讓我胖的只有我自己做的菜，和酒類⋯⋯⋯⋯
 Dee（@elephantdee）分享的貼文 於 PDT 2020 年 4月 月 23 日 上午 4:01 張貼
小S因「口罩之亂」議論而低調神隱，連IG都停止更新，直到3個月後的現在，她終於分享新照片，赫見女神頂著大素顏入鏡，神情略顯憔悴，然物資卻是相當豐盛，因為她同時貼出了滿桌子的美食，表示這些菜都是她親手做的，「沒使用魔杖哦！而且沒化妝！世上能讓我胖的只有我自己做的菜，和酒類…」，更直呼：「總算可以跟大家聊天了」，而粉絲們也激動留言，大呼仙女回歸，讓小S看了笑回：「不然我會悶死」，氣氛超嗨。
</t>
  </si>
  <si>
    <t>美國參議員藍德．保羅的辦公室今天宣布，藍德．保羅(Rand Paul)確診感染新冠肺炎，成為首位感染新冠肺炎的參議員，同時也是第3位確診的美國國會議員。
根據路透社報導，藍德．保羅在接受病毒測試呈現陽性反應之後，表示自己正被隔離檢疫中，但他沒有出現症狀，而且感覺身體很好。
藍德．保羅宣布感染新冠肺炎之後，目前美國國會已經累計有3名議員確診，第一位是共和黨籍聯邦眾議員狄亞士巴拉特(Mario Diaz-Balart)，在18日宣布感染新冠肺炎。第二位是民主黨籍眾議員麥克亞當斯(Ben McAdams)在同一日晚間也確診新冠肺炎。
有鑑於參議院及眾議院都出現確診案例，許多國會議員都已接受隔離並檢測，已經大幅影響到法案推動的進度。
美國參議員約翰·圖恩(John Thune)表示，「我們別無選擇，這場疫情也不會在明天結束，我們只能耐心面對這場戰役。」</t>
  </si>
  <si>
    <t xml:space="preserve">由於庫存水位偏低，訂單能見度延長，加上缺工問題的不確定因素，2021年農曆年被動元件廠將加班應戰，替年後的需求拉高庫存水位，景氣能見度優於前一季，且已經延伸至農曆年以後，包含MLCC廠、鋁電廠、晶片電阻供應鏈均傳出今年產線要加班的消息。
尤其是晶片電阻供應鏈，因交期再次延長，從8～10周延伸至12周以上，等於現在下單要三個月以後才能交貨，隨著手機、車市需求回升，加上各國應對新冠肺炎的疫苗已經箭在弦上，終端需求即將恢復尋常性成長的預期心理之下，下游客戶釋單動作轉趨積極，能見度則已經延伸至農曆年以後，並且有不少客戶向電阻廠要求插隊生產。
奇力新（2456）旗下旺詮2020年並未加班，2021年農曆年預計僅休息1～2個工作日；而晶片電阻上游氧化鋁基板廠商九豪（6127），是國內唯一一家氧化鋁基板供應商，該公司昆山廠維持產能滿載狀態，訂單能見度達三個月，九豪表示，昆山廠今年農曆年也會啟動加班機制，減少休假天數，持續維持爐子的運轉。
而龍頭大廠國巨（2327）蘇州廠將留下至少三分之一的人力加班生產，並會視訂單狀況，決定是否再加碼留守的規模，國巨董事長陳泰銘在日前的記者會中已經表明，國巨農曆年前的訂單無虞，稼動率礙於缺工問題，將緩步爬升。
鋁質電容廠2020年成為今年被動元件行業的黑馬，在汽車、太陽能兩大應用的終端需求同步拉升之下，日本三大鋁電廠Nippon Chemicon、Nichcon、Rubycon接單已經排滿至明年第二季，國內廠商凱美（2375）、立隆（2472）今年前三季財報繳出亮麗成績單，其中凱美2020年十一黃金周僅休1～2個工作日，今年農曆過年產線也將罕見加班生產，以應付客戶需求。
業界指出，過年加班的工資是平常的好幾倍，除了擔心農曆年後缺工問題，利用加班留住產線員工之外，訂單無法消化是主因，目前生產排程至少三個月，即使12月不接單，都要生產到農曆年之後，客戶頻頻插隊生產也反映出庫存踩剎車的狀況不復見。
</t>
  </si>
  <si>
    <t>新北幼兒園群聚感染擴大，新北市副市長劉和然今主持防疫說明會表示，新北一直以來都是就科學態度來看，隨著疫情發展調整檢討，這次幼兒園的發展也會納入未來開放或緊縮過程中，很重要的參考依據。
劉強調，針對疫情新北市一直以來都是戒慎恐懼，包括這段時間大家關心的中秋假期，新北也無開放河濱烤肉，經過這樣的發展可以看得出來，當進入社區感染時，疫情控管就不像我們想像中的那麼簡單可以真正清除，民眾間的自我約束加上公部門的規範，大家相輔相成才能把防疫做得好。</t>
  </si>
  <si>
    <t xml:space="preserve">對於台灣可能加入世界衛生組織議題，資深媒體人董智森表示，到時候如果跳票呢？但沒關係，綠營不會受傷，不論進不進得去，綠營都贏！
美國FOX新聞引述消息人士透露，指華府內部正傳閱一份草案，推動台灣重回世界衛生組織（WHO）會議。該人士指出，白宮已獲得澳洲支持，推動台灣以觀察員身份重返世衛，現正尋求德國、法國和英國的支持。與此同時，華府的國安團隊考慮成立一個新的全球衛生組織。
資深媒體人董智森表示，大家作秀，要相信政府相信黨，台灣都快加入世界衛生組織了。到時候如果跳票呢？大家就很失落，但沒關係，綠營不會受傷，本來可以進去，為何最後進不去？因為對岸最壞了，阻饒台灣，所以不論進不進得去，綠營都贏！
董智森更爆料，到底要不要進去世衛？不要進去！這樣才可以每年吵架，就考以每年敲鑼打鼓，加深大家對對岸的憤怒，越憤怒，就越不會投票給國民黨！
董智森自豪，他以前跑民進黨，民進黨還找他去選台北市議員，他們在玩哪一套，都是他們這些政客在表演，表演完後，腦袋都被洗過！這些東西都是被設計過的、都是他們要餵你的！
</t>
  </si>
  <si>
    <t>疫情警戒在5月中下旬後拉高到三級，但4月醞釀的保單、5月陸續成交，壽險業5月新契約保費還能保住800億元以上，比去年同期成長逾25％，但人際管制目前持續到6月底，壽險業者擔心6月及7月業績可能大受影響，預估全年新契約保費恐陷「9,000億元保衛戰」。
壽險業者估算5月新契約保費約840～850億元，累計前五月已破4,500億元，年增19％左右。2020年全年新契約保費9,168億元，年衰退28％，創歷年最大衰退，原本業界預估今年應可比2020年成長，估計可挑戰回到兆元規模，但在新冠肺炎衝擊下，今年可能必須先站穩9,000億元的業務量。
5月依舊是投資型保單的天下，估計全月有460～480多億元，即占新契約保費53％以上，如國泰人壽、台灣人壽、安聯人壽、富邦人壽、元大人壽、法國巴黎人壽等都是投資型保單主力，美元利變壽險亦是主力保單，但今年因宣告利率不如去年初，相對銷量也受影響。
壽險業者表示，6月持續管制，業務員都不能像過去一樣四處拜訪客戶，6月推展不易。加上疫情影響，民眾也會減少去銀行，銀行通路賣保單亦會受衝擊，去年4月新冠肺炎全球流行時，當月新契約保費為583億元，今年台灣管制比去年更嚴格，估計6月業績堪慮。
7月因為第六回合生命表上路，所有保單改款，各銷售通路又要重視醞釀新保單，原本就不預期新契約保費會大幅成長，但若7月仍無法完全解封，業績亦將持續衰退，同比可能衰退逾20～30％以上。</t>
  </si>
  <si>
    <t>大陸安徽省13日爆發本土疫情後，蔓延到遼寧省，遼寧新增確診數已經超越安徽，但迄今仍無法確認「零號病人」與感染源頭。14日下午，安徽省委書記李錦斌趕赴安徽省六安市裕安區、合肥市肥西縣，深入基層一線指導督導防控工作，並主持召開座談會，追溯病原，被譽為 天津「福爾摩斯」的天津市疾控中心副主任張穎也出席。
張穎是大陸疾控專家，於1994年畢業於天津醫科大學預防醫學專業，2007年取得大陸疾控中心公共衛生碩士學位；2003年至2006年參加大陸疾控中心現場流行病學培訓項目；2010年赴美國密歇根大學公共衛生學院進行學術交流。
2020年2月2日天津市疫情防控工作新聞發布會上，時任天津市疾控中心預防控制室主任張穎對天津市寶坻區百貨大樓內的5例疫情進行溯源，對「傳播鏈條」進行了抽絲剝繭式的講解，被大陸網友譽為天津「福爾摩斯」。此後，張穎獲提拔，出任天津市疾控中心副主任。
今年4月，張穎作為大陸國務院聯防聯控機制綜合組專家，緊急赴雲南瑞麗指導疫情防控工作。
在安徽本土病例之後，14日下午，大陸國家衛健委發布消息，派出專家組前往安徽，指導展開流調溯源、核酸檢測、社區防控和院感防控等工作。</t>
  </si>
  <si>
    <t>美國聯準會（Fed）主席鮑爾（Jerome Powell）19日出席參議院視訊聽證會，他在事先準備好的書面證詞重申，Fed將動用一切工具拯救備受新冠疫情打擊的經濟，同時呼籲國會應「盡其所能」協助紓困數以百萬計的美國民眾。
受肺炎疫情影響，鮑爾與美國財長穆努欽（Steven Mnuchin）周二以視訊方式參加參議院銀行委員會舉辦的聽證會。這是針對川普政府3月時通過2.3兆美元經濟紓困方案所召開的例行聽證會議。
鮑爾在書面證詞中表示：「我們致力於運用手中各式工具，希望在這個充滿挑戰的時刻支撐經濟，而這些行動僅是政府更大規模應對舉措中的一小部分。」
他在證詞中並未宣布新的救市舉措，反而重申該行「過去幾個月以來迅速採取史無前例的措施」，並表示該行計畫將利率維持在接近零的水平，直到經濟重返正軌為止。
鮑爾表示，Fed將會採取行動確保美國金融體系穩定，並提供貸款資金給企業與各州政府，同時致力於提高政策透明度。舉例來說，Fed將會每月揭露獲得貸款的企業名單、借貸金額大小與貸款利率等細節。
他表示：「國會賦予我們緊急的權力，而我們必須努力提高政策透明度。」
鮑爾也提到，所有人都難逃疫情衝擊，但受害最深的是底層人民，因此呼籲國會應該盡一切力量幫助他們。
據Fed近日報告顯示，在肺炎疫情爆發的第一個月（3月份），近四成家庭年收入低於4萬美元的勞工失去工作，換言之，新冠肺炎對於低所得勞工帶來最大衝擊。
而穆努欽在書面證詞中則指出，美國財政部將持續觀察各行各業狀況、妥善分配剩餘的紓困金額，而他個人預期美國經濟在今年下半年可望好轉。</t>
  </si>
  <si>
    <t>台北市11日公布4日至10日最新各行政區確診統計數據，12行政區當中，以萬華新增30例最多，其次是信義區11例。市府進一步說明，信義區確診數飆高，因為發生分租套房類似家戶群聚感染的事件。
北市府今未對外開記者會說明疫情，根據市府統計，4日至10日北市新增66例確診個案，其中以萬華區30例最多，其次是信義區11例、士林區6例、大安區和內湖區各4例、松山區3例，中山區、大同區、文山區各2例，中正區和北投區各1例，南港區未增加。另接觸者居家隔離管理人數，統計至10日有1023人。
至於信義區確診數飆高原因，市府說明，有民眾前往採檢確診，疫調後發現該民眾住在分租套房，室友經匡列後採檢確診，類似家戶感染的群聚事件，目前持序匡列採檢中。
此外，北市7大醫院10日PCR篩檢1065人，有1人陽性，萬大站和濱江站機動篩檢隊篩檢689人，沒有陽性。
★《中時新聞網》提醒您：因應新冠肺炎疫情，疾管署持續加強疫情監測與邊境管制措施， 如有疑似症狀，請撥打：1922專線，或0800-001922，並依指示配戴口罩儘速就醫，同時主動告知醫師旅遊史及接觸史，以利及時診斷及通報。</t>
  </si>
  <si>
    <t>國內新冠肺炎疫情目前仍是相當嚴峻，今天（3日）本土新增364例，教育部體育署所在的體育聯合辦公大樓，也有保全同仁確診，屬於輕症無症狀，目前已居家隔離。
體育署秘書室主任王浩祿表示，該保全同仁去過市場，所以有警覺性，周一（5月31日）有進行快篩，當時結果是陰性，今天上午接到通知PCR檢驗為陽性，沒有發燒、咳嗽等症狀，因為屬於無症狀、輕症的確診者，衛生單位請該名保全同仁先自主在家隔離。
全國進入三級警戒後，體育大樓也採取分流、居家上班，每天到署裡的人員大約80到90位，體育大樓每日上、下午都有定期消毒，確診的保全同仁工作內容相對單純，活動範圍也很固定，第一時間知道群診訊息之後，體育署馬上針對保全同仁的工作範圍進行加強的消毒。
王浩祿補充：「至於該名確診保全的接觸狀況，我們有去詢問疾管署，所謂一定程度的接觸的定義是指『有在一起共同地用餐』、『共同居住』、『面對面接觸15分鐘以上』，依照這位保全同仁的工作性質來看，應該是暫時不會有這樣（一定程度接觸）的疑慮，也提醒大樓所有的單位跟同仁這段時間也多注意自己的健康狀況，口罩戴好戴滿、勤洗手，如有身體不適情形，請在家休息不要到大樓上班。」
體育大樓今天也請所有人員6點半前離開，整棟大樓會再進行全面消毒，努力保護所有辦公人員的健康。</t>
  </si>
  <si>
    <t>中央研究院女研究助理確診，但被匡列者檢測時幾乎都呈陰性，疫情並未擴大。指揮中心指揮官陳時中今表示，這是好現象，感染源確定在實驗室，但社區仍然需要監測。他也透露，這位研究人員操作時並未遵守標準作業程序（SOP），但是否因此感染，目前仍未確定。
陳時中今天下午出席「2021第十五屆十大抗癌鬥士頒獎典禮」後接受媒體訪，對於中研院女研究助理感染Delta病毒，他表示，正由中研院內部及外部雙管齊下，監測到底是哪裡出問題？
陳時中透露，目前為止，不管是中研院本身或是中央所訂的實驗室操作SOP，問題都不大，主要是執行面有所疏漏。根據被感染當事人的陳述，他被實驗鼠咬了後，急著將手套先脫下，之後再脫下實驗衣，這與SOP不符。
陳時中說，正確的程序是，先脫掉實驗衣，再拿掉手套，但中研院研究人員的操作程序不是這樣，但是不是因此被感染，目前還不敢確定。不過這位研究人員被感染後，相關被匡列的人都呈現陰性，顯示疫情未擴大，這是好現象。
此外，對於Omicron病毒有呈現流感化的現象，陳時中說，新病毒起還會帶來危機，但也有可能是一種轉機。Omicron傳播速度快，但目前並未有重症化或致死率的現象，這是一件值得期待的事情。但期待歸期待，我們還是要嚴陣以待。
有學者認為，全民打兩劑的比例要達到9成，才有辦法因應Omicron的入侵。不過陳時中說，在台灣，打疫苗不是強制，要打到人口的9成，那是做不到的，因為11歲以下的小朋友不打疫苗，他們就占了約1成。不過站在政府的立場，就是鼓勵民眾盡量打疫苗，打好、打滿。
陳時中說，原本要隔6個月才能打第三劑疫苗，但現在決定縮短為5個月，因此第一類人員在12月底就可以打第三劑，之後，會依照專家的評估，讓一般民眾也陸續開始打第三劑。</t>
  </si>
  <si>
    <t>中共中央外事工作委員會辦公室主任楊潔篪與美國國務卿蓬佩奧16日通電話。楊潔篪痛批美國一些政客不斷詆毀中國和中方防控努力，中方必將反制。沒想到兩人電話掛上後，美國總統川普火上澆油在推特發文，酸新冠肺炎是「中國病毒」，惹來中國外交部再次痛批「堅決反對」。
在中美最高級別的外交官在疫情問題上大打口水仗之前，中美雙方就新冠病毒來源已交鋒過一次。中國外交部發言人趙立堅12日在推特發文指責美國政府隱瞞疫情真相，並暗示是美國軍方把病毒帶到中國武漢。次日，美國國務院召見中國駐美國大使崔天凱，向他表達了美國政府在這個問題上的「嚴正立場」。
美國國務院發言人辦公室16日發表聲明說，蓬佩奧在與楊潔篪的電話交談中，向楊潔篪表達了美國對中國試圖把新冠病毒的責任推給美國的強烈反對，蓬佩奧強調，「現在不是散布不實信息和荒誕謠言的時候，而是各國團結抗擊共同威脅的時候。 」新華社報導，楊潔篪在電話中指出，「美國一些政客不斷詆毀中國和中方防控努力，對中國進行汙名化，激起中國人民強烈憤慨，中方對此堅決反對，予以強烈譴責。」楊潔篪正告美方，「任何詆毀抹黑中國的圖謀都不可能得逞，任何損害中國利益的行為都必將遭到中方的堅決反擊。」
兩人話音剛落，美國總統川普16日立即在社交媒體推特上發文，公開把新冠肺炎稱為「中國病毒」。對此，大陸外交部發言人耿爽17日在外交部例行記者會上表示，「近來，美國一些政客把新冠病毒和中國相聯繫，這是對中國搞汙名化，我們對此強烈憤慨，堅決反對。」
耿爽表示，世界衛生組織WHO和國際社會明確反對將病毒和特定國家、地區相聯繫，反對搞汙名化。陸方敦促美方立即糾正錯誤，並停止對大陸的無端指責。
「當前，新冠肺炎疫情在全球多點暴發、蔓延，當務之急是國際社會齊心開展抗疫合作。」耿爽反批，「美國應當首先做好自己的事，同時為抗疫國際合作、維護全球公共衛生安全發揮建設性作用。」</t>
  </si>
  <si>
    <t>台大醫院兒童感染科主任黃立民指出，全球確診案例中，無肺炎症狀感染者比例高達8成以上，「健康的人不用戴口罩」已不適用現在的疫情發展。對此，網友反諷表示，「台大還敢逆時鐘啊！」「柚子醫師才不是這麼說的呢！」、「沒台灣價值，黨是不會錯的」！
台大醫院兒童感染科主任黃立民日前接受《中國時報》專訪時指出，「健康的人不用戴口罩」已不適用現在的疫情發展，他並指出全球確診案例中，無肺炎症狀感染者比例高達8成以上，建議民眾外出戴上口罩，將感染機率降到最低。
黃立民表示，新型冠狀病毒非常難防，根據世界衛生組織的數據統計，有高達8成的感染者沒有肺炎病徵，這讓周遭的人以為彼此都是健康的，也沒有特別注意衛生習慣，但感染者的上呼吸道仍排出大量病毒，病毒在環境中還可能存活一周左右，就算沒接觸感染者，但碰到患者曾接觸過的東西就有可能染病，旁人不知不覺就中了鏢。
黃立民說，現在最重要是人人要把手洗乾淨，自主健康管理才是防疫的重點工作，政府說「健康的人不用戴口罩」已經不適用現在的疫情發展，由於新冠病毒的特性，公共環境常清潔，出門把口罩戴上才能做到最大的自我保護。
此篇專訪並經TVBS以及三立轉載報導。
對此，網友表示，「當初說ok的捐口罩好嗎？」「還宣導不用戴？」「公然跟黨造反」、「公然反對柚子醫生」、「閉嘴，我只信阿中部長」、「本來就沒信過什麼水果醫生」、「這9.2柯韓粉，我們堅持不用戴」、「1450崩潰」、「不如柚子醫生有台灣價值」、「台大還敢逆時鐘啊」、「台大醫造反啦？」、「還好沒鳥那些OK的」、「817都不要戴唷」、「一直都不適用好嗎」、「柚子醫師才不是這麼說的呢！」、「沒台灣價值，黨是不會錯的」、「綠共再繼續騙啊，XXX」、「造反了嗎？有獲得黨的同意嗎」、「台大醫生算什麼，當然是聽有台灣價值的」！</t>
  </si>
  <si>
    <t>近年街頭藝人表演興起，全台各地人潮聚集商圈、捷運廣場或地下街、知名遊樂景點都是申請表演的熱門地點，甚至表演場地一位難求，但今年初爆發新冠肺炎疫情後，許多室內表演場地暫停開放，就連戶外地點也因遊客雪崩式銳減，表演一整天也沒人看，引發街頭藝人失業潮，不少人只好靠積蓄度日，或改開計程車，甚至被迫申請政府紓困甚至向銀行貸款苦撐。
在北市西門町駐唱的視障歌手徐承邦坦言，3月起新冠疫情來勢洶洶，國外觀光客驟減，收入銳降7成，最慘的時候1天只賺200元，就連視障按摩的生意也很差，每周收入僅約2、3000元而已。
一整天最慘掛蛋
領有高雄市街頭藝人執照的許智維，在高雄市文化中心假日藝文市集擺攤賣手工藝，受到疫情衝擊，生意大不如前，「攤商還比客人多」，以往1天可賣2、3000元，現在1000元不到甚至掛零，只好申請勞工紓困3萬元暫時度日。他說，雖然疫情趨緩，但民眾消費意願仍低，短期內收入恐怕好不了。
33歲李彥宏在台南當街頭藝人邁入第8年，原僅在假日兼職，今年2月辭去工廠作業員工作當全職街頭藝人，不料遇上新冠肺炎疫情，常表演的百貨公司、觀光景點人潮少了大半，零星遊客也站得遠遠觀賞，收入銳減8成，他直言「簡直回到菜鳥期慘況」，現在只能靠存款苦撐。
幾乎沒演出機會
全台最年輕7段劍玉師、24歲街頭藝人「小螺絲」陳益銓，疫情前活動滿檔，每個月周末巡迴全台縣市演出，去年還曾被廣告導演相中，和流行天后蔡依林合拍廣告；但2月後受到疫情嚴重衝擊，表演呈現停擺，收入銳減剩不到3分之1，只盼疫情早點過去。
台中演唱雙人組合「安妮塔克」已談定的春酒商演，也因疫情縮水到只剩2成，除靠積蓄度日，也在家直播持續累積人氣，或到偏鄉做公益。
桃園市身障街頭藝人劉鉉成摺造型氣球，過去一場表演平均收入1、2000元，疫情爆發後沒有演出機會，連教學工作都暫停，只能申請政府的1萬元紓困、開計程車補貼生計，還得向銀行借貸20萬元度難關。</t>
  </si>
  <si>
    <t>國內疫情嚴峻，繼昨（22）日新增321個本土病例，以及400 例本土「校正回歸」的個案後，今日中央流行疫情指揮中心除新增287起單日本土病例外，也再度使用了「校正回歸」，新增170起病例，讓該詞一瞬間爆紅，成為全台無人不知、無人不曉的熱門關鍵字，並引發各界論戰，對此一名PTT鄉民稍早提出看法，直言2大原因引發「校正回歸之亂」。
據PTT該文指出，原PO認為確診案例數「2點過後才驗出來的很多，本來就一定會有記者會上沒記錄到的數字，所以校正是一定會有的」，遺漏實屬合理，可話鋒一轉，原PO不禁納悶，中央流行疫情指揮為何要特地發明「校正回歸」一詞，不直接說「修正」上一周數據就好，做法明顯有問題。
原PO進一步解釋，昨日校正回歸400例之所以引發民怨，主要有2個原因，一是創造「校正回歸」一詞讓人匪夷所思，大幅加深疑慮；二是校正回歸頻率應縮短，每日公布前一天新增的校正回歸數量，才能讓大眾掌握最新疫情狀況，否則一次公布一周校正數據，數量過多自然造成恐慌。
此文一出，隨即引發網友強烈共鳴，大家紛紛回應反彈「校正回歸本身沒有關係，而且是正確的，因為你不把那些病例加回去，你不能知道正確的篩檢陽性比例的趨勢如何。但你他X的篩檢能量不足你要早講啊！」「也覺得是做法的問題，週六才一次公佈那麼多，斧鑿太深」、「他解釋第一次我就說那就直接說來不及驗完就好了」、「問題在於根本沒解釋清，然後又創一個名詞更加深疑慮」。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生華科（6492）治療新冠新藥臨床再報喜！美國合作夥伴Banner Health醫療機構26日宣布，向美國FDA申請Silmitasertib用於新冠肺炎二期人體臨床試驗（IIT），已經正式接獲通知核准執行，該臨床規劃收案40位新冠肺炎重症患者，以標準療法或支持性療法為對照組。</t>
  </si>
  <si>
    <t xml:space="preserve">18日下午，青海省又1例新冠肺炎確診患者從青海省第四人民醫院治癒出院。截至目前，青海省確診的18個病例已治癒出院15例，尚有3例正在住院治療，目前患者病情穩定。
該患者1月31日確診入院，經過18天治療，各項指標符合國家《新型冠狀病毒感染的肺炎診療方案(試行第五版修正版)》出院標準，經省級醫療救治專家組評估予以出院，出院後至少還要進行14天的醫學隔離觀察。
青海省首批確診新型冠狀病毒感染的肺炎患者5日出院。11日到15日連續出院10例，其中11日至13日每天都有出院患者。18日上午10時出院1例患者，時隔4小時又出院1例患者。
</t>
  </si>
  <si>
    <t>名模林志玲去年6月與日本人氣男團「放浪兄弟」成員AKIRA閃電結婚，升格當人妻的她，把生活重心轉往家庭，志玲姐姐也減少公開亮相、網上發文，而林志玲今（31日）則難得更新PO文，並喊話：「非常時期，要好好照顧自己💪」。
林志玲婚後專心過人妻生活，她最後一次公開亮相是1月底陪AKIRA出席全美音樂盛事葛萊美獎，相隔2個月後，林志玲難得在IG發文更新近況，她盡責推廣代言的低雞精，而適逢疫情延燒，林志玲也不忘喊話：「非常時期，要好好照顧自己💪大家都要健健康康❤」。
 香港的朋友，有遇見我嗎？ 去年的今天在田原香滴雞精旺角MOKO門市和大家在一起，轉眼已經是一年前了，你們都好嗎？ 非常時期，要好好照顧自己💪 大家都要健健康康❤ 希望很快再跟大家見面🥰 @tianyuanxianghk #田原香滴雞精
A post shared by  林志玲chiling (@chiling.lin) on Mar 30, 2020 at 10:32pm PDT
其實暖心的林志玲在疫情爆發時刻，就曾錄影片為武漢第一線醫護人員加油打氣，她表情嚴肅地說：「首先向第一線的醫務工作人員致敬，你們是真正的英雄，感謝你們無私的奉獻，希望你們都能平安歸來」，志玲姐姐暖心之舉更是被網狂讚。</t>
  </si>
  <si>
    <t>桃園市長鄭文燦視察公園防疫措施，針對籃球框拆除引起民眾討論？鄭文燦說，過去經驗是若綁住籃框，一樣會被拆開打球。因此決定拆除，也趁機保養，其他網球、羽球、排球網也都拆除，避免群聚。
鄭文燦表示，為了加強社區的防疫等級，全桃園797個公園禁止飲食、禁止群聚、強制戴口罩，公園裡的運動設施停止使用，遊戲設施包括遊具也一律用圍籬圍起來，避免青少年跟兒童群聚。也會加強公園的巡邏稽查。
媒體詢問有必要到拆下籃框嗎？鄭文燦說，過去經驗是，如果綁起來，青少年還是會把它拆開，所以直接把籃框拆下來，也趁機保養一下。
媒體也詢問，篩檢站說30個，但目前僅有14個夠嗎？鄭文燦說，30個採檢站是按照桃園市生活圈規畫，另外是要按照疫情發展，如果大流行要全面性的篩檢，那當然就要30個。
鄭文燦也說，桃園已經購買了食藥署核准的PCR檢測儀器，目前購買15部加上6500試劑給11家責任醫院，民眾住院前，必須採取兩個方式，第一個是標準程序送實驗室的PCR檢測，或者是用PCR的快篩進行檢測，確認陽性後，讓病人可以在短時間內住院。鄭文燦強調，採取PCR，準確度幾乎到達百分之百的檢測模式，對醫院的保護才是比較方便的。</t>
  </si>
  <si>
    <t>國內昨新增1名機師小孩確診，若扣除在澳確診機師，目前華航、諾富特飯店事件共累計19人確診。對於本起事件個案的嚴重程度，中央流行疫情指揮中心發言人莊人祥透露，目前有3名重症案例，包括嚴重肺炎的機師（案1079、案1122），以及插管中的房務部主管（案1120）。
案1079發病前 曾住過諾富特
指揮中心指出，案1079為60多歲機師，4月10至12日飛往印度、盧森堡，並在14日執勤到美國，於當地旅館檢疫，4月16日返台進行3天居家檢疫，隔日出現喉嚨癢、全身痠痛症狀，19日自費採檢後，20日確診新冠肺炎。這名機師發病前曾住過諾富特飯店，病毒序列與案1120房務部主管相同，有嚴重肺炎，目前仍在治療中。
案1120為40多歲諾富特飯店房務部主管，近期無出國史，平時工作項目為檢查房間環境之清潔，偶爾協助機組員購買物品。主管4月17日起陸續出現咳嗽、流鼻水、食慾不振及呼吸喘等症狀，並於4月19日至4月26日間3次至同一診所就醫，因症狀未改善，27日至醫院就醫，發現肺炎並收治住院隔離、採檢，29日確診新冠肺炎。醫療應變組副組長羅一鈞表示，由於這名主管還在插管治療，無法進一步疫調，但會努力去尋找飯店群聚的源頭。
案1122為50多歲機師，4月2日至9日執勤至美國，返台後於防疫旅館檢疫至4月15日，期間無症狀，檢疫期滿採檢陰性。4月19日，機師再次執勤至美國，24日自美國經日本返台，25日入境後返回住處居家檢疫，27日出現喉嚨痛及發燒症狀，由衛生單位安排就醫採檢，於4月29日確診，有嚴重肺炎，仍在治療中。
對飛機採檢 阿中稱有困難
衛福部長陳時中昨參加南丁格爾頒獎典禮後受訪時被問到，華航群聚案，目前個案1101、1102是英國變種病毒株，為什麼沒有想要針對航空器採檢？陳時中表示，航空器的機組員都有做個人的基本消毒，且發現病例的時候，航空器已經又再飛出去了，這其實有實際上的困難。</t>
  </si>
  <si>
    <t>總統蔡英文6日上午到桃園機場巡視國境各項防疫、檢疫作為，同時慰勉衛福部、內政部、財政部、交通部、農委會等第一線執勤人員辛勞，前後停留約1個小時。
蔡英文總統6日上午10時抵達桃園機場第2航廈，由內政部長徐國勇、交通部長林佳龍、財政部長蘇建榮、桃園市長鄭文燦、中央流行疫情指揮中心副指揮官陳宗彥、農委會副主委黃金城、衛福部疾管署署長周志浩、桃園機場公司董事長林國顯等人陪同，到桃機各單位視察國境防疫作為。
蔡英文總統先在桃機1019簡報室內頒獎，表揚機場防疫、檢疫相關單位，由桃園機場公司總經理林祥生、衛福部疾管署署長周志浩、內政部移民署署長邱豐光、內政部警政署航空警察局局長黃嘉祿、農委會動植物防疫檢疫局新竹分局分局長柯榮輝、財政部關務署署長謝鈴媛、桃園機場排班計程車自律委員會主任委員黃良易、租賃車防疫車隊慶賓租賃車公司副總經理胡慶隆、防疫巴士車隊國光客運公司副董事長王應傑、防疫巴士車隊龍泰遊覽車公司董事長張永紹等人代表受獎。
隨後在會議室內聽取各單位防疫作為簡報後，進入第2航廈管制區內，先後到入境長廊發燒篩檢站、檢疫官審核入境旅客書面資料臨時櫃台、移民署證照查驗櫃台、海關檢查台等地巡視，稍後又到入境大廳防疫巴士、防疫租賃車、防疫計程車上車處等地，實地了解入境旅客防疫、檢疫動線，直至11時結束巡視慰問行程後離開。</t>
  </si>
  <si>
    <t>劉畊宏和老婆王婉霏去年疫情在全球爆發後，就向教育部申請讓10歲大兒子劉宇恩、8歲二女兒劉宇芙（小泡芙）、6歲小女兒劉宇珊3個小孩自學，今年過完農曆年，新的這1學期就跟另外一個家庭，共5位小孩在家上課。
不過上周警戒升至第二級後，他們連每周三在戶外公開場所上的團體課程都先取消，只剩下在家的個人課程，上周六也著手跟所有學科老師聯繫預備做線上課程，本周一（17日）開始施行，預計先到6月，沒想也恰巧在昨宣布雙北高中以下學校停課，「本來想說先預備以防萬一，沒想到居然那麼快就派上用場了」。
王婉霏今天一早就起來為3位寶貝測試設備，除了大型投影布幕外，還給他們準備了1人1台平板和耳機，她透露第一天從早上9點開始中文、英文課，到下午世界課結束，大概3點半放學，晚上再各自練琴，整天非常充實，孩子們也都覺得很新奇，禮拜三取消的戶外課，也改由爸爸親自為他們上體操課。家裡還有Switch供他們練舞、運動設施、圖書館等，一家5口也會一起下棋、畫畫，就算不出門也不會在家裡悶壞。
而王婉霏目前經營的殺菌機事業，這幾天疫情拉警報，確診人數不斷創新高，她透露殺菌機的訂單量在3天內已賣出超過500台，昨天早上更是1小時內便湧入超過100張訂單，已達電商平台刷卡300萬的上限，比起過往，成長了300％。
另外，去年與友人合資超過百萬，在東區開設小型健身房「PURPOSE SPACE」的小禎，面對疫情嚴峻需停業2周，她不僅開始居家運動，開心秀結實腹肌照外，也在網友們極力敲碗下，推出居家防疫課程，直播公開自己的日常訓練菜單，也推出客製化的健身課程，呼籲「在家無聊就跟著動起來」，並祝福大家「疫情結束還是腹肌人」。
小禎目前就讀國一的女兒Emma也停課在家線上自主學習，至於目前演藝工作的部分，小禎現在不會去想損失了多少，「目前就是積極配合各個單位，為了我們各自的健康，暫時先在家好好防疫。」</t>
  </si>
  <si>
    <t xml:space="preserve">美國有線電視新聞網（CNN）13日報導，一名中國大陸官員透露，作為調查新冠病毒起源的一環，武漢將檢測數萬個早期血液樣本，專家指出，這些樣本將提供新冠病毒起源的關鍵線索。
今年2月世界衛生組織（WHO）的調查小組確立了武漢約20萬個血液樣本可能能提供新冠病毒起源的關鍵線索，包括病毒何時、何地開始傳染給人類。
這些血液樣本目前保存在武漢血液中心，主要是2019年武漢捐血者的血液樣本，這些樣本有2年的保存期，期間若發生和捐血有關的訴訟，這些樣本將可派上用場。
現階段多數專家認為，新冠病毒最初是在2019年底傳播至人類社會，隨著2019年10、11月採集的血液樣本保存期陸續到期，一名中國國家衛生健康委員會官員透露，當局正在準備病毒檢測工作，一旦2年期滿，就會對這些血液樣本進行檢測。
美國智庫「外交關係協會」（Council on Foreign Relations）高級研究員黃嚴忠（Yanzhong Huang）表示，這些血液樣本將是全球最接近疫情爆發之初的樣本，將能幫助了解新冠爆發的時間點。
美國哥倫比亞大學流行病學家米勒（Maureen Miller）指出，這些樣本絕對帶有重要線索，不過她敦促中國大陸開放讓外國專家赴現場觀察檢測過程，「除非有合格的觀察員，沒有人會相信中國報告的任何結果。」
中國國家衛健委疫情專家小組組長梁萬年今年7月首度表示，中國大陸將檢測這些樣本，一旦有結果，就會將數據轉給中國及外國專家小組。他當時強調，這些血液樣本都是從捐血袋中採集，採集好後密封保存，中國專家也對檢測方法進行過多次評估。
他說雖然武漢的第1個病例發生在12月8日，但是相關研究充分顯示，在那之前可能已經有其他病例。
專家指出，如果保存得當，這些血液樣本可能包含人類最初對抗新冠病毒產生的抗體等關鍵跡象。
美國田納西州范德比大學醫學院（Vanderbilt University School of Medicin）傳染疾病專家夏夫納（William Schaffner）表示，這些樣本甚至能夠指出誰最先感染、在哪裡感染、年紀、職業等訊息。
不過他也警告樣本可能有2個問題要注意。第1是樣本的完整性，要確定不是近期創造；第2是樣本的代表性，這些血液樣本多數可能來自於健康成人，所以將代表無症狀病例，「正如我們在疫情中了解到的，無症狀病例助長大流行。」
</t>
  </si>
  <si>
    <t>美國已有超過41萬人死於新冠肺炎，總統拜登上任後立刻快馬加鞭展開抗疫行動，21日揭櫫長達198頁的抗疫國家戰略，訂定疫苗接種、擴大檢測、復學復工、國際合作等七大目標。當天簽署10道行政命令，包括實施更嚴格的戴口罩規定、搭機入境旅客須隔離檢疫等措施。他同時警告，美國新冠肺炎死亡人數下個月可能突破50萬人。
強化疫苗接種及戴口罩
拜登上任後的第一個完整工作天，聚焦對抗新冠肺炎疫情。拜登21日簽署10項與疫情有關的行政命令和指令，包括強制民眾在機場以及飛機、火車和巴士等大眾運輸工具上戴口罩、增加疫苗和醫療設備的生產，同時試圖安全地讓學校和企業重新開門。這些文件與20日重返世界衛生組織、所有聯邦建物內必須戴口罩等決定，共同組成美國對抗新冠病毒大流行國家戰略。
拜登表示，在他執政下，科學家將「不受政治干預」。這份戰略訂定的七大目標中，「恢復美國社會大眾的信任」被列在首位，依序為推廣疫苗接種、制定公共衛生標準、擴大緊急救濟、復產復學、保護弱勢群體以及加強全球合作。
這份國家戰略指出，美國人口只占世界人口的4％，但新冠確診病例占世界的25％，染疫死亡人數占全球染疫死亡的20％。拜登稱，扭轉情勢需要幾個月的時間，不過「救援已在路上了。」
拜登說，防疫視同作戰，他將動用《國防生產法》，啟動國民兵等各項聯邦資源，全力防疫。考慮到現在出現變種新冠病毒，他頒布行政命令，要求相關部門在14天內針對國際旅客制定防疫計畫。
26日起赴美須隔離7天
根據拜登發布的行政命令，赴美旅客至少在起飛前3天必須接受新冠病毒核酸檢測，須出示檢測陰性報告才能登機，到達美國之後也必須按照美國CDC的指示隔離7天。
拜登強調戴口罩跟推廣疫苗接種的重要性。他表示將在就職的100天內，為美國民眾接種1億劑新冠疫苗。他也說，將會針對第一線工作人員，尤其許多是少數族群盡快接種疫苗。</t>
  </si>
  <si>
    <t>新冠肺炎疫情全球持續延燒，台大公共衛生學院教授陳秀熙今（3）日線上說明，對於各國對疫苗需求若渴，目前預估疫苗生產量至2021年底，約為10億劑，尚無法達到特定族群免疫，若以每人施打2劑疫苗計算，達群體免疫需要超過100億劑。
在疫苗研發部分，陳秀熙指出，今年一月底，有兩支疫苗的第三期臨床試驗期中報告結果出爐，分別是美國 NOVAVAX 重組蛋白疫苗和美國嬌生-楊森載體疫苗，兩種疫苗皆以新冠肺炎病毒的棘突蛋白為標的進行研發，根據第二和第三期臨床試驗結果，施打兩劑NOVAVAX疫苗，可有效對抗新冠肺炎病毒感染，效力高達89.3％，在老年人和愛滋感染者這些免疫力相對較差的族群同樣有效，NOVAVAX疫苗也是目前第一個在臨床試驗中直接證實對英國和南非突變病毒株皆有效的疫苗。
根據第三期臨床試驗結果，楊森疫苗只需注射一劑便可有效降低因新冠肺炎病毒導致的中重度呼吸道感染症和死亡風險，效力達66％，如果針對因新冠肺炎病毒造成的重症與死亡進行分析，效力則高達85％，在老年人這類免疫力相對較差的族群，以及針對南非突變病毒株皆有效。 NOVAVAX和楊森疫苗只需儲存在2-8℃，在運輸和保存上較為便利且成本相對較低。
至於全球疫情方面，陳秀熙說，美國疫情趨緩，全美上周新增105萬確診，約2萬名死亡案例，確診前5名州別為加州、德州、紐約、佛州及伊利諾州，確診人數均呈下降趨勢，幅度降17％~38％。相對應一周新增死亡人數，除加州上升1％外，其餘四周降6％~17％。美國全國新冠肺炎疫苗至少一劑施打率為 7.6％，累積1月31日已施打2520萬人。
中南美洲各國部分，陳秀熙提到，包含巴西及墨西哥等國家，均面臨第二波疫情之襲擊，且中南美洲各國疫苗施打率仍低。
變種病毒自英國傳出，英國疫情因此深受關注。陳秀熙提到，目前全英國累計確診個數約380萬人，累積死亡約10萬6千人；自9月開始，英國南部有新病毒株B.1.1.出現7後1，疫情開始升溫，11月稍微趨緩後，12月疫情又開始爆發，新病毒株B.1.1.7已遍布全英國，自2月開始接種牛津及輝瑞疫苗，1月5日開始，英國首相強生宣布實施封鎖策略後，目前疫情有趨緩的趨勢，截至1月30日已有14％至少施打一劑疫苗。</t>
  </si>
  <si>
    <t xml:space="preserve">在美國總統川普宣布對歐洲實施嚴格的旅行管制，自13日午夜起30日，暫停14日內曾在歐盟申根區內旅遊的外籍旅客赴美。隨後，美國務院也罕見對「全球」發出旅遊警示，建議美國民眾再三考慮再出國旅遊。
據美國有線電視新聞網報導，川普11日在白宮發表全國演說，批評歐洲面對「外國病毒」反應不夠快之外，稱美國先前暫停與陸旅行已挽救了許多生命，現在美國必須對歐洲做出同樣決定。美國國土安全部隨後表示，根據總統川普宣布的旅行限制，將禁止過去14天曾赴歐洲申根區國家的大多數外籍人士進入美國。
而在川普宣布禁歐洲旅行不久後，美國國務院也更新國人赴全球旅行警示至第3級，建議美國民眾「三思而後行」（reconsider travel），並指出世界許多區域正在經歷新型冠狀病毒疫情爆發，可能採取限制旅客行動的措施，例如隔離及邊境管制。
聲明強調，即使是目前尚未傳出有確診病例的國家及地區，也可能在無預先通知下隨即採取旅遊限制，並建議美國民眾參考國務院旅行網站上的建議，以及從駐外大使館進網站，進一步查詢的當地防疫管制措施。
</t>
  </si>
  <si>
    <t xml:space="preserve">義大利新冠肺炎疫情持續升溫，過去24小時增加18人喪命，確診數也飆破2,000人大關。旅遊重鎮羅馬也首度淪陷，一名警官一家4口全部中鏢。
綜合路透社、當地媒體The Local報導，義大利疫情急速升溫，衛生官員昨（2）日晚間表示，自周日以來，過去24小時內，義大利再新增18例新冠肺炎死亡病例，累計境內已經有52人喪命。
此外，義大利周一再新增342確診病例，境內總確診數上升至2,036人，飆破2,000人關卡。值得注意的是，義大利上周六才宣布確診數飆破千人，才兩天，又多了千人染疫。
過去幾天，義大利病例多集中在較富裕的北部地區，包含倫巴底（Lombardy）、威尼托（Veneto）、以及艾米利羅馬那區（Emilia Romagna）等3個區域，英國《衛報》（The Guardian）報導，昨日，位在中部的旅遊重鎮、首都羅馬也首度出現確診病例，一名警官及一名消防員雙雙確診，警官的妻子、2個孩子等也全數中鏢。報導說，羅馬此前曾出現3例確診病例，不過當中2人是來自武漢的大陸夫妻，另1人則是自大陸撤出的義大利僑民。
義大利國家衛生研究院院長布魯塞弗羅（Silvio Brusaferro）周一表示，未來7天將是阻止義大利疫情擴散的關鍵時間，他們將會知道，現階段義大利的防疫機制是否發揮作用，他個人對整個情勢相當樂觀。
</t>
  </si>
  <si>
    <t>新冠肺炎在美國累計64例確診病例，美國總統川普痛批民主黨不僅將新冠肺炎「政治化」，還利用新冠病毒「騙局」來傷害他和他的政府。在各國提高防疫尋求解方之際，川普仍熱中於選戰以及口水戰。
川普28日在南卡羅來納州一場競選集會上痛批民主黨利用通俄門來打擊他，但效果不太好，接著又用「通烏門」彈劾騙局，「這次（新冠肺炎）就是他們的新騙局。」
除了牽拖民主黨，川普也不忘為自己政府美言，稱美國防疫陣線是由「世界上最優秀的專業人員」共同組成，且美國政府正在為最糟的情況預做準備。無論是正在談論的病毒或是其他眾多公衛威脅，反觀民主黨開放邊境的政策都直接威脅所有美國人的健康和福祉。」
至2月28日止，美北加州、俄勒岡州、華盛頓州共出現4例感染源頭不明病例。4人均無出國旅遊史、也未接觸感染源頭，專家憂慮，新冠病毒可能已在美西北部地區出現社區傳播。2月28日通報的第4起感染源不明確診病例，為華盛頓州一名未滿18歲青少年，目前在家中隔離，其就讀的高中將停課到3月3日。
美疾病管制暨預防中心（CDC）2月26日才證實全美社區傳播首例，患者是加州一名女性，目前在戴維斯加州大學醫院治療。由於一開始她不符CDC公布的檢測標準，就醫11天後才被確診，且情況危急，曾接觸她的124名醫護人員現在都得居家自主隔離。飽受抨擊的CDC才宣布更改篩檢標準，只要出現病徵，即便沒有旅遊史或接觸史，仍可接受檢驗。
對於4例感染源頭不明病例，加州大學戴維斯分校傳染病專家布隆伯格（Dean Blumberg）表示：「這表明病毒就在社區，意味幾乎每個人都處於危險之中。」</t>
  </si>
  <si>
    <t>新冠肺炎升溫，目前國內累積確診人數已超過200例，配合北市政府疫情小組應變會議決議，提升密閉、近距離接觸性質的場館防疫應變措施，台北小巨蛋冰上樂園及北投會館才剛宣布採實名制，北捷今宣布，自明(25)日起暫停營業，未來視疫情緩和情形，再決定開放營運時間。</t>
  </si>
  <si>
    <t>新冠肺炎變異株Omicron病毒引起國際高度警戒，部分國家原本鬆綁邊境管制，現在再度實施旅行禁令。民眾黨立委邱臣遠呼籲，Omicron變種病毒傳染力與變異程度史上最強，疫情指揮中心要做好邊境控管，緊盯他國的邊境政策與疫情狀況隨時做出反應，並針對防疫旅館及車隊的配置進行完整規畫，確保能量足夠應對。
國內疫情趨緩穩定，但Omicron變種病毒來勢洶洶，面對未知的變種病毒，且即將迎來聖誕節慶、跨年晚會等大型活動，以及春節返台等大規模入境即將到來，台灣沒有任何放鬆警戒的本錢。
中央防疫指揮中心日前已宣布將南非等10國列為「重點高風險國家」，旅客抵台前14天曾到上述國家或轉機者，一律公費入住集中檢疫所14天，不會住到防疫旅館，並維持二級警戒到12月13日。至於是否封鎖邊境，指揮中心表示，14天的隔離政策已足夠嚴密，且Omicron無法逃脫快篩檢測，因此對於較為寬鬆的春節檢疫方案「7＋7」、「10＋4」，召集人李秉穎也說「雖有風險但可接受」。
對於指揮中心決定暫不加嚴防疫管制措施，邱臣遠呼籲，中央要做好邊境控管，緊盯他國的邊境政策與疫情狀況隨時做出反應；另外，莫德納執行長預測現有疫苗對付Omicron的效果有限，恐需開發新疫苗因應，但施打第三劑疫苗仍有加強保護力的效果，政府應讓高風險族群盡快接種，並明確第三劑混打的各類可行性。
邱臣遠表示，台灣在長時間的防疫規範下，不少民眾的心理健康已經受到影響，許多商家更早已支撐不住、關門歇業，台灣社會已難再承受更進一步的衝擊，面對變種病毒再起，防疫政策必須要嚴謹落實，嚴防變種病毒入侵台灣。</t>
  </si>
  <si>
    <t>台北市副市長黃珊珊在昨(12)日爆，中央認為北市匡列太寬，甚至刪除北市上傳的居家隔離紀錄，外界質疑究竟匡列標準是中央訂定還是授權地方訂定？匡列太寬是否真的會被刪除？
中央流行疫情指揮中心發言人莊人祥表示，匡列部分，10日區管中心和地方衛生局討論，因為在文山區有位個案的接觸者有60人，當時衛生局同意改列自我健康監測，並未刪除居隔紀錄，之後又把這60位列為居家隔離，也未再做其他修正，可能是中間有誤解。</t>
  </si>
  <si>
    <t>美國媒體近日公布6月各國「新冠韌性排名」，台灣排名雪崩式暴跌到44名，淪為倒數第10名。對此，前民進黨立委林濁水認為原因「很震撼」，恐與「數位疫苗護照」上路，歐盟 27國 7月1日直接刷手機通關有關。難怪台灣在53個主要經濟體中由第2 名一路掉到44名。
美媒《彭博社》公布6月份各國「新冠韌性排名」（The Covid Resilience Ranking），台灣繼5月份從先前的「前段班」重摔到15名後，更進一步慘跌到44名。
對於台灣防疫排名慘跌，林濁水今(1日)也在臉書表示，很震撼！歐盟「數位疫苗護照」上路！27國於7月1日直接刷手機通關。難怪排名一路狂調，這也是防疫戰，戰術取向的、「解決當前問題取向」的台灣固然盛於前，終於輸給戰略取向的、佈局末來，前瞻取向的西方國家。
《美麗島電子報》董事長吳子嘉，6月29日則是在政論節目直言，這個下滑的速度是世界之最，若自己是行政院長蘇貞昌或衛福部長陳時中，早就吃不下飯了。
針對外界質疑，民進黨立院黨團副幹事長黃世杰則表示，是因為三級警戒後各種人流管制以及疫苗接種率較低，所以排名才往下掉。他還指出，防疫排名並非政府在意的因素，控制住疫情，才是最重要的。
「數位疫苗護照」上路！歐盟 27 國 7/1 直接刷手機通關。
很震撼！
難怪彭博資訊「全球防疫韌性排名」台灣在53個主要經濟體中由第2 名一路掉到44名。
這也就是防疫戰，戰術取向的、「解決當前問題取向」的台灣固然盛於前，終於輸給戰略取向的、佈局末來，前瞻取向的西方國家的故事。</t>
  </si>
  <si>
    <t>新冠肺炎在台灣延燒，近日陸續傳出確診者在家猝死的消息，各界專家紛紛指出可能跟新冠肺炎特有的「快樂缺氧(happy hypoxia)」有關。國泰醫院心血管中心一般心臟科主治醫師蘇彥伯提醒，低血氧雖在疫情爆發後受到重視，但其實平時有許多疾病也會造成低血氧的現象。
●從沒事到猝死只需半天！？隱形殺手：快樂缺氧
蘇彥伯醫師表示，「快樂缺氧」是一種由低血氧所導致的致命危機，正如其名，患者在罹病初期，血氧的濃度其實已經隨著肺部的受傷而漸漸地降低，但是當下並不會覺得特別不舒服，也不會喘，當病患開始覺得喘的時候，病情已經急轉直下轉為重症，這時候血氧濃度已經低到危及生命，進展的速度甚至會讓病人還來不及救醫便猝死在家中。
最主要的關鍵在於新冠肺炎的病人，初期血液含氧量不足造成的症狀並不明顯，讓患者毫無察覺．再加上情況嚴重時病情會急速惡化，從沒事到喪命往往不到半天的時間。
●為何確診者進入「快樂缺氧」這麼快？
蘇彥伯醫師指出，低血氧對人體的影響非常廣泛，當人體進入缺氧的狀態，身體各器官都可能受到影響，包括器官衰竭，最嚴重的就是休克、猝死。
而新冠肺炎的患者不只是因為肺部的發炎影響氧氣的交換，再來就是這個病毒會造成身體各個器官的小血管發炎而造成微小血栓，使得血氧運送受阻，讓病況雪上加霜。以往像是肺炎的治療，在血氧含量低到90%以下才需要接受額外的氧氣輔助治療，新冠肺炎患者恐怕在94%以下時就需要積極的介入治療，否則等到發現血氧量不足時恐怕為時已晚。
●低血氧不只確診者才有，4大風險族群要注意！
蘇彥伯醫師解釋，血液氧氣飽和濃度需靠血氧濃度計才有辦法監控數值，原理是利用紅外線照射肢端末梢的微血管，偵測光線的變化轉換為血氧的濃度。一般正常的情況下，成人的血氧數值正常為95%~100%之間。隨年紀增長，年長者、慢性病等族群血氧濃度就可能較低，不過還是約落在95%以上。
只要血液中的氧氣沒有辦法順利輸送到全身，偵測的血氧濃度就可以降低。低血氧的問題其實在生活中不算少見，可粗分為急性低血氧和慢性低血氧兩種，像是心肌梗塞造成休克，或是肺部感染造成缺氧，新冠肺炎，都是屬於急性低血氧。這種狀況往往都伴隨生命不穩定的症狀需要積極的介入治療才能挽回生命。
慢性低血氧則常隱藏在其他高風險慢性病族群當中。例如慢性氣喘、慢性阻塞性肺病會因為肺部氧氣的交換效率不佳、或是慢性心臟病患者因為血液無法有效率的輸送至全身，都會讓身體長期屬於慢性低血氧的狀態，這樣的患者平常的血氧濃度可能就在90%上下，雖然平時不至於有生命危險，但若加上其他危險因子例如感冒、感染等，風險將會大幅提升。
●日常防範低血氧，風險族群留意４症狀！
蘇彥伯醫師提醒，了解低血氧的嚴重性，一般的民眾不必過度恐慌或多準備血氧濃度計，但年長者、慢性病族群、心肺功能不佳者、染疫者就建議最好考慮多做準備，並且時時要留意自己的呼吸狀態是否正常，若有發現自己的呼吸開始逐漸變喘、心跳加快、呼吸急促、呼吸困難等，就應提高警覺，盡早就醫，以免憾事發生。</t>
  </si>
  <si>
    <t xml:space="preserve">新冠肺炎在2021年5月中旬在台灣快速傳播，防疫指揮中心宣布提升全台地區防疫爲第3級戒備，影響國民生活。中醫師陳潮宗表示，看到很多民眾對於中藥新藥清冠一號的使用出現了有些問題及誤解，特別呼籲並提供正確使用中藥防疫3個階段處方。
●中西合作快速改善確診者症狀 可快速出院且無後遺症
在2020年初新冠肺炎侵入台灣時，多位在西醫加護病房的病人，藉由國家中醫藥研究所團隊的蘇奕彰教授兼所長與三軍總醫院、彰化基督教醫院、長庚醫院中醫部協力合作，在各個醫院的加護病房中西醫合作治療新冠肺炎，結果成效卓著，並做了一些初步觀察及統計，對未能迅速3採陰的病人加以中藥治療，結果發現，患者很快能出院並沒有留下肺部纖維化或氣喘的後遺症，確定有效後定名爲清冠一號。
●清冠一號處方應經由中醫師開立處方 切勿自行購買
中醫師陳潮宗表示，清冠一號處方有10種中藥內容：黃芩，清上焦風熱、可抗菌、抗病毒；板藍根，能抗菌、抗病毒、減少病毒的數量；瓜婁實可去熱痰、清肺熱對於肺部的發炎的改善；荊芥、防風2味中藥可以消散風熱、消除肌肉的酸痛兼有退燒作用；薄荷止咳化痰清風熱而且肌肉的酸痛；魚腥草殺菌抗病毒止咳；厚樸能寬中氣、定喘；甘草健脾和胃調和諸藥作用；桑葉入肺肝經，可疏風清熱。該注意的是，該藥方需經由中醫師親自看診後開立處方，切勿自行購買服用。
●平時可運用中藥提升免疫 保健身體不讓外來邪氣入侵
中醫的防疫處方應隨著流行疫區的遠近及確診者的接觸可能、是否感染後有出現呼吸道症狀等而有所不同，千萬不可任意服用，否則不僅破財又無法得到治療的效果。
</t>
  </si>
  <si>
    <t>新冠肺炎肆虐全球，疫情在日本仍不斷擴散，日本傑尼斯天團嵐多場演唱會受阻，原定下月15至16日在容納至少8萬人的東京新國立競技場舉行的演唱會，14日已決定延期，5位成員也分別回應，櫻井翔表示為了防止疫情擴散，取消演唱會是痛苦的決定，但唯有延期才能保障歌迷的安全，其餘成員也呼籲歌迷要勤洗手嗽口抗疫。而嵐在大阪、愛知、福岡舉行的「ARASHI EXIBITION“JOURNEY」展覽則中止，他們早前也已取消4月的首次北京演唱會。
嵐將在今年底休團，可惜今年度安排的多項大型演出都因新冠肺炎疫情而被迫喊卡，包括已延至下年的東京奧運，嵐本來應無法為NHK電視台擔任大使，但NHK方面上月卻表示計劃未有變動，有望5人明年休團後合體為奧運任特別報道員。
受影響的不只如此，朝日電視台新聞節目《報導STATION》的43歲男主播富川悠太日前確診武肺，同台於17日現場直播的音樂節目《Music Station》，15日取消本月所有直播，免得74歲主持森田一義（Tamori）與女主播並木萬里菜受感染風險，屆時節目將播出以前片段。</t>
  </si>
  <si>
    <t>台灣5月中爆本土疫情，4月15日將機組員檢疫措施改成「3+11」被視為防疫破口，但指揮中心指揮官陳時中昨卻說「華航諾富特案是群聚，不算社區破口」。對此，胸腔科醫師蘇一峰忍不住吐槽，機師同住家人在4月就驗出大量IgG抗體，而IgG抗體要感染超過一個月才會產生，若不是「機組員的隔離檢疫時間太短，增加家人被感染的風險，家人就把病毒傳出去了」。
蘇一峰昨天在臉書發文分享，疫情累計的死亡人數來到817例，中央流行疫情指揮中心指揮官陳時中強調「3+11政策未影響社區」，華航諾富特案是群聚事件，不算是社區破口，讓他聽了忍不住吐槽說「看來范雲無罪了，可以出來了」。
貼文引起網友熱烈討論，「原來萬華爆發不是3+11害的，是萬華自己生出來的病毒」、「所以，病毒真的是天上掉下來的？」、「3+11既非破口，那之前說要負責，是要負什麼責呢」、「反正話都是他在說的」。
但也有網友留言說，病毒早在三月就進來了，與萬華和諾富特案幾乎同時散開，加上無法確定諾富特員工是否有去萬華阿公店消費，或是機師傳染給諾富特員工後，再去萬華消費，因此整件事應和4月15日將機組員檢疫措施調整為「3+11」沒有關係吧？
對此，蘇一峰表示，機師同住家人早在四月就驗出大量IgG抗體，而家人們平常並不需要隔離，所以病毒早就傳進來了，因為IgG抗體要感染超過一個月才會產生。因此他認為機組員的隔離檢疫時間太短，增加家人被感染的風險，家人就把病毒傳出去了。「也許在3+11前的5+9就已經是破口了。」</t>
  </si>
  <si>
    <t>新冠肺炎疫情重創好萊塢，除了娛樂活動及影視產業停擺，觀眾上戲院觀影的意願低，導致北美周末電影票房創20年來新低紀錄，僅收逾5530萬美元（16.6億台幣），即使「唐老大」馮迪索（Vin Diesel）不畏疫情、端出科幻鉅片《血衛》，仍抵擋不了來勢洶洶的疫情。北美周末總票房較上周末下跌44％，《紐約時報》更寫道：「在周末票房上，上帝打敗了超級英雄。」
新冠肺炎病毒大流行打亂美國人原來生活步調，政府為了避免群聚傳染，美國的電影院也陸續被迫關閉，除了賓州和紐澤西州的影院率先停業外，15日晚間紐約市長比爾白思豪（Bill de Blasio）下令該市所有電影院、夜店、小型劇院和音樂會場所從17日開始關閉；在此同時，洛杉磯市長艾瑞克賈西迪（Eric Garcetti）也宣布即刻起至月底關閉影院、酒吧、餐廳等娛樂場所，這對美國可說是空前舉動。
馮迪索在《血衛》扮演超級英雄，該片北美票房僅收逾930萬美元（2.8億台幣），比起預估票房數字少了30％，不過該片12日在台灣倒是為市場增添來客數，上映4天全台累計逾3170萬元，為台灣低迷的觀影市場注入一股活水。</t>
  </si>
  <si>
    <t>日本無償提供台灣124萬劑AZ疫苗，叫國人感動不已，大呼台日友好，不過有眼尖網友發現，食藥署檢驗疫苗的畫面裡，AZ包裝盒上印有「meiji」的（明治）商標，有好奇寶寶因此循線調查，意外得知，原來該公司不只生產巧克力、冰淇淋，事業版圖還橫跨農藥、醫療用品、動物疫苗等項目，驚人發現引發網友熱議。
根據Twitter該文指出，有網友發現，日本提供的AZ疫苗盒上印有「meiji」（明治）標誌，因此忍不住上網查詢，赫然驚覺「做冰淇淋那間公司」是日本疫苗此趟背後負責冷鍊運輸的公司，於是興奮PO網跟大家分享資訊。
由於「meiji」的Logo大多現身超市貨架上，所以這回從疫苗包裝盒左下角冒出來，許多網友也嘖嘖稱奇，但還是有老司機早知此事，在留言區進一步說明，指稱日本企業本來就很愛「亂點技能樹」，所以明治公司除製造冰淇淋、巧克力，提供冷鍊運輸外，還涉及農藥、醫療用品、動物用疫苗等產業，產品更包括運動營養品、非處方藥等，無遠佛屆、難以想像的企業版圖，令人驚呼連連。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昨日疫情指揮中心上午急開記者會，要求清明連假到過11個熱點風景區、人潮擁擠地方出遊的人，都要居家上班、請假不去上學，實施自主健康管理14天。但一名幼教老師表示，她調查連假出遊狀況時，家長與孩子的答案竟大相逕庭，讓她傻眼。
這名幼教老師在臉書PO文，指出5日晚上她用Line傳訊息問家長，是否有在連假期間帶孩子到11處景點玩，「結果家長每個都回傳，4天都乖乖在家沒出門喔！」結果隔天一早問小孩，一半以上都說有出去玩，「開始巴拉巴拉的說去了哪裡玩，跟誰去」，都不是昨晚家長說的4天都在家沒出門。
看到這種結果，原PO表示這調查一點意義也沒有，「會據實以告的人真的太少！」並呼籲真的乖乖待在家防疫的人自求多福吧！
</t>
  </si>
  <si>
    <t>有媒體報導，累計至6月3日雙北統計確診火化數，台北市155例、新北市106例，與中央統計明顯不符，讓不少人質疑死亡人數也要校正回歸？對此新北市長侯友宜今受訪表示，確診者死亡原因必須由中央判定，地方會透過法傳系統上傳呈報中央，中間難免會有時間差，希望愈快縮短愈好。
根據平面媒體報導，累計至6月3日為止雙北統計確診火化數，北市155例、新北市106例共261例。但根據CDC統計1至4月確診死亡數僅有3例，即便加上其他縣市，中央公布的新冠肺炎死亡累積至6月5日，和應該公布人數足足短少破百例，讓不少人質疑要「校正回歸」嗎？</t>
  </si>
  <si>
    <t xml:space="preserve">英國變種病毒不只傳染力相當強，家庭傳播力尤其驚人，一項挪威研究顯示，在同一個家戶之內，原來的新冠病毒每1.36次密切接觸，會發生0.36次的次發感染；英國變種病毒每1.45次密切接觸，會發生0.61次的次發感染，換算出來的家戶傳染率差異很大，英國變種病毒竟達42%，而原來的新冠病毒只有26.5%。所以，阻絕病毒於家門口之外，自然是最重要的事！
中國醫藥大學新竹附設醫院感染科主任張凱音說，所有從外面帶進家裡的物品，包括購物或宅配包裹，最好按照以下步驟處理。「第一個步驟是將外包裝的塑膠袋、提袋丟棄，或是用酒精消毒。」張凱音說，許多人會以紫外線燈來消毒物品，但由於物品會有凹凸部分，難以照射到，所以只能消滅部分病毒，千萬不要過度信任紫外線燈的防護效果。
澳洲維多利亞州曾經歷2次封城，有一次甚至長達112天，有民眾分享阻絕病毒的經驗，外出購物返家後，他們會先噴灑酒精，所有物品如蔬菜在室外通風30～60分鐘後才會拿進門。
張凱音認為這個方法的確有用，所以第二步驟可以將進家門的物品放置通風處30分鐘左右，如果不想花太多時間，她建議也可以將蔬菜、水果等食物趕快放入冰箱就好。」這樣做不是因為冰箱的低溫能殺死病毒，而是可以預防你再次觸碰，然後最重要的是，最後一定要洗淨雙手後再觸摸家中其他物品。
崔可忠說，就算蔬菜上沾附病毒，只要經過清洗、烹調就很安全，更何況吃下肚之後病毒幾乎沒有機會存活，新冠病毒主要還是從眼、口、鼻進入體內。
張凱音說，「最好的情況是不要觸碰公共物品，例如有些人會自備衛生筷去操作ATM，但每用完一次就丟掉嗎？還是先用塑膠袋裝著？沒有處理好會不會反而沾染病毒？」還有許多人使用塑膠袋裝購物時找回的零錢，但花錢時還是會觸碰到紙鈔、硬幣。「最終還是需要洗手。」張凱音認為洗手才是最重要的，道理雖然很簡單，但要持之以恆並不容易。
更多 CTWANT 報導
</t>
  </si>
  <si>
    <t>新冠肺炎期間，屏東美術館仍集結縣內23名原住民藝術家，舉辦歷年來最大型展覽「未來潮－大山地門當代藝術展」17日開展。不過受疫情影響，逾百件平面、立體作品從5個展間延伸到戶外廣場，並推出線上導覽及講座，希望更多人不受疫情影響來認識原住民藝術。
這場藝術展籌備超過1年，不巧碰上新冠肺炎疫情，因此不舉辦開幕儀式，並加強防疫。參展藝術家及協同策展人伊誕．巴瓦瓦隆表示，「藝術的力量可以超越一切的恐懼」，藝術是進行式，疫情也可說成了展覽呈現的一部分。
這次的展覽聚焦在三地門、霧台、瑪家鄉等地藝術家的「斜坡文化」，作品媒材從木雕、石雕、金屬創作、編織、琉璃珠、陶壺、複合媒材、繪畫、錄像到多媒材裝置等。伊誕表示，展覽試圖探討從1900年來的120年，原住民當代藝術如何連結祖先的智慧，及現在的知識及技術，創造未來的潛在力量。
不過受到疫情影響，除了將部分作品延伸到戶外廣場，並管制入館人數、加大室內展覽間隔，另外也規畫了線上導覽及線上藝術座談，讓民眾不用冒群聚風險就能線上欣賞藝術，有興趣民眾可上「大山地門當代藝術」粉專查詢。</t>
  </si>
  <si>
    <t>立法院財政、內政、經濟、教育及文化、交通、社會福利及衛生環境委員會聯席會議5日審查「中央政府嚴重特殊傳染性肺炎防治及紓困振興特別預算案」。綠委陳素月質詢時提議，新冠肺炎疫情持續蔓延，財政部會不會考慮設立特殊病情的扣除額給民眾減稅？
財長蘇建榮備詢時回應，扣除額部分涉及修法，可說是緩不濟急，因此暫不考慮。不過，他也強調，財政部仍會採取三大措施，第一是提供民眾、企業分期繳稅，只要有財務困難，可依照稅捐稽徵法第26條規定，最多可分36期（即為三年）繳納。
第二是延緩繳稅期限，若民眾、企業因被隔離而錯過繳稅期限，可依照稅捐稽徵法第10條規定，最多可延長繳稅期限一個月。包括4月的使用牌照稅以及5月的房屋稅、綜所稅及營所稅等都包含在內，只要是有延期繳納需求，所有民眾、公司行號都可提出申請，國稅局將從寬認定。
第三則是受疫情影響而休業的商家，在暫停營業的期間，也可以免繳營業稅。</t>
  </si>
  <si>
    <t>疫情持續嚴峻，勞動部今年再度提出「自營作業者或無一定雇主之勞工生活補貼」，相較去年僅限投保級距基本工資以下勞工才能申請，今年擴大至所有級距勞工皆能申請，206萬職業勞工再扣除被排富後，有185萬名職業工會勞工可望依其投保級距不同可領1萬至3萬元不等的生活補貼。
勞動部去年針對投保在職業工會且級距在2萬4000元以下、且2018年綜合所得未達課稅標準的勞工可以請領3萬元生活補貼，據統計，去年共有122萬3347件申請、核准112萬6046人、發出337億8138萬元。
但遭外界詬病許多自營作業者明明受到疫情衝擊，但卻無法獲得補貼，勞動部今天提出的「自營作業者或無一定雇主之勞工生活補貼」放寬至投保級距2萬4000元以下的勞工可以請領3萬元生活補貼，而2萬4000元以上的勞工則可請領1萬元補貼，據勞保局3月統計，受益人數可望達206萬餘人。</t>
  </si>
  <si>
    <t xml:space="preserve">面對一波波持續不斷的新冠肺炎疫情，美國「烈焰紅唇」（The Flaming Lips）樂團仍在樂迷簇擁下，舉行了嗨翻天的現場演唱會。
據CNN新聞網18日報導，在別出心裁的演唱會裡，不僅是這群來自奧克拉荷馬市（Oklahoma City）的歌手把自己包在塑膠泡裡，所有參加現場演唱會的樂迷，每個人都有一個專屬泡泡。
「烈焰紅唇」（The Flaming Lips）樂團主唱主唱兼吉他手韋恩柯伊（Wayne Coyne）16日告訴CNN，新冠肺炎疫情爆發初期，他就有相關構想。
他畫了些草圖，2019年時，他是唯一在太空泡泡裡的人，其他人都和平常一樣。不過，新冠肺炎疫情爆發後，他又繪製了新草圖，在12日晚的演唱會中，不只是他，所有參加演唱會的人都在泡泡裡。
韋恩柯伊說，原本他以為，新冠肺炎在這個構想落實前就會消失。他說，3月中時大家或許都認為，新冠肺炎可能1、2個月內就能控制住，可是8個月後，它還流連不去。他表示，最初他和樂團公開提出這個構想，是在5月上「荷伯報到」（The Late Show with Stephen Colbert）的深夜脫口秀節目時。一開始他們是在唱幾首歌時，嘗試讓大約30人在泡泡裡。後來他們開始想，讓所有的人都進泡泡或許真的辦得到。
事實上，長久以來，「太空泡泡」一直都是「烈焰紅唇」的舞台戲碼之一，早已熟悉相關作業。為了這次大型活動，他們從中國大陸訂購了100個塑膠泡泡，讓在新冠疫情中舉行大型演唱會的夢想成真。
</t>
  </si>
  <si>
    <t xml:space="preserve">針對未來各種類似新冠肺炎病毒隨時有爆發可能，海巡署今天動工建造的第2艘4000噸級專業醫療巡防艦，除首創負壓隔離病房及醫療手術室外，另於普通病床增設負壓隔離罩，降低交叉感染風險，保護執勤隊員與隨艦醫療人員安全。
海巡署蔡長孟副署長及台灣國際造船股份有限公司曾國正總經理於109年3月11日上午10時假台船公司高雄廠主持「4000噸級巡防艦4艘統包採購案」第2艘巡防艦開工祈福儀式，
海巡署指出，新造4000噸級巡防艦規劃建置醫療手術室、病房(一般病房及負壓隔離病房)、回復受難者體溫之復溫室等緊急醫療救護裝備；另因應特殊傳染性疾病，全艦醫療區域設計為獨立空調系統，可有效區隔執勤及醫療人員作業空間。另為因應嚴重特殊傳染性肺炎(COVID-19)來勢洶洶，艦隊分署特別規劃升級病房設備，一般病房均增設負壓隔離罩，以降低病患間交叉感染機會，同時減低醫療人員受感染之風險。
另4000噸級巡防艦建置直升機庫，可供海軍S-70C直昇機臨時駐艦，遇有海上緊急醫療案件時，可搭配直升機進行後送，發揮人道救援精神，有效擴展巡防艦及直升機執勤範圍。
艦隊分署表示：「籌建海巡艦艇發展計畫」自107年正式啟動，6種船型的建造進度均正常甚至大幅超前，首艘4000噸級巡防艦預計本(109)年年底前可完工交船，未來也將如期、如質、如預算推動海巡國艦國造政策，全面提升海巡艦艇執勤能量，有效捍衛主權及漁權，保障我國漁民海上作業權益與安全。
</t>
  </si>
  <si>
    <t xml:space="preserve">台灣新冠肺炎疫情日益嚴峻，染病人數破百，引發民眾恐慌到大賣場搶購囤貨；加上每天新聞不間斷報導疫情新聞，有人因擔憂而身心失調。心悅診所院長林宏彥呼籲只要做好個人防護，適度轉移注意力即可，若真的太過恐慌可向身心科醫師求助。
林宏彥說，人類是群體動物，看到大家緊張跟著緊體是很正常的。不過台灣目前還未到社區傳染，政府也一直在調整防疫政策，雖然仍面臨嚴重挑戰，但還沒有失控，所以不需恐慌囤貨，購物前能想想哪些是自己需要的物品，而非因恐慌而「想要」的。
現在網路、電視每天鋪天蓋地關於疫情的資訊及新聞轟炸，有人因此焦慮，沒辦法控制自己反覆思考，引發失眠、胸悶、心悸等狀況，影響生活。林宏彥建議，關掉手機電視，適當喊個暫停，做其他事情轉移注意力，或做腹式呼吸、肌肉放鬆練習來讓身心放鬆。
日常生活也盡量維持規律，不要做太大改變，也可試著訂下短期目標，讓自己跳脫。另外網路上很多關於疫情的謠言、假訊息，要試著分辨真偽，不要一看到就轉傳，除了會造成社會恐慌，也可能吃上刑責。
他建議，現在只要做好個人防護，勤洗手、載口罩，少到公共場所或參加聚會，就是最好的防疫；若有親朋好友被居家檢疫或隔離，可為他們加油打氣，適時給與關心。如果還是很憂慮緊張，可到身心科診所就診，尋求醫師協助。
</t>
  </si>
  <si>
    <t>金管會公布國銀最新獲利狀況，由於新冠肺炎疫情影響全球資本市場信心及波動，國銀2020年5月稅前獲利272.3億元，月減32億元或10.5％、年減59.1億元或17.8％。累計1～5月稅前獲利1386.2億元，年減222億元或13.8％，衰退幅度較前4月12.8％擴大。
國銀2020年5月國內總分行稅前獲利147.8億元，月減達18.4％、年減達23.7％。國際金融業務分行（OBU）98.5億元，月減6.1％、年增3.4％。海外分行22.2億元，月增達58.9％、但年減達44.2％。中國大陸分行3.8億元，月減13.4％、但年增達35.6％。
銀行局副局長黃光熙分析，5月國銀獲利再度明顯衰退，主因新冠肺炎對市場及經濟影響，加上各國疫情變化、是否爆發第二波疫情等，牽動心理及景氣，致使金融資產帳面價值及投資收益雙雙減少，而國內總分行及海外分行增提備抵呆帳增加，亦加大獲利衰退幅度。
累計國銀2020年1～5月國內總分行稅前獲利805.4億元，年減達17.8％。OBU為439.2億元，年增2.2％。海外分行117.8億元，年減達34.2％，衰退幅度最高。中國大陸分行23.8億元，年增達19.2％，成長幅度稱冠各分行。
黃光熙表示，國銀前5月獲利衰退，主因新冠肺炎疫情致使國內外資本市場劇烈波動，導致國銀金融資產帳面價值減少。海外分行衰退最多，主因利息收益減少、備抵呆帳增加。中國大陸則受惠投資收益增加、備抵呆帳提列減少，以及比較基期較低所致。
國銀截至5月底總放款餘額30.62兆元，月增2421億元。逾放金額749億元，月增12億元，逾放比0.24％、持平4月及去年同期。備抵呆帳覆蓋率563.14％，月減8.7個百分點、年減9.85個百分比，但整體備抵呆帳提列情形仍屬穩健。</t>
  </si>
  <si>
    <t>新冠肺炎疫情擴散衝擊生產與買氣，3月、4月面板廠陸續看到客戶縮減訂單，其中又以車載面板、手機面板、電視面板受到的影響最大。市場預估，這三大應用面板，今年出貨都將有5～10％的衰退幅度。
先前友達董事長彭双浪就透露，目前觀察到新冠肺炎疫情對於市場看到明確影響的就是汽車，2月大陸汽車銷售只有過去的10分之1，而且汽車產業鏈長，牽涉的供應鏈管理複雜，復工需要的時間也比較長。先前大陸車廠關閉，接著3月份看到歐洲車廠也關閉，各地車廠生產喊停，也影響到零組件需求，衝擊車載面板。依照車廠復工的變化，Omdia預估，今年車載面板將出現8.3％、甚至是13％的衰退幅度。
封閉管理同樣影響電視的製造和銷售，歐洲電視生產重鎮斯洛伐克、波蘭和土耳其等地，以及馬來西亞、泰國電視製造都減產、甚至停產。特別是終端市場的買氣急凍，大部分消費者選擇購買糧食和衛生紙等民生用品，使得這些消費性電子產品大幅衰退。
Omdia預估，今年全球電視市場相比去年同期將衰退8.7％。此外，東京奧運等大型運動賽事延期，也讓備貨期待落空，再加上韓國面板廠關廠、出貨減少，今年電視面板將會出現兩位數的衰退幅度，史上最高。
智慧型手機則是另一個重災區，市場預估第一季銷售衰退幅度高達30％以上。
Omdia顯示器研究總監謝勤益表示，今年整體手機面板出貨預估會有兩位數的衰退幅度，不過OLED面板還是成長，主要因為越來越多手機廠商採用越來越多OLED面板，而LCD手機面板會有很大幅度的衰退。
謝勤益強調，包括筆電、監視器、平板電腦等IT面板第二季需求強勁，尤其是在教育與企業市場，因為線上教學、work from home使得需求增加，目前面板供不應求。預期這將是短期需求，整年度來看，IT產品需求受消費市場疲弱影響，仍比原本預期少5％左右，但相較於電視，受負面影響程度較少。</t>
  </si>
  <si>
    <t>立法院今天三讀通過紓困振興特別條例修正案，民進黨感謝朝野政黨的合作讓紓困條例順利通過。發言人周江杰表示，接下來的紓困特別預算案也將送進立法院，此時紓困對台灣來說是極為重要，當前此刻，全民期待的是朝野不分黨派攜手努力，中央地方團結一起，儘速讓紓困預算通過，協助台灣度過這次的難關。
周江杰表示，現階段除了防疫，政府也必須維持國家經濟穩定、人民生活安定，感謝朝野政黨的合作讓紓困條例順利通過。
至於國民黨今天記者會，他說，民進黨對於疫苗的態度很清楚，總統府昨日也已經正式說明，疫苗攸關全體國人的健康安全，政府必須對疫苗安全負最大的責任，因此對於疫苗進口、通路配送，以及後續接種的相關安排及合約簽訂情形，政府都必須充分瞭解，政府一切以國民健康安全為唯一目標，務必確保國人的安全與健康，並達到國家整體防疫的成效。
周江杰指出，陳時中部長也在指揮中心的記者會上說明過疫苗專案輸入的流程，也表達對於各縣市政府、企業、民間團體自行採購疫苗會全力投入處理，儘速與各申請單位了解、確認相關貨源，並且提供必要協助。周江杰表示，民進黨對於民間提供相關採購疫苗的協助都表達歡迎與感謝之意，我們也希望相關單位若有關於疫苗採購的資訊，都可以盡快與指揮中心聯絡，政府會儘速來針對專案進行討論。
國民黨質疑民進黨對於疫苗採購有意識形態，周江杰嚴正表示，疫情發生以來，民進黨不斷強調病毒不會區分政黨或意識形態，面對疫情只有不分朝野團結一致。民進黨對於疫苗的態度也是一樣，台灣一直努力透過多元管道積極向國際購買，同時也發展國產疫苗。
但是他說，近期我們卻可以看見，中國不僅阻擋台灣原本即將與德國BNT原廠簽約購買的疫苗；而現在日本政府表達捐贈台灣AZ疫苗的態度時，中國又講出「不會得逞」的說法，令人遺憾。民進黨也呼籲，國民黨應該共同一致對外，對於中國干預台灣採購疫苗的干擾，表達抗議。
周江杰指出，中央流行疫情指揮中心日前也公布目前已完成採購COVAX、AstraZenca及Moderna疫苗約2000萬劑，國產疫苗部分也持續推進。政府一直努力透過多元管道爭取國際原廠疫苗，全力加速推動外購疫苗到貨期程，國產疫苗目前也正在加速研發出廠，希望政府與民間共同努力，讓疫苗供給更為穩定，共同度過疫情艱困時刻。</t>
  </si>
  <si>
    <t>針對資深媒體人周玉蔻影射中廣董事長趙少康特權施打疫苗，國民黨台北市議員游淑慧津表示，救人命的疫苗，卻顯然成為政治攻防的武器，與其放任到處含沙射影或是遭選擇性揭露，她已要求台北市府，勇敢公布完整名單。
周玉蔻今（11日）在臉書爆料，台北市好心肝診所特權邀請打AZ的VIP裡面，據傳有一媒體董事長，她更直接點名是趙少康，對此，趙也立即回應，稱自己絕對沒做這樣的事，這一年半載以來，自己與好心肝診所電話通訊都沒有，莫名其妙跑出一件這樣的事真的很好笑。
針對周玉蔻影射趙少康一事，游淑慧今（11日）在臉書發文質疑，是否網軍側翼放出藍營人士打疫苗的風向？游痛批，昨晚到今天，救人命的疫苗，卻成為政治攻防的武器，與其放任到處含沙射影、亂箭打鳥或名單被選擇性揭露，她要請掌握疫苗配發的柯市府，勇敢公布完整名單。
游淑慧認為，現在台北市政風處要說明3件事情，一、診所違規施打疫苗疑雲中，據傳施打者不乏知名及高層人士，為挽回民眾信任，市府應於一週內公開六家診所疫苗施打者中「非」第一到第三類者之名單和身分類別；二、應調查診所違規施打時，有無另外收取暴利；因據其他議員指稱有另一診所，施打一劑要價6000，是否屬實？如果有診所藉疫苗不法獲利，除罰鍰外，也應該追繳不當得利；三、另違規施打者有無使用公費施打？如有，應向施打者追回相關費用，要求其自付疫苗費用。
大批網友也在其po文底下留言表示，「不管藍、綠、白或演藝界，偷跑就是沒品，不要一句我是志工，就想打發，通通出來講，你們的命是比第一線人員金貴嗎？國家少了你們會亡國？快說說你們金貴的點在哪？」「一攤開發現綠色金主一堆嗎」、「支持公布，支持攤在陽光下，與其口水戰，不如一次痛快」。</t>
  </si>
  <si>
    <t>新冠肺炎疫情全球肆虐，中央疫情指揮中心今（21日）公布國內新增18起境外移入病例，目前累積153名。台灣醫護人員站上第一線防疫之餘，也挺身而出，告誡國人「非必要暫時不要出國」，台東一名護理師更分享自己褪下隔離衣及手套後，雙手呈現毫無血色、佈滿皺褶的照片，網友看了備感心疼，紛紛留言直呼「讓人太心疼了，看到照片覺得鼻頭酸酸的！」
隨著境外確診案例不斷攀升，台灣醫護人員紛紛高舉「為了你，我堅守崗位；為了我，請你堅守在家」的標語，呼籲民眾減少外出，避免感染新冠肺炎，暖心宣導引來無數網友響應。
台東一名在醫院工作的護理師，日前也在臉書PO出她穿上隔離衣、戴上口罩、護目鏡，全副武裝的身影，尤其是手套下還藏著一雙毫無血色、被汗水浸溼，而佈滿皺褶的灰色手掌。
照片曝光後讓網友心疼不已，紛紛留言直呼「看到照片覺得鼻頭酸酸的，感謝辛苦防守在第一線的您們」、「辛苦了！」、「感謝白衣天使」、「感恩有你們！向你們致敬！」、「辛苦了所有的醫護人員們，感恩不盡」、「希望大家都能配合防疫，一起共體時艱！」、「台灣人民感謝您」。</t>
  </si>
  <si>
    <t xml:space="preserve">面對新冠肺炎(COVID-19)疫情蔓延全球，防疫是場長期抗戰，民眾減少外出至人群聚集場域紛紛轉向尋求各類數位內容平台，開始建立足不出戶的「不接觸」生活型態，如數位雜誌、音樂及影音平台。Kono電子雜誌平台指出，今年2月的新會員數較1月成長近7成，平台內總文章閱讀數更激增近5成，帶動整體業績較去年同期成長27%。此外，針對新用戶，現在用手機下載並註冊Kono電子雜誌APP，免費獲得14天會員資格，成功推薦朋友還可額外得到7天免費會員資格，更能享受當期現刊共300種以上知名國內外電子雜誌看到飽，包含全美最大梅瑞迪斯出版集團（Meredith Corporation）《PEOPLE》、《InStyle》、《Allrecipes》等知名刊物與韓國前三大出版集團Seoul Media Group之數位雜誌內容。
Kono電子雜誌獨家Smarticle技術，全球首創導入AI人工智慧，可自動產出符合各式數位裝置閱讀格式的好讀模式，並於今年推出viewer 2.0，讓閱讀電子雜誌更聰明、版面也更生動，更便於閱讀、縮放；Kono進一步運用大數據系統，根據個人閱讀習慣推播適合雜誌，同時像Google一樣輸入關鍵字搜尋，就可從上萬篇的雜誌文章中，找出相關的文章內容，讓雜誌內容能更貼近消費者閱讀喜好。此外，Smarticle的好讀模式，可利用Google語音系統朗讀，隨時可「聽」中、英、日、韓四種語言雜誌，同時也可將文字放大縮小，適合各種不同的閱讀情境，更好看、更好聽。
今年Kono電子雜誌平台更取得美國最大的媒體集團之一梅瑞迪斯出版集團（Meredith Corporation）旗下8本熱門雜誌的亞洲區電子版權授權，囊括生活、娛樂、休閒、美食、旅遊等類別，包括《TRAVEL+LEISURE》、《Food &amp; Wine》、《People》、《Instyle》、《Parents》等知名雜誌，於台灣等亞洲多國上架！同時，韓風迫降，今年更積極擴展雜誌範疇，新引進韓國Seoul Media Group旗下雜誌：《Women Sense》及《Living Sense》，讓讀者零時差追上最新的潮流趨勢。
Kono電子雜誌平台涵蓋台灣、香港、日本、歐美等300多款跨國電子雜誌，並擁有上萬本以上的新刊與過刊線上雜誌，領域橫跨財經、科技、時尚、旅遊等16大類別。除搶先取得數位授權之美、韓雜誌，既有多本的獨家日雜（《non-no》、《25ans》、《婦人畫報》、《MEN’S NON-NO》），更是廣受讀者喜愛，現在更同步積極開發多國雜誌授權，除了歐美、日本、韓國等國家外，未來也會著眼於新加坡、馬來西亞等亞洲國家，期待能引進各地不同雜誌，擴大閱聽者的視野。
</t>
  </si>
  <si>
    <t>國籍航空鐘姓副機師在疫情期間，為抒解壓力而外出訪友、購物，違反居家檢疫規定，遭處罰鍰80萬元，經法務部行政執行台北分署溫情勸說下，已於11月26日繳清罰鍰。
鐘男今年1月及2月居家檢疫期間及加強版自主健康管理期間，3次擅離居檢處所，違反「國籍航空公司機組人員入境健康聲明暨居家檢疫通知書」規定。交通部5月裁處鐘男80萬元罰鍰，移送台北分署執行。
台北分署調查後發現鐘男除航空公司薪資外，名下並無財產，要求鐘男到場說明財產狀況。今年7月23日鐘男向執行官表示，當初違反居家檢疫規定，為抒解長期處在「值勤-居家檢疫-值勤」的精神壓力與情緒，才外出訪友與購買食物，對於違反規定深感悔悟，事發後也被公司停飛並轉任其他職務，且遭減薪。
鐘男表示，他每月所得薪資除留下5萬元當生活費外，其餘皆交給父母，故名下無財產。執行官勸諭鐘男應繳清罰鍰，避免遭限制出境，影響日後復飛工作，對於其恢復副機師身分值勤應有助益。鐘男辦理5期分期繳納，先行繳納第1期40萬元後，罰鍰已於本月26日全數繳清。</t>
  </si>
  <si>
    <t>不畏新冠肺炎（COVID-19）疫情，經濟部加工出口區管理處挺就業，徵才服務不間斷，高雄、楠梓、以及中港園區，從12日開始舉辦現場徵才活動，包括日月光半導體、華泰電子、楠梓電子、華新科技、銳康科技、台灣海博特、和詮科技、頎邦科技、華新麗華、今國光學、技迪科技、維勝特企業及盛輪公司等18家知名企業，將釋出573個職缺，最高薪資上看5萬元。
加工處7日表示，此次的加工區徵才活動，將由中港分處與台中市政府沙鹿就業服務站共同辦理，率先在12日上午10時至12時30分，在中港分處3樓訓練教室舉行現場徵才活動。
中港園區的徵才廠商有華新麗華、今國光學、技迪科技、維勝特企業及盛輪公司等5家公司，提供職缺項目，包括電機工程師、軟體工程師、研發工程師、製程工程師、?光面板技術員、車床人員、國貿人員、管理部助理、倉管人員等，總計120個職缺，最高薪資上看5萬元。
加工處指出，第二場徵才活動則由高雄分處與高雄市政府訓練就業中心接棒，在13日上午9時30分至11時，在高雄分處後棟第一訓練教室舉辦現場徵才，參加廠商有華新科技、銳康科技、台灣海博特、和詮科技及頎邦科技等5家公司，提供職缺包括設備保修助理工程師、氣體管路焊接工程師、水電工程師及生產助理技術員等，總計100個職缺。
加工處說，最後登場的是楠梓園區與高雄市政府勞工局訓練就業中心合作，20日上午9時30分至11時30分，在楠梓園區內從業員工育樂活動中心辦理徵才活動。
加工處表示，包括日月光半導體、華泰電子、楠梓電子、全球華人、台灣興勝半導體、以及台灣捷康等8家楠梓園區廠商，將釋出共353個職缺，提供職缺包括製程/設備工程師、資料庫管理師、軟體工程師、設備保修技術員、倉管員化驗室-化性人員、生產機台技術員、操作員、品管員、作業員及SMT機台操作員等。</t>
  </si>
  <si>
    <t>衛福部桃園醫院爆發群聚感染，已有15例確診，昨（24）日晚間中央疫情指揮中心緊急匡列5000人居家隔離。國內疫情拉緊報，國民黨前立委孫大千連日來針對疫苗採購案提出多項質疑，今他指衛福部長陳時中就算想要推卸責任，不想公開疫苗採購政策大轉彎的幕後原因，至少不要用這麼二百五的鬼邏輯吧，還把美國和英國的防疫不力，和施打疫苗效果有限畫上等號。
孫大千在臉書指出，根據先前媒體報導，如果衛福部仍委托東洋進行疫苗採購，第一批200萬劑疫苗早在去年底就會到達台灣，並讓醫護人員施打，就算沒有辦法產生完全的防禦能力，至少可避免部桃院內感染的情況持續惡化，甚至避免未來其他專責醫療院所的醫護人員染疫。
美國和英國的疫情之所以持續惡化，孫大千說，真正的原因是在於政府防疫工作毫無作為，和施打疫苗根本沒有任何直接的關係，一旦全面落實疫苗注射，對疫情的控制必然會產生一定的效果。陳時中不願說出操控疫苗採購政策的幕後黑手，竟可以把美國和英國的防疫不力和施打疫苗效果有限畫上等號，如果打疫苗真的沒有用，那台灣為什麼現在要拚命去買疫苗呢？到底是誰把台灣人民的救命疫苗給搞掉了？
至於傳聞中介入疫苗採購案的民進黨籍「吳立委們」，孫大千呼籲他們站出來，面對媒體說清楚、講明白，究竟是哪一位吳委員，如此的神通廣大，能讓衛福部的疫苗採購規劃一夕翻盤？如果問心無愧，大可以公開否認，為什麼要迴避神隱，不敢直接回答，是否有推薦其他廠商給衛福部，導致原本的疫苗採購政策豬羊變色？
《是誰把台灣人民的救命疫苗給搞掉了？》系列之三
陳時中就算想要推卸責任，不想公開疫苗採購政策大轉彎的幕後原因，也至少不要用這麼二百五的鬼邏輯吧！
根據媒體先前的報導，如果衛福部仍然委托東洋進行疫苗採購，第一批200萬劑疫苗早在去年底就會...</t>
  </si>
  <si>
    <t>新冠肺炎出現變形種病毒，專家提醒季節越冷容易發生病毒感染，民眾務必做好勤洗手、戴好口罩等5重點自主防疫，新竹縣政府也加強社區防疫宣導，並在住宿型老人福利機構啟動示範演練及觀摩。
新竹馬偕醫院去年3月投入百萬成立新冠肺炎病毒合約實驗室，每日檢測量最高可達96組檢體，為大新竹地區的民眾健康把關，更讓檢驗流程從48小時縮短至最短4小時。在疫情高峰的3、4月每天檢測量滿載，但到了5月之後，數據因疫情趨緩下降，目前接受檢測的案例大多數是有檢測需求的民眾，為因公、出國工作等來檢測。
目前陸續有其他院所加入檢測行列，感染科醫師曾政尹指出，假若未來隨著天氣更冷，有更多需求檢測的民眾，相信新竹馬偕醫院量能沒有問題，若有必要，院內實驗室也會視情況適度增加量能，會在最快時間內檢測發報告。
面對變種新型冠狀病毒案例，曾政尹提醒民眾5個重點，包括保持健康作息規律、維持社交距離、正確戴口罩、勤洗手以及若有不適盡早讓醫師評估。曾政尹指出，季節越冷容易發生病毒感染，他建議民眾盡量減少大型聚會或將時間縮短，降低傳染風險。</t>
  </si>
  <si>
    <t xml:space="preserve">新冠肺炎疫情來勢洶洶，北美四大職業賽會嚴陣以待，除了宣布諸多措施外，正在賽季期間的NBA有可能決定閉門比賽，也就是兩隊在沒有觀眾與球迷的狀態下開打。湖人當家球星詹姆斯在得知消息後直言，如果閉門比賽，那他將拒絕上場，即便被開罰也不後悔。
NBA有可能會在美國當地周三下午舉行球團會議，討論如何對抗疫情，部分球團認為疫情愈來愈嚴峻，聯盟有可能做出極端決定，那就是清場閉門比賽。
某球團高層透露，這項決定不是針對詹姆斯，而是新冠肺炎疫情是全美重大公共衛生事件，在人民生命安全的前提下，一切必要的決定都是可行的。
另一位球團高層表示，目前看來短時間內是無法控制好新冠肺炎疫情的擴散，這次疫情的影響有可能延續到下一個賽季。
詹姆斯強調，「我是為了球迷而比賽，如果整場比賽沒有觀眾入場的話，那我也不會出現在球場上。」
拓荒者球星利拉德說，沒有球迷的比賽，乾脆在訓練場進行就可以了，何必大費周章還要到比賽場去呢？詹姆斯的話很有道理，如果閉門比賽還有什麼意義啊！
</t>
  </si>
  <si>
    <t xml:space="preserve">世衛組織將在日內瓦舉辦新冠肺炎專家會議，台灣將以「Taipei（台北）」名義參與視訊會議，引發外界議論，擔憂是否有矮化之嫌。對此，外交部發言人歐江安表示，由於有簽訂保密協定，政府不能透露台灣要以何種名稱參與，但是外交部一定會謀求台灣的利益，努力交涉。
世衛組織（WHO）今、明兩天在日內瓦舉辦新冠肺炎專家會議，中央流行疫情指揮中心監測應變官、疾管署副署長莊人祥指出，此次會議聚焦在新藥、疫苗的技術研發議題，我方提交的專家名單也全與新藥、疫苗發展有關，並確定將以「Taipei（台北）」名義參與視訊會議，專家則以個人名義與WHO簽訂保密協議。
對此，歐江安金在記者會上表示，在日內瓦的會議是閉門性會議，沒有任何轉播，台灣會以線上方式與會，有許多國家的專家也是透過線上方式一起討論，最後的討論資料會給各國政府作為內參，不會透露。
至於關於台灣的名稱，歐江安直言，由於有簽訂保密協定，所以政府不能透露與會的內容和專家的任何訊息。一切要等會議開始才會知道台灣的最終名稱為何，在此過程中，外交部都會努力交涉，謀求台灣的最大利益。
</t>
  </si>
  <si>
    <t>趕在新冠肺炎國產疫苗高端二期解盲前幾個小時，衛福部食藥署10日上午首度公布國產疫苗「緊急使用授權（EUA）」2項技術準則。不過台大醫院臨床試驗中心主任陳建煒對本報表示：「我只能說這絕對不是國際標準，其他讓衛福部自己向國人解釋。」他表示，如果是去年10月全球都沒有疫苗、人心惶惶之際，訂出這樣的標準他沒話說；但今年2月全球已經有4支有效的疫苗，那食藥署遲至6月才訂出的技術準則「是不是應該要有新的思考」？
去年10月，食藥署宣布，將比照美國訂出緊急授權條件，只要藥廠第二期臨床試驗受試者達3千人，且追蹤1個月確認安全性和有效性後，就可先量產100萬劑給國內高風險族群使用。今年3月陳建煒寫了一篇文章〈台灣疫苗進度落後沒面子？國產疫苗不要急著上路〉，表示食藥署沒說清何謂「有效性」，因為「產生中和抗體」不等於有療效，疫苗更重要的是能預防感染，尤其是感染重症；因此英美及歐盟核准EUA的條件都不是看中和抗體，而是看保護力。
陳建煒說，去年10月台灣根本沒有社區感染，打疫苗的沒有重症、不打疫苗的也沒有重症，合理的推測只能以中和抗體做為有效性指標；且當時全球沒有任何疫苗被證實能預防重症、各國人心惶惶，他對食藥署的準則「雖抱持懷疑、但仍予以尊重」。
不過今年3月時空背景已經完全不同，全球至少已有4支疫苗有療效實證，但食藥署一直沒有進一步訂定EUA技術準則。此次高端雙盲試驗是有打疫苗跟只打安慰劑的比較，食藥署10日宣布的EUA技術準則是看國產疫苗組跟AZ疫苗組的血清中和抗體，如何看這項標準？陳建煒笑說，他只能說這個絕對不是國際標準，「這樣講很清楚了吧？而且這不是我一個人的意見。」
專長是疫苗上市後評估的陳建煒說，臨床二期是做安全性，三期是做保護力。醫學文獻及醫療產品發展過程中「理論上有效、初期人體試驗有效，但大規模臨床試驗發現是無效或有害」的案例太多了，再具有吸引力的理論，還是需要大規模臨床試驗加以驗證，這才是近代實證醫學的精神。
陳建煒說，為何看中和抗體效價就足夠，這是衛福部決定的標準，要由衛福部跟全體國人解釋。他強調，去年10月訂下的標準，到今年就應該修正，因為面對的情況大不相同。國產疫苗想要進軍國際，就應該做第三期試驗，「身為一個長期規劃的疫苗公司，都應該這樣想，這是產業發展的合理方向。」</t>
  </si>
  <si>
    <t>陸美貿易戰爆發以來，雙方在關鍵資源搶奪之下，用以生產高科技產業發展的重要原料、國防戰略物資的稀土資源之爭就浮上檯面，在去年陸美關稅戰正熱之際，澳洲稀土供應商Lynas與德州廠商Blue Line Corporation簽署合作備忘錄(MOU)，將在美國擴大開採稀土。隨著陸美關係再度緊張，美國總統川普簽署行政命令，加快美國稀土開採速度。
大陸為全球最大稀土供應國，稀土廣泛運用在農、工、消費、軍事等產業，像是電動車、智慧型手機等消費電子產品的零組件，也需要稀土作為原料製造。從陸美貿易戰爆發以來，川普政府幾波關稅攻勢下，大陸進口稀土都沒被列入制裁項目，從數據來看，美國去年從大陸進口超過80%的稀土，都能顯見該戰略資源對於美國科技產業發展的重要地位。
川普在前往明尼蘇達州參加競選活動之際，簽署這項行政命令，宣布美國礦業進入國家緊急狀態，援引《國防生產法》加速礦區開發，擴大美國稀土開採規模，藉此降低對大陸依賴性。川普在今年新冠肺炎疫情爆發之際，也援引相同法規，支持美國醫療資源產業發展。
川普該行動，也與尋求該州鐵嶺（Iron Range）地區的礦工、居民的支持。川普受訪時表示，一個強大的美國不能依賴從外國進口的關鍵資源，這些稀土對於維持美國在21世紀的經濟和軍事實力愈發重要。
澳洲稀土供應商Lynas為大陸以外，最大的稀土供應商，與其合作將在德州建立稀土萃取分離廠房的Blue Line Corporation，則是美國稀土供應鏈的領導品牌，彌補這幾年來美國本土的稀土供應鏈的重要一環。
鋰礦也是電動車電池重要原料來源之一，與稀土用以生產電池所需。電動車大廠特斯拉本周一宣布，與澳洲鋰礦生產商 Piedmont Lithium簽署5年合作協議，每年向特斯拉供應北卡羅來納州礦床5.3 萬噸噸高純度鋰礦石。特斯拉原本與礦商Cypress開發協商併購，但最後認為從泥岩開採成本太高，最終決定自己投入開採鋰礦行列，有機會讓特斯拉汽車的電池成本大降一半。
馬斯克在上月電池日推出全新的 46800 電池，有望電池成本將從 127 美元 (每 kWh)下降14%，馬斯克也聲稱2.5萬美元電動車有機會在3年內推出。
雖然特斯拉執行長馬斯克表示，仍繼續保持亞洲廠商Panasonic、LG 化學以及寧德時代的電池供應，但馬斯克也認為，若不自行生產電池，未來將難以應付暴增的需求，所以特斯拉必須建立起本土供應鏈。</t>
  </si>
  <si>
    <t xml:space="preserve">受到新冠疫情影響，全台不少行業都受到衝擊，行政院推出振興三倍券，就盼可以讓民眾多多消費，促進經濟發展。但外界卻評價兩極，宅神朱學恆就提出三個大問題並直言，完全可以預見振興券真正上路之後會有更多的問題，從而抵銷原先應有的效果。
朱學恆在臉書《朱學恒的阿宅萬事通事務所》指出，振興三倍券有三大問題：專才濫用、把公測當封測在用以及諸多設定不符合真正的理想模式。他首先質疑，為何專責網路科技的政委唐鳳被派來負責振興經濟？為何不是交通部長負責？說穿了就是聲望不夠高、宣傳不夠力，萬一出事了恐會順手毀掉一個長期培養的領袖。
朱學恆繼續說明，三倍券的運作不但是「全民公測抓BUG」，老實說根本是把不成熟的產品拿來給大家抓錯。更妙的是，在野黨、工讀生每天忙進忙出找問題，然後當局開心補洞。讓領國民稅金當薪水的公務員設計一套完整規則很難嗎？
朱學恆更指出，三倍券的真正理想運作模式其實就是各縣市、平台共同舉辦購物節概念，越開放、瘋狂越好，但當局東防、西防，振興經濟的效果怎麼會好？結果千防萬防家賊難防，套利根本避免不了，但增加消費門檻減少轉手卻是實際的結果。
最後，朱學恆就直言，幾乎完全可以預見振興券真正上路之後會有更多的問題，從而抵銷原先應該有的振興效果，規劃者難道不能更認真一點嗎？
</t>
  </si>
  <si>
    <t>第15輪疫苗今天開打，共有143萬人預約打BNT、9.5萬人約打莫德納，為使疫苗有效運用，指揮中心日前也宣布，接種完第一劑AZ滿8周以上者，自11月25日起可自行至指定醫療院所預約混打莫德納或BNT。
第15輪疫苗除了提供AZ、BNT與莫德納供民眾接種第一二劑，也開放AZ混打mRNA疫苗，今天開始施打至12月1日。根據指揮中心統計，第15輪疫苗共有約179.1萬人完成預約，其中有143.2萬人預約打BNT，預約率大約5成；26.3萬人預約AZ，預約率約3成5；而預約莫德納的人數比較少，約9.5萬人，預約率只有12％。
指揮中心日前也宣布，為了讓民眾盡速完成接種，自11月25日起也將開放民眾至指定醫療院所混打，只要打完第一劑AZ疫苗滿8周以上的人，不管有沒有登入疫苗平台登記混打意願，都可以至指定醫療院所預約混打莫德納或是BNT疫苗。
指揮中心也提醒，第一劑打AZ疫苗，第二劑選擇混打mRNA疫苗的人，接種後發生不良反應的機率與嚴重程度會比兩劑打同廠牌疫苗者還要高。</t>
  </si>
  <si>
    <t>新冠肺炎疫情仍在全球延燒，前副總統陳建仁今(14)日表示，從目前各國的狀況來看，城市封鎖不是一個好方法，真正仔細地追蹤接觸史，和執行非常嚴格的隔離與患者近距離接觸者，才是遏止新型冠狀病毒的最佳方法。
陳建仁接受美國CNN電視「Fareed Zakaria GPS全球公共廣場」跨海連線訪問，於美東時間13日上午10時播出。主持人Zakaria大力稱讚臺灣是在全球控制疫情大流行做的最好的列表頂端或近於頂端。因為數據顯示：台灣人口接近2500萬人，死亡人數不到10人，並且僅有不到500例確診病例。
陳建仁今晚在臉書分享這段訪談，他在訪問中再次說明，這次許多國家的疫情流行，可能是人們忽略了個人衛生及社交距離的重要性。
他說，從目前各國的狀況來看，城市封鎖不是一個好方法，真正仔細地追蹤接觸史，和執行非常嚴格的隔離與患者近距離接觸者，才是遏止新型冠狀病毒的最佳方法。
陳建仁說明，台灣的檢測和追蹤作法，受到各界讚譽。成功的部分原因是，台灣擁有一個單一保險人體系，一個統一的醫療保險系統，有健保卡、電子資料以及所有工具中央管理。
另外，臺灣沒有封鎖任何城市，也沒有進行大規模篩檢，而是非常嚴格的追蹤近距離接觸感染者的民眾；並且非常仔細評估所有可能感染者的症狀，「我們認為這樣的作法更有效率，也更有效」。
陳建仁指出，透過居家隔離政策，我們對與確診病例有接觸者，實施14天居家隔離。這些接觸者必須在家隔離14天，不能去任何地方。
他強調，25萬名被隔離者，犧牲了14天的自由，確保了台灣2,300萬人能夠正常工作、正常上學和正常生活。因此，這是以一小群人的犧牲，來確保其他所有人都能正常生活，「這是我們在台灣設法遏止新型冠狀病毒，並降低經濟下滑的方式」。</t>
  </si>
  <si>
    <t xml:space="preserve">自從新冠肺炎爆發以來，北韓1月23日宣布封鎖朝鮮與大陸邊境，由於長時間受到世界的經濟制裁，民生物資短缺，3月時曾短暫開放邊境，從大陸進口醫療物資、口罩等資源，有位北韓官員太想吃辛拉麵，私下闖關卻被海關攔截退貨。
根據《朝鮮日報》報導，來自遼寧的貿易商，派出一台貨車載滿10箱辛拉麵、各種物資，前往北韓新義州，才剛抵達北韓邊境時，海關認為南韓的物品可能暗藏新冠肺炎病毒，因此退回整車物品，官員想吃辛拉麵，只能再等等了。
新冠肺炎防疫期間，許多北韓官員會趁大陸運載物資時，偷偷請貿易商攜帶個人需要的物品，但北韓政府不斷發出警告，認為美國、南韓可能會藉由疫情爆發，趁機讓物品沾染新冠病毒，例如鈔票、塑膠瓶等，「散播入境，危害北韓安全」。
北韓實施邊境封鎖後，國內物價飆漲，短短一個多月，豬肉1公斤價格從1萬北韓元（約台幣334元）上漲到1萬8750北韓元（約台幣626元），米1公斤4000北韓元（約台幣133元）上漲到6875北韓元（約台幣230元）。
</t>
  </si>
  <si>
    <t>新冠肺炎疫情持續蔓延，清明連假不少地區都湧入大量民眾，就怕引發群聚感染，疫情指揮中心特別示警。不過，有網友認為，疫情中心指揮官陳時中僅宣導外出要戴口罩或保持社交距離，恐造成潛在危險，使防疫出現破口。
日前陳時中指出，在與非特定人士或公共場合，應維持至少1公尺的社交距離，否則就要戴口罩。對此，PTT網友表示，這幾日透過新聞畫面可以看到，墾丁、旗山老街等地區遊客大爆滿，且一半以上都沒有戴口罩、沒有保持社交距離，「這可能是台灣防疫的大破口。」
該網友認為，因陳時中在記者會說，戴口罩或保持社交距離，但歐美也強調社交距離，感染人數還是拚命上升，理論上，台灣一開始戴口罩是比較安全的保護，但陳時中說戴口罩或保持社交距離，這可能使更多人不戴口罩，尤其海歸者，誰知道他們有沒有潛在各遊覽區呢？
其他網友則表示，「你覺得去那邊玩的人會聽陳時中嗎，說不定他是誰都不知道」、「事實證明勸導沒用，只能法令」、「講沒用啦，出事變嚴重人們才會怕」。
一部份的人認為這不能怪陳時中，「時鐘（時中）真的很棒，不要罵他，他盡力了」，陳時中並沒有做錯什麼，也不是人民的素質問題，而是人的劣根性如此，「簡單來說，沒有說不能=可以」，各位還是好好保護自己。</t>
  </si>
  <si>
    <t>根據NBA知名記者查拉尼亞報導指出，雖然復賽時間仍舊遙遙無期，但復賽之後的地點有可能會選擇在拉斯維加斯或是奧蘭多迪士尼這兩個地方，至於30支球隊的隊職員必須先隔離14天，確定沒有人遭到感染之後才會開打。
NBA自從3月12日宣布無限期停賽之後就因為新冠肺炎疫情在美國大爆發而始終看不到復賽曙光，即便美國總統川普不斷催促NBA盡快復賽，但NBA總裁席爾佛不敢輕易鬆口，只點頭從9日起開放部分球隊訓練場館，至於何時復賽依舊沒有確定時程。
查拉尼亞表示，復賽後最有可能的地點是拉斯維加斯賭城以及奧蘭多迪士尼，所有球隊最多只能30-40名隊職員以及球員家屬，所有人抵達復賽地點之後必須先隔離兩周，並且接受新冠肺炎篩檢，等到無人確診後才有可能重新開打。</t>
  </si>
  <si>
    <t>新冠肺炎疫情延燒，近期不少宗教活動多已暫停，民政局推出線上祈福活動，與永和保福宮、三峽紫微天后宮、土城慈法禪寺及三重先嗇宮等宗教團體合作，只要到新北民政保平安臉書留言，有機會獲宮廟限量祈福小物，也會把祈願內容送交宮廟，不必出門，也能加倍幸福。
網上寫心願 宮廟代客祈福
民政局長柯慶忠表示，宗教團體是社會安定的重要力量，為讓信眾防疫也能持續祈福，民政局與近期聖誕的神明主祀宮廟聯合推出線上祈福活動，並仿電影《寄生上流》劇情拍攝短片，宣導線上祈福防疫觀念，呼籲減少人潮群聚。
保生大帝聖誕 留言送御守
宗教科長賴小萍表示，新北宗教線上祈福搭配近期神明聖誕，分4階段邀民眾為神明慶生，只要至新北民政保平安臉書留言，寫出祈願，就有機會獲得宮廟提供的限量祈福小物，民政局也會將民眾留言的心願送至宮廟舉行法會上疏文，祝願心想事成。
第一波4月7日保生大帝聖誕，民眾即日起至3月25日至民政局粉專留言民眾，有機會獲得保福宮保生大帝平安御守，民政局說，民間信奉保生大帝為醫神，亦有瘟醫大道公之稱，平安御守在身，期能去瘟除疫，保佑身體健康。
接下來的4月15日天上聖母聖誕、4月30日釋迦牟尼佛聖誕及5月18日神農大帝聖誕，也有系列活動，與保平安小物，邀請市民留言求平安。</t>
  </si>
  <si>
    <t>資本市場因新冠肺炎疫情變更得更難預測，再加上全球降息、金管會落實新一輪監理，壽險業今年不是拚獲利多，而是拚淨值蒸發不多、經常性收益率（recurring yield）減少不多及避險成本不多，只有做到這「三不多」，才能穩住今年的獲利表現。
去年股債多頭，壽險業獲利創歷史新高，有1,535億元，且帳上金融資產未實現亦達歷史高點，淨值項下有3,300多億元，攤銷後成本項下亦有9千多億元債券評價利益，壽險業去年底亦保留大量現金及類現金部位，共1兆8,778億元，比前年底增加近7,300億元，就是為了在年初等待新一輪投資機會。
壽險業者坦言，大家都預期資本市場走太久多頭，遲早會回檔整理，但沒有預料到新冠肺炎肆虐，造成資本市場波動，壽險手中股債價格都比去年底大幅減少，到6月底就看誰淨值掉的最少，誰的資本適足率及淨值比能維持在安全水位，影響後續保單競爭力。
其次，各國央行競相降息，國際板債券出現贖回潮，若如預期今年贖回1.2兆元左右，再投資新的債券利率下降，則代表壽險業克服利差損的重要指標，經常性收益率在今年可能下降，即又出現利差損問題，所以各壽險公司現在想辦法抓住機會，要投資較高利率的債券，如3月中信用風險升高，部分公司債利率攀高，壽險業者即進場加碼，力求今年經常性收益率不要掉太多，甚至持平或微幅成長。
第三是經常性收益率可能減少，各壽險公司就拚避險成本，哪家公司能維持愈低的避險成本，則避險後經常收益率還是可能比去年高，那獲利依舊能成長、依舊可望有利差益。
金管會今年多項政策上路，並將嚴格要求保單不得虧損，各壽險公司必須穩住投資報酬率，才能穩住保單競爭力，所以淨值掉不多、經常性收益率減得不多、避險成本不多，必須達到三不多，新契約保費才能衰退得不多。</t>
  </si>
  <si>
    <t>嘉義縣獲中央配發第2批AZ疫苗3200劑已到位，提撥2000劑優先讓第一線警消弟兄施打，嘉義縣長翁章梁盼提升第一線防疫人員自我保護力，執行防疫最前線時能更加安心　預計6月1日前全數施打完畢。
嘉縣衛生局長趙紋華指出，繼縣內嘉義長庚、大林慈濟、朴子醫院、灣橋分院4家責任醫院醫護人員已4403人完成接種，此次中央撥補的3200劑AZ疫苗，4家責任醫院醫護分配1200劑持續接種，其餘2000劑疫苗，今31日起開放警、消人員施打、基層醫護、環保清消人員等第一線防疫人員接種。
趙紋華說，第一線防疫人員可依據提報名冊前往轄區衛生所或慢防所接種，預計6月1日前全數施打完畢。</t>
  </si>
  <si>
    <t xml:space="preserve">先前選擇跟厄文一同站出來高喊球員不該參加復賽的湖人後衛布雷德利，如今透過《ESPN》確認自己不會參加復賽，原因可能是顧及自己6歲兒子李恩擁有很難從呼吸道疾病恢復的病史，目前最有可能頂替布雷德利在湖人位置的是J.R.史密斯！
根據《洛杉磯時報》記者甘古利報導，布雷德利的湖人隊友都對他選擇不參加復賽並不意外，因為他們其中不少人在過去1周期間，完全無法跟布雷德利取得聯繫，似乎擺明要跟厄文站在一起反對復賽，目前他也告知湖人高層自己決定。
目前傳出J.R.史密斯即將取代布雷德利的謠言，其實也不奇怪，因為過去幾周期間，他都一直待在洛杉磯跟著不少湖人球員練球，看來應該是「小皇帝」詹姆斯的安排，原本J.R史密斯今年2月就曾前往湖人試訓，可惜湖人最後選了威特斯。
湖人當前還有另外1名球員可能不肯參加復賽，那就是曾發聲明強調「籃球在平權運動之後」的「魔獸」霍華，不過甘古利收到線報，湖人高層相信霍華很可能參加復賽，畢竟身為湖人內線兩大主力之一，如果霍華不打，湖人確實比較傷！
</t>
  </si>
  <si>
    <t xml:space="preserve">Statement from Malcolm Brogdon&gt;&gt; https://t.co/wSzjOAF7XE pic.twitter.com/jmclXRQHX3
溜馬後衛布羅格登(Malcolm Brogdon)確定感染新冠肺炎！他25日透過溜馬官推發布聲明，表示自己狀況不錯，預計可以趕上7月底球季復賽。布羅格登近期參與過街頭黑人民權(BLM)示威行動，並且沒有保持社交距離。
布羅格登當時對美媒ESPN說：「這個流行病新冠肺炎(COVID)是針對黑人而來，我們是無法負擔醫療保險的那群人，我們是沒有好工作、在疫情中被裁員的那群人，大家必須明白我們是如此無助，還有個黑人只為20美元偽鈔就於大馬路上被殺。我擔心大家會愈來愈麻木，我希望大家要保持憤怒。」
黑人民權與防疫難以兼顧，不過布羅格登認為還是人權比較重要。布羅格登的祖父輩就參與過金恩博士(Martin Luther King Jr.)的遊行，他祖父大概也想不到今天有少數非裔美國人可以在NBA賺進大把真鈔。
當然布羅格登不必擔心被裁員或沒錢治病(本季2000萬美元年薪)，但因疫情減薪，他仍會損失數百萬美元。27歲的布羅格登是雙能衛，本季停賽前場均16.3分、7.1助攻，好消息是他可以帶著病毒的抗體復賽，減少傳染他人的風險。
</t>
  </si>
  <si>
    <t>新冠肺炎疫情蔓延全球，建商卻逆勢購地，據最新統計，光是興富發集團首季就大手筆掃貨147億，囊括單季土地市場交易總額478億元的三成；預期第一季封關之際，下周30日登場的「世貿三館」地上權標售案脫標氛圍濃厚，屆時單季成交金額可望突破700億元大關。
第一太平戴維斯董事長黃瑞楠表示，儘管新冠肺炎疫情升溫，但建商對房市還是抱持高度信心，買地毫不手軟。第一太平戴維斯24日公布最新調查指出，不少建商預期疫情獲得控制之後，住宅市場的遞延買氣，將迅速回流，因此積極補進土地庫存，目前全台累計土地交易金額已達478億元，季增率3％、年減率25％；其中，建商購地就占431億元。
本季「獵地王」非興富發集團莫屬，今年迄今購地金額已達147億，遙遙領先同業，占478億元比例高達三成，其中，興富發以83.76億標得達新工業的台中七期土地，改寫台中土地最高總價紀錄。另遠雄建設、新潤建設分別斥資47億、37億元購入台北市土地。
值得關注的是，興富發大手筆搶地又埋下伏筆，日前董事會已決議授權董事長在全台六都、基隆、新竹進行個案投標開發，授權總額度達100億元，預期將再度展開攻城略地。
至於首季兩大土地熱門熱區為台中市及台北市，土地交易金額分別為162億元、154億元。
另外，首季商用不動產市場交易總額為68億元，比去年同期大幅萎縮七成。
黃瑞楠表示，新冠肺炎疫情延燒至今，企業專心於防疫部署及調派供應鏈原物料和產能，影響不動產購置計畫的評估速度；若全球疫情獲得控制，科技及製造業為求穩定營運及分散風險，預期將加速布局回台投資，商辦及工業土地、廠房類型的硬需求資產，可望在2020年下半年逐步回溫。</t>
  </si>
  <si>
    <t xml:space="preserve">前總統馬英九近日針對蔡政府以防疫為由，一直未能接回滯留在大陸的台胞提出批評，認為違反人權，但除了綠營不買單，連藍營自家人、馬英九自家老部屬前衛生署長葉金川，認為防疫是專業，馬非此方面專家，不應多談。對此，馬回應他談的是兒童人權、該講的還是要講。
《中時新聞網》特舉辦 ivoting網路投票，請問網友。針對新冠肺炎防疫，馬英九是否應發表意見？
截至29日晚間8：30許，共計有2268人投票，仍有高達1535票、佔投票數將近68％的人認為蔡政府罔顧台胞權益，當然可以發表意見。只有720票、佔投票數31％的人認為防疫是專業，馬英九不應該發表意見。
</t>
  </si>
  <si>
    <t>今(23)日指揮中心新增6例新冠肺炎死亡個案，為5男(案1912、案2384、案2986、案3304、案3417)1女(案2483)，創單日死亡數最高，除案2483外，餘5人皆有慢性病史；其中案3304在5月20日因未出勤，經同事發現其昏迷並協助送醫，同日晚間經急救後仍不幸死亡，經採檢於5月21日確診。
指揮中心表示，今新增6例死亡，個案為5名男子（案1912、案2384、案2986、案3304、案3417）及1名女性，年齡介於50多歲至80多歲，發病日介於5月10日至5月20日，確診日介於5月17日至22日，死亡日介於5月20日至21日。上述除案2483外，餘5人皆有慢性病史。
案1912年齡60多歲，具高血壓病史，5月12日出現咳嗽及呼吸喘症狀，5月15日就醫並住院治療及採檢，5月17日確診，於5月21日死亡。
案2384年齡80多歲，5月17日因呼吸喘就醫並住院治療及採檢，5月19日確診，5月20日死亡。後續疫調，家屬表示個案無慢性病史，尚待詳細調查後確認。
案2483年齡70多歲，具高血壓病史，5月16日曾因發燒就醫，5月17日因血壓下降再次就醫並住院治療及採檢，5月19日確診，於5月20日死亡。
案2986年齡60多歲，具高血壓、糖尿病、心臟病等病史，5月18日因發燒、畏寒、呼吸困難等症狀就醫並住院治療及採檢，5月21日確診，並於同日死亡。
案3304年齡60多歲，具高血壓病史，5月20日因未出勤，經同事發現其昏迷並協助送醫，同日晚間經急救後仍不幸死亡，經採檢於5月21日確診。
案3417年齡50多歲，具高血壓病史，5月13日至17日期間出現胸痛、咳嗽、呼吸喘，5月20日就醫並住院治療及採檢，5月21日死亡，並於5月22日確診。
發言人莊人祥表示，當中沒有慢性病的死亡案例是在死亡後和兒子做疫調得知無慢性病，但年齡也有80幾歲，該案5月17日有呼吸喘，當時有去就醫，在5月20日死亡，時間3天之內，但是沒有慢性病是靠家屬說明，還需要後續確認。</t>
  </si>
  <si>
    <t>新冠肺炎疫情發生後，我方經常因防疫問題，與大陸發生不少口水戰，但期間陸委會卻始終扮演著「安全閥」的角色，從陸委會主委陳明通「小明的故事」，到近日陸委會發言人邱垂正在記者會上，直接使用「新冠肺炎」一詞，而非蔡政府其他首長慣用的「武漢肺炎」說法，都可看出陸委會的善意，也為日後兩岸關係多保留些迴旋餘地。
世界衛生組織（WHO）雖已將肺炎正式命名新冠肺炎，但我方以方便民眾「辨識」為由，仍堅持使用「武漢肺炎」的說法。
不過，回顧陸委會近期新聞稿，在陳述相關疫情時，大多是使用「中國大陸新型冠狀病毒肺炎」的字詞，而此一說法相較其他政府單位使用的「武漢肺炎」，其實是更為中性，不帶歧視性色彩，甚至2月11日發布一條「因應新型冠狀病毒肺炎疫情擴散風險，即日起調升香港澳門列入橙色旅遊警示區域」，標題直接使用的就是「新型冠狀病毒肺炎」一詞。
而在2月27日最近一場記者會上，邱垂正更直接公開使用「新冠肺炎」的說法，當天也引起台下的記者關注，提問為何與其他政府部門表述方式不同，雖然邱垂正以「我們就是一個正常的說法」，四兩撥千金並未正面回應，但在公開場合使用「新冠肺炎」一詞，背後釋出的善意早已不言可喻。
其實這也只是陸委會善意的「冰山一角」而已，比如在武漢台胞首次包機引發歧視陸配風波時，邱垂正也曾在2月6日表示，裡面雖有大陸配偶，但「也是我們的家人」，並都擁有長期居留台灣的相關證件。更不用說，後來陳明通親上火線，為陸配子女返台辯護。</t>
  </si>
  <si>
    <t xml:space="preserve">台灣女星歐陽娜娜近年來把演藝重心轉往對岸，最近將出席央視舉辦的「十一國慶」晚會，高唱《我的祖國》一曲，引發台灣網友熱議；有人好奇為什麼大陸人那麼喜歡歐陽娜娜？據悉，她吸金功力一流，曾一個小時撈66萬金幣。
歐陽娜娜去年在網路上發表敏感的政治立場，受到大陸人的喜愛，從此之後就在對岸進行演藝活動，當新冠肺炎（COVID-19）肆虐全球時，歐陽娜娜為了鼓舞武漢的民眾，特地獻唱《樹洞》加油打氣，暖心地告白：「我記得在武漢音樂會最後一首歌，唱的就是《樹洞》，武漢的粉絲們都特別熱情，當時第一排的粉絲都戴了小葵花頭飾，希望可以再回到武漢辦音樂會，可以再和小葵花見面，再吃上一碗熱騰騰的熱乾麵。」
只見歐陽娜娜在直播平台拿著吉他自彈自唱，短短一個小時就吸引2600萬觀看人次，一度登上禮物榜前三名，爽賺66萬金幣，魅力打趴一票職業網紅，如今受邀登上央視演唱，許多網友狠酸：「真的不意外」。
根據歐陽娜娜將在對岸獻唱，陸委會呼籲國人不應參加大陸「十一」相關活動，如果違反《兩岸條例》相關規定將懲處。
</t>
  </si>
  <si>
    <t>最新公布的駿利亨德森全球股利指數，新冠肺炎疫情幾乎未對今年第一季的企業派息表現造成任何影響，但是今年剩餘的時間裡將面臨顯著的衝擊。
故此，第一季高水準的指數表現只是暫時的現象。以整體派息而言，第一季全球企業派息規模成長3.6％至2,754億美元，同時間基礎派息成長率為4.3％。美國與加拿大的派息規模均寫下史上單季新高，日本、香港、與俄羅斯則打破歷年來第一季的最高紀錄。第一季，駿利亨德森全球股利指數上升至196.3點，並寫下歷史新高。
駿利亨德森評估，在樂觀的情況下，2020年全球企業派息規模預估下滑15％至1.21兆美元，派息金額較去年減少2,130億美元。在悲觀的情況下，今年全球企業派息將減少35％，派息金額僅剩9,330億美元。
為了評估新冠肺炎疫情對於2020年企業派息的影響程度，駿利亨德森針對全球四分之三的派息企業（依據派息金額計算）深度分析。
研究團隊將這些派息企業分成三大類：已經取消或是暫停發放股息的企業、派息易受影響的企業、以及派息最不容易受到影響的企業。
新冠肺炎疫情對於各個區域與各個產業的派息影響程度大不相同，但是所有企業的派息都受到以下主要因素的考驗：
疫情的嚴重程度：疫情會擴散到什麼程度？
禁足令的影響程度：對於經濟活動的傷害有多深？
刺激政策：政府與央行對企業與經濟活動祭出哪些刺激政策？
法規層面：主管機關對於企業的要求－例如對銀行產業－有多嚴格？
產業組成：股市當中易受疫情影響的產業佔比有多少？不易受影響的佔比為何？
派息的季節性：派息的季節性有多明顯？季節性的影響是否無可避免？
派息政策：派息佔企業獲利的比例有多高？企業傾向固定的派息比例？還是漸進成長的派息政策？
北美與亞洲企業派息受到的影響料將最小，但是背後原因各不相同。
北美地區的產業組成較為有利（科技產業佔大宗），且企業為了保留現金，通常傾向選擇減少買回庫藏股，而不是刪減股息。
在大陸與其他亞洲國家，2020年的派息取決於2019年的獲利表現，因此疫情對於派息造成的影響料將在2021年變得更加顯著。
另一方面，英國與歐洲企業派息受到的影響最深。政府主管機關強制要求銀行停發股息，且大型石油企業與各大企業亦已減少派息。
以各個產業而言，銀行、非核心消費、與特定工業類企業（例如航太）的派息面臨最大的威脅。儘管原油、採礦、金融、與營建產業的派息普遍容易受到衝擊，但是投資人仍可在科技產業之中發掘相對安穩的派息來源。
此外，防禦性產業－例如健康照護、食品、與多數基本消費產業－其派息亦相對較為穩健（但是不含極度仰賴餐廳與酒吧的飲料業者）。
面對如此龐大的不確定性，任何派息的預測並沒有太大的實質意義，因此駿利亨德森決定撤回其對2020年的預估。
儘管如此，研究團隊仍針對最好及最壞的情境評估，協助投資人一窺2020年的派息前景。
在樂觀的情況下，僅有那些已宣佈刪減股息或是極可能刪減股息的企業會在今年調降股息。在此情況下，今年全球企業派息將下降15％至1.21兆美元，減少的派息金額約2,130億美元。
在悲觀的情況下，所有體質脆弱的企業都會刪減派息，屆時今年全球企業派息將下降35％至9,330億美元。
從上述這兩種情境的顯著差異可知，眼前這場疫情危機仍在快速變化中，但是整體而言企業應該只會調降派息的金額，不至於完全停發股息，因為它們希望節省現金並加強資產負債表。
此外，今年疫情帶來的部分影響將延續至2021年，屆時企業派息規模料將低於疫情發生前的預估結果。儘管部分債臺高築的企業可能無力因應如此突然且劇烈的經濟衰退，但是考量目前企業整體的負債程度，接下來只要全球確診案例過了高峰期、各種封城令與禁足令告一段落、且全球經濟活動開始回復正常並復甦，多個產業應可在2021年回復派息。部分企業為了保留現金並強化資產負債表，可能會選擇刪減股息、停發股息、以及發行股票增資。
駿利亨德森亞洲股息收益策略的共同經理人Sat Duhra表示，儘管面臨史上最為艱鉅的企業經營環境，但是亞洲企業的派息持續展現韌性。儘管前所未見的市場壓力迫使其他國家調整派息政策，但是亞洲企業似乎正進入復甦的階段，派息表現受到的影響相對較小。
值得注意的是，北亞的派息表現顯著改善，多數國家在第二季宣布亮眼的派息數字，且部分國家的派息甚至名列亞洲前茅，因此我們預期派息的波動幅度相對較低。儘管企業獲利前景走下坡、全球經濟充滿不確定性，導致大企業壓低派息比例，但是整體企業的營運前景似乎比原先預期地更有韌性－儘管可能還是會有些意料之外的負面事件，因此未來企業派息應有進一步的成長空間。</t>
  </si>
  <si>
    <t xml:space="preserve">苗栗國就是狂！苗栗縣議員鄭聚然11日表示，苗栗被稱為苗栗國，為何不能獨立生產口罩？鄭更表示，願意自掏腰包，投資600萬，買2台機器生產，每5個賣10元，提供鄉親來使用。
據綜合媒體報導，苗栗縣議會臨時會11日開議。會議上，鄭聚然表示，看到許多老鄉親每天為口罩奔波，都還買不到口罩，甚至有鄉親跑來跟他要口罩，他雖有心想從國外進口，但發現關卡重重，因此，他才想說為什麼不自己生產口罩，而且大家都稱苗栗為苗栗國，那為何不能生產！
鄭聚然認為，政府不要拘泥於法規，既然不能進口，那就開放全民生產口罩，來解決口罩不足問題，像他也想為鄉親服務，自掏腰包600萬元，弄2條生產線，生產口罩，每5個10元，讓鄉親都有口罩好用，也不用排隊。他向衛生局懇切，盼讓苗栗獨立生產，也很多人願意投資，希望政府不要一成不變。
對此，網友們紛紛表示，「苗栗國就是狂」、「苗栗國有苗栗國的玩法」！
</t>
  </si>
  <si>
    <t>香港今日(19日)最少新增100宗確診及初步確診個案，截至昨日(18日)，累計病例達1778宗，超越2003年SARS的1755人確診。另外，再有私立醫院職員中招，位於九龍太子道的聖德肋撒醫院2樓的內視鏡中心，有2名健康服務助理染疫。屯門眼科中心3名職員確診，1人初步確診。
根據香港《東網》報導，香港大學微生物學系講座教授袁國勇估計，因病人在中心負責收銀、處理病歷等，會接觸求診者的紙幣、身份證、轉介信等，或因而間接感染。市民人心惶惶，憂慮因接觸物件而不幸染疫，不過有傳染病專家表示，病毒每經過不同物料，其病毒量均會減少，市民注意手部衞生，毋須過分憂慮。
袁表示，雖然病人與職員間有玻璃相隔，但要收錢、身份證、轉介信等，過程中職員每日接觸逾200病人，或有隱性帶菌者的物件上有病毒，致非直接接觸感染；而職員間可能透過文件，或在公共地方按密碼鎖，或在茶水間脫下口罩進食時等感染。
《東網》也引述香港大學公共衞生學院早前研究，新冠病毒在不同物料及用品的存活時間，團隊於攝氏22度、相對濕度65%的情況下進行測試，結果病毒在紙張及紙巾上的停留時間最短，僅3小時便失去感染力；木材、布料則可停留兩日；塑膠則停留4至7日。
醫學會傳染病顧問委員會主席梁子超稱，病毒在生活中的存活時間，一般會較在實驗室環境中短，呼籲市民不需過分擔心因物件導致的間接傳播，因病毒每經過不同物料，其病毒量均會減少，市民只需注意手部衞生，接觸物件後徹底清洗雙手，才接觸眼睛，便可有效防疫。</t>
  </si>
  <si>
    <t>聯合國世界糧食計劃署（WFP）署長26日表示，全球首富、特斯拉創辦人兼執行長馬斯克（Elon Musk）只要捐出2%財產，便能挽救4200萬可能因饑荒而死去的全球民眾，呼籲各國富有人士「站出來」，協助解決全球糧食危機。
世界糧食計劃署署長畢斯利（David Beasley）26日在美國「有線電視新聞網」（CNN）的《鏈結全世界》（Connect the World）節目中，呼籲全球億萬富翁們須立即「站出來」，並特別提到全球最有錢的馬斯克和亞馬遜公司創辦人貝佐斯（Jeff Bezos），稱馬斯克淨資產接近2890億美元（約新台幣8.04兆元），只要他捐出名下財產的2.1%，60億美元（約新台幣1670億元）便足以拯救4200萬「若未獲幫助便將沒命」的人們。
畢斯利強調，在新冠肺炎（COVID-19）疫情與氣候變遷等多重危機結合下，許多國家正「敲響饑荒的大門」。如據世界糧食計劃署估計，近期才被塔利班掌控的阿富汗，有高達2280萬人面臨嚴重的糧食危機，約佔該國人口的一半；而2020年11月爆發內戰的衣索比亞，已造成超過200萬人流離失所，而作為主戰場的該國北部泰格瑞省（Tigray），目前更有約520萬人急需糧食援助；另外，瓜地馬拉、宏都拉斯、薩爾瓦多、尼加拉瓜等中美洲國家，則在颶風和洪水下損失慘重。
畢斯利指出，世界糧食計劃署等人道組織缺乏資金和資源的狀況，又讓上述區域的危機雪上加霜，呼籲全球富有人士提供協助，讓其能繼續支援各地承受苦難的民眾。</t>
  </si>
  <si>
    <t xml:space="preserve">相較於歐美國家，印度新冠疫情算是輕微，但一段在網路上瘋傳的影像，卻令印度人又驚惶又憤怒。孟買Sion醫院的新冠肺炎病人病床附近，赫然擺著多具無人認領的新冠死者遺體，輿論大譁，憂慮醫療體系一旦無法負荷而崩盤，疫情將難以收拾。而該院院長已經遭到降職。
Outraged to see corpses laid beside the sick at Sion Hospital. Why isn’t @mybmc following @WHO-prescribed protocols when disposing of #COVIDー19 corpses?Public hospital staff are doing their best with limited resources at hand. Mumbai’s administration needs to step up NOW! pic.twitter.com/MURUNsIyfc
影片顯示，屍體被以黑色塑膠包覆，就擺在正在接受治療的病人鄰床，而病人家屬也在病房裡走來走去，屍體就在旁邊，相當驚悚。
畫面曝光後，大眾怒火中燒，許多民眾更擔心，萬一確診不斷升高，地方政府恐怕無法負荷，這家醫院的慘狀就可能上演，最後醫療體系勢必崩盤。
院長印格里怒批都是家屬的錯，因為法律規定新冠肺炎病人在宣告死亡30分鐘內，必須被移走。他解釋屍體還在病房，是因為停屍間已滿。他坦言，法律沒有明確規範，醫院該怎麼處置無人認領的遺體。
印格里遭降職後，新任院長巴爾瑪爾告訴英國《衛報》，這種事不會再發生，問題的癥結在教育，人們都必須了解新冠肺炎的真相。
</t>
  </si>
  <si>
    <t xml:space="preserve">行政院長蘇貞昌當初率先全台打疫苗，至今尚未施打第二劑，他今（9）日表示，疫苗已陸續到貨，所以當他施打第二劑時，代表疫苗數量足夠，到時會公開接種給大家看。聽完蘇貞昌的說法，國民黨台北市議員羅智強辦公室主任楊植斗心裡冒出一堆問號，直言，「這人到底在說啥」。
近期本土疫情再起，疫苗到貨數量備受矚目，對此，蘇貞昌今上午出席行政院五倍券記者會受訪表示，疫情嚴峻，全球都在搶疫苗，台灣非常努力超前部署訂購疫苗，現已漸漸到貨。
被問到是否已接種第二劑疫苗？蘇貞昌說，他到現在還沒施打第二劑，因為他已公開宣示，疫苗沒人敢打他率先，疫苗不夠他不搶，等到疫苗數量足夠後，他就會公開接種第二劑給大家看。
對於蘇貞昌的說法，楊植斗隨即在臉書打出許多問號，並表示「這人到底在說啥」？許多網友也在其PO文下方留言表示，「他可能也不知道自己在說什麼」、「現在需要知道自己在說什麼才可以當官嗎？不是只要會騙神明就可以了嗎？」「笑死，日頭赤炎炎，隨人顧性命」。
</t>
  </si>
  <si>
    <t>新北市中和區公所31日將於中和華新街舉辦「2020光明點燈節」活動，今（26日）舉辦宣傳記者會，適逢新冠肺炎疫情蔓延全球，現場特別用小燭光排出了「No COVID-19」的字樣，中和區長賴俊達也強調，要在中和點燈，為世界祈福，歡迎民眾一起共襄盛舉。
現場由緬甸華僑表演點燈舞揭開序幕，賴俊達與市議員陳錦錠、金瑞龍、邱烽堯、游輝宂、張志豪、賢清文教基金會執行長張智倫、華夏科技大學校長陳錫圭、竹林中學校長顏麗珠等共同攜手「點亮花開，佛主顯臨」，盼在漫長的防疫生活中提供心靈的溫暖與支持。
賴俊達表示，新北市擁有來自全球120多個國家的新住民及移工，五顏六色、多元繽紛的文化在這塊土地上綻放。緬甸移民回台定居的華僑在全台共有10萬餘人口，新北市就有8萬餘，其中超過半數在中和區生根，大部分聚居在南勢角一帶，是全國緬僑居住最多的地區。
他強調，緬僑們早已深深融入新北市的大家族中，並且在中和華新街逐漸形成異國美食聚集地及商圈，藉由傳統點燈禮佛祈福活動，讓全國民眾認識東南亞文化，增進民眾與新住民間了解與尊重。
中和區公所表示，2020緬甸光明點燈節好康多多，31日在中和華新街熱鬧登場，將會進行交通管制，活動下午4時將發送摸彩券3000張，最大獎Switch遊戲機、氣炸鍋等，並加碼前500名排隊者還能參加緬甸文化體驗闖關，可獲得「道地美食-緬甸芝麻酥、可樂1罐及LED小燭燈」。
另外華夏科大也設計置抓寶及好玩的遊戲要與民眾動，現場還有免費費的彩繪及東南亞書車、文物展示等。5時30分多達300人的民族服裝踩街秀開始，在舞龍隊的前導下，緬甸宮廷服裝美女隊、八大民族服裝隊、克欽族美女隊、印尼、越南、雲南、客家、原住民以及在地里民等華麗登場。
此外，邀請到2020新北創意大賞金獎學生作品-緬梔之美及2019世界螢光棒舞蹈大賽冠軍-華夏科大螢光舞及緬甸知名歌手Y WINE等，想一次欣賞緬甸及多元民族的特色與文化，歡迎民眾也可自行攜帶燈光、燭火，一同來2020中和緬甸光明點燈節保平安、祈福願、助好運，點亮千盞燭光，感受佛主庇佑的萬丈光芒。</t>
  </si>
  <si>
    <t>新北市一位許姓女子2020年8月間曾在臉書PO文，指控「我家附近死了一個確診者…別再欺騙臺灣人了」，同年9月又再度上傳「2位鄰居都是發高燒住院，沒幾天就被醫院草率開普通肺炎死亡證明結案」。新北地檢署今（19日）偵結，依違反嚴重特殊傳染性肺炎防治及紓困振興特別條例將其起訴。
檢方表示，衛生福利部於2020年1月15日公告，新型冠狀病毒（COVID-19）為第五類法定傳染病，若隨意散布不實疫情消息，將造成社會大眾恐慌。檢警調查，許姓女子在去年8月間於臉書發文，內文寫下，「我家附近死了一個確診者，你們沒有紀錄，別再欺騙臺灣人了」。
事隔未一月，同年9月，許女再度發文寫道，「XX路的A先生與我們的網友B先生的爸爸，都是高燒住院沒幾天，就被醫院以普通肺炎草率開死亡證明書結案」，並指控「蔡政府每日零確診真的騙很大。」
檢方偵查時，許女不認罪，聲稱消息經過查證，證人A更表述，從未向許女透露鄰居的死亡為新冠肺炎所致，B先生在臉書上則說，「我父親可能就是完全沒驗，就依普通肺炎開死亡證明」。
檢方偵結，認定內文並未提及B父的死因為新冠肺炎，判定許女並未做查證，終依違反「嚴重特殊傳染性肺炎防治及紓困振興特別條例」第14條，散播有關嚴重特殊傳染性肺炎流行疫情之謠言或不實訊息，將許女起訴，將可處3年以下有期徒刑、拘役或科或併科新臺幣300萬元以下罰金。</t>
  </si>
  <si>
    <t>美國衛生研究院（NIH）轄下國家過敏和傳染病研究所（NIAID）表示，包含日本武田製藥等多家藥商，已開始對住院的新冠肺炎病患測試一套臨床實驗性的血漿療法，即從康復者身上抽取癒後血漿，利用血中抗體製成治療藥物。
NIAID周四表示正資助這套療法研究，向500名來自非洲、亞洲、歐洲、北美和南美洲等18個國家的住院病患進行測試。研究員希望康復者的血中抗體能加強病患免疫系統，和協助消滅病毒傳染力。
測試方法是用癒後血漿所製藥物，跟吉立亞醫藥（Gilead Sciences）的抗病毒藥物瑞德西韋（remdesivir）合併使用，然後拿來與瑞德西德和安慰劑的使用結果做比較。
參與這次研究的藥商組成名為CoVIg血漿聯盟，包括武田製藥、西班牙基立福（Grifols）、美國Emergent BioSolutions和CSL Behring等負責收集癒後血漿和提供抗病毒的抗體來製造測試藥。
聯盟內的德國Biotest和Octapharma等負責從癒後血漿中製造超級免疫球蛋白。
NIAID強調其研究跟之前的癒後血漿療法不同之處，是其測試藥內含抗新冠肺炎的抗體量，為一般血漿療法的好幾倍。研究員把藥商收集來源不同的癒後血漿淨化，濃縮血中抗體來製造超級免疫球蛋白。
CSL首席醫藥長梅茲扎洛堤（Bill Mezzanotte）希望在年底前能透過這次臨床實驗取得所需要數據。
武田製藥表示有跡象顯示像超級免疫球蛋白等療法，有效治療嚴重的病毒性呼吸道感染，美國主管機關8月也授權可緊急使用癒後血漿來治療重症病患。
但世界衛生組織（WHO）對此療法態度謹慎，因為證據顯示其治療效果「低質量」。
由於癒後血漿很稀少，CoVIg不斷呼籲康復者考慮捐出自己的血漿。</t>
  </si>
  <si>
    <t>受到新冠肺炎疫情升溫與企業延期復工影響，大陸249家赴美上市的中概股在1月24日至3月12日期間，共有219家公司總市值下滑。其中，因大陸汽車產業重鎮湖北省為疫情重災區，拖累中概股汽車股重跌，二手車電商平台「優信」、電動車廠商蔚來汽車雙雙重創。
2018年、2019年大陸汽車產銷量連續兩年衰退，2020年初的肺炎疫情更造成湖北省汽車產業鏈停擺，出現斷鏈危機。中國汽車工業協會日前公布2月份大陸汽車工業數據顯示，該月產銷量雙雙下滑，分別為28.5萬輛、31萬輛，年減79.8％、79.1％。
大陸汽車業遭疫情痛擊影響美股的汽車中概股。優信13日美股收盤報1.72美元，大漲6.83％，但受到疫情影響，該股自1月24日以來，市值累計暴跌29.8％。蔚來汽車13日收報3.11美元，下跌0.64％，疫情期間累計重挫更達35％。
騰訊財經14日報導指出，除了汽車業之外，另一重災區為互聯網金融業。近兩年大陸互聯網金融業歷經官方整頓、政策環境的不確定，多家網貸機構經營滯緩。
疫情期間，以消費金融業務為主的大陸互聯網金融公司短期放貸規模減少，業績普遍下滑。除了中概股玖富外，1月24日至3月12日，在美上市的多家大陸互聯網金融公司累計跌幅均在20％以上。至於期間跌幅最大的美股中概股，為臨床前階段製藥公司知臨集團，該公司自1月24日以來，累計重挫81.7％。
另一方面，受到大陸政府「停課不停學」政策帶動，中概股線上教育股業績持續高漲。市值增幅前20大中概股中，教育公司占四家，其中51talk、網易有道、跟誰學是線上教育公司。另一企業安博教育則涉及基礎教育、職業教育與企業培訓。</t>
  </si>
  <si>
    <t xml:space="preserve">中央流行疫情指揮中心宣布有條件開放部分休閒娛樂場所，經濟部公告視聽歌唱場所防疫管理措施指引，台中市政府立即依相關指引公告申請復業程序及內容；經發局統計申請至7日共44家提出申請，42家符合規定已核准復業。經發局強調，後續將按申請順序逐案審查。
經發局說，國內疫情趨緩，市府陸續接獲許多業者詢問電話，希望盡速恢復營業，因中央流行疫情指揮中心規定，申請從業人員須6成已至少施打1劑疫苗且滿14天，部分業者因疫苗施打證明文件準備不全，因此擇期再送件。
經發局指出，截至7日下午5時止，累計申請家數有44家，核准家數42家，後續將按申請順序逐案審查，若符合規定將協助業者儘速復業，並依中央指引強化防疫措施。
經發局表示，經核准有條件開放的場所，應依循中央防疫規範與指引，落實防疫措施，市府後續將加強查核，要求業者落實防疫措施，如違反防疫措施，將依傳染病防治法裁罰，提醒民眾於休閒娛樂場所消費務必配合相關規定，保護自己、保護他人。
</t>
  </si>
  <si>
    <t xml:space="preserve">新冠肺炎疫情肆虐全球，根據美國約翰霍普金斯大學（Johns Hopkins University）統計，隨著歐美疫情肆虐，全球新冠肺炎確診人數今天正式突破百萬人，台灣時間今天清晨4點15分為止，全球確診1百萬2159人，全球新冠病故人數也突破5萬，來到5萬1485人。
根據美國約翰霍普金斯大學官網，美國是全球確診個案最多的國家，已確診23萬6339人，其次是義大利11萬5242人，西班牙及德國分別以11萬0238及8萬4600人緊隨其後，中國大陸8萬2432人，名列第5。
新冠死亡人數統計，義大利1萬3915人排名第一，其次依序為：西班牙1萬0096人、美國5648人、法國4514人、中國大陸3322人。
美國新冠疫情嚴峻，美國副總統彭斯更稱，美國的疫情走勢將與重災區義大利類似。川普政府正準備面對大量平民死亡局面，五角大廈已著手籌備10萬個軍用屍袋供死者之用。
</t>
  </si>
  <si>
    <t xml:space="preserve">新冠肺炎擴散肆虐，全球疫情拉警報，不少國家已下達緊急命令，將民眾的外出機率降到最低，而歐美災情慘重，名流、娛樂圈確診甚至染疫病逝的消息頻傳，因此不少名人選擇居家隔離保障安全，包含足球名將貝克漢一家，他近日po文表示全家已隔離長達4周，生活壓力甚大，因此對外求援，請教的對象，指定是「台灣人」。
貝克漢不時更新各社群，分享他們一家子因疫情在家隔離的情況，近日他在臉書po文表示，已經隔離近4個禮拜，平常會玩樂高、下廚、看電影、做運動，當然也多少試著進行一些工作，但時間一拖長，真的是有點「沒招」了，於是上網求救。
「我知道你們都很有創意，所以我來向在台灣的家人們尋求一些建議」，貝克漢求援對象，竟指定找台灣人，「請教教我，如何保持安適、保持樂觀，還有怎麼逗小孩開心？」，請求台灣的朋友能留言給他最棒的建議，「我會挑幾個喜歡的來分享！」，而以友善著稱的台灣網友們聞言馬上趕來提供「Tips from Taiwan(台灣小撇步)」，把最近的風潮都「傾囊相授」，包含製作400次咖啡、自製珍奶、switch新遊戲情報、陪孩子畫畫等，順勢敲碗貝克漢開YouTube頻道，多多分享生活，彼此排解枯燥日常與壓力。
</t>
  </si>
  <si>
    <t>中央1日開放長照機構探視，新北市府不跟進，今自行發布長照機構探視規定，被外界質疑「逆時中」；對此新北市長侯友宜今受訪表示，新北市這一路走來，每項防疫措施都有順序、有步驟、有組織慢慢執行，也會滾動式修正，「不管外界怎麼看，守護402萬市民健康，是我第一個、也是最高原則。」
侯友宜表示，長照機構屬於最高風險族群群聚之處，應採取更嚴格的管控措施，中央1日宣布開放探親，新北市和所有長照機構討論後，認為這樣一個標準不夠嚴格，經多次權衡，以防疫優先、專業評估為前提下，針對長照機構做了限人、限時、限地、甚至包括限年齡的規範，並呼籲民眾「非必要的探視，就不需要去探視。」
侯友宜指出，新北市會隨時抽查、嚴格把關，不論探視民眾、長者、慢性病者、弱勢族群，都能在最嚴格、最安全的把關下，得到妥善保護。
侯友宜說，至於這樣一個防疫策略適當與否，新北市有新北市的步驟，防疫只有「過」而無「不及」，新北市一定要做好萬全的準備，不管外界怎麼看，他一定守著402萬市民的健康為第一個、最高的原則</t>
  </si>
  <si>
    <t>清明連假結束，中央流行疫情指揮中心為避免疫情擴大，今天上午召開臨時記者會宣佈曾出入熱門旅遊景點、人潮擁擠的地方活動的民眾，務必實施14天的自主健康管理，避免出入公共場所，外出時務必配戴口罩，儘可能在家上班，有症狀禁上班上學。若有腹瀉、味覺、嗅覺失調症狀者，必須就醫或打1922通報，就醫時務必告知旅遊史。
指揮官陳時中表示，除自主健康管理外，接下來將要求企業進行彈性上班、異地上班的規劃，民眾外出必須戴口罩，避免不必要的外出，若要外出也要維持嚴格的社交距離，有症狀者不得上班、上學，民眾可向主管報備在家辦公，學生也要向師長提供旅遊史。
指揮中心強調，與他人保持室內1.5公尺、室外1公尺的社交安全距離，若無法保持請配戴口罩；搭乘大眾運輸時，應全程配戴口罩並配合量測體溫，勸導不聽最高罰新台幣1萬5千元；若身體不適請戴口罩速就醫，主動告知旅遊、接觸史等，並落實生病在家休息。</t>
  </si>
  <si>
    <t xml:space="preserve">為了給自己更多的激勵與刺激，原本在大陸CBA例行賽允諾每投進1顆三分球就捐3000人民幣(約台幣1.3萬)給弱勢孩童的林書豪，決定在接下來的季後賽「加碼」，只要他在季後賽投進1顆三分球，就會捐出21000人民幣(約台幣8.8萬)！
「聯賽打完了，因為每一場的比賽越來越重要，我也想把『三分心』做更好，從現在開始我投進的每個三分球，就會是之前捐出的7倍，從3000到21000！」林書豪在微博上表示，「讓我們一起把公益傳遞更遠，幫助更多孩子完成夢想！」
或許球迷會很迷惑，為何林書豪在季後賽的投進三分球捐款會變7倍，而不是更多？畢竟這是豪哥最喜歡的球衣號碼，選擇變成7倍也很合理，他在本季例行賽總共投進51顆三分球，等於已經捐出15.3萬人民幣，就看季後賽能進幾顆。
但受到新冠疫情影響，CBA季後賽賽程大幅縮水，前兩輪打單淘汰制，後兩輪進行3戰2勝制，所以林書豪最多打7場季後賽，他所效力的北京首鋼，將在季後賽次輪遭遇福建潯興，到了4強準決賽，很可能碰上奪冠呼聲最高的廣東宏遠。
</t>
  </si>
  <si>
    <t xml:space="preserve">大聯盟本季因為新冠疫情損失慘重，整個例行賽關門比賽，球團幾乎「顆粒無收」，並且保險公司拒絕理賠。總裁曼佛雷德(Rob Manfred)宣稱損失達到30億美元，《美聯社》報導30支球隊在今年10月一起告上加州法庭，向保險公司求償。
球隊損失的包括門票、停車費、豪華包廂、周邊商品銷售、贊助商廣告、地方媒體與轉播單位。大聯盟聲明表示：「我們承受了巨大財務損失，我們非常肯定這些損失都在保險合約的理賠範圍之內，我們對法庭的判決有信心。」
保險公司主張，合約的範圍只限於物理上的人員傷亡和財物損失，這些大聯盟的屬於預期收入的損失，合約裡沒有保障客戶每年都能營收幾十億美金。有幾支小聯盟球隊也向保險公司求償失敗，小聯盟今年球季取消，人事開支也只能靠大聯盟球團扛下，還有很多員工被裁，一些球員因此被釋出。
以東京奧運來說，國際奧會歷屆有特別投保「賽事取消」和「傳染病」的保險，《路透》報導他們的保額可達8000萬美元。例如德國公司《慕尼黑再保險》擔憂東奧打不成，若賽事取消他們就得理賠數千萬歐元。
</t>
  </si>
  <si>
    <t>陷入這波染疫風暴的京元電竹南廠，為了徹底清除疫情，13日上午在造橋臨時移工宿舍，展開第3波的PCR篩檢，受檢男女移工篩檢前後都接受徹底消毒，京元電在竹南廠對本籍員工全面篩檢行動，12日已完成全部5千多人篩檢，11日共篩出3名陽性，日後將由駐廠醫師持續不定期PCR篩檢，一旦發現有陽性者，一律不得入廠。
京元電竹南廠從5月30日爆發員工群聚感染後，迄今已逾2周，在中央流行疫情指揮中心派員進駐廠區成立前進指揮所全權指導防疫措施後，業者先將3棟竹南廠外籍移工宿舍依序降載、清空後，將全部近千名移工遷至京元電造橋移工宿舍分流安置，並在9日進行第2次快篩及PCR檢測，結果再度清出30人陽性，隨予隔離。
為了徹底查清所有可能帶原者，京元電13日上午8時開始，在造橋移工宿舍展開第3波PCR篩檢，所有前2波篩檢陰性的男女移工，全部都要再受檢，期望達到滴水不漏。
受檢男女移工，13日並未安排上班，在頭份為恭醫院及桃園敏盛醫院合組團隊的指揮下，男女移工們依序採檢，採檢前後，醫療團隊並要對每個受檢人員徹底噴消，移工排隊並要求維持社交距離。預計第3波篩檢工作將在1天內完成。
至於京元電竹南廠連續2天對本籍員工篩檢工作，在台北榮總的支援下，至12日業已完成全部5千多名員工篩檢，11日篩檢結果，出現3名員工陽性，12日結果尚待確認。</t>
  </si>
  <si>
    <t xml:space="preserve">中央流行疫情指揮中心規劃第九輪接種BNT及高端疫苗，預計9月底開打，而選擇要施打AZ跟莫德納疫苗的民眾只能期盼第十輪，近日有網友分享讓全家人一天都打到AZ方式，引起熱議。
一名女網友在PTT八卦板發文表示，自己與家人在7月19日前意願登記沒勾選AZ疫苗，後來第七輪開放施打，施打年齡更降到23-28歲，自嘲是「看不到別人車尾燈的低端人口」，不過9日開打後，她和家人化被動為主動，開始打電話去各家診所詢問殘劑，結果兩天後全家人都順利打到疫苗。
排了6間診所疫苗殘劑，隔天就收到通知，結果全家人一天內都打到AZ第一劑，讓她好奇「有沒有現在預約殘劑比等政府順序還快的八卦？」也打趣的說，還是台南大部分人都打國產疫苗，AZ殘劑才會這麼好排？
貼文一出，有人紛紛留言回應「台南有開放殘劑？」、「想打AZ的都打完了」、「想快一點本來就是自己積極預約殘劑」。也有人認為是BNT疫苗到貨造成的，「可能去等BNT了吧？」、「下禮拜肯定超多殘劑，因為18~22（歲）會放棄」。
指揮中心統計，截至昨（11）日，AZ疫苗共接種794萬4221劑；莫德納377萬9599劑；高端71萬5935劑；總計接種1243萬9755劑，接種人口涵蓋率48.58%。
</t>
  </si>
  <si>
    <t>新冠肺炎疫情在全台大爆發，全民防疫不能出門，金融業力推數位金融服務。但，政治大學風險管理與保險學系教授林建智提醒，疫情造就兩大新弱勢，包括因疫情影響財務工作收入受到衝擊的人、IT小白（沒手機電腦、不愛上網的人）也特別需要公平待客。
林建智表示，這波疫情下已讓許多原本的中產階級、中小企業主，因為財務工作收入受到衝擊，變弱勢族群，他們可能比一般人還較易受害，甚至被限制金融交易。
林建智指出，國銀在疫情下對弱勢族群的關懷已有若干良好實務運作，例如：紓困貸款、主動降息、貸款寬緩、卡費緩繳、保險費緩繳、保險單借款利息展延。然而，這些作為多半是配合政府紓困而為，若金融機構能「化被動為主動」，積極主動關懷弱勢客戶、尋求反饋、進而調整業務模式，將更能彰顯公平待客的精神。
林建智舉例，英國FCA在2021年2月就發布關於在新冠肺炎疫情後公平對待弱勢客戶新的「指導」，揭露出金融機構需要改進的失誤。其中就新冠肺炎的衝擊，FCA的調查顯示，38％的受訪者認為財務狀況有惡化的現象，換言之，因疫情影響所導致客戶的收入減少或就業困難，進而造成其財務狀況惡化，甚至會質變成為「弱勢」族群。
第二大弱勢族群則是「IT小白」。這些人不是財務弱勢，但卻是對新科技應用的弱勢。林建智指出，隨著疫情爆發，客戶親赴臨櫃的意願降低，數位金融業務日趨熱絡。但對於數位化尚未普及的偏鄉或族群（如：銀髮族），數位金融可能引發新型態的「脆弱性」，例如因不熟悉操作或無法上網而有消費障礙，造成新型態的弱勢客戶而受有傷害。因此，金融機構推動數位轉型時，應特別關注數位弱勢族群的需求，以免引發違反公平待客的質疑。
林建智強調，公平待客要能落實，單靠法規政策恐流於形式，應拉高到董事會層級，由上而下讓各階層了解公司重視公平待客、體會沒做好的風險、慢慢內化為企業文化，可透過政策揭露、各階層奉行、監測內化三步驟來落實。</t>
  </si>
  <si>
    <t>新冠肺炎肆虐，台灣連續2天新增個案「零確診」，除了有賴中央統籌指揮外，各縣市首長更扮演起防疫的關鍵角色，根據媒體最新民調顯示，六都首長防疫措施，新北市長侯友宜以88.3％的超高滿意度拿下第一，獲得最多民眾支持。
黃偉哲鄭文燦 分居2、3名
肺炎疫情爆發，各國加強防疫避免疫情擴散。遠見調查研究中心3月進行「六都防疫滿意度調查」，針對六都逾4000名民眾電話訪談，侯友宜滿意度高達88.3％拿第一，台南市長黃偉哲、桃園市長鄭文燦則緊跟在後。
民調顯示，很滿意侯友宜表現的比例為43.5％、有點滿意44.8％，整體滿意度高達88.3％，比第二名黃偉哲82.1％高出6.2％。從民調平均值來看，六都滿意平均值65.67％，侯友宜超過平均值22.63％，不滿意平均值18.53％，侯不滿意度僅2％，六都中最低。
多次向中央建言 超前部署
口罩之亂期間，侯友宜向中央建議實名制，更率先呼籲中央應先確保國內物資無虞狀況下再開放進口，另外，規畫清空計畫設立醫療人員防疫需求暫住居所、兵棋推演、擴大管制演練等，都讓民眾相當有感，在所有防疫作為中都成為讓民眾有感的具體戰功。
針對民調結果六都第一，新聞局長蔣志薇表示，得知民調結果時有向市長報告，但侯僅簡短回應「好好做事，疫情還沒結束，好好做好防疫工作！」仍持續關注疫情變化及防疫作為。
「給予侯友宜及其團隊高度肯定！」新北市議員金瑞龍說，新北市人口逾400萬，防疫作為一旦出現破口，恐會釀成嚴重災情，也會危及到其他縣市，侯團隊多次超前部署，提出具體可行的政策，民調第一是實至名歸。</t>
  </si>
  <si>
    <t xml:space="preserve">
新冠肺炎讓許多產業出現新變革，連AV業界也得「順應時勢」，引發一串新流行的跟風。
網站DECIDER顯示，在3月4日左右，人氣A片網站Pornhub以「新冠肺炎（coronavirus）」做為關鍵字的影片，就有115件，而影片的內容，則包含「和病毒戰鬥/在廢棄屋及危險的野外性愛」及「與不能外出的犧牲者做進一步接觸」，最受歡迎的片子，甚至已播放5萬7千多次。
製作AV的公司Spicy x Rice，最近推出一支新的A片，內容設定為夫妻是美國國土安全部的職員，發現患有新冠肺炎病毒的女性；另外一家Little Squirtles的新影片，片名則是「COVID-19：解決性衝動要戴口罩」，都是另一種形式的「災難片」。
其他新的設定也有主角以亞洲人為主、在封鎖的城市裡不知何事會發生的恐懼感、或是穿上防護衣、戴上面罩做愛做的事…為了吸引點閱率，AV產業也要很拼。
更多 CTWANT 報導
</t>
  </si>
  <si>
    <t xml:space="preserve">
中央流行疫情指揮中心表示，COVID-19疫情延燒全球，我國防疫有成，連續多日無本土病例，指揮中心自6月7日起放寬國內防疫措施，但也發現到近期民眾警戒心下降，整體防疫新生活運動落實情形不盡理想，因此在8月5日提醒民眾，在出入無法保持社交距離、或會密切接觸不特定對象之人潮擁擠或密閉場所時，務必佩戴口罩，也列舉了八大類人潮擁擠或密閉場所，如醫療照護機構、大眾運輸、賣場市集、教育學習場所、展演競賽場所、宗教場所、娛樂場所及大型活動等。
指揮中心強調，國內社區目前相對安全，現階段仍以加強宣導落實防疫新生活運動，同時勸導民眾配合在這八大類場所佩戴口罩為主。惟地方主管機關如已依據傳染病防治法第37條第1項第6款之規定，規劃或已公告八大類場所「強制戴口罩及訂有相關罰則」，指揮中心原則予以尊重，該等縣市則應依傳染病防治法第37條第3項將公告內容函送指揮中心。
指揮中心另表示，未來如果國內疫情升溫，有縣市或特定場域出現感染源不明之本土病例時，考量這些場所發生不特定對象或群聚感染的風險較高，需提高對於佩戴口罩之強制力，將要求地方政府及各目的事業主管機關依法公告罰則，並對屢勸不聽者依具體情節裁罰。
倘疫情更趨嚴峻，感染源不明之本土病例持續增加，且涉及多數縣市或場域時，將由指揮中心評估並宣布全國性之強制措施，以阻斷傳播鏈。</t>
  </si>
  <si>
    <t>雲林縣今天新增1例COVID-19本土確診個案，為一名女外籍看護，雲林縣維持零確診62天破功；縣府在其足跡周遭環境清消外，明天將在北港鎮草湖里西湖活動中心設置社區快篩。
張麗善今天召開疫情線上記者會，說明新增1起COVID-19（2019冠狀病毒疾病）本土確診個案，為案16035，一名36歲女性外籍看護，雲林縣本土累積確診22例。
張麗善指出，案16035今年3月25日由菲律賓初次來台工作，入境後至嘉義縣中埔集檢所進行集中檢疫，4月7日居檢期滿前採檢，PCR檢驗結果為陰性。後續至台北市內湖區擔任家庭看護工。
案16035於7月16日因故更換雇主，工作地改為雲林縣北港鎮，當日曾先至台南成大醫院進行自費PCR檢驗為陰性。昨天因至中國醫藥大學北港附設醫院陪病，因此進行採檢，昨天晚上被通知PCR檢驗陽性，目前在醫院治療中。
雲林縣衛生局長曾春美表示，確診者足跡地點皆已通知相關單位清消，案16035足跡單純，大都陪伴長者在北港鎮草湖里的住家附近散步，另於昨天下午3時30分至4時騎腳踏車前往北港鎮華勝路的全家便利商店，昨天下午4時至4時30分則至華勝路的全聯福利中心，均配戴口罩。
曾春美說，這名外籍看護確診，縣府目前匡列居家隔離22人，需自我健康管理11人及自我健康監測75人。
曾春美指出，因應發生外籍看護確診個案，明天下午2時起將在北港鎮草湖里西湖活動中心設置社區熱點快篩，若有疑慮及需求者可前往接受免費快篩，以杜絕任何可能傳染風險。同時呼籲鄉親加強外籍看護管理，避免不必要移動及群聚。（編輯：卞金峰）1100822</t>
  </si>
  <si>
    <t xml:space="preserve">
苗栗竹南科技廠移工群聚感染疫情仍未降溫，10日再爆增43例！中央流行疫情指揮中心10日通報苗栗縣新增確診病例43例，其中，外籍移工40例、本國籍3例。京元電子相關11例、智邦科技相關28例、竹科力積電子1例、京鼎科技2例位，以及新增的生物科技廠台欣生物科技1例。
縣長徐耀昌指出，新增43例中，31例無症狀，目前確診個案，都已收治隔離中，本國籍3例確診個案為電子廠員工確診者，以及同住家人或接觸者。
徐耀昌說，京元電新增案例11例，全數為外籍移工，均是接觸者被感染，不過，都是隔離7天時確診；智邦科技28例中，有27例是外籍移工、1例本國籍；京鼎1例本國籍、1例外籍；台欣1例是外籍。
另，快篩部分，京鼎精密科技公司於9日全廠快篩的360人中，陽性1人；智邦科技公司全廠快篩237人部分，已全數陰性。
此外，包括正達光電全廠快篩296人，全數陰性；金明玻璃全廠快篩5人，全數陰性；振邦工業全廠快篩17人，全數陰性；頂埔里社區快篩293人，全數陰性。
徐耀昌也指出，縣府已勸導苗栗縣50位員工以上的潛在高風險企業公司作全員外篩，目前全縣有34家廠商，已有12家做，另有14家預計要做，剩餘8家縣府會繼續媒合宣導快篩。
縣府也表示，京元電在9日2篩，但1000人之中，有30人由陰轉陽，此部分值得深思與研究，因此縣府要求企業廠商要求員工配合快篩，下班後更盡量不外出移動。
此外，徐耀昌也針對近日有團體或網友評擊縣府不尊重移工人權的問題重話回應表示，目前苗栗確診案例379列，外籍移工就占305例，外籍確診人數已高達80％，苗栗上周還是防疫模範生，但現在卻有這麼多確診數，就是因為移工所引起的這麼大的變化，縣府目前是亡羊補牢不得為之，希望能夠匡住移工們，遵造中央指示一起來把疫情減緩歸零。
他也呼籲鄉親，不要一天到晚在講人權，難道外籍人士有不當的行為也不能去規範他們嗎？如果確診了，哪還有人權。
而縣府衛生局已立即啟動疫調、採檢及清消等防疫工作，個案由衛生局安排送醫收治苗縣醫院負壓病房治療，相關接觸者及足跡陸續調查中，足跡場所進行戶外清消，請鄉親安心、放心。</t>
  </si>
  <si>
    <t>我國出現首起新冠肺炎實驗室感染案例，經過連夜匡列採檢110位接觸者後，86名都是陰性，其餘24名仍在檢驗中。初步來看中研院P3實驗室染疫情況並未向外擴大，但指揮官陳時中10日說，社區中足跡複雜，仍需要提高警覺，檢驗陰性僅可代表此時間點沒有檢驗到病毒；目前來看在職場感疫可能性較高，還未規劃防疫升級。
陳時中指出，已經要求P3實驗室成立專家調查小組，針對確診一事做外部調查，並且一週內現場查核國內12間操作新冠病毒病原體的實驗室，也派員到P3實驗室及公共區域做環境採檢。至於感染來源是否為老鼠？他回應，現在還沒有檢查到老鼠，目前先調查「人」，相關詳情還需要等調查報告出來才會較明朗。
醫療應變組副組長羅一鈞說，雖然動物傳染新冠肺炎病毒給人類屬罕見事件，但從美國CDC資料來看，國際上丹麥、荷蘭、波蘭等國確實有發生水貂傳新冠病毒給人的案例，目前會持續調查感染來源，不排除動物、環境或是其他傳染途徑。
目前有97名接觸者已送集中檢疫所隔離，醫療應變組副組長王必勝表示，集中檢疫所有預留一成的量能給春節檢疫等專案以外使用，9日起已暫停春節檢疫專案線上訂房平台訂房，會視疫情狀況來看是否繼續開放，後續若國內疫情擴大匡列隔離對象，以目前集檢所的量能來看也足夠因應。
另，在南非被列入高風險國家，10日我國出現首例南非入境的確診個案，羅一鈞指出，案16829在進入集中檢疫所後當日採檢就是陽性 ，不會有病毒進入社區的風險。個案基因定序尚未出爐，還不可確定是否為Omicron，不過南非當前流行的變異株即是Omicron，他坦言，若定序出Omicron病毒也不意外。
此外，台北市長柯文哲10日指出，後續若有不明確診個案出現，北市大型活動跨年、燈會等恐停辦。</t>
  </si>
  <si>
    <t>新冠肺炎疫情延燒歐美，歐盟27個成員國全部淪陷，高官染疫日多，美加州、紐約更成重災區，為此，疫情指揮中心昨將旅遊警示國家與地區由10處增至36處。
即起，比利時、荷蘭等歐洲8國，中東巴林、科威特2國旅遊疫情建議等級升至二級警示；盧森堡、英國等申根區域16國升至一級注意。民眾自這些地方返台，需自主健康管理14天。
外交部即起，也調升上述10國旅遊警示至「黃色」，民眾宜檢討應否前往。
美尚未升級 擬分州處理
至於美國，部分州已進入了緊急狀態，指揮中心指揮官陳時中說，美國人口多，尚未達到升級標準，將分州處理旅遊警示。
至於人在歐美的台僑疫情，僑委會委員長吳新興昨表示，據統計，目前有14位台商、僑胞確診感染，分散亞洲、歐洲、美洲。確診僑胞分別是日本1位、法國1位與美國12位，此統計不包括陸港澳地區的台灣人。
由於疫情日趨嚴重，歐美國家口罩也缺貨，吳新興說，因為歐美國家平常沒戴口罩習慣，不過到目前為止，還沒有僑界反應希望國內設法提供口罩。他說，給全球僑胞也是龐大工程，僑委會將密切注意後續發展。
歐美台僑 已有14人確診
另為了因應新冠肺炎，衛福部日前公布防疫的補償辦法，追溯至1月15日起，被安排居家隔離、檢疫或照顧者，每人可按日發給新台幣1000元，外界質疑，民眾可取巧搭機出境再返台，藉此獲補償。
陳時中說，會規勸別在防疫期間來亂，若故意賺取補償行為將予處分。指揮中心社區防疫組副組長莊人祥也表示，將與相關單位研議開罰等相關意見。
傳騙取隔離補償 將開罰
指揮中心社區防疫組副組長莊人祥說，各國旅遊疫情建議等級提升，多以德國為參考基準。德國新冠肺炎每10萬人發生率0.77，低於此標準者但有一定風險者，將列一級注意；與德國相近列二級警示；若疫情嚴峻，甚至接近南韓（幾千名案例），則升為第三級警示。</t>
  </si>
  <si>
    <t>行政院上周宣布紓困4.0上路，勞動部也釋出「安心即時上工」職缺。但民進黨立委鍾佳濱等人今日召開線上記者會指出，許多沒有勞保的打工族並未符合上工的資格門檻，很多學校社團老師也成無保孤兒，不但紓困沒著落，又不能申請勞動部職缺，政府應該盡快調整協助。
今日除鍾佳濱外，包括民進黨立委伍麗華、江永昌、吳琪銘及黃世杰等人出席參與記者會。
鍾佳濱指出，紓困4.0雖針對補教、安親班的全職員工，提供業者一次性損失補償，以及受僱者薪資補貼。但像是學校社團指導、課後輔導或者是運動教練，這類在學校兼職，收入採勞務報酬而非正式部門給付，而本身又無職業工會納保者，不但沒有獲得紓困，且又因具工作能力，不適用社會救助，以致生活無著。
鍾佳濱說，勞動部的「安心即時上工」方案，提供「以工代賑」的就業機會，但卻要有過去一年內曾經投保的資格門檻。有許多非典型就業者因為收入不穩定，選擇不投保，以致現在被屏除在外，求職無門。
鍾佳濱表示，目前離島和原鄉地區的「安心即時上工」就業機會，可不受「過去一年內曾經投保」的限制，建議這個開放這個彈性，讓全國適用。
伍麗華指出，原住民常見的族語教師、校隊教練等教育兼職非典型勞工，因為沒有勞保身分，導致兼職工作無法進行，但又不能參加安心即時上工計畫，希望相關部會能研擬協助。
江永昌建議，課後才藝老師、社團老師或健身教練，若能拿出學校聘書或是各級學校開立聘僱證明，勞動部應該盡量從寬認定，不要便宜行事，只看過去投保紀錄，導致這些需要幫助的非典型教育從業者的「安心即時上工」就業計畫資格被剝奪。
吳琪銘說，許多學校的課輔或社團老師沒有保勞保，還有不少人是領現金，導致紓困4.0是看得到吃不到，希望教育部及勞動部可以正式這些教育輔導人員，將他們納入「安心即時上工」計劃。
黃世杰表示，三級警戒還要再持續實施，對教育產業衝擊會擴大，特別是未納保的時薪制教育從業人員，勞動部及教育部應趕快來研擬方案，看是要由勞動部放寬「安心即時上工」的申請條件，或是教育部提供線上教學機會等等，給予實質支援，讓他們能夠順利度過這次難關。</t>
  </si>
  <si>
    <t>關貿網路今日表示，第11期預約接種將於雙十連假陸續開放，本期預約將提供BNT疫苗第一劑和AZ疫苗第二劑接種，分別10月11日、12日啟動預約，採分流方式進行。第11期除了分梯啟動，還開放提前查詢預約資格功能。
以第10期來說，預約是開放給9月29日前意願登記BNT疫苗的61歲至63歲民眾（不含第9類對象）預約接種，根據當期第登入資料分析，當天登入達536.7萬人次，是實際預約成功人數的4.67倍，其中有146.3萬人其實是不具當期預約資格。
第10期預約時，每分鐘瞬間流量高達76.8萬人次，因而啟動等候室(waiting room)網頁的排隊機制。
為了避免非資格者也搶上網預約，關貿表示，第11期預約的兩種疫苗，除了將分別在兩日啟動，減少民眾等候，並讓民眾更方便及早查詢是否符合當期資格，首度採用「查詢預約資格系統」，擬施打的民眾，可先至查詢預約資格系統，查詢是否符合該期預約接種之資格。
不清楚自己預約資格的民眾，不用在開放預約的當下，急著搶先登入系統預約，不但容易造成網路壅塞，也不易快速得知預約結果。事先查詢系統，請民眾多善加利用可節省寶貴時間。
關貿也提醒，第11期預約提醒簡訊，將於預約分流日前一天陸續發送，BNT是從10月10日14時起，AZ是從10月11日14時起，提醒民眾注意發送之簡訊通知。
符合預約資格民眾於預約成功後，請如期準時抵達進行施打，相關任何變動與最新消息，請參考中央流行疫情指揮中心的動態。</t>
  </si>
  <si>
    <t>美國政府於美東時間31日上午宣布捐贈台灣150萬劑新冠疫苗。外交部表示，這批由莫德納（Moderna）公司生產的疫苗，將由中華航空公司專機運送回國，預計台北時間11月1日下午1時抵達台灣桃園國際機場。總統府指出，這不僅展現台美之間的「真朋友」情誼，更再次印證美國政府支持台灣「堅若磐石」。
總統府發言人張惇涵今晚表示，總統府誠摯感謝美國政府再度以具體行動馳援台灣，美國捐贈台灣的疫苗數量，累計達到400萬劑。這不僅展現台美之間的「真朋友」情誼，更再次印證美國政府支持台灣的「堅若磐石」。
他說，今年6月，當台灣面臨疫情嚴峻挑戰之際，美國政府以迅速行動，捐贈台灣250萬劑莫德納疫苗，彷如及時雨，大力協助台灣度過艱困挑戰，讓台灣人民深受感動。
張惇涵表示，過去一段時間，在防疫團隊不分晝夜努力，全民不分你我團結防疫，民主夥伴相繼馳援下，台灣的疫情已經趨緩，獲得有效控制；目前，第一劑疫苗涵蓋率已超過70％，第二劑已超過30％。在台灣正衝刺第二劑疫苗涵蓋率之際，美國政府再次伸出援手，對提升台灣整體社會保護力，勢必將有大幅幫助。
張惇涵說明，駐美代表蕭美琴已代表我國政府接收這批疫苗，航班已經順利起運，預計將於明（1）日運抵台灣。我們深信，台美民主夥伴攜手合作，能夠共同克服疫情挑戰；台灣也會在堅實的友好基礎上，持續與美國深化合作，持續深化全方位夥伴關係。
外交部也表達由衷感謝，並表示，我國駐美代表蕭美琴同日在肯塔基州路易維爾聯邦疫苗合約倉儲中心代表我國政府接收這批由莫德納公司生產的疫苗，並立即由中華航空公司專機運送回國。
外交部副發言人崔靜麟指出，此次是繼美國政府今年6月捐贈我國250萬劑莫德納疫苗之後，第二度捐贈我國疫苗，美方至今捐贈我方疫苗累計數量達400萬劑。美國以實際行動協助我國政府與全民對抗疫情，也展現美國對台灣的堅定支持與高度重視，以及台美緊密友好的全方位夥伴關係。</t>
  </si>
  <si>
    <t>許多國家為防堵Delta疫情宣布打第三劑加強劑疫苗，胸腔科醫師蘇一峰分享，以色列近日宣布打第三劑預防感染的保護力增加4倍、預防重症的保護力則增加5-6倍。美國、加拿大、法國與德國也紛紛準備打第三劑。貼文引起網友討論，直言台灣還有許多人連第一劑都不知道在哪裡，想打第三劑感覺得要等到2023年了，真的好可悲。
蘇一峰昨在臉書發文表示，以色列在8月22日宣布第三劑疫苗的效果，發現預防感染保護力增為4倍，防重症與住院的保護力則增為5至6倍，因此當地政府不顧世界衛生組織（WHO）的反對，將進一步開放40歲以上的教師、醫護與特殊疾病者打第三劑。
蘇一峰指出，以色列目前已有150萬國民施打第三劑疫苗，而美國、加拿大、法國與德國也都準備要打第三劑。他提到，美國的醫護人員針對是否該接種第三劑新冠疫苗進行投票，結果發現9成以上的人都希望可以打第三劑加強劑，甚至有不少病患也詢問能不能打第三劑疫苗。
不少網友看了則感嘆地說，「台灣第一劑還有很多人沒打到，第三劑可能是2023年的事了」、「國家政策真的重要，反觀我們的疫苗真是少的可憐」、「打疫苗好像遠遠看不到先進國家的車尾燈」、「台灣一堆人連第一劑疫苗在哪都不知道，可悲」、「國際疫苗都要打第三劑，國產疫苗應該要研發打第三劑。」
全球疫苗供貨嚴重不平均，部分先進國家宣布將施打第三劑加強劑疫苗，引來世衛組織的反對，因為有些國家的疫苗卻嚴重不足，甚至連醫護人員都無法先獲得基本保護。</t>
  </si>
  <si>
    <t xml:space="preserve">台東縣政府上周六(14日)在大武鄉舉辦「南迴藝術季」開幕儀式及餐聚，縣府各級長官與參展藝術家、藝文人士，近百人肩並肩大吃美食，沒有社交距離與隔板等防疫措施，昨天(17日)照片還貼上藝術季臉書專頁，讓網友大罵，無視中央防疫規定，「很誇張」、「餐飲業者是在隔心酸的嗎？」
一名台東民眾在臉書「台東大小事」PO出照片，指出縣府辦南迴藝術季很好，但是餐敘時零安全距離真的很扯，「更何況縣長各級長官都在場，大家脫口罩肩並肩吃吃喝喝」，更直言如果官方活動連防疫的距離都不用，那現在認真用隔板、梅花座的餐飲業者，是在用心酸的嗎？
從原PO截圖下來的「南迴藝術季臉書專頁」照片上可以看到，近百人一起吃自助餐，食物自已夾沒有專人服務，吃飯也沒有梅花座、隔板，桌子一整排擠在一起邊吃邊聊天。
照片曝光後，網友紛紛留言：「沒有梅花座，沒有隔板，沒有1.5公尺，自助吧沒有專人夾取，厲害了」、「很扯耶，至少用個隔板或拉開距離」、「真的就不要有一個確診者」、「防疫破口」。
對此，今天台東縣府回應，「南迴藝術季」開幕活動餐敘確實有改善空間，但當日仍有依照中央防疫規範，進行相關防疫檢測管制，包括酒精、量測體溫及實聯制，現場控制在100人以下。衛生局後續也有了解當天狀況，將依防疫相關規定處以最高罰則。同時，縣府文化處團隊有督導不周之責，已經連夜檢討，未來台東縣府舉辦任何活動，會嚴守相關規範、提高防疫標準。
</t>
  </si>
  <si>
    <t xml:space="preserve">
我國海軍敦睦艦隊昨(18)驚爆3人確診新冠肺炎（COVID-19），今天又爆增21人確診，對此，海軍副司令梅家樹中將，今天在中央流行疫情指揮中心記者會中，代表海軍向社會大眾鞠躬致歉說：「109年敦睦任務期間，相關防疫工作沒有做好，造成人員感染新冠肺炎，在此要代表海軍，致上歉意。」
梅家樹還說，對於參與遠訓官士兵的家屬，同樣要表達歉意，會盡最大努力照顧官兵與家屬。
針對官兵在帛琉沒戴口罩一事，梅家樹指出，當時考量帛琉沒有確診個案，官兵的拜會、戶外體育、表演活動，參與人員確實沒有戴上口罩。
</t>
  </si>
  <si>
    <t xml:space="preserve">美女眼科醫師黃宥嘉是談話性節目常客，個性仗義執言、有話直說，然而疫情當頭，她日前搭捷運就因見到2位乘客不斷交談，忍不住開口勸說：「捷運車廂內不要一直交談，疫情嚴重，請共同協助抗疫！」想不到其中一位短褲女卻反嗆黃宥嘉「正義人士」，行徑令人不敢苟同。
黃宥嘉經常在臉書與粉絲分享日常生活點滴，她今(27日)更PO出一對男女在捷運上交談的照片，稱照片中的兩人一直嘰嘰喳喳在捷運車廂內講話，好幾個站都不停歇，於是她喊一下：「捷運車廂內不要一直交談，疫情嚴重，請共同協助抗疫。」想不到短褲女竟在下車前，拿手機寫了一堆字給她看，最後一句則是清楚寫著「正義人士」。
黃宥嘉也不是省油的燈，被嗆正義人士沒在忍，趁著短褲女下車前反擊：「沒看到啦！」未料短褲女又回她：「沒看到我也沒辦法。」事後黃宥嘉更在臉書諷刺寫下：「講話囉嗦的人，寫字也囉嗦。」
黃宥嘉的捷運奇遇記，引發不少網友熱議，「這種的要開直播，聊得這麼久應該是有困難，大家可以一起幫他解決」、「很怕搭電梯和搭大眾運輸工具的口沫橫飛」、「黃醫師好勇敢，昨天搭公車，司機和乘客在聊天，本來很想請他們不要聊，但沒膽啊！」、「防疫期間，車廂內真的不宜交談」、「老實說，我覺得就是像這樣不知道事情輕重的人，造成這次台灣的疫情」。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 xml:space="preserve">
新冠肺炎嚴重肆虐全球，疫情接連在歐美各國迅速擴散開來，傳出包含美國和澳洲等國家，許多民眾都到大賣場瘋搶民生物資，尤其衛生紙被搶得最徹底。為何明明這些國家衛生紙產量無虞，民眾仍要瘋狂囤積衛生紙呢？
根據《康健雜誌》報導，從美國東岸到西岸的賣場，民眾排隊等候結帳的購物車內堆滿食物、清潔用品、一包又一包的衛生紙。而澳洲布利斯本的好市多（Costco）賣場，員工都還沒來得及拆封剛到貨的衛生紙，採買民眾就蜂擁而上、互相推擠，場面相當混亂危險。
疫情嚴峻之際，囤積清潔消毒用品尚可理解，然而搶衛生紙實在令人匪夷所思。根據《華盛頓郵報》報導，大型連鎖賣場的衛生紙和廚房紙巾幾乎銷售一空，網購價格被哄抬，有錢還不見得買得到，更有人為了搶最後一包衛生紙大打出手。
對於民眾恐慌因而瘋搶物資的行為，澳洲墨爾本大學災難危機處理計畫主持人庫克（Brian Cook）表示，當人類面對未知的威脅，會有「我應該做些什麼，以拿回掌控權」的本能反應；喬治城大學心理學教授愛爾佛德（Mary Alvord）指出，人是社會性生物，別人的行為會影響我們的思考，尤其對於威脅一無所知的情況下；美國經濟學家查格爾斯基（Jay L. Zagorsky）也說，人們無法預見疫情會如何發展下去，但能確定的是「萬一被居家隔離，至少我的衛生紙是夠用的。」
《康健雜誌》報導中提到，美國卡內基美隆大學心理學家費許霍夫（Baruch Fischhoff）直言，美國對這次疫情反應太慢，多數民眾還處在「新冠病毒沒什麼大不了」的心態，但沒多久世界衛生組織就宣布疫情進入大流行階段，美股更連日暴跌，連一向悠哉的總統川普都改口，美國進入緊急狀態，要投入5百億美元防疫，「美國民眾這時才警覺，再不囤積物資，生活恐怕出問題。」
研究流行病學的臨床心理學家泰勒（Steven Taylor）也說，當疫情資訊不夠公開透明、或沒有及時更新進展時，會加深民眾的恐慌與猜忌。盲目的恐懼是會擴散的，人心惶惶的瘋買行為，很難用「理性冷靜」阻止。
美國經濟學家查格爾斯基（Jay L. Zagorsky）表示，政府的強制規範與企業的限購策略，相對有效阻止民眾瘋搶行為造成的社會問題，以台灣的口罩政策為例，「當政府已經正視疫情，並建議民眾儲備2週的物資，相當程度可以讓民眾慢慢接受現狀，無須再盲目囤積。」
</t>
  </si>
  <si>
    <t xml:space="preserve">繼昨天公布的3人之後，我國出訪敦睦艦隊上再有21人確診新冠肺炎，原本國防部宣稱出訪時間有戴口罩，但官兵未戴口罩拉正妹狂嗨被踢爆後，今天中央流行疫情指揮中心記者會上，國防部坦承進一步追查後發現出訪官兵並未全程戴口罩。
媒體質疑，昨日國防部表示因為外交部說帛琉沒有新冠肺炎患者才前往帛琉，但最了解疫情的應該是指揮中心，當時有無問指揮中心？如果有問，指揮中心有無給出訪艦隊口罩等相關防疫物資？此外為何在已有人表示不舒服的情況下 國防部媒體15日還說全員身體健康？
對此國防部發言人史順文回稱，當初決定出訪時已縮短停留時間，關於是否隱匿疫情，當時反應身體有問題的國軍表示他是頭痛，航行時比較容易有人出現頭痛現象，所以醫官判定後決定予以尊重，另外幾人並未向醫官提出身體問題。
中央流行疫情指揮中心副指揮官陳宗彥則表示國防部只有在回程時詢問指揮中心哪時可以入境。國防部副部長張哲平則說出訪艦隊官兵返國靠港時接受檢查，沒有人發燒，確實沒問題，所以當時會做這樣的說明，至於4月13日官兵只是單純頭痛找醫生就診。
媒體也詢問軍艦人員下船前，有無經過健康檢疫流程，如量體溫等，此外政戰學校雖宣布停課，卻仍要學生返校住宿，但很多人六人一間，是否可能群聚感染？ 是否應在家自主管理更好？
對此中央流行疫情指揮中心指揮官陳時中表示，沒有規定下船要填健康聲明書，軍隊有根據指揮中心的指引加以管理，相信會比民間管理強度更強，軍隊是有紀律的地方，至於在家還是回部隊隔離？一般集中管理應該比要好，但前提是區隔有無做好。
隨後海軍司令部副司令梅家樹首先向社會大眾鞠躬致歉，接著他坦言我方艦隊出訪帛琉時戶外活動和官式拜會中並未戴口罩，其餘休假時間則有全程戴口罩，而4月14日有聯合檢疫小組到船上去做健康狀況和體溫的整體評估，國軍本來就每天都要量體溫，雖未特別做檢疫，但相關防護作為都有進行。
張哲平也說，軍隊任務不同，軍方在各營區都有單獨一人一間的營舍，有各種編制單位來加以管理，在部隊就是一個連 如果有人確診就按照指引，該營區隔離的就隔離。其他人因為不是最小編制單位，所以在營區自主管理，希望即時掌握狀況，也便於管制。
至於是否軍中在出訪前對於應否出訪有兩派意見，張哲平表示並沒有兩派意見，這是年度計畫，只是有評估哪些防疫作為可以符合指揮中心的要求，所以行前準備時口罩背了三萬片，足夠全艦官兵每人每天一片，可用45天。
國防部海軍司令部副司令梅家樹也說戰備正常未受影響，染疫官兵主要在磐石鑑，岳飛艦和康定艦也會完成相關檢疫後才恢復戰備。張哲平說漢光演習原定四月開始，如今已延後到九月
</t>
  </si>
  <si>
    <t xml:space="preserve">
新冠肺炎在日本肆虐，各產業深受重創，就連情色產業也難逃這波疫情影響，這也讓不少從事情色產業的女子收入遞減。不過，日本搞笑男星岡村隆史，日前居然在深夜電台節目中，公開呼籲聽眾等候疫情過去「努力存錢去嫖妓」，引發網友和學者等批他太噁心！
岡村隆史23日凌晨在他主持的節目中，回答聽眾的提問，像是新冠肺炎肆虐日本，是否暫時不應該光顧色情場所？沒想到岡村居然是這樣回答，他表示現在只能忍耐，套用一句老話，神是不會留給大眾無法通過的考驗，他相信疫情一定會過去，屆時就會有好事發生。岡村隆所謂的「好事」，是指部分女性可能因疫情影響生計，被迫加入情色產業鏈。
岡村隆史更加碼表示，「我估計未來3個月，有很多可愛的正妹會轉行，所以大家請忍耐一下，努力存錢」。岡村毫不掩飾的言論，果然引發熱議，有網友就批評很噁心，根本是歧視女性，就連前文部省官員前川喜平，還有大學教授藤田孝典等也痛批斥岡村的言論可恥，同時難以接受。
岡村隆史的言論引發輿論熱議後，日本放送電台也立即透過聲明公開道歉，表示岡村在節目中的言論是「對新冠肺炎災情認知不足，對女性尊嚴和職業缺乏考慮，如果有聽眾感到不安，我們深表歉意，並對節目製作人員重新教育」，希望能夠藉此趕緊讓這場風波平息，不過日本放送電台並未提到是否對岡村隆史進行處分。
更多 CTWANT 報導
</t>
  </si>
  <si>
    <t>新冠肺炎疫苗陸續問世，其中AZ疫苗在歐洲開打後卻傳出副作用，法國與瑞典部分地區均暫緩施打計劃。我國政府表示會持續觀察世界各國接種情形，也緊急授權讓AZ疫苗來台。然而，民眾究竟能否放心接種？
AZ疫苗是牛津大學與阿斯特捷利康（AstraZeneca）合作開發的疫苗簡稱，又稱牛津疫苗，其第三期臨床試驗報告甫於19日刊登於國際醫學期刊《刺胳針（The Lancet）》。
這款疫苗的臨床試驗自去年4月起在英國、巴西與南非招募超過2.4萬名成人受試者，針對其中1萬7,178人的初步追蹤分析顯示，接種一劑標準劑量後第22～90天，保護效力（efficacy）為76%，抗體濃度能維持約3個月；如果第1劑與第2劑疫苗間隔高於現行建議、拉長至12週以上再打，疫苗保護效力能提高至82％。
受試者當中，約半數接種這款疫苗、半數打到安慰劑。接種後21天、預期保護力應當漸漸出現時，打過這款疫苗的組別無人因染疫演變成重症及住院，但打到安慰劑的組別則有15人住院，當中也有人併發重症。
●每千人有9人傳出嚴重不良反應，但未必與疫苗直接相關
至於接種疫苗後產生的副作用，這份報告提及，在打疫苗的人裏頭，有0.9%的人傳出嚴重不良事件（serious adverse events），未打疫苗的對照組則有1.1%傳出嚴重不良事件。
●該如何理解這個資訊？
中央流行疫情指揮中心專家諮詢小組成員、中國醫藥大學副院長黃高彬指出，嚴重不良事件（serious adverse events）是指接種疫苗後產生的任何嚴重不適反應，這些嚴重不適反應未必真的由疫苗所引起、有可能只是剛好發生在打疫苗之後。「我們無法從試驗報告看出真正的、疫苗造成的嚴重不良反應，只能等待國內外接獲不良反應通報的單位進一步針對這些個案分析，外界才能較具體了解這款疫苗的安全性。」他說。
●我國緊急授權AZ疫苗來台，持續觀察世界各國接種情形
AZ疫苗在歐洲陸續傳出副作用，法國與瑞典部分地區暫緩施打計劃，恰在此時，COVAX（疫苗全球取得機制）分配20萬劑AZ疫苗給台灣，外傳最快下週抵台，我國食藥署今日也緊急授權AZ疫苗韓國廠、德國廠、義大利廠的貨源來台，並縮短行政流程讓AZ疫苗抵達後最快一週就可開打。
對於歐洲陸續傳出AZ疫苗接種後的負面消息，中央流行疫情指揮中心指揮官陳時中表示，英國是目前最大規模接種AZ疫苗的國家，卻未傳出那麼多不良反應，因此現階段我國也循世界衛生組織建議納入這款疫苗作為防疫工具。「不過，國家有責任監控與判斷疫苗安全性，台灣是疫苗施打率高的國家、專家經驗足夠，不排除在國內專家提出警示時暫緩施打。」
●AZ疫苗拉長兩劑接種時間？輝瑞疫苗只要打一劑？
面對新興疫情，疫苗需要超前儲備，施打上卻又不能操之過急，不僅要確認安全性，還要檢視不同疫苗保護力，並規劃這些疫苗如何配置才對國人有最大效益。
AZ疫苗的3期臨床試驗報告顯示，拉長第1劑與第2劑疫苗接種的間隔時間較具保護力。對此，陳時中則保留表示要持續觀察，當世界各國接種量愈來愈多，我國可參考的數據就愈來愈多，接種政策就能滾動式修正。
我國共計預購3,000萬劑左右的新冠疫苗，包括COVAX（疫苗全球取得機制）平台分配的476萬劑、莫德納（Moderna）疫苗505萬劑、AZ疫苗1,000萬劑，以及本土自製疫苗1,000萬劑，另還有輝瑞疫苗正在聯繫洽購中。
關於輝瑞疫苗的保護力，18日在《刺胳針（The Lancet）》也有新報告。以色列最大的醫療機構謝巴醫學中心（The Sheba Medical Centre）針對超過9,000名健康照顧工作者的接種報告顯示，已在各國陸續給民眾接種兩劑的輝瑞疫苗，其實施打一劑後的半個月到1個月，新冠肺炎感染就能降低85%。
這是否代表接種一劑即可？能否因此讓更多人有機會打到疫苗？對此，黃高彬澄清，疫苗的保護效力是指接種過疫苗的人後續接觸病原時，能減少多少的罹病風險。一般來說，疫苗保護效力至少要90%以上才合格，達到95%以上才會被稱作好疫苗。因此，無論是輝瑞疫苗接種一劑能降低85%的感染、AZ疫苗兩劑間拉長間隔能獲得82%保護力，這些數字都差強人意，「我們不會建議只打一劑」。
特別在台灣，新冠肺炎疫情並不嚴重，且我國疫苗從預購數量、儲存與接種布點漸漸規劃完整，因此不需要考慮有機會進口輝瑞疫苗時是否只讓民眾打一劑。
黃高彬透露，在數量上，國產疫苗還能供應更多—高端疫苗預計生產200～300萬劑，聯亞疫苗更計劃在今年底前生產達1億劑，因此可以預見台灣能取得足量疫苗達成群體免疫理想。在疫苗施打地點上，第1階段規劃26～28個點，多是具有極低溫儲存空間的區域級以上醫院，後續很快地會擴展至200個點，主要都是醫院，國內外貨源具足就能快速供應民眾。</t>
  </si>
  <si>
    <t>高端疫苗昨天宣布二期臨床試驗解盲成功，衛福部長陳時中今天也特別評論解盲結果，表示從高端公布的數據中可看出安全性、免疫反應、製程穩定性都沒問題，唯獨真實保護力有多少必須交由專家來研判。
陳時中表示，從昨天高端公布的三千多個數據可看出，至少疫苗安全性是沒有問題的，應該能被大家認可，另外在抗體陽轉率上，數值也來到百分之九十九點八，「方向很清楚，表示有引發身體的免疫反應」。
陳時中也提到，從高端的前三批製程數據也看出來，產品穩定性看起來也沒問題，唯獨中和抗體是否能夠等同真實保護力，還有待進一步商榷。
陳時中說，雖然從高端公布的中和抗體數據可看出相當不錯，「但中和抗體是不是代表他確效？需要專家蒐集更多意見才能做出綜合判斷」，不過他也說，目前中和抗體已有研究顯示與保護力成正相關，「但這還需要研判，不代表目前的中和抗體就有保護力。」
陳時中指出，為確認國產疫苗產生的中和抗體是否有效，早在三月AZ疫苗剛到貨時就針對兩百名醫護人員進行疫苗施打，預計將其血清拿來與國產疫苗做比對，目前相關的抽血程序都已開始進行，這些打完AZ的抗體分析結果應會在六月下旬出爐，屆時將提供給國產疫苗審查委員去做比對與了解。</t>
  </si>
  <si>
    <t>新北環狀線板新站坐落板橋區精華地段，與板橋站只有一站之隔，新北市捷運局24日舉辦「新北環狀線板新站土地開發案」線上招商說明會，介紹基地面積與招商條件，預計9月公告徵求投資人，將興建地上29層、地下6層、面積1萬8700坪的捷運商辦大樓，最快2024年動工。
板新站坐落板橋區中山路、板新路口西南側，鄰近新板特區精華地段，基地總面積約1392坪，目前為地上6層樓的捷運大樓，新北市捷運局預計辦理土地開發，興建為地上29層、地下6層、總樓地板面積達1萬8700坪的捷運商辦大樓。
因應新冠肺炎疫情嚴峻，新北市捷運局昨下午舉辦板新站首場招商說明會，改採線上直播方式，吸引近百位廠商代表上線觀看。
新北市捷運局副局長林耀長表示，預估投資金額約39億元，預計9月公告徵求投資人，符合資格的申請人，將在2022年3月就產品規畫、亮點營造等開發建議書內容，及承諾地主最低分配比例，展開綜合評選作業，選出最優申請人，簽約後成為正式投資人。
林耀長說，目前建物除了捷運設施，也預留未來大樓興建空間，若投資人徵求狀況順利，最快2024年動工，開發完成後，可挹注捷運建設自償性經費約40億元外，也帶動捷運站周邊商機發展，創造地主、市府及投資人三贏。
新北市捷運局補充，新北環狀線板新站等7處，原委託台北市政府代辦開發場站，去年底辦理移還作業，由新北市政府自行招商，目前共有10處基地正推動招商作業。
其中秀朗橋站、景平站、中和站及中原站4站已徵得投資人，正在建築設計階段，其餘包括板新站等6處場站，也陸續規畫興建。</t>
  </si>
  <si>
    <t>台灣三級警戒延長至6月14日，已有許多行業快撐不下去了！尤其服務業、零售業最慘，如百貨公司就受到嚴重衝擊，不開門也不是，只好縮短營業時間；開了門也沒客人，白白支出水電費用。
一名網友在PTT發文表示，現在全國餐廳幾乎只做外帶、外送，原本百貨公司裡的美食街還能內用，現在都不行了。他說，友人在購物中心上班，班幾乎被砍光，或是把年假拿來休；就算真的上班，逛街的人比櫃姐還少，一天下來零業績，「這些產業要怎麼活下去？」
網友無奈回應，真的沒辦法，這時候命比較重要，「做一天算一天，沒失業就偷笑了」、「各行各業都在忍耐，看能不能想想其他辦法減少虧損」、「百貨業只能期待報復性消費的那天」、「這題無解，只能等疫情盡快結束」。
少數網友建議，還是有別的出路，例如餐廳轉型做便當，拚外送業績；百貨公司可以衝超市營業額，現在賣場都缺貨；發展電商、送貨到府，總能維持一些營收吧。</t>
  </si>
  <si>
    <t>台灣新冠肺炎疫情日益嚴重，重症與死亡數不斷增加，趨勢科技與中國醫藥大學附設醫院率先合作，將擴大投入經費與醫療專業，以臍帶間質幹細胞恩慈療法方式治療covid-19重症患者。而這項創新的治療計畫已快速獲得雙方財務部門與董事會支持，希望在疫情嚴峻當下，讓重症患者出現一線生機。
中國醫藥大學附設醫院細胞治療團隊表示，這項治療方式首先是由美國邁阿密大學研究團隊發表。根據研究指出，臍帶間質幹細胞約95％可進入肺部，並具有抗發炎和再生活性，在對照組的實驗中，接受幹細胞注射的重症患者存活率可達91％。
而所謂的「恩慈療法」，是以人道的角度使用試驗新藥，沒有健保給付、也不能向病人收費，每一個案都需經過衛福部專案審查通過，預估每人每次耗費治療經費約30至50萬元。
目前中國附醫團隊擁有的臍帶間質幹細胞，已於2020年8月獲得美國FDA同意進行第I/IIa的臨床試驗，在此非常時期，也經衛福部特別核准以恩慈療法的方式，治療了四位確診新冠肺炎的重症病人。
趨勢科技得知這項創新治療後表達支持，並率先捐助500萬元，中國附醫也相對提撥500萬元、合計1,000萬元，由仁愛基金細胞治療專戶，幫助重症患者。
趨勢科技表示，除了資訊安全防護業務，趨勢本來就有投資並支持新一代的智慧醫療，在新冠肺炎疫情嚴峻之際，期待能及時挹注有效醫療，透過新醫療科技，為疫情盡一分心；同時希望藉由這次拋磚引玉，幫助更多新冠肺炎的重症患者。
中國附醫指出，趨勢科技為資安防護全球品牌，經由這次合作，串聯資安防護的精神，進行醫療防護救治，將可協助更多國內極需幹細胞治療的重症病患。本計畫擬提供全國各大醫學中心緊急需要臍帶間質幹細胞治療的重症病患進行恩慈療法，由於目前國內只有中國附醫通過衛福部核准進行恩慈療法，如有其他醫學中心願意投入，中國附醫可以提供協助。</t>
  </si>
  <si>
    <t xml:space="preserve">
受新冠肺炎疫情影響，許多國家改用視訊工作、教學、上課，阿根廷一名大學女教授感染新冠肺炎，仍然透過視訊為學生上課，卻在課程途中倒地，學生透過螢幕焦急問女教授地址，以便找人救援，但女教授只掙扎吐出「我不（I can’t）」二字，立即昏迷不醒，最後不幸離世。
綜合外媒報導，這起不幸事件發生在阿根廷當地時間9月2日，46歲的寶拉（Paola De Simone）是阿根廷商業大學（Universidad Argentina de la Empresa，UADE）的一名教授，這所大學位於阿根廷首都布宜諾斯艾利斯，當時寶拉正透過視訊軟體Zoom，為學生進行線上授課。
學生們透過視訊發現寶拉狀況有異，她似乎喘不過氣來，試圖大力呼吸，學生們趕緊詢問寶拉所在地址，以便找人救援，但寶拉只能掙扎說出「我不（I can’t）」二字，接著就在學生眼前倒地不起。
據了解，寶拉8月底在自己的推特上透露，她已感染新冠肺炎超過1個月，雖然努力對抗病毒，但似乎成效不佳。而她的丈夫在當地衛生部門工作，也因新冠肺炎疫情忙得焦頭爛額。
事件發生後，寶拉的家人已要求阿根廷商業大學迅速刪除相關影像，而校方也發出聲明，對於這名授課15年的教授過世深感悲痛，並盛讚寶拉是一名熱情而敬業的教學者，同時也是一個很棒的人。
阿根廷的新冠肺炎疫情依舊嚴峻，政府決定延長隔離時間，直到9月20日。截至9月4日，該國共有451198人感染新冠，9361名患者死亡。
</t>
  </si>
  <si>
    <t xml:space="preserve">新冠肺炎疫情持續延燒，印尼至今仍是零確診案例，結果不是防疫做太好，而是因為採檢費用太貴，所以不採驗。印尼衛生部官員溫德拉表示，不會採驗從湖北接回的238位學生，因為標準沒規定，且將全部的人都採檢的費用太貴了。
2月2日印尼從湖北撤出238名學生，根據《亞洲新聞台》報導，印尼衛生部官員溫德拉（Windra Waworuntu）6日在記者會上表示，不會對隔離的學生進行採驗，因為每個人都很健康，除非他們有發燒和咳嗽等狀況，否則若沒症狀為何要檢驗？
溫德拉說，在標準的SOP程序中，並未規定要對所有人採檢，且採檢238人一次就要耗費約十億印尼盾（台幣221萬），照世衛的標準每人還得做兩次，以確保準確性，而這樣成本實在是太高了，但強調，在必要時刻，還是會做的。
東南亞許多國家都出現新冠肺炎的確診案例，擁有4.2億人口數的印尼卻倖免，至今未傳出確診案例，也遭人質疑印尼篩檢病毒的能力，但印尼官方強調，實驗室擁有檢測新型冠狀病毒所需的設備，且一切都符合世界衛生組織的標準。
</t>
  </si>
  <si>
    <t xml:space="preserve">美國疾病管制暨預防中心（CDC）上周公布，至今有將近1.3萬例打完新冠疫苗仍住院或死亡的嚴重突破性感染病例，強調突破性感染仍相當罕見，不過這些案例中，以老年人以及有多重慢性疾病的人重症風險較大。
美國有線電視新聞網（CNN）報導，美國CDC上周公布，截至8月30日，美國至今通報1萬2908例突破性感染導致住院或死亡的案例。美國至今有超過1.73億人完整接種疫苗，這代表嚴重突破性感染的機會不到1/13000。
在導致住院的病例中，70%為65歲以上長者，導致死亡的病例中，65%以上長者佔87%。
另外，美國CDC 8月29日在醫學論文預印本平台medRxiv網站公布另一份研究，這項研究分析今年1月24日至7月24日期間4700名染疫住院患者，結果顯示，未接種疫苗成人染疫住院的機率，比完整接種疫苗的成人高出17倍，不過細看突破性感染病例，當中仍以長者、以及本身至少有3項慢性疾病的人為主，這些患者的年齡中位數為73歲，71%有3種以上的慢性疾病，包括糖尿病、心臟病、自身免疫疾病等。
相較之下，未接種疫苗者染疫住院的年齡中位數為59歲，56%有3種以上慢性疾病。
這項研究也發現，在Delta病毒擴散全美後，未接種疫苗成人染疫住院的機率，比已接種疫苗成人高出10倍。
耶魯大學7日在《刺胳針傳染病期刊》（The Lancet Infectious Diseases）公布的研究同樣也發現，嚴重突破性感染病例中以有慢性疾病的老年患者居多。研究人員於今年3月底至7月追蹤近1000名因各種原因住院的患者，當中18%至少接種1劑新冠疫苗，6%已完整接種疫苗，當中出現嚴重新冠症狀的年齡中位數為80歲，超過半數有過重問題，多數人患有心血管疾病，半數有肺部疾病或糖尿病。
參與這項研究的耶魯大學醫學院心臟病學副教授Hyung Chun表示，突破性感染案例相當少見，但是隨著病毒突變，這類狀況會愈來愈常見，他說，若要降低突破性感染的影響，找出哪些人在打完疫苗後仍最有可能變重症是相當重要的工作。
美國貝勒醫學院（Baylor College of Medicine）疫苗專家霍泰茲（Peter Hotez）表示，整體而言，嚴重突破性感染的族群和重症高風險族群相當。
</t>
  </si>
  <si>
    <t xml:space="preserve">日本在周四稍晚新報新冠肺炎每日新增確診人數，來到歷史新高的1305人，而前一日週三亦為破紀錄的1260人，為連續兩日突破紀錄。週三的紀錄亦為日增確診首次破千人。
東京地區週四新報367人，之後市政府隨即要求酒吧和卡拉OK等營業場所再次停業。據日本公同社報導，東京都知事表示，營業時間在上午五點到晚上十點的商業，按照防疫方針每個企業將可獲得20萬日圓補助。而一項規定將在周六生效，要求商店和商業經營者必須執行相關防疫措施。
東京都知事已要求民眾勿前往餐廳用餐，以及勿參與夜生活消費，小池並在記者會指出，不排除東京成為唯一宣布緊急事態地區。
東京在週四新報病例中，有64%為20和30歲兩個年齡層的年輕人。
</t>
  </si>
  <si>
    <t>英國變種病毒，台灣再增1例！指揮中心近期針對國內確診者，共21株個案病毒定序發現，除了昨天的案792是英國變種外，案791也是，該案是從英國留學返台，但居檢期間在家獨自一人，故無框列接觸者，沒有擴散到社區的疑慮。
中央流行疫情指揮中心指揮官陳時中昨天公布，日前英國班機返台的10多歲確診發燒少年（案792），身上病毒株經基因定序後，證實就是英國變種病毒b.1.1.7，指揮中心同時也已經通報世界衛生組織，台灣出現首起變種病例。該名少年目前症狀輕微，還在醫院隔離治療中。
而除了首例英國變種病毒的少年，莊人祥今天表示，28日新增的案791為20多歲男性也是染上英國變種，Ct值為23，病毒量較高。個案過去在英國留學，12月22日返國，12月26日發燒、咳嗽、流鼻水，在家中獨自居家檢疫，因此不需要匡列接觸者，和案792一樣都沒有跟社區接觸，沒有散播到社區的疑慮。
有國外研究指出，英國變種病毒比較容易感染年輕人，莊人祥表示，雖然國內抓到兩例都是留學生，和樣本偏差有關，也可能此時都是留學生回來居多，是否變種病毒感染侵襲偏向年輕族群，在英國看起來是差不多，且雖傳播力高，但目前致病的嚴重性和其他病毒株是差不多的。
莊人祥表示，這名個案跟所有人都是進入集中檢疫所，除了該班機3人外，其他都是陰性，其他人在集中檢疫所期滿前、後都會在採檢，有人感染發病就會偵測出來。
此外，今天新增的境外移入確診案799，也是從英國返台，莊人祥表示，該案例因為才剛出來，目前檢測的21株病毒裡面沒有他，過幾天會把他放進去，看是否也是英國變種病毒。</t>
  </si>
  <si>
    <t xml:space="preserve">德國公衛專家勞德巴赫（Karl Lauterbach）聲稱，新冠變異株Omicron是聖誕禮物，或許能加速終結新冠疫情。
《倫敦標準晚報》（London Evening Standard）報導，正在爭取擔任德國新任衛生部長的公衛專家勞德巴赫表示，初期報告顯示Omicron多造成輕症，對各國來說可能是聖誕禮物，甚至能加速疫情終結。
Es wäre wirklich ein vorgezogenes Weihnachtsgeschenk, wenn Omicron leichter verliefe. Bei so vielen Mutationen wäre es aber denkbar. Aber Vorsicht: was dagegen spricht: in SA sind nur 6% Ü65 alt. Deutschland ältestes Land Europa mit vielen chronisch Kranken https://t.co/EewQlbLb3N
他說Omicron有許多突變，光是棘蛋白上就有32種突變，是Delta變異株的2倍之多，代表能夠優化感染能力，但是會降低嚴重程度，與大多數呼吸道病毒進化的方式一致。
在此之前，南非專家指出，Omicron引發的症狀較其他變異株輕微。
南非流行病學權威卡林（Salim Abdool Karim）昨（29）日在記者會上表示，現有疫苗應該對Omicron仍「非常有效」，他說基於目前已知其他高關注變異株對疫苗的反應，他預期疫苗仍能有效避免住院及重症患者。
不過他也強調，現階段要判斷Omicron比其他變異株更容易造成重症，仍「為時過早」。
世衛秘書長譚德塞（Tedros Adhanom Ghebreyesus）昨日表示，Omicron出現提醒我們新冠疫情尚未結束，他警告，得來不易的抗疫成果可能在瞬間毀滅。
</t>
  </si>
  <si>
    <t>蘋果於台北時間14日凌晨1時舉行年度iPhone發表會，市場預期蘋果發布一系列5G版iPhone 12手機以及其他產品，帶動蘋果股價前一日率先拉高，大漲近6.4％，為7月31日以來最大漲幅，昨日台股蘋概股也被帶動，在盤面上有所表現。惟昨日為國安基金退場首日，台股盤中跌了近百點，幸好台積電撐盤，最後小跌8點、收在1萬2947點，挑戰「萬三」則再度失利。
對蘋果新機將上巿，分析師指出，預期5G版iPhone將引發舊有iPhone用戶升級欲望，此次新款iPhone引發的購買潮，可能和過去蘋果推出更大尺寸的iPhone，所帶來創紀錄的銷售熱潮比美。
市場先前消息傳出此次iPhone系列共會有iPhone 12 Mini、iPhone 12、iPhone 12 Pro、iPhone 12 Pro Max　4種機型。知名分析師郭明錤最看好6.1吋版的「iPhone 12」機型，因iPhone 12 mini無法滿足使用者對大螢幕的需求；iPhone 12 Pro與iPhone 12 Pro Max售價較高，因此iPhone 12在系列中將擁有最高出貨比重，預測可能占40％到45％。
另受新冠疫情影響，金價曾攀升至每盎司2000美元高點，之後回檔盤整，惟昨日台銀發行辛丑牛年彩色鍍金銀幣及金鑽條塊，因金價今年以來上漲約2成，售價明顯較去年攀升。台銀貴金屬部副理楊天立指出，金價最大風險在於疫苗，只要新冠肺炎的疫苗問市，恐讓金價陷拉回風險。他預期，若美總統大選結果拜登獲勝，金價年底前有機會上看2200美元，明年上下區間則在1700至2300美元間。</t>
  </si>
  <si>
    <t>新冠肺炎疫情持續延燒，我國已有零星社區感染出現，為及早因應可能的大規模社區感染，行政院日前將指揮中心等級升為一級開設，指揮中心指揮官陳時中今(29)日11時親臨台北榮總視導該院的超前準備。
陳時中今日針對表示，行政人員、清潔人員、外包人員等及醫護人員出國限制及院內動線等進行視察，表示上述人員及環境的防護措施必須落實，表示北榮的醫療品質和量能在全台灣是示範楷模，必須要做到最嚴謹。
陳時中指出，護理站對於陪病親屬的概念傳輸都很重要，探病部分盡量避免，非必要情況可以用視訊來噓寒問暖，以免造成院方不必要的負擔。然而陪病照顧有它的有必要性，非照顧病人的行動還是盡量避免。
陳時中強調，目前每日檢驗量能為2450件，但各醫院負壓病房數有限，能盡所能醫治病人是目標，但若未來疫情加劇，病患大幅增加會造成醫療量能的壓力，未來不排除將一採陰性者集中隔離、返家居家隔離。
陳時中進一步指出，防疫最大困難是新冠肺炎有無症狀感染者，醫護人員全面防護觀念要有，要多加注意，外包的非醫療人員方面訓練非常重要，可能因為概念不足造成醫院防疫破口，建議榮總這部分訓練務必加強。</t>
  </si>
  <si>
    <t xml:space="preserve">防疫期間民眾外出戴口罩幾乎已成為下意識習慣，但網路上有網友提問，「護目鏡」是否必須配戴，該網友認為護目鏡是多一層保護；其他網友則列出必須戴的2大理由，其1是飛沫可能經由淚液進入人體，其2是若手部會沾染細菌病毒再揉眼睛，就有可能感染；許多網友則相當認同第2點，認為揉眼睛是相當危險的習慣。
1名網友在PTT上發文表示，他建議大眾搭乘捷運應該比照搭飛機，除了戴口罩之外，最好也把護目鏡戴上比較安全，「比較有憂患意識的應該都有準備好護目鏡才對，盡量保護好自己」；此文一發出即引發網友討論，有網友認為「還要戴手套」、「口罩的確不是百分百保護，而且有人戴口罩跟沒戴一樣」、「手記得要噴酒精，不要亂摸」。
也有網友點出戴護目鏡最主要的功用其實是「防止手摸到眼睛」，因為如果日常的細菌、病毒沾染在手部，而民眾又揉眼睛、摸臉的狀況下，病毒就可能透過眼睛進入人體，因此需要護目鏡，「主要還是手部經常噴酒精消毒」、「眼睛有淚液，所以有戴護目鏡還是比較保險」。
不少醫療學者也提到，相對於口鼻的保護，眼睛的防禦稍微低了點，眼睛結膜直接與外在接觸，只有閉眼、睡覺時才受到保護，因此戴上護目鏡、防護鏡確實是多一層保護；學者建議，護目鏡對醫療人員來說是必要的，防疫期間盡量不要佩戴隱形眼鏡，且1天至少2次以正確方法清潔消毒鏡架、鏡片。
</t>
  </si>
  <si>
    <t>新型冠狀病毒在全球擴散，歐美最新研究顯示，慢性病及心血管疾病患者，若罹患新冠肺炎，不僅死亡率高，重症住院者更多，不可不慎。為協助患者做好自我管理，醫界首度黑客松作品「好心鄰」LINE上線，協助提醒用藥，紀錄檢測指數紀錄等。
財團法人中華民國心臟基金會執行長黃瑞仁表示，美國醫學會雜誌(JAMA)2月刊登的研究顯示，新冠肺炎138名住院患者中，近半數患有至少1種合併症，前3名分別為高血壓(31％)，心血管疾病(14.5％)和糖尿病(10％），而歐洲心臟雜誌(European Heart Journal)刊登的研究顯示，早期的新冠肺炎患者中，有高達50％的住院患者有慢性疾病，其中有40％罹患心血管或腦血管疾病，意即罹患新冠肺炎而重症住院者，心血管疾病患者占2成。
台灣介入性心臟血管醫學會理事長謝宜璋表示，美國心臟學院今年3月針對新冠肺炎的通報指出，慢性病患者罹患新型冠狀病毒的致死率較高、預後較差，以大陸的數據來看，罹患新型冠狀病毒的心血管疾病的患者致死率為10.5％，比糖尿病7.3％、慢性呼吸系統疾病6.3％、高血壓6.0％以及癌症5.6％都高。患者在疫情期間，更要比平時加倍愛惜自己的心臟。
謝宜璋呼籲患者，在新型冠狀病毒來襲期間，更要比平時加倍愛惜自己的心臟，例如規律運動及飲食，做好平時的血壓、血糖、體重及用藥記錄，在疫情期間，更可以透過AI(Artificial intelligence, AI)人工智慧做好患者的自我健康管理。
醫界首度黑客松作品「好心鄰」（https://lin.ee/3tCD1E3），將AI人工智慧和LINE的「聊天機器人」程式相容，主動提醒按時服藥，藉以提升急性冠心症(Acute coronary syndrome, ACS)患者用藥的順從性。此外，也加入全方位血糖、血壓、體重等記錄功能，增強患者服藥順從性，且每天記錄控管身體指數，可降低心肌梗塞復發風險。</t>
  </si>
  <si>
    <t>金管會公布國銀最新獲利狀況，2020年1～2月稅前獲利627.5億元，年減21.8億元或3.4％，各類分行中僅國際金融業務分行（OBU）獨守成長。銀行局副局長黃光熙表示，主因新冠肺炎疫情重創全球資本市場，使國銀投資金融資產評價收益減少所致。
據金管會統計，國銀2020年1～2月各類分行中，僅OBU稅前獲利187.6億元，年增10.8％。國內總分行稅前獲利372.1億元，年減6.8％，海外分行稅前獲利58.9億元，年減17.8％，中國大陸分行稅前獲利8.9億元，年減0.3％。
黃光熙表示，國銀前2月獲利出現衰退，主因受新冠肺炎疫情影響，全球資本市場波動加劇，使國銀投資金融資產評價收益減少。其中，國內總分行投資及其他淨收益年減達128億元，所幸利息及手續費收益分別年增32億元、28億元、呆帳提列準備金亦年減63億元。
而OBU前2月獲利維持成長，主要受惠投資金融資產評價利益增加，年增達27億元。海外分行及中國大陸分行獲利衰退，主因呆帳提列準備金增加，其中海外分行年增達11億元，中國大陸分行則在2月增提3億元。
國銀截至2月底總放款餘額30.02兆元，月增1232億元。逾放金額706億元，月增11億元，逾放比0.24％、月增0.01個百分點、年減0.01個百分點。備抵呆帳覆蓋率590.24％，月減6.49個百分點、仍年增達43.61個百分點，提列狀況維持較高水準，應屬穩健。</t>
  </si>
  <si>
    <t>經濟部傳出有同仁因確診，經濟部17日上午證實這消息，該名同仁因曾前往特定疫情熱區附近，並出現不適症狀，進行採檢後，已接獲通知為COVID-19確診個案，而經濟部也啟動分區辦公應變機制，已於週一（5/17）展開本部分區辦公(分二區)相關作業，未來兩區人員杜絕越區交流，實體公文嚴禁跨區分流，必要的會議將盡量採視訊方式辦理。
經濟部指出，與該同仁頻繁接觸的5位同仁，也依照防疫的指引建議，自即日起至5月27日採行自主隔離，隔離期間如有不適症狀應即通報，屆時將有專人護送就醫。據了解，該名確診者平常不會與部長王美花、以及三位次長有密切接觸。
經濟部也已於16日完成辦公場所全面消毒，並要求所有同仁配戴口罩，以及落實勤加洗手的衛生習慣。民眾洽公部分，也有新的實聯制、動線指引及相關規範。</t>
  </si>
  <si>
    <t>國內首度開放新冠疫苗混打，限時6小時開放意願登記，共28萬人完成登記，將可在明天上午10點預約混打，最快後天就能接種莫德納或BNT疫苗。
中央流行疫情指揮中心宣布開放AZ混打莫德納或BNT，已於9月25日前接種第1劑AZ的民眾皆符合資格，約97萬人符合資格，共28萬629人完成登記；其中6萬534人選擇混打莫德納、4萬8076人選擇混打BNT，另有17萬2019人同時選擇莫德納和BNT。
首批混打將納入第14期預約接種，28萬人民眾將可於明天上午10點至下午4點至疫苗平台預約，施打日程為11月20日至21日。
第14期開放混打後，殘劑也同步開放AZ混打mRNA疫苗。疫情指揮中心指揮官陳時中表示，只要符合混打資格的民眾，打殘劑也可以；疫情指揮中心發言人莊人祥補充，11月20日起開放混打疫苗民眾排殘劑接種。</t>
  </si>
  <si>
    <t xml:space="preserve">
受到新冠肺炎疫情影響，紐西蘭航空（Air New Zealand）宣佈，3月20日起將陸續暫停包含奧克蘭往返台北等多條國際航線直到6月30日，根據《路透》報導，紐西蘭航空預計最終將削減85%的國際運能，往返澳洲及紐西蘭國內航線的運能也會削減30%左右。
紐西蘭航空於官網公告，繼原本就已暫停的上海和首爾航線後，3月20日起將再暫停倫敦及洛杉磯航線至6月30日。另外，台北、阿根廷、印尼、日本及其他美加航線則從3月30日起暫停，直到6月30日為止。
14日紐西蘭政府宣布，實行「全球最嚴格邊境管制」，所有入境訪客都要自主隔離14天，因此重創紐西蘭航空業。紐西蘭航空預期運能大減，股票在18日前暫停交易，紐西蘭航空執行長福蘭（Greg Foran）坦言，紐西蘭航空在未來幾個月將成為1間「小型航空公司」，而這波影響恐怕包含人力，因此正考慮是否要裁員30%，為了盡量減少裁員，他也鼓勵大家排休年假或無薪假。
更多 CTWANT 報導
</t>
  </si>
  <si>
    <t xml:space="preserve">美國最新研究發現，新冠變異株Omicron的眾多突變中，其中一個可能涵蓋從其他病毒上取得的遺傳物質片段，從而讓Omicron可能更具傳染力，但同時只會造成輕症。專家指出，Omicron可能是從感冒病毒中取得遺傳物質片段。
路透社報導，數據分析公司Nference的美國、印度、加拿大研究人員2日在開放科學平台預印本（OSF Preprints）網站發布最新研究，團隊在Omicron的突變上發現特殊遺傳物質片段。
研究指出，這個特殊遺傳物質片段從未在其他新冠病毒上出現過，但是包括在普通感冒病毒在內等其他病毒中廣泛存在，在人體的基因組中也能見到。
主導這項研究的美國研究人員桑達拉拉然（Venky Soundararajan）表示，透過植入這個特殊遺傳物質片段，Omicron或許能讓自己看起來「更像人類細胞」，如此能幫助它躲過人體免疫系統的攻擊。
報導指出，這可能代表Omicron更容易傳播，但同時只會造成輕症或無症狀患者。科學家目前尚不清楚Omicron是否會比其他變異株更具傳染力、是否會造成更多人重症，又或者是否會取代Delta成為主流變異株，學界或許還需要幾周時間才能回答這些問題。
先前研究發現，肺部及腸胃系統細胞能同時攜帶新冠病毒及普通感冒冠狀病毒，人體同時感染2種病毒為病毒重組創造出條件，這個過程是不同病毒在同一個宿主細胞內複製病毒的同時也交互作用，創造出同時兼具2種病毒部份遺傳物質的新病毒。
研究人員指出，新突變最初可能在同時感染2種病原體的患者身上發生，先前版本的新冠病毒從另一種病毒身上獲得基因序列。
桑達拉拉然表示，相同的基因序列也多次出現在其中一種感冒冠狀病毒HCoV-229E及導致愛滋病的人類免疫缺乏病毒（HIV）上。南非是全世界愛滋病感染最高的地方，桑達拉拉然說南非或許已經有許多人身上出現病毒重組的情況。
她說在Omicron出現之前，人類或許已經錯過許多代的病毒重組。
這份研究目前尚未經過同儕審查。
</t>
  </si>
  <si>
    <t xml:space="preserve">行政院南部聯合服務中心執行長陳政聞遭爆捲入「牡丹灣villa」群聚事件，消息一出後，政壇炒得沸沸揚揚，高雄地方更直言陳政聞「這次走定了」，烏紗帽恐不保，不過，許多網友可不這樣認為，直言「3+11這把火都沒事了，這個更沒事，顏色對了都沒事」。
熟知內情人士透露，當天陳政聞與南部政商一同前往牡丹灣，因民眾投訴且遭媒體詢問，當晚政院高層便直接要求陳立即離開現場，且放話「如果名字見報，立刻下台」。
對此，許多網友在報導這則新聞的粉專「中時新聞網」臉書下方留言表示，「沒怕的啦，燒山都沒事了，顏色正確就可以了，落選得高官，真是好棒棒」、「沒問題的，綠色支持者會自動選擇性，失明、失聰、失憶」、「官員把山燒了都沒事，去villa群聚只是小菜一碟」、「有關係就沒關係，要是馬英九時期，那些側翼、什麼翼的還不開始鬧騰」、「民眾還在坐牢，官員卻享樂去了」、「3+11這把火都沒事了，這個更沒事，顏色對了都沒事」。
據悉，蘇貞昌表定16日下午2時到高雄流行音樂中心海音館視察高雄疫苗施打情形，該行程本來就不開放媒體入場，但開放線上提問，不料行政院在公開行程2個半小時後臨時宣布取消行程，如今外界終於豁然開朗，猜測或許事涉敏感，蘇貞昌恐為此震怒，因而臨時喊卡行程。
據側面了解，陳政聞當天確實帶了妻小前往屏東頂級Villa住宿也已向陳其邁及蘇貞昌方面主動告知此事。
對於外傳蘇貞昌震怒一事，行政院今表示，蘇貞昌視察高雄疫苗施打情形行程延後，完全是考量獲預報當天下午南部有雷雨，不宜航行而取消是次行程，同日也有向詢問的媒體說明是氣候因素之故，此與媒體所報導陳政聞之事件毫無關係。
</t>
  </si>
  <si>
    <t>中央流行疫情指揮中心今(4)日公布新增1例死亡病例案799，為英國籍70多歲男性，去年12月18日來台，31日確診感染英國變種病毒，之後因病況加劇使用葉克膜搶救，但昨仍因肺部出血、器官衰竭病逝，為國內首起染英國變毒死亡個案。
中央流行疫情指揮中心表示，案799有心血管疾病病史，去年12月18日來臺探親，12月26日發病、29日就醫、31日確診，個案於入院後因病況加劇，插管後轉至加護病房治療，住院期間因病況持續不佳，使用葉克膜治療，後續個案陸續出現器官衰竭、肺部出血、發燒及細菌合併黴菌感染等情形，雖使用抗生素治療，仍因病情惡化於昨(3)日病逝。
指揮中心專家小組召集人張上淳表示，這名死亡個案一方面年紀大了，另一方面也有心血管疾病病史，都是比較容易發生重症的因子，確實很快就變成重症，也有使用葉克膜。
對於案799病程中有肺部出血情況，是因本身病史還是和感染新冠肺炎有關？張上淳說，新冠肺感染後除會影響器官外，也會影響凝血功能，所以需進行凝血功能相關治療，而此個案在臨床判定上，是因新冠肺炎感染造成凝血功能有狀況，這是目前為止看到較明顯肺部出血的個案，過去沒有看到如此明顯出血的病例。
張上淳表示，由於案799是單一個案，無法說其死亡是否與變種病毒株相關，只能參考國外資料，國內分析無法證實是因為變種病毒株讓死亡率變高，目前變種病毒株不只這個，世界衛生組織日前公布全球共有4種變異病毒，分別是D614G、Cluster 5、B.1.1.7以及501Y.V2。
此外，今天指揮中心也宣布新增2例境外移入COVID-19確定病例(案919、920)，分別自印尼及美國入境。
指揮中心表示，案919為印尼籍40多歲男性船員，1月10日來臺工作，持有搭機前3日內檢驗陰性報告，入境後由公司安排至宿舍進行居家檢疫及自主健康管理；個案自主健康管理期滿，因預計登船工作，於2月2日由雇主安排至醫院自費採檢，於今日確診。已掌握個案接觸者共2人，因有適當防護，列自主健康管理。
案920為美國籍60多歲女性，今年1月15日來臺，持有搭機前3日內檢驗陰性報告，入境後至防疫旅館居家檢疫，迄今無症狀。個案居家檢疫期滿後，於1月30日至2月3日間在臺洽公，因預計2月6日返回美國，2月3日至醫院自費採檢，於今日確診。已掌握個案接觸者11人，包括工作接觸者9人及同行友人2人，均列居家隔離。
指揮中心統計，截至目前國內累計161,613例新型冠狀病毒肺炎相關通報(含156,448例排除)，其中919例確診，分別為805例境外移入，75例本土病例，36例敦睦艦隊、2例航空器感染及1例不明；另1例(案530)移除為空號。確診個案中9人死亡、839人解除隔離、71人住院隔離中。</t>
  </si>
  <si>
    <t>美國紐約疫情嚴峻，至少211名警察確診，單日竟有2774名警察請病假，為免國內疫情波及人民保姆進而影響治安工作，太平警分局26日實施異地辦公機制演練，由內勤及各外勤派出所(隊)人員調度二分之一警力，分別部署於第二辦公處所，希望透過異地辦公作業以分散風險，確保如遇緊急狀況時各項警政勤(業)務之正常運作，落實防疫工作同時也可以兼顧治安維護。
太平警分局為落實政府防疫政策，26日規劃演練「人力分流易地辦公機制」，除分局本部將人員分A、B兩組，透過分流人員動線，落實隔離措施，連公文都採線上簽核方式，另在各外勤派出所(隊)、交通分隊也加入整備行列，透過規劃二班式勤務，隔離人員避免互相接觸，還設置臨時人犯偵訊處所，以及戶外機動派出所受理民眾報案，避免有人不幸確診，甚至會造成整個單位都停擺，衍生治安漏洞。
值得一提的是，演練過程中適逢市議員蔡耀頡在新平派出所關心警方異地辦公整備狀況，並對分局的超前部署大為肯定。太平警方表示，目前除在人員及設備配置上均已事先調控，不讓疫情影響機關正常運作，分局內部也在一星期之前，早就期前分組運作許久，確保疫情期間之公務運作，讓警政服務不中斷。</t>
  </si>
  <si>
    <t>中央流行疫情指揮中心昨宣布最快明年1月1日開打第3劑疫苗，將優先提供給高風險對象，接種兩劑滿6個月者可接種。針對第3劑疫苗廠牌應如何選擇，衛生福利部傳染病防治諮詢會預防接種組（ACIP）召集人李秉穎指出，基本上是之前打什麼疫苗，就繼續打哪個疫苗；目前專家會議尚未詳細討論，可能會開放大家去選擇。
李秉穎指出，目前國際上已有不同疫苗混打的經驗，安全性沒有很大的問題，從學理上來看，現在已有不同疫苗混打的經驗，安全性沒有很大的問題，只是局部不良反應的發生率會比較高一點，但多不會太嚴重。
李秉穎也說，接種兩劑腺病毒疫苗(AZ）混打mRNA疫苗後的效果與純打mRNA疫苗類似，因此專家決定開放大家選擇，基本上如果前兩劑打mRNA疫苗，第三劑就是你前面打什麼，後面就接著打，但如果是AZ則開放民眾自選，而高端也是自由選擇，如果有人第三劑也想打高端，也沒有問題。
至於前兩劑打高端的民眾，李秉穎表示會保留他們的選擇權利，目前已有高端混打其他疫苗的試驗正在進行中，大概不久就能看到數據，預計會在第三劑開打之前出爐。</t>
  </si>
  <si>
    <t xml:space="preserve">
台灣新冠肺炎疫情再度升溫，中央流行疫情指揮中心昨(16日)公布新增8確診個案，都在國外被感染，台灣確診者累積達67例，其中15日公布的案54男子，2月28日到泰國遊玩，3月5日又到日本北海道旅遊4天，返台後確診，又疑因隱瞞出國旅遊史，致任職的外商金融公司，緊急關閉台北辦公室，與他接觸過的同事也遭隔離，不少專業網友在PTT留言表示，案54恐面臨超慘下場，也有律師直指，因該男子隱瞞旅遊地點，公司可依勞雇契約或《民法》不完全給付規定提出求償。
據「東森新聞雲」報導，律師陳禾原表示， 該男子與公司間存有勞雇契約，勞資雙方都應本於「誠信原則」履行契約，若該名男子確實隱瞞出國旅遊史，還向公司謊稱是國內旅遊，此舉將造成公司無法正確評估資訊、管控疫情風險與安排遠端工作對應措施，造成營業損失，公司可依勞雇契約或《民法》第227條不完全給付等規定，向男子求償。
至於求償範圍，陳禾原說，公司可向該男子求償營業利益、辦公室租金、人事費用等損失，惟公司必須需提出相關損失證明及因果關係。
案54男子隱瞞國外旅遊史確診後，有網友在PTT爆料：「他出國之前，同事一直叫他不要去，他還是硬要去，甚至瞞騙公司只是國內旅遊，結果確診搞到整間公司強迫關閉，因大家都要在家自主管理。」還被網友留言罵翻「他受到的懲罰就是業界沒人敢再用他」、「不誠信還想做金融，以後誰敢用」、「引起金融圈高度警戒」、「這人的金融生涯完了啦，連這都要騙，支持公司要求賠償」。
但衛福部長陳時中昨在記者會上提到，案54男子並沒有違法說：「當時日本、泰國還沒有列入三級區域，這樣撻伐不宜啦！」他認為網路上對該案的肉搜和謾罵等行為「不宜且不可取」。陳時中也強調最新法規，今後若執意赴「國際旅遊疫情建議等級」第三級警示國家地區旅遊者，不可領居家檢疫補償，並加徵必要費用，倘若確診，公布姓名。
</t>
  </si>
  <si>
    <t>國際穿戴裝置大廠Garmin林口廠區，9日傳出有1名員工確診新冠肺炎，該名個案居住在新北市，桃園市長鄭文燦呼籲新北市政府要充分分享疫調資訊，桃園市衛生局7日中午就入廠採檢，當晚才接獲新北市衛生局通報確診。
據了解，7日早上桃園市衛生局聽聞龜山有工業區員工確診，隨即一家一家工廠詢問，並透過中央系統發現是Garmin林口廠有員工確診，趕緊入廠採檢，不過桃園市衛生局到當天傍晚才接獲新北市衛生局通知，緊急採檢，該廠532名員工都是陰性。
鄭文燦9日說明疫情，該案最早是1名婦人在台北市確診後，北市府未匡列她丈夫，後來這名丈夫到新竹縣工作確診，又傳給3名同事，其中1名住桃園的同事又傳染給在Garmin林口廠上班、住新北的女兒。鄭文燦批，桃園市衛生局事先掌握消息，7日中午趕緊入廠採檢，但桃園一直到晚上才接到新北市衛生局通知有確診者在Garmin工作，呼籲要充分分享疫調資訊。
新北市衛生局長陳潤秋表示，個案在父親確診後被匡列採檢陽性，根據疫調，父親發病在前，認定屬於家戶感染。
新北市衛生局指出，該名確診個案居住在桃園的父親6日確診，個案因此被匡居家隔離，7日採檢陽性，8日確診，目前已匡列接觸者人數共19人，包含家人3人、職場16人，衛生局除已對其生活足跡進行疫調，第一時間也立即通知職場所在地的桃園市衛生局，進行工作職場疫調，以確實阻斷傳播鏈。</t>
  </si>
  <si>
    <t>桃竹苗水庫都在比慘！石門水庫水情是「狀況不好」，寶山和寶二水庫是「告急」，永和山水庫「很緊急」！新竹地區可能在6月1日亮紅燈供5停2，水公司指出石門水庫每天還是會支援22萬噸水給新竹，在甲區停水時調配供給乙區使用，目前還沒有模擬到停供不支援新竹的狀況。
供水給新竹科學園區的寶山和寶二水庫，每天出水量仍維持在15萬噸，24日寶山蓄水量34.84萬噸剩6.9％，只能用10天，寶二86.39萬噸剩2.6％，還能撐14天。
水公司三處區副處長謝東穎表示，石門水庫目前從桃竹備援管線送新竹22萬噸，主要供湖口、新豐及竹北20萬噸，餘2萬噸供新竹市，若進入供5停2的分區供水，竹北等甲區在停水2天時，水源調配給乙區的新竹市使用。
同時，消防、醫療及學校提供13處載水點，甲區將設置28處臨時供水站，乙區則有13處。新竹縣各鄉鎮市將增設臨時供水站，竹北市18處、竹東鎮6處、芎林鄉4處、寶山鄉2處
新竹縣長楊文科對新竹地區可能分區供水，指示衛生局請縣內42家住宿式長期照護機構，盤點貯水能量並加強省水應變，要求至少支撐48小時的自助抗旱能力。</t>
  </si>
  <si>
    <t>針對有媒體直指台南市「疫苗不足」，8月2日後將不提供疫苗接種服務，台南市長黃偉哲斥假消息，這是未經查證的不實消息，只要於公費疫苗預約平台預約成功的市民，就一定打得到疫苗。衛生局長許以霖也強調，依據公費疫苗預約統計，從8月2日至5日將有3萬9761位民眾將接種疫苗，絕無停止接種服務的情況。
台南市今天因宣布停班停課，疫苗接種服務也暫停1天。但卻有媒體指，8月2日台南市因疫苗不足，將不再提供疫苗接種服務，許以霖說，這不知道是哪來的消息，完全是不實消息。
黃偉哲今天在防疫記者會上針對傳聞指台南沒有疫苗，這是「假消息」，他也說，未經查證就散布不實消息，必須要負起責任，甚至是刑責。
許以霖表示，目前所有人打第二劑都要上1922進行意願登記，已打第一劑的可以在下一輪開放意願登記時，登記第二劑，同時因為國內沒有開放混打，第二劑也必須選擇與第一劑相同的廠牌，系統並會提醒最早可以注射第二劑的時間。
衛生局表示，台南市1日暫停疫苗接種服務，原訂今天要接種者，請於8月8日依照原預約時段至原地點接種，無須重新預約，若8月8日無法前往，請與原預約的醫療院所聯繫登記接種。</t>
  </si>
  <si>
    <t>新冠肺炎散播的震央目前從大陸轉移到歐洲。由於歐洲國家如英國和瑞典採取和WTO不同的防疫模式，群體免疫概念浮上檯面，儘管在反彈下緊急採取措施彌補，但可能為時已晚。歐美嚴防亞洲的局面出現倒轉，如果防疫不力，交叉感染將不可避免。因此整個防疫措施也應該進入一個新的階段！
大陸公布的疫情顯示，新冠肺炎病例已經從頂峰降下，目前發現的病例除武漢外大都是境外移入病例。而在台灣，近幾天的病例全都集中在境外移入，接下來可能要集中精力擺在恢復經濟和社會正常運轉以及防止境外病例移入導致大規模感染，避免原先採取的極端措施又將重來一次。
不過，防疫卻碰到令人不安的新情況。原因在於英國和瑞典等國家深感若要完成應查盡查的要求，醫療體系無法負荷。因此乾脆提出了一個群體免疫的說法，其結果就是病源永遠不斷。而在全球化之下，人類被迫必須學會和新冠病毒共舞。
不光在歐洲，新冠病毒在美國也有蔓延的跡象。由於美國人口超過三億，但至今檢測的例子不到萬例，加上全美已經有49州淪陷，合理推論美國的病例數遠遠超過公布數字，而且可能會呈現突發井噴期。川普先前新冠類似流感的說法和群體免疫的概念不謀而合，可以想見，為了連任川普必然意圖低調，致力不讓美國民眾恐慌，因此儘管全額補助檢測在法律層面已經通過，但大規模檢測在可見的未來仍然不可得。
不光歐美，中東，南亞，東南亞其實都蘊藏危機。新冠病毒快速蔓延，又因部分國家提出群體免疫概念不作為而得以繼續擴散，在病毒根源始終無法斷絕下，防疫將比第一個階段更加困難。任何國家都可能在恢復正常後，再度爆發新一波疫情。直到全世界「群體免疫」完成為止。</t>
  </si>
  <si>
    <t xml:space="preserve">近日美中對新冠疫情爭議愈見激烈，外媒今日獨家報導，美總統川普在大陸新冠疫情爆發前數月調走一名關鍵的駐陸控官員，使得美方無法即時獲知並向華府報告在中國大陸發生的重大公共衛生事件。
路透23日發自華盛頓的獨家消息指出，有4位知情人士透露，去年被川普撤銷職位的美國疾病專家是駐在大陸疾控中心的一名女性流行病學家琳達．奎克(Linda Quick)，她於7月離任。而新冠病毒首批病例最早可能在11月就已出現，隨著疫情擴大，川普政府在2月份開始譴責大陸隱匿疫情，同時還阻止美國專家進入大陸提供協助。
報導說，曾於2007年至2011年間擔任此一職務的華裔專家朱保平(Bao-Ping Zhu，音譯)表示，琳達．奎克被調離大陸一事令人傷心，如果當時有美國疾控專家在大陸，全世界公共衛生官員和政府可能會提早行動。
消息人士說，作為美國疾控中心雇員，琳達．奎克原本處於很好的位置，可以充當美國了解大陸訊息的耳目，可能可以提前數周警告美國可能面臨的嚴重威脅。可惜的是，琳達．奎克於去年7月離開後，沒有替補的官員接手，因此缺乏獲得第一手消息的機會。
對此，美國疾控中心在向路透發出的一份聲明稿中表示，取消這一顧問職位並不妨礙華盛頓獲取資訊的能力，此事與美國疾控中心未提早獲知大陸疫情「完全沒有關係」。
美國疾控中心表示，關於在大陸「不設置常駐顧問」的決定早在去年夏天就開始，這是因為中國大陸已擁有傑出的技術能力和相關專案的成熟度。美國疾控中心與中國大陸疾控中心已經建立了30年的緊密合作關係。我們有合適的工作人員與大陸接觸，如果對方提出要求，美國有能力提供技術援助。
據美國衛生與公共服務部（HHS）秘書阿扎爾（Alex Azar）表示，該部門於1月初得知了新型冠狀病毒的情況。
消息人士認為，美國領導人不應該依賴大陸疾控中心訊息，因為最初幾週大陸官員疫情輕描淡寫，直到1月20日才承認人與人之間傳播的證據。
</t>
  </si>
  <si>
    <t xml:space="preserve">菲律賓針對台灣加碼的旅遊禁令會否解除，14日就要攤牌。不管結果如何，政府應該要有心理準備，菲律賓可能不會是最後一個針對台灣祭出旅遊限制的國家，往後若再出現類次案例，我們該怎麼回應？
義大利以及菲律賓都聲稱基於WHO的《一中政策》，將台灣視作中國大陸的一部分，因此自然與陸港澳同為新冠肺炎疫區，進而喊卡雙邊直航，甚至禁止入境。事實上，義大利與菲律賓怎麼可能會不知道台灣不屬於中華人民共和國的一部分？
菲律賓國會議員阿班特質詢衛生部官員台灣只有18例，新加坡卻有43例，為什麼不禁新加坡卻要禁台灣？語畢，衛生部官員語塞，全場哄堂大笑。很明顯，大家都知道這項禁令就是「政治決定」，根本不是從科學角度出發的「防疫決定」。
義大利開出第一槍之後，外交部便有所警覺，通令全球駐外館處向駐在國積極溝通，務必不能被WHO的錯誤認知誤導。然而，WHO的立場其實也只不過是各國向北京示好的保護傘，把不公平對待台灣的愧疚感推給WHO來扛。
面對菲律賓「吃人夠夠」，外交部之所以沒有在第一時間就硬起來嗆出反制措施，一來是不希望把事情搞到沒有轉圜的餘地，導致兩國關係更進一步惡化；二來就算菲律賓的禁令成了定局，我方也反制裁，之後再有國家對台灣做出限制，我們是否也該比照菲律賓模式辦理？
制裁是要讓對方感覺到痛，但是自己難免也會失血。不論是取消菲律賓免簽，或是限縮菲律賓移工配額，台灣都不可能不受到影響。東協各國與台灣關係緊密，但是受到中國大陸的影響更深，制裁菲律賓一國台灣還承受得起，但要是有更多東協國家跟進菲律賓的作法，台灣受得了一口氣制裁這些鄰居嗎？
</t>
  </si>
  <si>
    <t>高端疫苗開打後，傳出2人疑出現不良反應猝死。國民黨主席江啟臣今（25）日到高市議會拜訪，面對媒體提問指出，沒有經過三期試驗，沒有國際認證的疫苗，更加要謹慎，因為這等於是把民眾當免費的白老鼠。
江啟臣表示，國民黨對於疫苗的安全性、有效性，從頭到尾都是呼籲政府要小心謹慎，因為人命關天，尤其對於沒有經過三期試驗、沒有國際認證的疫苗，要更加的謹慎，因為這等於是把民眾當免費的白老鼠。
江啟臣直說，任何的不良反應，都不應該只視為一個平常的個案，應該要有更專業的評估跟分析，然後來告訴國人說，這是什麼樣子的一個狀況，因為人民有知的權利，政府有保障人民健康跟他生命的責任。
他認為，一個政府不應該讓人民有恐懼感，更不應該讓人民的生命暴露在風險當中，這也是為什麼國民黨一再呼籲政府在面對這些沒有經過國際認證，沒有經過三期試驗的疫苗，要特別小心謹慎的地方。</t>
  </si>
  <si>
    <t>這兩年的應屆畢業生都遭逢疫情，導致找工作不容易，近期國內疫情趨緩，全台降為二級警戒，不少公司也開始徵才。一名剛從大學畢業的女網友發文分享，她面試了六家公司都沒被錄取，幾乎所有的面試官都跟她說「不要緊張」，而她每次聽到這句話，大概就知道自己有一半的機率不會被錄取，引發網友討論。
一名女網友日前在Dcard上發文分享，她是應屆畢業生，至今已面試了六家公司，但卻都沒有接獲錄取通知，原PO認為自己被刷掉的原因應是「太緊張」，因為好幾個面試官都告訴她不要緊張、放輕鬆，而她每次聽到這句話，就知道自己大概有一半的機率不會通過這場面試。
女網友無奈地說，她還有一間公司要去面試，不知道該不該抱著應該不會上的心態去面試，因為這樣也許就不會太緊張，畢竟前面幾個面試經驗搞砸的主因都是太緊張而無法好好發揮。
不少網友看了安慰原PO說，前面幾家公司的面試就當作練習，抱持著不會上的心態，面試就不會這麼緊張了。「當年我也是一直被面試官說不要緊張，面試了一年多才成功找到工作」、「剛開始也跟你一樣會很緊張，但面試了20多家公司後，現在面試都滿順利的，也很平常心，只能說一切都靠練習」、「抱著反正也不會上的心情，結果發揮特別好，真的值得一試」。
另也有網友指出，面試了六家公司卻都被刷掉的原因，除了面試過程太緊張，可能讓主管感覺沒用心準備、不夠自信之外，也有可能是學歷和人格特質不符，投履歷之前可以更仔細檢視工作的要求，藉此提升自己錄取的機會。</t>
  </si>
  <si>
    <t>中央流行疫情指揮中心今公布新冠肺炎本土案例有262例，校正回歸65例，其中台北市新增87例，台北市長柯文哲今在北市防疫記者會上表示，目前疫情陷入「膠著狀態」，台北市疫情還能控制，但還是在危險邊緣；柯指出，北市疫情現在被壓制在一個程度，查詢日本東京過去1年5個月對疫情的處理方式，發現東京已發布5次緊急事態，從外國的案例讓我們思考台北下一步。
柯文哲表示，目前在三級管制狀態下，台北市疫情還是能控制到目前的樣子，「但是還是危險邊緣」；柯說，市府也不斷尋求改進，像是市政系統也不斷改進來對付疫情，但最後還是要靠疫苗，日本東京前後封城5次，疫苗打完才是根本解決方法。</t>
  </si>
  <si>
    <t xml:space="preserve">
大陸湖北省武漢2名在第一線對抗新冠肺炎的醫生，不幸感染並演變為重症患者。經過2個多月的治療，2人保住性命，但驚人的是，他們全身皮膚發黑，其中一名醫師帶著眼鏡，竟神似WHO秘書長譚德塞。
綜合陸媒報導，武漢市中心醫院泌尿外科副主任胡衛鋒、心臟外科副主任易凡，一度是新冠肺炎的重症患者，經由專家不斷搶救，終於保住性命，並接受媒體採訪。
不過在鏡頭前曝光，他們全身黝黑的模樣，讓人大吃一驚！染科專家宋建新表示，新冠肺炎的重症患者，治療過程可說是「殺敵一萬、自損八千」，雖然這2名醫生保住一命，但全身多個器官包括肺、腎、心、肝都已受到損害，至於皮膚發黑則是因為色素沉澱。
宋建新表示，只要命救回來，2名醫生的身體機能就會一點點恢復，受損的器官，除了不可逆的傷害外，還是可以逐漸恢復的。
</t>
  </si>
  <si>
    <t>三級警戒實施逾1個月，今天下午將宣布是否解除或延長，引發網友熱議，多數人認為以台北市的疫情狀況，解除的機率不高，但也有人期待能快解除、恢復過去的生活，並喊話要去餐廳吃飯、去中南部旅遊，讓許多網友看了擔憂直呼，這樣的狀況解除三級，感覺會出現「報復性確診」，還是再緩緩吧！
一名網友昨在PTT上發文表示，三級警戒是否會降級就快要公布了，大家覺得中央流行疫情指揮中心有可能宣布解除三級警戒嗎？」原PO並表示，等到三級警戒一解除，他就要馬上去吃「吃到飽」。
貼文引發熱議，綜合網友們的留言發現，多數人並不認為6/29台灣就會解封，特別是在觀察雙北的疫情狀況後，「雙北再延兩個月」、「雙北不可能」、「至少再延一周」、「雙北維持3級比較實在」、「雙北趕快把疫情降下來，才有可能會解封」、「看看北市有可能嗎？」
不少網友則說，很希望能快解除三級警戒，這樣就可以像以前一樣外食、出去玩了。「我要去南部玩」、「已經訂餐廳囉！準備吃完大餐去看電影然後逛街再去酒吧喝酒，完美」、「直奔墾丁民宿」、「假日民宿訂起來！大家一起烤肉是一定要的好嗎？」、「可以逛夜市囉！」
但也有許多網友擔憂地說，台灣這麼小，如果現在就解除三級，悶在家許久的民眾肯定會趴趴走，這樣感覺確診數又會再升高了。「報復性確診」、「 解封就準備爆炸性確診，愚民」、「千萬不要解，再爆收拾很久」、「沒疫苗解了就是再爆炸，然後又要升回去」、「看看疫苗施打率，解只是會更爆」。</t>
  </si>
  <si>
    <t xml:space="preserve">美國總統拜登上任後，便忙著處理川普丟下的新冠肺炎疫情爛攤子。至今新冠肺炎每天仍導致數以千計美國人喪生，78歲的他在概述為民眾接種疫苗的計畫後，便請記者離場。
不過，據《太陽報》（THE SUN）21日報導，就在拜登收拾東西，準備離開時，一名記者追問，在100天內準備1億劑疫苗的目標是否太低了。他高聲喊道：「那夠高嗎？難道你不該把那目標設得高些嗎？」
但這似乎激怒了拜登，他沒理會對方的問題，卻回說，「當我宣布時，你們都說不可能」。接著他說，「饒了我吧，別這樣，老兄」。雙方的摩擦是拜登在因應新冠肺炎，簽署了10項相關的總統令後爆發。拜登20日就職時，估計在川普政府主導下，每天約發放912,497劑新冠疫苗。
事實上，這並不是拜登第一次對記者動怒。2020年6月他在家鄉德拉瓦州威明頓（Wilmington）舉行造勢活動時，有記者提問，他精神有沒有問題。而他當場發飆說，自己經常接受檢測，並痛罵：「你有張撒謊的狗臉。」
此外，在2020年2月新罕布夏州的造勢活動中，他更罵一名女大學生是「撒謊的狗臉小馬士兵」。而被罵的21歲梅瑟大學（Mercer University）女學生摩兒（Madison Moor）當時說，被前任副總統當著全國電視罵，說她是騙子，實在很丟臉。
另一方面，至今新冠疫情仍在全美肆虐，雖然拜登政府上台，但美國新冠肺炎首席專家佛奇（Anthony Fauci）仍將堅守崗位。他在新政府的第一場新冠疫情簡報會中，暗酸川普道，拜登政府會對防控新冠肺炎「開誠佈公」。他並坦承，美國新冠肺炎死亡人數稍早已突破40萬，而遺憾的是，這在歷史上來說是十分糟糕的。
</t>
  </si>
  <si>
    <t>新冠肺炎肆虐，經濟部次長王美花今日在行政院會後記者會宣布，口罩徵用與禁止出口延長到四月，相關公文已經發出了。但這主要以疫情作指標，也並非無提早解除之可能。
新冠肺炎肆虐，行政院長蘇貞昌第一時間下令向民間徵用口罩、禁止口罩出口，造成民眾恐慌引爆「口罩之亂」，政府隨後也開始宣導「口罩不必隨時戴」觀念，口罩彷彿當前最珍貴物資。口罩出口禁令原先只到2月23日止，王美花今宣布，禁止口罩出口與徵用口罩延長到4月底。</t>
  </si>
  <si>
    <t>中央流行疫情指揮中心今天公布新增335例本土COVID-19個案，另有8例校正回歸個案，總計343例，確診個案中新增36例死亡。台灣這波本土疫情自5月11日至今已經有10005人確診，248例人死亡。陳時中說，明起不再公布校正回歸個案。而苗栗確診75人，超越台北，僅次於新北160人，淪為重災區。
指揮中心表示，今日新增之335例本土病例，為189例男性、146例女性，年齡介於未滿5歲至90多歲，發病日介於今(2021)年5月24日至6月5日。另校正回歸個案8例中，為3例男性、5例女性，年齡介於20多歲至60多歲，發病日介於6月1日至6月2日。
指揮中心指出，綜上所有本土個案共343例，分布地區以新北市160例最多，其次為苗栗縣75例、臺北市64例、桃園市16例、宜蘭縣9例、雲林縣、高雄市、彰化縣及新竹縣各3例，基隆市、臺中市及臺南市各2例，嘉義市1例。其中雙北地區以外縣市119例中，107例為已知感染源，7例關聯不明、5例疫調中。相關疫情調查持續進行中。
指揮中心說明，今日新增36例死亡個案，共計為男性22位、女性14位，年齡介於50多歲至90多歲，發病日介於5月7日至6月1日，確診日介於5月13日至6月5日，死亡日介於5月27日至6月2日，詳如新聞稿附件。
指揮中心統計，截至目前國內累計656,768例新型冠狀病毒肺炎相關通報(含634,762例排除)，其中11,298例確診，分別為1,145例境外移入，10,100例本土病例，36例敦睦艦隊、2例航空器感染、1例不明及14例調查中；另28例(新增案10494)移除為空號。確診個案中260例死亡。
指揮中心再次呼籲，民眾應落實手部衛生、咳嗽禮節及佩戴口罩等個人防護措施，減少不必要移動、活動或集會，避免出入人多擁擠的場所，或高感染傳播風險場域，並主動積極配合各項防疫措施，共同嚴守社區防線。</t>
  </si>
  <si>
    <t>北京新冠肺炎疫情死灰復燃，一發不可收拾，6月11日到6月14日，短短4日，北京新增新冠肺炎確診者達79例。就在大陸副總理孫春蘭表示「疫情擴散的風險很高」，下令採取堅決果斷措施、防止疫情擴散後，北京全市社區防控進入「戰時狀態」，全面展開「敲門行動」大清查。
3高官丟掉烏紗帽
官方昨日通報，大陸14日單日新增49例確診，其中北京市新增新冠肺炎確診病例36例，當中34例均與新發地批發市場有關，另外2例還在調查中。至於臨近北京的河北省也新增3例，同樣均為與北京確診密切接觸者。
疫情失控，北京「菜籃子」新發地批發市場所在地的豐台區副區長周宇清、豐台區花鄉黨委書記王華、新發地農產品批發市場總經理張月琳等三名高官，遭北京市委書記蔡奇「拔官」免職。
北京新冠疫情告急，官方擴大篩檢能量，根據通報，14日北京市共計7萬6499人接受病毒核酸檢測，結果59人為陽性。
北京市政府新聞發言人徐和建昨日表示，此次聚集性疫情與新發地農產品批發市場高度關聯，他也坦言，「目前對新冠病毒的變異傳播等規律我們還沒有完全掌握，境外疫情也仍在蔓延，首都疫情形勢十分嚴峻」。
河北保定高度戒備
北京市委組織部昨日表示北京已進入非常時期，全市社區防控工作迅速進入「戰時狀態」，7200個社區，近10萬名社區工作者投入抗擊疫情的戰場。全市所有社區均安排人員24小時值班，恢復體溫檢測，並暫停開放文化娛樂室等活動場所。
此外，北京各區全面展開「敲門行動」，地毯式逐戶清查與新發地有關人員等訊息，清查20萬名兩周內到過新發地市場的市民，社區的居民憑出入證進入，返京人員須核查行程軌跡，精確掌握相關人員基本訊息、到市場時間及密切接觸人員情況等資訊。
與北京鄰近的河北省保定也進入「戰時狀態」啟動「戰時機制」，確保疫情不至擴散。</t>
  </si>
  <si>
    <t xml:space="preserve">面對本土疫情嚴峻，中央流行疫情指揮中心指揮官陳時中今(25)日在疫情記者會中，提到警察染疫時語帶哽咽、幾乎要哭了，引起廣大關注。知名旅遊部落客則在臉書揪出這次疫情的2大的萬惡源頭，直指比較想哭的應該是全體國人。
陳時中今在疫情記者會中提到，疫情開始後，每次有問題都是警察在幫忙，連不戴口罩都是警察在抓，八大行業還要偷偷開，這些都會加重社會負擔。提到警察同仁染疫時，陳時中一度哽咽地說「那些沒有好好做事情的要好好檢討」。
陳時中開完記者會後，各大媒體都在關注陳時中哭了，一名旅遊部落客在臉書《愛出國 i-FLY.tw》表示，其實一切事情的2大源頭就是「華航3+11讓機師趴趴走」以及「諾富特分流沒做好」，結果華航和諾富特被高高舉起、輕輕放下，罰得不痛不癢，他直指「比較想哭的是全體國人吧」。
所謂的「3+11」是指指揮中心4月15日時，將國籍航空機組員檢疫措施，從原本的「5＋9」（居家檢疫5天採檢陰性，自主健康管理9天），改成為「3＋11」，不料隨後陸續爆出華航機組人員確診，以及諾富特飯店群聚感染，因此被指為錯誤決策。
部落客分析文一出引起熱議，網友紛紛回應「實在」、「終於有人講到重點！」、「有這種指揮中心我才想哭」、「對啊！諾富特都沒有好好檢討」、「源頭是政府同意3+11政策」，還有網友酸「小編請小心，要被出征了…國王的新衣不可說」、「小編太誠實，網軍出動了唷！」。
</t>
  </si>
  <si>
    <t>新冠肺炎疫情蔓延全球，2020金門馬拉松停辦，縣府回應熱情跑友的支持與期待，今（12）日推出「2021金門馬回饋方案 」，歡迎大家重返金門馬拉松賽道，一起在戰地風情中馳騁追逐榮耀。
縣府指出，回饋方案一： 今年度（ 2020）已報名，但因停辦無法至金門跑馬拉松的跑友，在明年度(2021)「優先報名」。 回饋二： 原報名「2020金門馬拉松」跑友，在「2021金門馬拉松」優先報名者可加購「2020完賽紀念酒」，再贈大浴巾與獎牌。
詳細報名與加購紀念酒細節將於「2021金門馬拉松」競賽規程公告周知，2021金門馬拉松目前暫定為1月中旬辦理，確切時間尚待年中過後再行公布，迎接跑友相約重返金門，「2瓶紀念酒1次實現」。
相關訊息可持續關注「金門馬拉松-Facebook粉絲專頁」與「金門教育fun學趣-Facebook粉絲專頁」。</t>
  </si>
  <si>
    <t>高雄2日重回「嘉玲」行列，但有新北確診個案在染疫後有高雄足跡，經過初步疫調發現，案14805曾於6月16日從新北南下回到美濃婆家，待至20日返回新北，27日宣布確診，高雄共匡列32位相關接觸者，目前12人快篩、8人PCR皆採陰性，其他人仍在等待採檢結果出爐。
衛生局疫調顯示，案14805是新北40多歲女性，曾在6月13日出現喉嚨痛症狀，16日南下回到美濃婆家，18日到診所就醫，當時並未採檢、通報，20日回到新北市，27日因其他個案確診，她被匡列為相關接觸者，到醫院採檢後確診，並於7月1日接獲新北轉介通知，高市府緊急匡列32位相關接觸者。
高市府衛生局指出，案14805曾於6月18日上午9時20分至30分到美濃區農會超市，並於6月18上午9時30分至40分、19日中午12時05分至15分到7-11月光山門市，雖然在美濃活動單純，但正值剛發病不久、傳染力相當高的階段，若有相同足跡的民眾，應與相關單位聯繫安排採檢。</t>
  </si>
  <si>
    <t>新冠肺炎肆虐台灣，民眾若做PCR採檢，3天內沒接到通知就是陰性。但近日一名李姓男子因有發燒、咳嗽等症狀，去醫院PCR檢測，3天內都未接獲通知，結果自行打開「健保快易通」App才發現採檢結果為陽性確診，打電話給1922及衛生局，都是要他再等候通知，令他擔心若其他確診者沒有像他有警覺，社區恐不斷有破口出現。
據《東森新聞》報導，李姓男子從事餐飲服務業，每天往返三重及板橋，5月19日開始出現咳嗽、發燒等症狀，5月22日快篩陰性，但仍持續發燒、腹瀉，5月26日再次去醫院做PCR採檢，5月28日仍未收到通知，主動打開「健保快易通」App查看，才發現採檢結果為陽性確診。
李先生趕緊撥打電話給1922及衛生局，對方要他繼續等候通知，直至6月2日才接獲確診電話通知，6月5日安排至集中檢疫所治療，採檢到通知確診，有6天的時間，李先生忍不住懷疑，若是發生在其他民眾身上，沒有警覺而到處趴趴走，就會成為防疫破口。
李先生說，能體諒疫情是非常時期，人力資源都很緊繃，但採檢過後每天都怕漏接電話。對此，新北市衛生局則回應，現在採檢量大，確實有延遲通知的情況，提醒民眾自律，留意自身身體狀況。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疫情期間，新興市場股市表現承壓，但部分產業或國家表現已漸走出新冠疫情陰霾，股市走勢和防疫成效呈現明顯正相關，法人表示，在新興市場股中，目前相對看好中台韓印等亞洲國家。
疫情期間，在投資人轉進安全資產與美元走強的背景下，新興市場股市年初以來表現受挫。然而，MSCI新興市場指數在6月已有部份收復失土，7月新興市場股的跌幅更加縮小，也縮小新興市場與成熟市場的差距，根據晨星基金統計，截至7月28日為止，部分新興市場股基金在經近三個月漲升後，今年來報酬率已由負轉正。
聯博表示，因台灣與波蘭等部分新興市場國家股市防疫有成，甚至優於部份成熟國家股市。隨著防疫政策改變消費者與企業行為，部份新興市場投資機會逐漸浮現，投資吸引力可望延續至後疫情時代。
綜觀全球，新增確診病例最多的十個國家當中，有九個是新興市場國家，美國是唯一的成熟國家。幾個南亞大國如印度、菲律賓與印尼，目前疫情狀況仍不見好轉。而巴西、墨西哥、智利與秘魯等拉丁美洲國家，新增病例依舊快速增加。
占新興市場指數逾60％的大陸、台灣與南韓，是防疫成果最佳的三個新興市場國家；另馬來西亞與泰國的病例數已降至個別國家高峰時的10％以下，防疫成果有目共睹 。這些國家若能維持這樣的防疫成績，日常生活將可逐漸恢復常態，比美國更快重拾經濟成長力道。
面對這波資金行情，在新興市場股市中，國泰投顧認為，短線股市可能呈現高檔震盪，投資難度提高，如有拉回，建議把握加碼機會。
除了美股，大陸及印度亦具備投資題材，像是大陸，已經逐漸走出疫情陰霾，第二季GDP較去年成長3.2％，較第一季的負6.8％大幅改善，6月進出口年比數據均轉正，顯示經濟重回成長軌道，而大陸擁有龐大內需市場，智慧手機及網路滲透率高，即時串流媒體在線上銷售的成長速度驚人，未來的投資潛力亦值得留意。</t>
  </si>
  <si>
    <t>韓國衛生部8日表示，該國新冠肺炎第31例確診病患目前仍在接受治療中，成為韓國感染肺炎最長時間的病人。這位61歲女性於2月18日檢驗為陽性，目前已入院51天，輕症病患平均兩周內便可康復。她被視為大邱新天地耶穌教會的「超級傳播者」，導致當時疫情一發不可收拾。</t>
  </si>
  <si>
    <t>國內上周爆發軍艦群聚，造成多名官兵染疫。一名曾與敦睦艦隊官兵同處一個健身房的台鐵貨運列車車長，4月22日採檢結果呈陰性，後續又出現發燒、肺浸潤，被安排二採。中央流行疫情指揮中心發言人莊人祥今午表示，車長採檢結果已出爐，二採陰性，還在治療中。對於接下來還需不需要再採檢，一切都需由醫師評估。
莊人祥表示，車長4月8日就出現輕微咳嗽有痰的症狀，在健身房接觸官兵則是16日，20號看到報導後到診所就醫採檢，發現肺浸潤。車長21日開始都沒有再外出，也沒有上班。
根據指揮中心接獲的最新消息，該名車長二採陰性，目前仍在接受治療。莊人祥表示，接下來車長還需不需要再採，需由醫師評估。</t>
  </si>
  <si>
    <t>知名封測廠京元電子竹南廠爆發菲籍移工群聚感染，3日公布新增確診者再增32名京元電員工。業者從6月2日下午就開始採檢核酸檢測PCR及快篩，截至今3日上午止，已經採檢快篩368人，其中陽性8人，PCR檢測195人，3日下午後續預估還要篩檢2000人次。
另外，苗栗縣3日另有2名確診者是與先前造橋群聚事件有關，總計苗栗縣3日公布確診總數為34人。
中央流行疫情指揮中心3日通報苗栗縣新增的本土確診病例共34例，案號為9537、9837至9868及9987。其中案9537、9837至9864、9866至9868，都是京元電竹南廠員工，是與先前案8984本地工程師及9120至9129等菲籍移工確診者同一宿舍或工作場所，因而被匡列為接觸者，經送醫採檢核酸檢測PCR陽性確診後，已送集中檢疫所隔離中。
京元電子竹南廠發生菲籍移工群聚感染後，業者從6月2日下午，就請來頭份為恭醫院團隊進駐廠區採檢核酸檢測PCR及快篩，截至3日中午為止，已經採檢快篩368人，陽性8人，陽性率2.2％，PCR195人，3日下午後續預估還要篩檢2000人次。
苗栗另外2起確診案9865、男、66歲、無業，是先前造橋河風亭及冷泉涼亭案6532的接觸者，經採檢PCR陽性確診後，收至責任醫院，目前匡列同住接觸者1人，PCR陰性，居家隔離中。
而案9987、男、60歲、工，是案5430女子的接觸者，經採檢PCR陽性確診後，收治在責任醫院，目前匡列接觸者7人，都已採檢PCR，目前居家隔離中。</t>
  </si>
  <si>
    <t>印度政府5月宣布總額20兆盧比的經濟刺激政策，約佔印度GDP10%，以支撐新冠肺炎對印度帶來的衝擊。根據ICICI-PRU資料顯示，印度股債評價指數（溫度計）為88.8，已經連續三個月處於「買進股票」區間；建議投資人觀察印度疫情發展，短時期仍以分批入場方式減低投資風險 ; 待稍後疫情平穩後印度的補漲行情。
「重啟經濟、穩定金融」已是印度刻不容緩的要務，印度也在5月分階段解除部分區域管制，儘管疫情尚未結束，但是本次經濟計畫除了加強農業、礦業，及工業改革外，也計畫吸引更多海外投資，來恢復經濟成長力道。另一方面，印度央行於5月22日臨時宣布降息40個基點，寬鬆的貨幣政策有利印度債券中長線表現。
市場看法
印度Niffty50指數在4月上漲14.7%後，5月因國內疫情仍嚴峻，股市出現橫盤整理。雖然2020年印度企業獲利因此受到衝擊，不過看好2021年將出現大幅度回升，且目前偏低的本益比亦提供投資人逢低布局機會。
國際貨幣基金組織（IMF）表示，受到疫情影響，全球經濟正面臨自1930年代大蕭條以來最嚴重的衰退。IMF預估由於一些國家為抑制新冠肺炎傳播而實施封鎖措施，使得今年全球國內生產總值（GDP）將會萎縮3％。預計2021年全球經濟將成長5.8％。由於病毒的大流行，預計亞洲2020年的增長為0%，表現為近60年來最差。但是就經濟活動而言，亞洲的表現可能會優於其他地區。
惠譽國際信用評級（Fitch Ratings）表示，由於以中國和印度為首的亞洲經濟體大幅下滑，預計到2020年世界經濟將萎縮3.9％，今年的成長將不到1％。聯合國表示，由於病毒大流行，全球經濟可能在2020年萎縮1％，與先前預測的增長2.5％有一段落差。
觀察資金動向，近期國際資金流出壓力仍大，外國機構投資者（FIIs）於4月出售688.4億盧比的股票，高於3月的6197.3億盧比。共同基金也於4月出售股票，為去年11月以來首次轉賣。
後市展望
為了對抗新冠肺炎導致的經濟趨緩，印度政府以及印度央行採取一系列刺激措施跟寬鬆政策，皆符合市場預期。同時預計在通膨穩定、原物料價格處於低檔的環境下，預計印度央行在未來幾個季度，有機會採取更強而有力的措施。
在股市方面，由於環境變化快速，市場波動是難免的。我們認為成長性股票及價值型股票各有優勢，近期看好當前基本面合理的價值型股，不僅能提供良好股息收益，同時也具備更好的盈利能見度。
至於債券市場部分，隨著印度經濟成長跟通膨率的下滑，央行有更多降息空間，近期較看好短期公債表現。然而，觀察到現階段印度公債跟印度企業債利差依舊處於高點，未來有很大的收斂空間，中長線投組布局重點，仍在增加存續期間，以增加資本利得空間。
●資訊僅供參考，不代表未來市場投資績效。指標僅供參考之用，請勿視為基金買賣邀約。瀚亞投信獨立經營管理。</t>
  </si>
  <si>
    <t>西安市教育局表示，按照陝西省教育廳2020年春季學期開學工作安排，3月30日，西安市高三年級開學；4月7日，初三和中職學校畢業班開學。以上為西安市首批開學學段。西安市將採取多項措施積極做好開學準備工作。
西安市首批開學共涉及學校529所，其中，高三年級學校167所，初三年級學校302所，中等職業學校60所；共涉及學生15.6萬人，其中，高三年級學生5.12萬人，初三年級學生8.85萬人，中等職業學校畢業班學生1.63萬人；共涉及教師5.08萬人，其中，中學教師4.7萬人，中等職業學校教師0.38萬人。
西安市要求開學報到後，各學校嚴格執行校園封閉化管理，在師生入校、教學、活動、就餐、放學、住宿等方面合理管控，實行全過程分段錯時，統籌教室資源擴大班級間隔等措施，最大限度減少人員聚集。
各學校在開學前對教室、宿舍、食堂等重點區域和校車、電梯、鍋爐等設施設備進行全覆蓋、拉網式排查，在衛健部門指導下開展校園環境清潔消殺工作。按照衛生疾控工作要求，每校設置臨時觀察區，設置有水源、相應藥品的隔離觀察室，對校園洗手設施、供餐設施進行修繕和完備。
在高三、初三、中職畢業班開學之前，西安市政府將按照每人每天2只、至少10天的數量為首批進入開學的學生和老師免費提供400萬隻口罩。
新冠肺炎，西安市教育局，陝西省教育廳，春季學期開學工作安排，開學，教室，宿舍，食堂，西安市政府，口罩</t>
  </si>
  <si>
    <t>因應春節大量人潮返台，7＋7方案中，同住家人有不能搭乘大眾運輸等嚴格規定，新北市長侯友宜17日防疫會議中指出，掌握同住家人第一線執行面非常困難，政策一而再再而三，但調整要有完好配套措施，如果執行無法做到，又造成家人困擾，後續衍生的破口將會是全民承擔，建議中央聽聽地方聲音，聽進去就要調整，不要跟執行落差太大。
侯友宜說，從14天、10＋4到7＋7方案，如果都住在防疫旅館當然都沒有問題，但後面7天的加強版自主健康管理，同住家人要有完整疫苗接種，還要加強健康管理，如何落實執行面非常困難，挑戰很高，他要求衛生局在每次與中央的專案會議要不斷向中央反應，春節期間一家人不共食，有沒有困難，要好好思考。
侯友宜說，全球疫情持續嚴峻，德國、荷蘭都有緩步上升趨勢，荷蘭也重新執行部分區域封鎖，新北已經長達20幾天沒有新案是不可能的任務，阻絕於境外仍然是最重要的工作，若稍有不慎一定會有破口，可能在春節期間造成台灣境內再度傳播「不可能像現在這麼安全」，都盼中央審慎評估。</t>
  </si>
  <si>
    <t>好消息！中央流行疫情指揮中心先前公布的高雄確診者案2530男性居服員，因為經過二採、三採結果均為陰性，經中央流行疫情指揮中心綜合研判已排除感染，與該位男性居服員同日被公布確診的6歲女童先前也已排除染疫，目前高雄減為12例本土確診個案。
高市府衛生局表示，案2530是30多歲男性居服員，無相關旅遊史也沒有與確診者個案的接觸史，他在5月15日出現發燒症狀，17日上班後自行到醫院就醫，經醫師評估有必要進行檢驗，結果一採呈弱陽性（CT值：32），18日立即入住負壓隔離病房。
隨後醫療人員19日對該居服員進行二採工作，PCR及血清皆呈現陰性反應，20日再度進行採檢，三採結果PCR也為陰性，經過中央流行疫情指揮中心綜合研判排除感染。
與居服員同日公布確診的案2528為6歲小女童，沒有確診個案接觸史，也無北部地區活動史，因為有重大疾病，急需到醫院住院治療，卻在進行例行採檢時，呈現弱陽性（CT值：33~34）反應，共匡列60為密切接觸者，但由於二採呈現陰性，所以也已經排除確診，目前高雄共12例本土確診個案。</t>
  </si>
  <si>
    <t>本土疫情升溫，中央流行疫情指揮中心日前推出「台灣社交距離App」，讓確診者上傳資料，提醒14天內近距離接觸的對象，不過，至今已確診有5488人，實際上傳僅29人，上傳率僅0.5％。對此，民眾黨立委高虹安表示，「社交距離App」要成功的關鍵，就是使用者必須足夠多，且使用者會確實把逐跡上傳，才能達到警示跟比對的效果，呼籲疾管署想辦法加強推廣，盡快改善問題。
「工欲善其事必先利其器」，高虹安指出，「台灣社交距離App」要成功關鍵就是使用者必須夠多，且如實上傳資料，但App上線後，截至目前，僅29名確診者上傳，完全無法達到預先設定的警示跟比對效果。
針對上傳率偏低，高虹安提出兩大問題，首先是中高齡長者運用數位科技比例偏低，而這次確診者大多都偏向年紀較高者，導致確診者把資料上傳社交距離App比例偏低，也難蒐集相關逐跡。
其次，疾管署應該想辦法推廣「社交距離App」，提升使用者人數，而不是工具做出來，疾管署卻沒有好好利用工具達到阻絕疫情效果。
高虹安坦言，看到App確診者上傳資料數據傻眼，難怪先前外界質疑，明明確診者持續增加，甚至有跟指揮中心公布的確診者逐跡相符，App卻沒有響起警示音，民眾開藍芽比對資料，結果都是白比對，希望相關單位能盡速改善問題。</t>
  </si>
  <si>
    <t>台中市長盧秀燕在疫情指揮中心記者會中表示，台中今天確診新增1人本土、1人境外，至於新社48歲男子已排除確診。中央今天公布的中市本土確診1人就是市府昨天預告的飲料店男員；另新社區48歲男性，經疾管署確認PCR及血清檢驗都是陰性，已排除確診，新社民眾可以稍安心；而新增境外案例為清水區36歲男性，目前住院隔離治療中，並無台中市足跡。
盧秀燕說，中央疫情指揮中心今天公布台中1名本土確診案例，即是市府昨天公布確診案15340北區27歲男性，在飲料店及公共足跡中友百貨等均已停業進行清消。另境外移入案15342，為清水區36歲男性，目前於醫院治療。
盧秀燕指出，台中市府接獲通報有1例彰化確診案例有台中足跡史，7日曾到台中新光三越，市府接獲通知後立即通知新光三越停業，並進行內外清消。感謝彰化縣及時通報，中部地區是共同生活圈，從疫情爆發以來，中部各縣市聯防打擊病毒。
台中市衛生局長曾梓展則指出，針對案15340已匡列接觸者9人居家隔離，包括職場6人、親友3人，9人的PCR採檢均為陰性。台中市府今天上午7時共發出668則簡訊，請足跡重疊民眾自我健康監測2週，如有疑慮，可至台中醫院及中國附醫快篩，如有症狀，速至急診就醫。
曾梓展表示，境外移入的是案15342，為清水區36歲男性在6月8日由杜拜返台入境採檢，並搭乘防疫計程車返回台中市居家檢疫替代所進行檢疫，10日檢驗陽性通報，目前住院隔離治療，無匡列接觸者、也無台中市足跡。</t>
  </si>
  <si>
    <t xml:space="preserve">民眾接種國藥與科興，未來返台將可註記在黃卡。衛生福利部長陳時中今天接受訪問時表示，這是針對事實認定有接種過這兩支疫苗，但是否承認要另案研究。
立法院院會今天邀請蘇貞昌、行政院主計總處主計長朱澤民、財政部長蘇建榮列席報告「111年度中央政府總預算案」編製經過並備質詢。陳時中在會前接受媒體訪問談論疫苗問題。
媒體詢問，目前黃卡可以註記國藥跟科興，是否代表認可這兩支疫苗。陳時中回覆指出，這是針對事實認定有接種過這兩支疫苗，但是否承認要另案研究。
媒體追問，未來若有疫苗護照，民眾接種國藥跟科興是否能使用；陳時中說，整體運用仍要討論。
台北市長柯文哲昨天說，打高端但想出國的人，除依照每個國家規定外，其他辦法去問陳時中。陳時中今天被問到此事時說，台灣跟美國要持續溝通，目前都還沒完全定案。
至於僑胞如果已接種兩劑疫苗，春節回台灣時是否比照機組員5+9的檢疫方式。陳時中指出，從國外回台灣的民眾要考慮自己的抵抗力，以及施打疫苗情況、社區防疫能力，機組員的檢疫是因應國家經濟需要，人數相對少且範圍可控，兩者思考點不一樣。（編輯：郭無患）1101019
</t>
  </si>
  <si>
    <t>台灣新冠死亡率較全世界高，引起各界關注，有人認為年齡和身體狀況是原因，也有人推測是篩檢數不足導致，但加拿大英屬哥倫比亞大學教授「山人幸琪」發文表示，台灣這波疫情爆發至今四周，其他國家已超過16個月，兩者的死亡率數據當然不能比較，若真要比，應回溯英國被變異株B117病毒主控期間的死亡率，若台灣死亡率仍偏高，那才是真正的問題。
來自台灣的加拿大英屬哥倫比亞大學教授「山人幸琪」在臉書發文指出，英國研究人員比對超過11萬名新冠肺炎確診者的病毒株發現，感染英國變異株B117，比感染原本的新冠病毒或其他當時正流行的變異株，多了64％的死亡危險。
山人幸琪表示，台灣現在流行的病毒是B117，各界都關注為何死亡人數這麼多？就數據上來看，台灣過去四周（截至6/6）的死亡率是2.19% ，但隔了兩天（6/8）變成2.64% ，這個百分比看起來死亡率一直上飆，但很大的原因是「因為我們的疫情現在才4個星期，其他國家都已經超過16個月了」。
山人幸琪指出，確診死亡率高的原因疫情指揮中心解釋過，除了與個案的年紀與身體狀況（有無慢性病）有關係，醫療量能是否出現問題也一直備受討論，也有專家質疑確診者篩檢量恐不足，但如果參考《英國醫學期刊（BMJ）》上發表的論文，台灣死亡率偏高究竟是跟什麼國家、什麼病毒相比？
山人幸琪說，約翰霍普金斯大學網站上的數據圖是從各國開始出現疫情後，一直到現在的病毒致死率；如果人們手上有數據，那他建議用數據來說話，台灣目前流行的病毒株為B117，回溯至英國是在哪段期間變異株病毒完全主控，將該時間的致死率算出來，與台灣進行比較，如果台灣致死率仍舊偏高，那問題才成立。
醫藥粉專《MedPartner 美的好朋友 》昨也在臉書發文表示，台灣這波疫情死亡率這麼高，是因為感染者的年齡多在60歲以上，且帶有慢性病，這類型的人本就是死亡風險特高的族群。不過，死亡率高並非不能被撿討，可以檢討確診但沒被發現的死者是啥原因，也可以檢討送到醫院後死亡的原因。
台灣確診死亡率高的原因也引發網友討論，不少人認同年齡加身體狀況影響死亡率的說法，但也有網友質疑，死亡率高也可能代表著，還有很多沒有被篩檢出來的無症狀者，根本不知道自己確診，在社區趴趴走。「分母不夠多當然顯得死亡率高。」</t>
  </si>
  <si>
    <t>台中市西屯區因轄區內有豪宅林立的七期重畫區，三月時很多居民從國外返台，在家進行十四天居家檢疫，居家檢疫人數居全市之冠，近來返台人數下降，區公所不敢鬆懈，區長陳寶雲與區公所團隊里辦處宣導防疫，提醒居家檢疫者配合，不要趴趴走，危害別人，自己也要付出重罰代價。
防疫上緊發條，建設不喊停，陳寶雲率副區長林秋萬、主祕嚴錦堂等人到里辦公處關心地方建設，也保持社交距離，室內應保持1.5公尺、室外保持1公尺之距離，降低感染與傳播的機會，向里民宣導防疫措施，自備防疫看板，讓里民馬上就能接收到清楚的訊息。
陳寶雲強調，雖然台灣已經擋下好幾波疫情，但新冠肺炎還籠罩世界各地，尤其假期出遊潮更讓人擔心，呼籲市民要注重自己的健康，勤洗手、戴口罩，保持社交距離，做好自主健康管理，共體時艱齊心抗疫渡過肺炎難關。
第一線防疫人員堅守崗位，防疫無假期，日夜守護民眾健康安全不敢鬆懈，深怕疫情破口造成嚴重後果；西屯區的居家檢疫民眾人數曾居台中市之冠，里幹事及公所團隊全力備戰，貼心服務，做好防疫措施，一起度過疫期。</t>
  </si>
  <si>
    <t>美吾華‧懷特‧安克生技集團24日舉辦聯合法說會，三家公司紛紛報佳音！懷特旗下新藥今年3月納健保，帶動自費市場，並已規劃向美FDA申請緊急人體臨床試驗，擴大適應症治療新冠肺炎患者。安克健檢市場布局完成，包括台大健檢等多家大型健檢中心、醫院均已啟動營運，更被納入多家科技大廠的員工健檢方案，成果豐碩。
懷特新藥（4108）已獲70多家醫療院所進藥（含近20家醫學中心），今年3月獲准納入健保給付，嘉惠乳癌患者，同步帶動自費市場，今年前八月業績年增超過一倍；而除了「癌因性疲憊症」，懷特新藥也致力擴大適應症，包括新冠肺炎與癌症合併療法。
懷特生技總經理李伊伶表示，看準後疫情時代的健檢商機，安克生醫（4188）已完成各大健診相關單位布局，包括多家大型健檢中心與醫院，今年更與台大健檢中心完成簽約並已啟動營運，此外，更獲宏碁、友達等科技大廠納入員工健檢方案，另有多家大型企業接洽中。
安克生醫總經理李伊俐指出，國外方面，清醒狀態下、十分鐘完成睡眠呼吸中止風險評估的「安克呼止偵R」，與美國史丹佛睡眠中心的國際臨床合作進展順利，近期已共同完成論文，發表於國際權威學會，有助擴大產品價值，創造更大市場價值。
安克旗艦產品「安克甲狀偵R」，已獲全球上百家醫院、醫師使用，其新增甲狀腺結節AI自動圈選功能的「深度學習版」，今年9月取得美FDA 510（k）核准，能更精準輔助醫師揪出惡性結節。安克聲波散射成像平台「AmCad USR」已完成用於脂肪肝的檢測開發，臨床驗證結果將發表於2021年RSNA北美放射學會大會，並已向美FDA送件申請，搶攻數百億美元的肝臟疾病檢測市場。</t>
  </si>
  <si>
    <t>亞太經濟合作會議(APEC) 21個會員日前發表共同聲明，呼籲各經濟體致力建構一個具包容性的亞太社群，降低新冠肺炎帶來的負面影響，加速區域經濟復甦與安全成長。外交部今天對此表示歡迎，強調將配合相關部會，就未來經濟復甦等疫後振興議題，加強與經濟體進行交流與合作。
亞太經濟合作會議(APEC) 21個會員於5月5日共同發布「APEC貿易部長有關新冠肺炎聲明」，關注疫情對全球經濟與健康造成的危機，呼籲各經濟體應即刻展開全面合作。
外交部發言人歐江安表示，該聲明充分反映各會員經濟體對此次疫情的高度關注及應處政策立場，包含：支持APEC加強公、私部門如APEC企業諮詢委員會(ABAC)及國際社群的合作；掌握並善用數位與創新科技帶來的契機，促進完善的跨境貿易與數位經濟；呼籲各經濟體致力建構一個健康、具有韌性和包容性的亞太社群，降低肺炎帶來的負面影響，加速區域經濟復甦與安全成長。
聲明亦強調確保市場開放、創造自由、公平、非歧視、透明、可預測及穩定的貿易投資環境的重要性，呼籲各經濟體逐步恢復必要防疫物資、服務及人員的跨境移動；另主張各國對於防疫所採取的緊急措施，應為暫時性、特定性、透明且符合比例原則。
聲明中也特別關注各經濟體的產業及勞工深受疫情影響，導致經濟低迷。貿易部長們呼籲各經濟體採取包容性政策，提供產業及勞工經濟支持，並加速經濟復甦。
她說，在新冠肺炎疫情急遽擴散，對全人類健康造成嚴峻威脅之際，我國除持續透過雙邊管道提供抗疫人道援助並分享經驗之外，也積極參與APEC等國際組織的多邊會議，將我們成功防疫的經驗與國際社會分享，並就未來經濟復甦等疫後振興議題進行交流，以期共同打造健康、安全、有韌性的亞太區域。
APEC成立於1989年，是亞太區域最重要的經貿合作論壇，我國於1991年加入成為正式會員。APEC每年均舉辦多場專業部長會議；其中，貿易部長會議旨在推動亞太貿易暨投資自由化與便捷化、支持多邊貿易體系、推動區域經濟整合及加強數位經濟的永續成長，所產出的聲明對於當年APEC推動相關工作的目標與方向具關鍵影響。</t>
  </si>
  <si>
    <t>新冠肺炎疫情持續擴大，死亡人數不斷攀升，新藥治療不容緩。宣捷藥董事長宣昶有表示，旗下由臍帶間質幹細胞所研發的新藥UMC119-06，用於治療急性呼吸窘迫症候群（Acute Respiratory Distress Syndrome，ARDS），可望成為抗新型肺炎療法，若衛福部需要該新藥，將全力配合提供。
宣昶有表示，UMC119-06已先後通過衛福部及美國FDA核准可進行臨床一期試驗，成為全台唯一研發中新藥被核准執行治療急性和慢性肺病臨床一期試驗的細胞新藥公司，不但為目前新冠肺炎患者帶來治療新希望，也等於替台灣抗疫增添一道防線。
根據中國2月11日統計，新冠肺炎確診病例高達42,708例，死亡病例1,017例，重症病例（7,333例）患者之病程會因免疫系統受到病毒感染傷害，淋巴細胞減少，免疫力失調、抵抗力下降而引發肺炎，是新冠肺炎造成患者死亡的主要原因之一。
由於臍帶間質幹細胞具有增進內源幹細胞生長與分化，以及免疫調節的藥物作用機制，宣捷藥於動物功效性試驗發現，UMC119-06注射至慢性發炎小鼠，結果證實能改善肺臟發炎，降低全身性發炎因子，組織切片顯示具有改善肺泡結構和肺氣腫之功效。另外，注射至急性肺損傷小鼠，不僅能改善小鼠肺臟的過度炎症，對於受損的肺泡組織及肺水腫具有顯著的修復作用。隨著中國新冠肺炎確診病例和死亡人數急遽上升，宣昶有表示，UMC119-06具有治療急慢性肺病的潛力。</t>
  </si>
  <si>
    <t>新冠肺炎肆虐全球，不少健康的運動員都傳出確診消息，香港也傳出有運動員確診的消息，28歲的空少道帥哥運動員李振豪也確診為陽性。
他2月中旬曾和幾名搏擊隊員出發到歐洲，準備參加5月在法國巴黎舉行的奧運空手道外圍賽。他在2月底到奧地利參加比賽，後到法國巴黎參加國際訓練營，因新冠肺炎疫情臨時改機票，在3月15日回到香港，在今（18）日確診染上新冠肺炎。</t>
  </si>
  <si>
    <t>全球新冠肺炎疫情升溫，台灣目前維持1死個案，各縣市莫不嚴陣以待，台南本月初傳出疑似感染新冠肺炎死者被送到台南市立殯儀館，相關單位第一時間即高規格因應，所幸檢驗陰性排除，但已讓經手各單位捏一把冷汗；台南市政府11日召集民政局、衛生局演練遺體處理應變，現場搬出屍袋演練，強調希望「備而不用」。
台南市政府制定SOP標準作業流程處理措施，防治疫情擴散也維護醫院、社區、殯葬管理所人員健康，昨天公布新冠肺炎確診死亡遺體處理流程，現場更展示屍袋，一度遭質疑是否「太超前」，市府強調，公布流程是希望民眾知道市府高規格謹慎處理，不必無謂恐慌。
台南市殯葬管理所長郭輝信表示，接獲確診死亡案例會在進館1至3小時前啟動防疫措施，執行火化的工作人員和禮儀師需穿戴防護裝備，入殮時需包裝雙層防水屍袋，依特定時間及路線進行火化，以30分鐘1000度高溫火化（一般850度至1050度），火化完成後，骨灰交由家屬，殘留灰燼由環保局處理。
此外，台南現仍有30多位學生滯留大陸，市長黃偉哲表示，將比對此次武漢班機返台名單有無台南學生，除保障學習權也會要求學校關心，避免被貼標籤。
針對疫情仍未趨緩，黃偉哲直言，目前是「救發展」，接下來可能變成「救經濟、救生存」，中央600億元紓困方案，如果不夠就必須追加，SARS從被公告疫區到解除共46天，這波疫情若持續到下半年，政府應站出來幫助中小企業或微型企業，讓他們能撐下去，避免造成倒閉潮或無薪假，保障受薪階級。</t>
  </si>
  <si>
    <t xml:space="preserve">
新冠肺炎在全球急速擴散，就連醫療進步的日本、韓國和歐洲多國都已淪陷。不過，擁有13多億人口的印度，卻只傳出有3名確診病例，而且全部都已康復。一名住在印度的網友表示，印度境內疫情沒有蔓延，全因政府的一招「強勢政策」。
有網友在PTT八卦版發問，印度近13.4億人口竟然只傳出3例確診，而且都已康復出院，對比亞洲、歐洲其他國家，「隔壁鄰居都爆炸的情況下，印度還是沒有新增確診案例，怎麼做到的啊？」
許多鄉民紛紛提供不同意見，「恆河水啊！平時喝還被你們笑」、「恆河水，你敢嘴」、「不驗就不會確診」、「通過恆河的考驗已經百毒不侵」、「不驗就不會確診」、「只驗3個就辦得到」、「飲食吃薑黃(咖哩)，恆河有噬菌體」。
不過此文也引出一位住在印度的網友回文，表示觀察自己周遭狀況，認為印度政府的隔離措施非常強勢，只要是大陸籍人士一律不准入境，就連已經辦好的電子簽證也直接取消。這名網友說：「拿紙本簽證的航空公司也不給上飛機，沒有說不能重新申請，但是重新申請不受理，簽證要過期了，那你家的事情。」
他表示，新加坡政府的策略是不讓大陸人轉機、入境，印度也差不多，「這種疾病問題，就是要把會帶來疾病的人擋在國家外面；對內則是預防人傳人。」
更多 CTWANT 報導
</t>
  </si>
  <si>
    <t>本土疫情失控，死亡人已超越SARS時期紀錄。藥師林士峰表示，在此時談經濟是「大逆風」的話題，但他親自走訪發現，連知名大賣場人潮也僅剩過去三分之一，想起台北市市長柯文哲所說，再拿不到疫苗讓群體免疫，沒有病死的大概也餓死了，可見政府唯一能做的就是趕快拿到疫苗。此文獲得不少失業網友迴響，紛紛表示自己也想安心在家防疫，但沒收入真的撐不下去。
林士峰昨日（3）在臉書發文表示，疫情嚴峻，談經濟問題恐怕是大逆風的話題，他今天實際到知名美式賣場，人潮已經是平常的三分之一，就像柯文哲說的，再不拿到疫苗，盡快完成群體免疫的任務，沒有病死的大概也餓死了。
林士峰指出，仔細思索，政府有什麼能實施的振興方案，能夠真正解決問題？幾乎是沒有的。因為開店之後要面臨的開銷，除了房租、水電、員工薪水以外，更重要難解的是未付應收帳款。一間店的整體毛利如果是三成，那麼假如未付應收帳款是三個月，那你要準備的周轉金是兩倍的營業額；偏偏這時候很多人不敢出門消費，營業額說不定只有平常的三分之一，別說薪水、房租可能付不出來，每個月的貨款票期更難解。
對此，林士峰強調，最近零星也會出現有業者偷營業被開罰送辦，講不聽還要斷水電的新聞，當真這些業者都不怕染病嗎？那麼愛錢？伸頭一刀，縮頭也是一刀，政府勒令停業的同時，振興方案配套措施不完全，才會有那麼多人挺而走險「躲警察也躲病魔」，不然沒染病死掉也可能餓死了。
此文一出，獲得讓網友大感贊同，留言道：「一針見血的評論，說出小老百姓的痛苦，我們只是要疫苗」、「我本身在影城工作，政府叫影城暫停營業，結果補助對象卻沒有影城從業人員。而有一些自營業還可以工作的人反而有補助，現在停業完全沒收入，隨著時間越來越久，內心也默默希望早日復工⋯⋯可以的話當然也希望放心在家防疫，但沒收入真的不行」、「說穿了都是為了生活！要嘛餓死要嘛病死，與其在家等餓死不如出去拚一下，只是這一拚有可能害人又害己，所以你說要怪這群人嗎？說真的⋯⋯我不知道」、「可惜我們的政府官員都只會做圖講幹話」。</t>
  </si>
  <si>
    <t xml:space="preserve">新冠肺炎疫情持續重創金融市場！美國華爾街股市一度停止交易，更讓已經跌深的英國倫敦金融時報指數一路下探，暴跌9％，來到5330點的8年新低，也就是說，將近8年來的增幅在不到3星期內，全部都被回吐。
英國天空電視台的經濟編輯康威預期，如果金融時報指數在當下（台北時間晚間10點，英國時間下午2點）收盤，不但比金融危機期間的任何單日跌幅更深，也將是自從1987年的黑色星期一以來，英國股市的最慘烈單日跌幅。
</t>
  </si>
  <si>
    <t xml:space="preserve">新冠肺炎疫情趨緩，但擴大紓困方案議題仍持續延燒！疫情指揮中心定期分析目前紓困的核定案件和受理案件比例來看，受理效能第一是新竹市達69%，其次分別是桃園市、台南市、新北市、連江縣、台中市、彰化市和台北市。指揮官陳時中表示以受理件數來看仍是六都最多，因六都人口也最多。
若以核定安件占縣市總戶數百分比來看，則第一名是桃園市，其次為連江縣、台南市、新竹市、新北市、台中市等，陳時中也表示，不論是接受案件或核定上，速度都在增快中，相信會愈來愈順利。
媒體詢問南部有人申請紓困補助，但名下有土地約4000多萬元，雖名下沒有存款，這樣的案例是否抵觸紓困原則？陳時中表示，在紓困上的共識是有自住房子不符紓困標準，但若有土地但沒有辦法產生收益，且疫情對其收入已達到生活發生困難，因為紓困不是訂中低收入戶，若沒存款，收入又減少影響生活，則也符合認定，可以申請紓困方案。
</t>
  </si>
  <si>
    <t>德國總理梅克爾22日（周日）宣布將自主居家隔離，因為上周五曾為她施打疫苗的醫師，後來確診新冠肺炎。德國政府預計周一將祭出規模5,000億歐元的財政紓困措施，協助這個歐洲最大經濟體減緩疫情帶來的經濟衝擊。
梅克爾發言人賽伯特指出，梅克爾總理20下午曾接受預防肺炎鏈球菌感染的疫苗。22日召開對抗新冠肺炎措施的記者會後不久，梅克爾就被通知該名醫師已經確診的消息，於是當下決定在家隔離。
賽伯特表示，未來幾日梅克爾將進行「定期檢查」，這段時間她會在家辦公。
德國官員指出，梅克爾的副手、財政部長蕭茲（Olaf Scholz）將於23日主持內閣會議，擬定緊急預算草案，預計最快將在周三由國會表決。
最新預算將使政府今年的舉債上限調高至1,500億歐元，另還包括數千億歐元的放款擔保，協助企業在疫情衝擊期間取得流動性。
此方案估計將使聯邦政府出現2014年以來首度預算赤字，一改德國政府長久以來的財政緊縮政策。
知情官員透露，最新預算將成立1,500億歐元的基金，藉此收購需要資金挹注的德國企業股權，另一方面，政府將提供擔保以便讓銀行提供企業4,000億歐元貸款，度過流動性短缺的困境。
倘若德國商家關閉時間延長或經濟蕭條比預期更嚴重，德政府推出的一系列紓困法案將使舉債突破5,000億歐元大關。
為避免疫情擴散，梅克爾周日向國民下達「接觸禁令」，除了家人之外，禁止兩人以上的公開聚會。梅克爾感謝願意遵守社交距離原則的德國人民，她建議人與人之間應該至少維持1.5公尺，藉此減少被感染的可能性。
根據約翰霍普金斯大學數據，截至周一上午，德國新冠肺炎確診人數達24,873人，死亡93人。</t>
  </si>
  <si>
    <t>國內疫情升溫，確診人數高居不下，被視為是最終武器的疫苗卻遲遲未到位，國民黨前立委孫大千忍不住痛批，民進黨在疫苗採購上根本是放羊的孩子，一次又一次的呼攏台灣人民。
「給人民疫苗，其餘免談！」孫大千今（27）日在臉書表示，都已經是什麼時候了，民進黨還要用一堆唬爛話來考驗台灣人民的智商嗎？首先是藍營的縣市長，要透過上海復星醫藥集團購買的是輝瑞疫苗，並不是大陸研發的疫苗。他認為，行政院發言人羅秉成刻意的把輝瑞疫苗和大陸疫苗畫上等號，顯然是想要誤導台灣人民。
其次，孫大千說，民進黨口口聲聲地放話，說大陸在國際社會刻意破壞台灣的疫苗採購，更是一個非常奇怪的邏輯，因為不管是輝瑞疫苗或是莫德納疫苗，都不是大陸可以操控的，請問一下北京政府是要如何影響美國和德國呢？
孫大千接著指出，民進黨應該向台灣人民解釋一下，為什麼他們口中的真朋友，在台灣緊要關頭時只會袖手旁觀，還要說一些風涼話，讓台灣自求多福呢？
孫大千提到，去年衛福部長陳時中就向台灣人民保證，針對疫苗採購，已經做了超前部署，而且也有了口袋名單。今年二月行政院長蘇貞昌在立法院專案報告時，也公開宣示在今年第二季將會取得2000萬劑疫苗，結果這些疫苗到現在連影子都沒有看到；現在又要台灣人民繼續等到八月，但此次疫情來勢洶洶，台灣人民真的撐得到八月嗎？</t>
  </si>
  <si>
    <t>美國總統拜登下令禁止將新冠病毒加上「中國」或「武漢」等字眼，國民黨文傳會副主委鄭照新以行政院長蘇貞昌至今不願改口，甚至在視察農改場聞桂花香時，仍用歧視性字眼扯新冠肺炎，讓他深感民進黨的「民主」、「愛國」，只是排除異己的工具，毫無價值可言。
鄭照新引用媒體報導說：「拜登進一步指出，透過政治領袖的行動，或者以病毒起源的地理標籤作為病毒命名的參考，這些行為反而強化了排外情緒；聯邦政府有必要認識到自身在其中所扮演的角色。拜登說，此類的言論不僅激起了毫無根據的恐懼、永久抹黑了亞裔與太平洋島國居民，更增加了對其的霸凌、騷擾，以及仇恨犯罪。」
他指出，一個自由主義的民主政權，不會將排外的、具有族群歧視或地域歧視的字眼，不斷帶頭強調。
鄭照新說，相較拜登，我們的蘇院長一邊聞著花香，一邊「武漢肺炎」、「武漢肺炎」地叫，再再讓他感受自由主義與反歧視等等民進黨起家的價值，早被排外與仇恨沙文所取代。
他說，他尊敬雖然主張台灣獨立，但重視普世人性尊嚴的朋友。他常常感覺若是黨外時期，他的個性極可能站在黨外這邊，而不是當時的國民黨。
鄭照新強調，現在的執政黨多的只是趨炎附勢、黨同伐異之徒，口喊民主，卻只是工具，不是價值；口稱愛國，卻只在排斥他人，排除異己，無價值可言，要他如何站在民進黨這邊？</t>
  </si>
  <si>
    <t>秋冬流感季節即將到來，加上有新冠肺炎伺機而動，專家擔憂，當兩者混合流行，將考驗第一線醫療人員如何去鑑別疾病，不僅新冠肺炎確診難度加高，病人也恐因診斷錯誤，未予以正確治療，呼籲政府應提供前線人員快篩試劑，降低醫療負擔。
台灣感染症醫學會理事長黃立民指出，新冠肺炎與流感不同之處為，新冠肺炎在一些病患身上會出疹子，也會有嗅覺味覺異常的問題。若要在臨床上做區別，快篩工具相當重要，病患一旦被診出新冠肺炎陽性，就能及時安排隔離。
莫忘澳洲前車之鑑
黃立民表示，若新冠肺炎與流感混合流行，第一線醫療人員將沒有辦法做判斷，目前國內環境就是採檢體去做PCR，他建議要有快篩，最好兩者都篩，降低臨床壓力，也有助正確判斷。
黃立民說，需要盡快判定的原因，隔離是一大因素，流感病人不需要隔離，但新冠肺炎患者不只要隔離，還要到負壓病房，如果醫療量能用到錯誤的地方，就容易拖垮醫療體系，因此能越快診斷出結果越好。
台大醫院感染科主任陳宜君表示，流感疫情若嚴重，床位的調度就非常困擾，過去這個問題很少被關心到。以2009年H1N1為例，澳洲疫情慘烈，加護病房都被流感重症佔滿，排擠了其他病患的需求，也因如此，這幾個月以來各家醫院都在做整備。
3方式協助前線醫護
中華民國防疫學會榮譽理事長王任賢表示，依照目前的政策，未提供新冠快篩，有3種方式可以協助到第一線醫護，首先是在新冠快篩機會不大的情況下，至少給前線流感快篩；再來是要仰賴臨床醫師的判斷，例如新冠肺炎沒有鼻塞、流鼻水、喉嚨痛等上呼吸道感染症狀，有的是嗅覺與味覺失常；最後則是透過旅遊史、接觸者來判斷是否有風險。</t>
  </si>
  <si>
    <t>新冠肺炎疫情在台灣確診人數不斷上升，衛服部近日除要求民眾保持社交距離，還要徹查清明連假有到11個重點公告地區，但資深媒體人趙少康卻認為，「無症狀感染、篩檢範圍外的輕症患者，基層診所卻不篩，直接輾回家，衛服部這樣在檢疫範圍出現大漏洞？」。
趙少康今6日在網路談話節目「YAHOO」 《鄉民來衝康》，談及政府和民間防疫模式，他解釋，其實中研院、台大等好幾個團隊，都有研製出快篩試劑，但衛服部一直不通過，為何不趕快通過呢？因為他昨天「問了好幾個醫生，真的是這樣」，基層醫療診所檢驗，當你出現一些輕症如腹瀉、頭痛要篩檢，卻被要求回家，或是去大醫院篩檢。
為何基層不願意篩、不報？趙少康指出，因為一旦診所「有篩檢出確診」往上報，那醫院就要關封14天，基層醫生現在收入已經銳減非常多了，在關院下去，那還得了，簡直要命！所以現在很大的問題就是，「基層醫生看到輕症都叫你回家，因為八成賭你是輕症」，如果很不幸你是剩下2成，那後續再討論。
但這樣的做法會不會造成未篩的潛伏患者到處傳染？趙少康坦言，這是很大的問題，所以他呼籲衛服部，要考慮實際狀況，這個問題他已經講很多次了，衛服部的要求卻變相將輕症趕回家，只會造成更大風險。</t>
  </si>
  <si>
    <t>因為疫情影響，C型肝炎篩檢、治療、追蹤意願大幅降低，據統計全台有高達12萬名C肝患者尚未治療！醫師提醒，C肝不治療恐怕讓肝臟持續受到傷害，若感染新冠肺炎病毒，會有較高的重症、死亡風險，呼籲民眾不可拖延治療。
疫情期間，許多民眾忽視C肝治療的急迫性，誤以為等疫情過去再治療即可，事實上，疫情之下C肝治療不容拖延。台灣肝病醫療策進會會長高嘉宏教授表示，新冠肺炎會導致免疫系統失控，讓原本只會精準殺滅病毒的免疫細胞大軍敵我不分的胡亂攻擊，引起細胞激素風暴，還可能發生呼吸窘迫，造成全身性傷害。
不僅如此，C肝患者的肝功能本來就較差，在C肝及新冠病毒的夾攻之下，肝功能會大幅下降，死亡風險也會隨之提升。高雄醫學大學附設中和紀念醫院肝膽胰內科余明隆教授指出，大型研究發現，新冠肺炎感染者中，肝硬化患者的死亡風險是非肝硬化患者的3.31倍。
余明隆提醒，國健署提供一生一次免費肝炎篩檢，若確診C肝也無須擔心，今日治療已進入全口服新藥時代，治癒率高達98％、副作用輕微，服藥不影響疫苗施打，療程僅需8週或12週，入院領藥的次數最少僅需要3次，可降低民眾疫情下治療焦慮感。
高嘉宏表示，比較我國近三年C肝全口服新藥治療人數可發現，2019年4萬治療名額不到8月就用罄；2020年預計治療約5.1萬人，實際治療36159位患者，約佔7成；2021年上半年預計治療約2萬人，但因為疫情升溫，截至6月底僅治療10640位病人，達成率僅53％，顯見新冠肺炎嚴重疫情影響國人C肝篩檢與治療的意願與進度。</t>
  </si>
  <si>
    <t>受確診新冠肺炎的澳洲音樂家影響，原訂於8日自澳洲返台的歌仔戲國寶廖瓊枝，決定搭乘另一班機。廖瓊枝歌仔戲文教基金會董事紀慧玲表示，含廖瓊枝在內，薪傳歌仔戲劇團39人將在今（11）晚搭乘十點多的班機返台，預估抵台時間已是明（12）日清晨。董事柯銘峰也表示，一行人現況都很好，歌仔戲團抵台後將會發佈落地聲明，讓戲迷放心。
紀慧玲表示，在長榮航空協助下，39人將搭乘同一班機返台，據團長張孟逸轉述，團隊在澳洲多停留的幾天，也不太敢出門「趴趴走」，「現在各地都會緊張，他們大多待在旅館。廖瓊枝老師擔心團員，團員也擔心老師，才決定一起回來，不要錯開團隊成員。」
現年85歲的廖瓊枝為薪傳歌仔戲劇團的創辦人，長期致力於傳承歌仔戲文化，在舞台也依舊活躍，有「台灣第一苦旦」之稱。此回她與薪傳歌仔戲劇團受邀參與2020澳洲布里斯本國際藝術節，6日、7日都有表演，原本預定8日返國，但正巧在7日演出前得知，返台的同班機上，有曾與確診澳洲音樂家2日赴澳時同班機的旅行團團員，引起外界關注。
雖經防疫中心澄清，音樂家坐在商務艙，旅行團坐在經濟艙，有一定距離，但薪傳歌仔戲團考量廖瓊枝已85歲高齡，為避免萬一，在廖瓊枝歌仔戲文教基金會董事討論後，還是決議延期三天返台。在立委何志偉及航空幫忙下，國立傳統藝術中心將負擔團隊在澳洲的三天食宿，劇團團員改機票的費用，則由基金會負擔。
紀慧玲表示，廖瓊枝很感謝外界的關心，但也因引起注目而感到不好意思，希望大眾不要擔心。柯銘峰也說，廖瓊枝與團員一切均安，回台後會繼續準備月底將在戲曲藝術節上演的節目，謝謝外界的關心與幫忙。</t>
  </si>
  <si>
    <t>新冠肺炎疫情擴及全球，截至目前為止，新加坡確診病例已達58起，扣掉鑽石公主號的確診病例不算，新加坡全球確診數，僅次於大陸。日前就有網友好奇，「政府目前對新加坡入境的人有類似居家檢疫的措施嗎？」擔心恐成為防疫漏洞。
原PO在PTT「nCoV2019板」PO文指出，新加坡確診病例數不算少，洪永祥醫師也在電視談話節目上提到要特別注意新加坡入境者，讓他不禁擔心問道「政府目前對新加坡入境的人有類似居家檢疫的措施嗎？」
事實上，新加坡入境台灣，目前尚未達到必須自我居家隔離檢疫的層級。不少網友憂心直呼「新加坡很危險，因為太小了密度很高」、「日本先加強篩檢，新加坡才是真的大危機」、「就新加坡的病例內容來看，不能再等了」、「要注意的是新加坡要多少人感染會達到醫療崩潰」、「新加坡應該比照港澳了，確診比香港多」；也有人認為「東南亞那幾個不驗的也很可怕」、「東南亞的很可怕，而且日本已經爆了」。
另外也有網友分享前往新加坡時，看到的現況，直言僅有約2～3成的人有戴口罩，且當地有不少大陸人，餐廳店員也不戴口罩，讓他不禁直言「說實在新加坡整體防疫感…有點鬆」。</t>
  </si>
  <si>
    <t>長聖（6172）挾著腦中風與新冠肺炎等三個適應症新藥，與國藥廠洽談合作授權可望在第一季敲定，加上特管辦法推出，該公司治療項目、核准案均為台灣之冠，法人預期2021年營運有機會虧轉盈。
以首家專攻細胞治療上櫃的長聖，8日以每股138元掛牌，由於今年營運將見轉機，激勵股價開高走高，終場以172.5元作收，漲幅25％，出現蜜月行情。
長聖目前新藥異體臍帶間質幹細胞（UMSC01）用來治療急性心肌梗塞，完成一期臨床試驗收案，預計2021年向美國FDA提出二期臨床試驗申請；新一代CAR-T藥物CAR001因治療實體瘤、異體移植，有機會成為突破性CAR-T療法，已申請美國專利，並規劃申請美國與台灣臨床一期試驗。
董事長劉銖淇表示，長聖有五個產品申請特管辦法，已通過四項，最後一項預計年底取得審查，該公司已與四家醫學中心、三家區域醫院與一家區醫院合作，共取得18項核可，取得核准件數為廠商最高。
長聖已啟動急性心肌梗塞、急性缺血性腦中風與新冠肺炎三項臨床的 臍帶間質幹細胞UMSC01，已在2020年8月通過美國FDA核准啟用臨床一/二期試驗，但目前尚未啟動收案，而是與國際藥廠洽談合作，目標本季有望定案。也不排除成立合資公司，由合作夥伴負責美國臨床試驗、長聖負責台灣臨床試驗。</t>
  </si>
  <si>
    <t>美國總統川普高調宣布退出世界衛生組織（WHO）已經超過半個月，但目前美國仍舊保有會員的身份，而且還與世衛多所合作，世衛官員因此預期川普應該只是喊喊，最終並不會做出正式退出的具體動作。
川普在5月29日召開記者會，宣布「我們今天就將結束與世衛的關係。」WHO隨後已收到美國政府欲退出世衛的意向書。
白宮主人「退群」之舉讓世衛措手不及，世衛祕書長譚德塞（Tedros Adhanom Ghebreyesus）也是透過媒體得知此項訊息。之前世衛一直就川普要求在30天內處理偏袒大陸一事與美國資深外交官員交涉，而才過10天川普就公開宣布退出世衛。
川普在期限前突然宣布退出世衛的原因迄今依舊不明，但至少到目前為止，美方並未採取正式退出的動作。據消息人士透露，世衛官員持續在美國的政府機關辦公，而美國政府駐世衛的官員也在日內瓦正常上班。
譚德塞周一在記者會上也證實，「是的，美國目前仍然是世界衛生組織的成員國。」
美方駐世衛官員最近也與世衛方面重啟會議，討論華府方面關切世衛因應新冠肺炎疫情的議題，由此顯示美國或許對於保留世衛會籍仍持開放的態度。
川普周一對此表示，「除非他們有具體作為，不然我不會重新考慮，我不確定他們現在可以辦到。」
美國共和黨也呼籲川普撤回退出世衛的決定，眾院共和黨黨團周一發表新冠肺炎疫情起源的研究報告，除了抨擊大陸，還指責世衛在因應疫情失策的不當，報告建議撤換秘書長，同時呼籲美國留在世衛。</t>
  </si>
  <si>
    <t xml:space="preserve">從防疫到紓困，為因應新冠肺炎的一連串作戰，黃偉哲回頭看，讓他感到最痛苦的是「假貨」太多。怎麼說呢？原來市民居家檢疫時亂跑，曾遭罰70萬，還有發放紓困金一直看到有人重複請領，造成不公義和行政成本浪費，讓黃偉哲心痛了。
中時新聞網專訪黃偉哲市長的前一天，他才考察將申請開放營業的酒店營業場所，台南也成為第一個開放八大行業申請恢復營業的直轄市。他認為任何人在病毒面前都是平等，阿中部長說可開始防疫新生活，台南市就依阿中同樣標準，在一遍解封聲中，讓八大行業也有新思考，其實之前被封的只有酒店，KTV有實名就沒限制，PUB等也都沒有封到閉絕。
雖然當初酒店也是一紙命令就封，但他認為解封要有一致性，必須符合相關規定，更不希望變成中央地方互踢互甩鍋，既然中央已授權地方，地方政府就依SOP走程序。雖也可一紙命令即解封，黃偉哲認為還是要謹慎而為，讓業者依規定申請合格就解封，市長不是國王說封就封說解就解，所以提供公文請他們申請，那天他去看業者申請前的演練，把舞池封住座位排好距離，這些都做好了，實質防疫準則也就符合，只要完成行政流程即可開放。
再談到搶第一的紓困金發放。黃偉哲說台南所核定的人數和錢的百分比是第一名，台南市對申請紓困的每一筆都自己審，只要資料完整就審的快，目前大約7成多還沒過，有的先用身份證切結，申請通過有3000多件，也有1000多件被抓到重複審請等沒通過。
「假貨多」讓黃市長心寒，他說居家檢疫台南市就有10多人趴趴走，還欺騙負責通知的人，直到住隔壁人看不下才揭發，防疫政策執行時造假太多，連來領上課補助的計程車司機也重複造假資料，而紓困金是對沒保險的人，卻也有保險的人也要來領，這些都很為難公務人員，讓大家覺得有挫折感。最後都是依阿中部長說：「寧可錯發也不放過」，黃偉哲說真的錯發部份，等以後再想辦法補回。
</t>
  </si>
  <si>
    <t>日韓新冠肺炎確診病例連日大增，引起外界高度警戒，市場憂心原估2月底可望見到疫情高峰的時間點恐再延後，激勵防疫概念股重燃漲勢，再度成為盤面資金匯聚重心，毛寶、熱映、高端疫苗等七檔同步亮燈漲停。
美國疾病管制暨預防中心（CDC）將大陸及日韓等亞洲國家列入新冠肺炎疫情已達社區傳播階段，以及日本、南韓確診人數快速增加，導致疫情擴散擔憂情緒再起，電子股續遭資金調節，由防疫概念股重掌盤面主流。
品豐大中華投顧總經理連乾文指出，新冠肺炎病毒在海外擴散速度加快，在疫情控制上的「空間」與「時間」都是負面因素，代表對後續經濟干擾程度可能擴大，抵銷近期美股大漲的助攻力道，同時，匯率也出現較大幅度貶值，部分資金轉進較具避險性質的資產。
防疫概念股21日齊步大漲，吸納多方資金，包括毛寶、熱映、高端疫苗、亞諾法、優盛、合世、瑞基等七檔亮燈，在上市櫃16檔漲停股占約半數，扮演盤面避風港。
資深證券分析師林成蔭表示，一般評估疫情高峰有三套劇本，最樂觀的是2月底見高後逐漸好轉，其次為根據復工檢疫狀況可能延到3月，第三種則要拖到第二季，「時間愈長，對經濟干擾程度愈高」。
而目前雖然大陸新增確診人數減少，但海外地區卻大幅增加，日、韓兩大科技國皆爆社區感染，也增添市場擔憂未來電子鏈供需情況，牽動資金回頭布局防疫概念股。
另值得一提的是，自新冠肺炎疫情爆發以來，防疫概念股交投量能持續放大，股價波動度高，吸引不少當沖客進出搶帽子，例如毛寶自今年以來當沖張數由個位數跳增至千張以上，口罩生產大廠康那香2月初當沖交易也曾爆出近2.5萬張大量，買盤短打心態濃厚。</t>
  </si>
  <si>
    <t xml:space="preserve">
高雄市一名65歲蔡姓男子，昨（15日）上午接種莫德納疫苗，傍晚在家中暈倒送醫搶救不治。蔡男妻子悲痛表示，丈夫身體狀況良好，兩人曾聊到有人打疫苗後死亡，她勸「那你不要打」，但丈夫堅持要打，豈料打完疫苗就發生憾事，面對突來的變故，蔡妻無助：「那我怎麼辦？」。
高雄65歲的蔡姓男子，15日上午接種完疫苗後，下午卻在家中突然倒地，家屬緊急將他送醫後不治，這是高雄第二起施打完莫德納疫苗的死亡案例。目前衛生局正在進一步調查，死因是否與疫苗有關，仍待釐清。
蔡男的妻子是外籍配偶，她表示丈夫平時很少就醫，也沒有特殊的運動嗜好，身材適中、沒有肥胖的狀況，但最近爬樓梯時會很喘。她透露丈夫曾聊到有人打疫苗會死掉，她就說「那你不要打，為什麼要打？一定要打嗎？」，但丈夫堅持要打疫苗。如今發生憾事，她相當無助。
據了解，蔡男在碼頭擔任領班，15日上午在高雄展覽館打疫苗就去上班，不過家屬表示，因為下雨沒什麼工作，應不會有勞累的問題。蔡男下班回家後，在脫衣服的過程中，忽然昏倒、意識不清，家屬見狀緊急撥打119尋求協助，在6時15分被送到阮綜合醫院的急診搶救，卻不幸在7時11分宣布急救無效，仍然回天乏術。
高市府衛生局表示，蔡男有慢性病史，於15日上午接種疫苗後，無特別不適反應，將全力協助家屬後事及相關救濟，並進一步釐清真相，死因是否與施打疫苗相關，將向中央疫苗接種嚴重不良反應事件通報。
★《中時新聞網》提醒您：因應新冠肺炎疫情，疾管署持續加強疫情監測與邊境管制措施， 如有疑似症狀，請撥打：1922專線，或 0800-001922， 並依指示配戴口罩儘速就醫，同時主動告知醫師旅遊史及接觸史，以利及時診斷及通報。</t>
  </si>
  <si>
    <t>河南省鄭州市新冠肺炎應急處置聯合指揮部4日晚間召開新聞發布會，鄭州市人民政府副祕書長李慧芳指出，鄭州此輪疫情自7月30日爆發院內感染、發現首例無症狀感染者以來，至4日下午6時，累計感染101人，其中：確診16人（管城區1人、二七區15人；輕型13人、普通型3人），無症狀感染85人（管城區1人、惠濟區1人、滎陽市2人、新鄭市6人、二七區73人、金水區2人）；男性57人、女性44人；年齡最小7歲、65歲以上16人，其中最大77歲。
李慧芳還通報了相關處置情況：
（一）封控區域動態調整情況。在7月31日劃分封閉區、封控區、防控區的基礎上，於8月2日、8月3日、8月4日根據新發現病例分布情況，三次調整擴大封控區範圍。共涉及二七區12個街道辦事處108個社區66.18萬人、管城區4個街道辦事處22個社區12.29萬人，兩區合計78.47萬人。
（二）市六院病患及醫護人員分流轉運情況。為徹底消除院內傳播隱患，按照大陸國家和省聯防聯控機制專家建議，對市六院封閉管理的人員實施分流。目前已分流患者447人，工作人員和陪護人員1137人。對分流人員，嚴格按照院感防控標準實施單人單間隔離治療或隔離醫學觀察。
（三）原市六院特殊患者救治情況。市六院封閉管理時，共收治136名尿毒症患者，其中住院治療28名，門診治療108名。疫情發生後，12名患者繼續住院進行單人單間隔離治療；轉移至市岐伯山醫院、市三院隔離治療16名，省直第三人民醫院隔離治療3名；將二七區鑫隆溫泉酒店整體租賃作為隔離治療點，採取「點對點、一站式」密閉式運輸方式轉運85名患者；20名正在居家隔離的門診治療患者，將視病情及時收治隔離治療。通過分類救治，充分滿足特殊患者的治療需求，確保疫情有效防控。
（四）隔離酒店籌備使用情況。按照「寧可備而不用，不可用時無備」原則，選定隔離酒店53家，可用床位7609個。目前，已啟用27家，可用床位4694個，隔離1989人。</t>
  </si>
  <si>
    <t xml:space="preserve">正值全球新冠疫情尚未平息、陸恐有新一波疫情再起之際，美眾議院外交委員會一篇內部關於新冠疫情的調查報告中指出，除了如同川普政府先前聲稱的在疫情爆發初期陸確實有隱瞞疫情、世界衛生組織WHO秘書長譚德塞也必須為讚揚中共處理疫情「透明度」負責之外，並在建議中提到呼籲美國與理念相同的WHO成員國以及台灣，一同調查中共早期階段隱瞞疫情行為以及WHO失職。
這份由共和黨資深議員麥考爾（Michael McCaul）領導的眾議院外交委員會調查報告主要是針對疫情早期，也就是疫情爆發至WHO於1月30日宣布就新冠疫情發布「國際關注公共衛生緊急事件」之間的調查。
報告指出，疫情爆發初期，大陸每日都有大量相關資訊，但卻遭中共試圖隱瞞，這份報告即是藉由將當時可在陸網路上取得的相關資訊，但可從中共企圖混淆疫情資料、向大眾隱瞞疫情資訊，以及對「吹哨者」醫生們施壓，藉此證明中共是刻意且一再違反「國際衛生條例」。
報告稱，共黨內如總書記習近平等高階領導人在宣布大流行數周前，早已知道疫情恐會大爆發。若以透明且負責的標準而言，中共原本可以藉由向世界分享關於如何應對病毒的資訊，藉此支持全球公衛應對以及挽救上萬人性命。
報告也指出，WHO秘書長譚德塞（Tedros Adhanom Ghebreyesus）不僅忽略中共疫情隱瞞，反卻一再讚揚其資訊透明度，一再附和中共所說的觀點卻忽略與有衝突的資訊。報告稱，譚德塞不僅費盡喉舌捍衛中共防疫反應，對於中共修改過的疫情爆發經歷竟完全認同，而他的決定對於國際公衛的防疫影響，更是極度令人憂心的。
調查報告最後指出疫情仍有諸多未解之處，並提出如全面更新WHO領導層、展開國際調查、國際衛生條例改革等建議，其中特別引人注意的是，在國際調查中特別呼籲美國讓台灣以及其他理念相同等WHO成員國，一同調查中共對於疫情早期隱瞞行為以及WHO的失職，此類的調查應該確認新冠病毒起源、出現在人體上的病徵、中共取消發布關於疫情的科學與公衛資訊等事蹟、中共在WHO上的隱瞞行為，WHO附和中共宣傳的影響，以及中共隱瞞對於全球應對的影響。
</t>
  </si>
  <si>
    <t xml:space="preserve">新冠肺炎疫情在全球延燒，儘管防疫人員努力不讓疫情爆發，但已持續3個多月的疫情依舊影響了整個社會，尤其在這一個月內，國內就發生3起隨機殺人案。專家指出，壓力大易使人產生負面情緒，必須適當排解，做好長期抗戰的心理準備。
日前，一位19歲上大夜班的青少年在上班途中，因遇蘇姓男子討錢不成而遭刺殺身亡；而另一位走在騎樓的計程車司機，竟被一名因近期業績不佳，心情不好的房仲隨機猛刺18刀；除此之外，前陣子還有一名年輕直播主，因和妻子吵架，就拿起車底下的生魚片刀，朝路邊正等待接姐姐下班的路人冷刺一刀，導致被害者傷重不治。單單在一個月內，就發生3起隨機砍人事件，沒想到竟和新冠肺炎疫情息息相關。
根據《華視新聞網》報導，中央警察大學法律系主任許福生分析，通常無業、單身、孤立、有精神疾病，或是吸毒的人的犯罪風險較高，不過許福生指出，近期許多人受到新冠肺炎疫情影響因此失業，也可能因為情緒一時無法發洩，無法從高風險族群中辨識出來。
報導指出，在6種隨機殺人動機中，近期的案件多與「對自身境遇不滿，而遷怒社會」有關。許福生說，根據犯罪心理學「一般緊張理論」，經濟壓力容易讓人產生負面情緒，此時若找不到好的紓解方式，很容易就有犯罪行為發生。
另外，精神科醫師楊聰財也呼籲，民眾面對新冠肺炎疫情，最好要有長期抗戰的心理準備，「隨時保持信心、耐心，透過運動等方式紓緩緊張、負面的情緒」，在疫情期間，大家保持社交距離的同時，也別忘人與人之間的關心也很重要。
</t>
  </si>
  <si>
    <t xml:space="preserve">國產疫苗有望在暑假期間上市，但未進入第三期臨床實驗，其保護力引起國人擔憂。台北市議員羅智強直言，「我們拒當國際孤兒」，並指錯誤的政策不僅比貪污可怕，蔡政府疫苗政策失能，難怪外媒會批台灣防疫吹牛破功，他還指出一些打國產疫苗會出現的問題質疑，「蔡英文，你還要繼續擋國際疫苗嗎？」
羅智強今(14日)在臉書上表示，「蔡英文，我們拒當國際孤兒」，並指出，美國FDA日前宣布，對於尚未提出申請的疫苗，將不再發給緊急使用授權，台灣國產疫苗都尚未進入臨床3期，更不符合FDA的規定，勢必無法取得美國緊急使用授權，也難獲得歐盟與WHO的認證。
羅智強發現，有民調顯示近7成民眾不願意施打未獲國際認證的疫苗，蔡政府卻執意押寶保護力不明的國產疫苗，本土疫苗產業固然重要，但也不能把全民當作白老鼠。
羅智強指出，各國將啟動疫苗護照，本土疫苗必須取得國際認證，但連衛福部長陳時中也坦言打國產疫苗有不被認證的風險，政府大力扶植國產疫苗，並以高於國際疫苗8倍的價格採購，但結果竟可能是民眾打了出不了國，疫苗也難打進全球市場，台灣淪為國際孤兒，錯誤的政策比貪污可怕。
羅智強直言，蔡政府疫苗政策失能，難怪時代雜誌批台灣防疫吹牛破功，國產疫苗難被國際認證，蔡政府的施政無能，倒是先被國際認證，「蔡英文，你還要繼續擋國際疫苗嗎？」
</t>
  </si>
  <si>
    <t xml:space="preserve">世界衛生組織(WHO)總幹事譚德塞在新聞發佈會上警告，國際間缺乏團結正在助長新冠疫情的流行，如果拿新冠病毒來相互對抗，「最糟糕的時刻會很快到來」。
據《央視新聞》報導，譚德塞在當地時間20日的新聞發布會上說，新冠病毒非常危險，它利用了人與人之間、政黨與政黨之間、國家與國家之間的分歧。他呼籲，缺乏團結正在助長新冠疫情的流行，「不要把這種病毒作為相互對抗或贏得政治得分的機會。」
譚德塞警告，如果各國不能團結一致，「最糟糕的時刻會很快到來。」如果全球團結一致，把新冠病毒作為人類的共同敵人而全力以赴，就可以戰勝病毒。
</t>
  </si>
  <si>
    <t>新竹縣20日新增4例確診個案，3人與長照構有關，80多歲老婦和50多歲男子是竹東B長照機構住民，60多歲男子則是B機構確診者的家人，湖口鄉30多歲女子則是是桃園市確診個案的接觸者，至防疫旅館居隔，採檢陽性確診。
縣長楊文科指出，國內陸續發生長輩接種疫苗猝死案件，雖然死因仍待中央判讀確認，但為向家屬表達慰問，縣府將成立專款，只要縣內接種疫苗14天內，發生不幸離世事件，一律先發放10萬元慰問金。
縣府團隊並將協助家屬提出「預防接種受害救濟」申請，收集相關病歷資料，提送中央審議，如確定因預防接種致死，最高將可給付600萬元救濟金。
楊文科說，新增4例中有3例仍屬竹東B長照機構，80多歲婦人中風長住機構，三度採檢陽性確診，50多歲男子長期臥床，第四次PCR採檢陽性確診，2人都進隔離病房治療。
另，60多歲男子是B長照機構確診照服員的丈夫，居隔期間曾體溫輕微升高未就醫，後發燒就醫採檢陽性確診，收治醫院隔離病房治療。這3例接觸者均已匡列，皆為住民無公共場所活動史公布。
住湖口鄉的30多歲女子，是桃園市確診的接觸者，18日入住防疫旅館，採檢結果陽性確診，收治隔離病房。共匡列接觸者共19人，足跡為湖口鄉中山路一段與和愛路的全聯福利中心，已完成環境消毒。
楊文科說，中央配發新竹縣第一波1萬3000劑疫苗，到昨為止已施打1萬2127劑，整體接種率為93.3％，其中87歲以上施打4322人，接種率65.5％。第二波82到86歲有9047人，將在21日開始開打。
新竹縣居家隔離人數現有1581人，為協助居家隔離民眾送餐服務等各項需求，縣府設置4支「安疫服務專線」，提供24小時諮詢服務，居家隔離民眾，有任何需求都可以撥打「安疫專線」。</t>
  </si>
  <si>
    <t xml:space="preserve">Firstly, thanks to everyone for the positive words. Yesterday I got tested for the Covid-19 virus. By God’s grace it came out negative. Despite my teammates and I taking necessary precautions, it didn’t turn out as expected. To my guys @spidadmitchell @rudygobert27, God speed🙏🏾❤️ pic.twitter.com/5zbj1MFgRO
昨天(12日)曾一度誤傳跟爵士中鋒戈貝爾一起成為新冠肺炎確診者的爵士替補後衛穆迪埃，在爵士全隊都接受新冠檢測之後確定呈現陰性反應，也就代表他並未罹患新冠肺炎，一切只是烏龍一場，他也隨即發推感謝上帝保佑且暫逃一劫！
「首先我必須感謝大家給我的正面話語，昨天我做了新冠肺炎病毒檢測，多虧上帝保佑，結果呈現陰性，」穆迪埃發推表示，「儘管我和隊友都採取必要的防範措施，但結果並未如同預期那樣，希望米契爾、戈貝爾兩人趕緊好起來吧。」
原本在戈貝爾成為首位確診新冠肺炎的NBA球星，且造成聯盟緊急宣布無限期停賽同時，穆迪埃也被傳出確診，如今證實只是誤傳，反而是他的爵士隊友米契爾成為NBA第2位確診病例，但其他爵士球員與工作人員都未被檢出新冠肺炎。
尤其是昨天在雷霆主場被拍到跟米契爾一起站在場邊聊天的爵士替補後衛克拉克生，也馬上發推確定自己並未感染，「感謝你們給我的愛與祈禱！我已經通過測試，我很好，24小時過去了我仍很健康，我一直心繫著我的兩名隊友。」
</t>
  </si>
  <si>
    <t xml:space="preserve">一名愛爾蘭年輕男子日前在社群媒體上分享自己感染新冠肺炎後出現的極端症狀，他描述自己不僅頭痛、全身痛、失去嗅覺、味覺，更曾咳出大量血液，他自嘲量多到就像「捐血」。
新冠病毒蔓延全世界，至今全球超過9,000萬人染疫，超過194萬人病歿。不過仍有許多人抱持懷疑論，相信疫情只是政治人物捏造的陰謀，拒絕專家的防疫政策與守則。
據愛爾蘭媒體「Dublin Live」報導，一名愛爾蘭年輕男子最近就在社群媒體上向這些新冠懷疑論者自白，他描述自己是新冠「極端案例」，除了失去味覺、嗅覺、頭痛、全身痛、感覺全身缺氧、吸不到空氣外，還曾大咳血「就像捐血給需要的人一樣」，並且發高燒到將近40度。
Warning - There are pictures included that are not for the faint-hearted as the patient issued an urgent warninghttps://t.co/eceapWXrTP
報導還附上一張男子口罩上沾滿血、白色容器內留下大量血跡的驚悚照片。
報導並未透露男子的身份，不過引述他的說法指出這是他所經歷的真實，他呼籲那些懷疑論者要戴上口罩、勤洗手、並且待在家中。
據美國約翰霍普金斯大學（Johns Hopkins University）全球疫情統計，截至12日，愛爾蘭一共有超過15.2萬人確診，逾2,300人病歿。
</t>
  </si>
  <si>
    <t xml:space="preserve">大聯大(3702)今(18)日舉辦法人說明會，第二季合併營收、稅後淨利持續雙位數成長，展望後市，大聯大認為，產業面臨結構性的轉變，全球在疫情衝擊下，居家工作、遠端教學等商機會一直到下半年，Data Center則因已經在第二季已經大規模布建後，第三季預估落在個位數成長，汽車、5G智慧機市場則相對保守，整體來說，預計大聯大第三季將延續第二季的成長態勢。
展望第三季，副總經理林春杰表示，大聯大預估維持第二季成長態勢，今年起面臨產業結構改變，第一季面臨斷鏈、第二季則是在疫情下工作型態的改變，但也因為工作型態的改變，衍生出許多需求，預計該工作型態會變成常態，遠端商機會一直到下半年，筆電、chromebook等的需求還是很大，商機會延續到第四季。
至於在Data Center上面，林春杰表示，因為全球第二季強勁布建，帶動大幅度成長，故第三季儘管會成長，但是成長幅度不會像往年第三季旺季效應一樣有雙位數成長，應該是落在個位數成長。
車用市場因為全球均受到疫情衝擊，出現供應鏈斷鏈問題，林春杰表示，目前看到大陸、美國陸續恢復動能中，只是現在車廠還是保守，因為市場對消費性支出還是保守，故預計車用市場會復甦會比較慢，但目前大陸復工較快，進度也差不多回到正常水準。
林春杰也談到，今年受疫情影響最嚴重的應該是手機，估計全年整體市場會掉12%的總量，原先預估5G會為智慧型手機市場帶來成長，但因為疫情關係導致遞延，5G智慧機快速成長應該會跟著基地台的滲透率，目前市場還是以4G手機為主，明年5G智慧機有機會出現倍數成長。
另外，智慧倉儲的布局一直是大聯大近年來重點，目前以服務既有客戶為主，主要還是半導體、IC設計業，待成熟後才會向外推廣，財務長袁興文表示，香港智慧倉儲已經在去年年底運行，狀況良好，費用也都有下降，接下來計劃東莞，下一步會看客戶需求，包括台灣、東南亞、南亞都是瞄準的區域，投產時間點會落在2022~2023年，看好商機除了原來IC通路本業外，傳統直銷也是一塊長期很大的市場。
</t>
  </si>
  <si>
    <t>新冠肺炎疫情升溫，民眾不只瘋搶口罩，網上又謠傳衛生紙將缺貨，造成新一波搶購潮，而散布謠言的網友也陸續遭調查，儘管如此，這波衛生紙之亂仍沒平息，本土劇女星兵家綺就跑了3家店都買不到，讓她相當傻眼。
兵家綺透露家裡衛生紙剛好用完，出門跑了兩家店都沒買到，最後只好到大賣場採買，沒想到架上也被搶購一空，所幸她還眼尖發現另一區還有稍微貴一點的衛生紙，只好先拿再說，讓她傻眼直呼：「拜託～請不要聽信謠言，大家不要亂搶物資，留給真的需要的人用吧！」</t>
  </si>
  <si>
    <t>中國慈善家雜誌報導，9月以來，不斷有瑞麗市網友在人民網「地方領導留言板」上反映離瑞難、生活壓力大等問題。
10月26日，一名自稱是「瑞麗學生」的網友在網上發帖呼籲網友關注瑞麗，迅速成為輿論焦點。該網友稱，2021年8月3日，瑞麗再次封城直到今天，現在的政策是每天只有兩個離瑞名額，自己和家人有家不能回，這一年沒有任何的收入，心理處於崩潰邊緣。
據報導，自7月以來，不斷有瑞麗市民在一些社交平台上發聲表示「生活難、離瑞更難」、「填了很多表，只領到1斤米」、「生活無著落」、「群眾撥打熱線被暴粗對待」等問題。
一位市民稱，從2021年3月底的第一輪疫情到7月的第二輪疫情，再到8月3號的再次居家隔離，一直沒有工作，沒有經濟來源，生活困難。長時間多次隔離、長時間不復工復產，老百姓沒有生活來源。也有市民表示，隔離期間酒店餐費太高，對於一年沒有開工的人員來說實難承受。
瑞麗市信訪局稱，為最大限度對衝疫情對經濟社會發展的衝擊，瑞麗市政府印發了《應對疫情做好「六穩六保」工作的支持政策》，從房租減免、資金撥付、金融支持、稅收優惠、民生救助等方面有效減輕企業負擔、保障民生。瑞麗市民政局也印發了《關於進一步做好疫情期間困難群眾基本生活保障工作的通知》，對連續三個月無收入來源的，按戶給予臨時困難救助、適當放寬低保認定條件等保障。
但瑞麗一家模特兒學校的創始人秋文（化名）表示，「這場疫情讓我從富婆變成了負婆。」從2020年9月開始，瑞麗的疫情此起彼伏，在接連封城的打擊下，很多人選擇離開瑞麗，秋文的學校生源減少了一大半。一邊要面對學生要求退費的壓力，一邊是房租不降反漲。
上述瑞麗政策也沒有給秋文帶來實惠。秋文說，「通告上說銀行會減免或延緩個體戶償還商業貸款，但銀行那邊沒有任何變化，打電話給政府部門，答覆說政府只是提出這個倡議而已。」
報導稱，瑞麗市委宣傳部負責人否認瑞麗長期「封城」的說法稱，不是完全封閉的狀態，只是嚴管期，老百姓的物資、生活保障都沒有問題。但由於一直有新增病例，疫情持續時間太長了，大家的日常生活肯定會受到影響，難免會有一些情緒。
該負責人稱，瑞麗本來就是口岸小城市，主要是做邊貿、玉石珠寶生意，人口流動比較大。因為疫情原因，不允許聚集，口岸也處於關閉的狀態，大家可能都回老家或轉投到廣州等地繼續做生意了。
瑞麗市一位政府官員表示，網上流傳瑞麗已成空城，常住人口從50萬降到10萬的說法有些誇張，20萬人還是有的。不過長時間受疫情影響，有些老百姓的生活確實難過。</t>
  </si>
  <si>
    <t>台南今天新增1起本土確診個案，白河80多歲的案12584是2日確診的案9885丈夫，案12584被匡列隔離後採檢為陰性，10日腹瀉到醫院採檢後確診；台南市長黃偉哲說，白河家庭群聚感染鏈，始於案6443於5月23日從新北三重南下訪親友，結果，1個人造成9個人傳染。
衛生局長許以霖表示，今天確診的案12584是原本就匡列在隔離名單中的對象，6月2日到10日都在居家隔離，所以沒有相關足跡，10日因為腹瀉搭防疫計程車到醫院採檢而確診。
白河家庭傳播鏈聯從案6643於5月23日從新北三重到台南拜訪親友，結果造成案7318、案7319、案7320祖孫3人27日確診，鄰居案8617因為沒戴口罩跟案7318泡茶聊天，5月31日確診，由於當地鄰里互動熱絡，衛生局擴大採檢匡列該處百餘位住戶篩檢，6月1日揪出70多歲鄰居的案9158、9159夫妻檔確診，30多歲孫子、案9884也在6月2日確診。
6月3日又找出80多歲女性、案9885，跟案9158、案9159也是鄰居，因家戶擴大採檢確診。案9885確診後，匡列丈夫居家隔離8天後，10日也確診，匡列3名接觸者都陰性。
黃偉哲說，大家可以看到，案6643一個人從北部下來，傳到白河這邊，總共1傳9，造成許多醫療資源的消耗及社區恐慌，坦白講，這就是現在的防疫現況，但不管如何，我們都必須把防疫做好。</t>
  </si>
  <si>
    <t>「封城與停工的警鐘正在響起。」台大癌醫中心分院副院長王明鉅表示，苗栗京元電群聚案已有逾140人確診，其中有80位是移工，新北中和印刷廠也有8位移工染疫，「這2個數字才是最可怕」，並認為以目前的狀態來說，三級警戒恐已控制不住。
王明鉅今（6）日稍早在臉書分析，苗栗京元電群聚感染已有逾140人確診，全國新冠肺炎確診死亡人數也超過224人，死亡率高達2%，台灣2400萬人裡，到底有多少比例的人口感染新冠肺炎，沒人知道，「因為我們根本沒有大量篩檢的能力」，只能被動地等待患者快篩、篩檢。
王明鉅坦言，死亡人數變多的確很可怕，但最可怕的是，京元電群聚已至少有80位移工確診、新北中和印刷廠也有8位移工染疫，「這2個數字才是最可怕的」。他認為，移工語言不通、身分不易辨識，在台灣沒有戶籍親友，行蹤無法掌握，若是在工廠上工者，居住環境大多是大通鋪式的宿舍，形成新冠病毒爆炸式感染的最好溫床。
另外，移工絕大多數都是年輕人，無論指揮中心有再多的規範、管理，都不可能禁絕移工和朋友間的接觸，再加上長照者需要家庭移工、中小企業需要移工人力，數十萬的外籍移工在台灣存活空間非常大。
即便全體國人每天都乖乖在家，規律地上班下班，但仍然有數十萬很可能已確診的人天天在移動，聚在一個大宿舍房間，頻繁地與熟識的人接觸。王明鉅擔憂地說，在這樣的情況下，三級警戒的強度夠嗎？「我很悲觀的認為，不可能」。
王明鉅說，單單只靠著保持三級警戒不封城，希望能一直撐住讓感染者人數不要瞬間大增，「我認為能達成的可能性愈來愈低了」，應立即建立超高能量的病毒採檢及PCR能力，才有可能開始做好準四級準備。
★《中時新聞網》提醒您：因應新冠肺炎疫情，疾管署持續加強疫情監測與邊境管制措施， 如有疑似症狀，請撥打：1922專線，或 0800-001922， 並依指示配戴口罩儘速就醫，同時主動告知醫師旅遊史及接觸史，以利及時診斷及通報。</t>
  </si>
  <si>
    <t>不僅新冠肺炎防疫有成，台灣在口蹄疫上近日也傳來好消息，農委會副主委黃金城昨天表示，世界動物衛生組織（OIE）最快於下周一宣布我國為口蹄疫的非疫區，台灣豬肉將可以外銷了，新加坡可望成為第一個輸出國。
黃金城表示，OIE原本要在昨天完成各會員國的通訊問卷，只要各國同意，台灣就可脫離口蹄疫區，但由於OIE臨時更改議程，審查俄羅斯的動物疫情，因此台灣被列為非疫區還要再等等，最快下周一會有答案。
以前台灣農村幾乎家家戶戶養豬，一年光靠豬肉外銷就突破新台幣600億，每年約有600萬頭毛豬銷日。1997年口蹄疫爆發後，養豬產業一夕腰斬，政府撲殺400萬頭豬防疫，養頭數也從破千萬降至600萬，且不得外銷。
多年前政府便試圖為口蹄疫拔針，但最終仍然破功，直到2018年7月拔針計畫重啟，至2019年6月底國內才首度一整年未爆發口蹄疫，取得申請OIE非口蹄疫區的門票，農委會也於2019下半年提出申請，終於即將成功。
對於豬肉重啟外銷，農委會主委陳吉仲日前曾表示，新加坡將為首波國產豬外銷地區，且最快7月可成行，不過，黃金城昨表示，由於新加坡還要派員來台查場、巡視我國屠宰、檢疫流程等是否確實符合規定，但因新冠肺炎影響，星國官員暫無法來台，因此實際外銷時間勢必將延後。
台灣養豬業還有沒有辦法重返過往榮景？黃金城說，現在時空背景不同，環保意識也抬頭，要再增設養豬場恐怕會有困難，但樂見未來解禁後國內養豬戶在現有豬舍內增養，目前國內豬隻在養頭數約為550萬，因此可預期在口蹄疫拔針後在養頭數有望達650萬，但應不會超過此上限。</t>
  </si>
  <si>
    <t xml:space="preserve">新冠肺炎疫情延燒，為避免群聚感染，澎湖縣政府及白沙、西嶼、湖西、七美、望安鄉公所都取消清明聯合法會，唯獨馬公市所如期舉辦，澎湖縣長賴峰偉17日呼籲馬公市長葉竹林從善如流，應取消法會。否則將依傳染病防治法處6萬元以上，30萬元以下罰鍰。對此馬公市公所稍早也做出回應，表示「馬公市公所從善如流，取消4月3日、4日分別在虎井生命紀念館及懷恩堂生命紀念館舉辦之清明法會，與縣府共同防疫」
澎湖縣長賴峰偉表示，因應防疫，全國各縣市接連取消清明聯合法會，以避免群聚感染，縣府帶頭取消法會，並協調各鄉市公所配合，但馬公市公所堅持4月3日、4日分別在虎井生命紀念館及烏崁懷恩堂生命紀念館舉辦法會，雖然場地在戶外，但因人潮眾多，仍有感染風險。澎湖縣府指，縣府身為澎湖防疫主管機關，有權實施必要的預防措施，如果馬公市公所堅持舉辦法會，拒絕、規避或妨礙主管機關防疫，將依傳染病防治法第67條規定處新臺幣6萬元以上，30萬元以下罰鍰。
對此，澎湖縣馬公市公所稍早也在臉書發文公布「馬公市取消清明法會」，貼文表示，請大家告訴大家，馬公市取消清明法會，文中也強調「馬公市長葉竹林表示，馬公市公所從善如流」，取消4月3日、4日分別在虎井生命紀念館及懷恩堂生命紀念館舉辦之清明法會，與縣府共同防疫，造成鄉親不便敬請見諒，也再次提醒鄉親，配合防疫管理相關政策，勤洗手、戴口罩，共同度過新型冠狀病毒肺炎。
</t>
  </si>
  <si>
    <t>新冠肺炎延燒，但大陸對台灣外交打壓仍持續，外交部長吳釗燮今天表示，最近值得注意的是中國外交部長與教廷外交部長見面，並透過商界與我國邦交國接觸，不過我國各邦交國目前還是處於穩定狀況。
立法院外交及國防委員會今天邀吳釗燮報告業務狀況並備質詢，吳釗燮表示，雖然中國仍一再阻撓台灣的國際參與，但國際社會對台灣的支持力道比以前更多更強。
他說，新冠肺炎疫情不斷升高，中國不認真進行防疫工作，反而不斷阻撓台灣參與世界衛生組織，將台灣排除在全球防疫體系之外，甚至主導世界衛生組織將台灣錯列在中國下面，
雖然中國對台灣打壓越來越強，但到現在我國採取的踏實外交政策仍取得許多重要進展，特別是我們和美、日、歐等理念相近國家的關係，都有很大的提升。
民進黨立委羅致政詢問吳釗燮，中國在面對疫情的同時，是否透過打壓台灣來轉移焦點？我國與邦交國目前的邦交關係情況如何？
吳釗燮表示，最近我們看到比較值得注意的，就是中國的外交部長跟教廷的外交部長見面，這是我們必須去關注的項目，其他國家目前尚未有什麼樣的變化。
不過他說，教廷在與中國見面事前曾讓我們知道，也告訴我方這個會面有兩個主題，一是針對新冠疫情，教廷保持關心。二是針對之前雙方簽訂的教務協議，雙方討論執行狀況，至於我方與梵蒂岡的關係還是穩定，目前沒有看出來有任何讓我們擔心的狀況。
在邦交國部分，吳釗燮也表示，中國在外交方面對我邦交國一向都是非常的積極，與這些友邦國家的接觸最近也出現跟以前不太一樣的做法，包括透過商界等等，但目前我與邦交國的邦誼還是穩定的狀況。</t>
  </si>
  <si>
    <t xml:space="preserve">在這次新冠肺炎疫情中，由於醫療資源嚴重短缺，加上初期疫情不透明，讓大陸抗疫前線的醫療人員暴露在高度風險中，外媒估計，大陸醫療人員感染新冠肺炎數量恐達數千人，將成為疫情防控新的危機。
《中央社》報導說，武漢當地共有398家醫院，以及近6000個社區診所。武漢市衛生健康委員會指定9家定點醫療機構，以及61家發熱門診醫療機構。到11日為止，大陸醫護人員確診武漢肺炎新型冠狀病毒1716例，占大陸確診病例3.8%；其中6人不幸死亡，占大陸死亡病例0.4%。
美國有線電視新聞網（CNN）指出，這些醫院的染病患者中，醫療人員占很大的比例。根據醫務人員在社群平台透露的數據、大陸媒體報導，以及醫療期刊文章，感染的醫療工作者人數可能高數千人之譜。
上週發表在美國醫學會期刊（Journal of the American Medical Association）論文顯示，武漢市中南醫院有40名醫療人員染病，占院內138名病患中近3成。
中南醫院重症醫學科主任醫師彭志勇告訴媒體，這個數據和其他醫院相比已經算是低的。他表示，另一家發熱門診機構武漢市第七醫院加護病房2/3醫療人員因為醫療資源不足而遭到感染。
武漢市政府坦承，N95口罩、護目鏡和隔離衣等醫療資源不足，當地各家醫院也一再在社群媒體呼籲各界捐贈隔離衣。
據《人民日報》官方微博指出，武漢醫療人員利用塑膠袋製作隔離衣，除了口罩、手套、隔離衣嚴重不足外，醫務人員也被龐大的工作量壓垮。
香港中文大學呼吸系統學講座教授許樹昌表示，在經過長時間的值班後，院內醫療人員可能在茶水間和會議室發生交叉感染。
根據上月在新英格蘭醫學期刊（New England Journal of Medicine）發表的首批425起確診病例研究報告，7名醫療工作人員在1月1日到1月10日已經出現感染症狀。當時武漢市衛生當局還表示「沒有發現醫療人員感染」，並重申沒有明確證據顯示人傳人。
醫務人員感染不僅發生在指定治療院所，也開始在大陸其他機構和城市發生。
根據《中國新聞週刊》報導，非武漢肺炎指定治療醫院武漢市精神衛生中心爆發院內感染，至少有50名患者和30名醫務人員確診。北京、廣西、江西和海南也傳出醫務人員感染個案。
近20年前發生的嚴重急性呼吸道症候群（SARS）疫情期間，原本在爆發初期試圖隱匿疫情的當局對於醫務人員染病的數據更加透明。根據當時的國家衛生委員會前身衛生部公布的數據，大陸5328起SARS案例，總共有966例醫務人員染病，總計占18%。
香港大學教授孔繁毅表示，對衛生當局來說，現在要完全公布醫務人員染病數據可能不容易。「我想他們可能會在2、3個月後公布。目前情況過於混亂。」
</t>
  </si>
  <si>
    <t>台帛邦交歷經21載，帛琉至今能夠維持零確診的傲人防疫成績，除早在疫情剛開始爆發就下達鎖國令外，台灣派駐當地的新光醫院醫療團隊更是居功厥偉，可說是協助帛琉防疫的無名英雄。
新光醫院上周在「2020醫療科技展」完整揭露今年協助帛琉執行防疫任務的成果，新光感染科主任黃建賢指出，新光醫院早在2007年就與帛琉國家醫院締結為姊妹醫院，2008年更與帛琉衛生部簽訂台灣醫療合作備忘錄，為長期提供醫療協助打下良好基礎。今年3月初，帛琉出現首例新冠肺炎疑似感染者，但當時帛琉欠缺採檢人才，新光醫院特地用視訊方式指導當地醫護採檢要點，以及運送檢體的方法，最後透過空運方式將檢體送至新光醫院進行檢驗，排除可疑個案。
隨國際疫情逐漸升溫，外交部請求新光在帛琉設置病毒檢驗實驗室，並提供當地足夠的新冠肺炎防疫資源，當時新光醫院準備總重量高達540公斤的防疫物資，包含RT-PCR試劑、紅外線檢測儀、呼吸機等。除硬體物資援助外，黃建賢指出，最重要的是將檢測技術、器材操作等技術傳承給帛琉當地醫護，還在當地舉辦多場示範教學，指導當地醫護如何萃取病毒RNA、組裝呼吸器管路等。
目前帛琉與台灣定期航班全面停飛，每月僅有約9個醫療包機直航，新光醫院目前也收治約48名帛琉病患治療，新光醫院副院長洪子仁曾透露，目前的航班完全無法應付當地急重症需要治療的病患，期盼台帛之間能持續洽談旅遊泡泡的可能，讓台帛間的交流能更加緊密。</t>
  </si>
  <si>
    <t xml:space="preserve">經濟數據優於預期，美股四大指數反彈，但台股似乎不賞光，儘管今跌勢趨緩，開跌11.56點，報在12651.35點，但隨即跌幅擴大，指數最低觸12557點，下挫逾百點之多，亞股亦拉回震盪，今日成交量預估落在1800億元，短期因為美國總統大選前的高度不確定性，且第四季疫情捲土重來的衝擊下，資本市場的潛在風險仍相當高，中長線支撐在半年線12,150點附近。
蘋果季報不如預期，第三季iPhone業務營收減少20%，且對於本季財測尚不明朗，使得蘋果盤後一度跌逾5%，也影響到今蘋概三大指標股，股王大立光(3008)開低震盪，盤中一度翻紅回到平盤之上小漲，台積電(2330)、鴻海(2317)均走跌，惟跌幅均不大。
除蘋概三大指標股的震盪外，其餘權值股來說，昨日強勢的面板雙虎，今回檔整理，友達(2409)開低整理，盤中跌幅收斂回到平盤附近，群創(3481)法說報喜，第三季每股賺0.16元，擺脫連續7季的虧損，但今日股價利多不漲，盤中下挫約1.5%；今日法說即將登場的聯發科(2454)，市場觀望氣氛濃，跌幅約1.4%；法說報喜的聯電(2303)，第三季亮麗財報，但今日開低回檔修正，跌幅逾4%。
目前因為歐美疫情急速惡化，新紓困案選前確定無望通過等因素，衝擊國際股市震盪加劇，加上投資人選擇觀望居多，市場量能明顯陷入萎縮，周成交均量不到2000億元。
分析師表示，現階段美國大選前是場紛擾，但待下周大選過後，市場不確定因素將可望減少，股市終將回歸基本面主導，目前盤勢進入最後壓縮期，考量美股第三季財報可望優於預期、蘋果新機iPhone12系列熱賣，基本面、政策面皆有助選後整體走勢上揚，目前台股技術面中長期均線仍呈多頭排列，時序正值第三季財報陸續公布，可留意財報表現或是展望佳的個股。
</t>
  </si>
  <si>
    <t>金融業染疫消息頻傳！群益金鼎證券總公司證實，一名內勤人員於16日傍晚通報新冠肺炎（COVID-19）篩檢陽性，惟該名員工並未接觸外部客戶，目前當晚同辦公室人員，已全數通知留在家中自主健康管理，且下周一除必要人員外，採居家上班模式，並陸續進行核酸檢測中。
群益表示，已於16日接獲消息當晚，安排專業消毒廠商執行該大樓群益所屬各樓層的清潔消毒工作，並完成作業。目前已依衛生主管機關指示進行相關處置，且通報證券主管機關，公司也將持續關懷該員工，並提供協助。
此外，所有分公司目前均不開放現場客戶，減低人際接觸，以保障客戶及公司員工安全，合作廠商之各種會議也以視訊會議代替。在嚴密防疫措施下，群益全數分公司皆照常營業。</t>
  </si>
  <si>
    <t xml:space="preserve">42歲吳佩慈當年以「九頭身怪怪美少女」出道，在唱片、戲劇、電影和作家等領域都交出不錯的成績單，但她2014年未婚懷了跟富商男友紀曉波的孩子，便離開演藝圈。近日她才接力大S談疫苗，想不到男友的酒店王國傳出受疫情影響業績，去年虧損高達101億新台幣，只能先暫停營業。
吳佩慈和富商男友紀曉波情牽7年，陸續生下2子2女，即便沒有婚姻關係，仍備受寵愛，2007年被週刊披露，紀曉波大手筆在吳佩慈名下存入約200億新台幣，加上房產與股票，吳佩慈的個人總資產推估至少有232億新台幣，她過去也在社群網站分享豪門生活，吃盡各式昂貴的美食、買遍要價不斐的名貴包包、服飾等，令外界稱羨不已。
不過，紀曉波近幾年頻傳財務危機，2020年被友人向港媒踢爆欠1億港幣（約3.5億新台幣），今（14日）又被《鏡周刊》揭發酒店王國已搖搖欲墜，因疫情重挫觀光業，旗下博華太平洋公司在去年宣布慘賠3.67億美元（約新台幣101億元），今年因付不出新台幣4億2千萬元執照費用，4月被取消營業執照。
事實上，全球新冠肺炎肆虐，影響到的不只是經濟層面，人類的生命安全也備受挑戰，疫苗成為各國瘋搶的救命物，眼看好朋友大S在IG激動發文：「我們被集體屠殺了！蔡！屠殺我們」吳佩慈跟著在IG發聲：「希望我年邁的父母親能早日打上國際認可的疫苗！希望大家都能有想打就可以打到疫苗的自由！」期盼人人能受到疫苗的保護。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阪神虎追求復活之路的投手藤浪晋太郎出現疑似新冠肺炎症狀，阪神26日宣布他有嗅覺失靈狀況，雖沒有其他感冒症狀，不過仍進行新冠肺炎的PCR檢測(聚合酶連鎖反應)，原定今日與軟銀的二軍賽事也將取消，這也是日職首位宣布接受肺炎檢測的選手。
根據球團聲明，藤浪數天前出現新冠肺炎疑似症狀之一的「嗅覺失靈」，24日至醫院耳鼻科就診，25日再到另一間醫院診斷，並在醫生的建議下接受PCR檢測是否新冠肺炎導致。
藤浪表示，他並沒有發燒、咳嗽等感冒症狀，也沒有疲勞感，球團將追蹤藤浪3月11日至25日兩周內的行動與接觸人並發出通知，目前有數名選手表示也有類似「味覺障礙」的症狀，選手及職員暫先被告知待在家，27日在甲子園的練習則尚未宣布是否正常進行。
「嗅覺或味覺失靈」雖然尚未被確定是新冠肺炎症狀之一，不過各國都出現喪失嗅覺和味覺的病患，NBA確診球星戈貝爾曾在23日於推特上表示，「失去嗅覺與味覺肯定是症狀之一，過去4天我聞不到任何東西。」</t>
  </si>
  <si>
    <t>新北市新莊警分局昨（29）日下午辦理新莊民防中隊幹部常年訓練，由警察局長黃宗仁親自主持，副局長溫枝發、民防大隊長吳建亨及分局長林温柔出席參與。此次訓練，除了表揚9位110年民防績優暨熱心服務幹部之外，局長黃宗仁更於視訊中勉勵及感謝全體民防人員的無私奉獻。
黃宗仁表示，新北警歷經非洲豬瘟、新冠肺炎等重大事件，仍依舊堅忍不懈地維護治安，發揮堅強的團隊精神，克服種種危機與難關；惟詐騙集團利用疫情期間人心浮動的機會伺機而動，從統計數字可以看出，今年度的詐騙案件較往年成長。局長強調，此種危害社會、騙取人民辛苦血汗錢的惡質行為，相當可惡，必定提升打擊詐騙集團強度，守護人民的生命財產安全。
黃宗仁表示，犯罪手法瞬息萬變，防制犯罪也得時刻更新。如今的治安工作「決戰在空中」，利用網路無遠弗屆的特性來傳達反詐騙及各項治安宣導訊息，全民共同防制，才能達到事半功倍的成效。
新莊警分局表示，這次課程針對協勤專業知識、協勤技能及災害防救工作，因應疫情關係，室內集會人數受限，故利用視訊設備打破地域限制，讓各所的民防隊員仍能同步受訓。相當感謝新莊民力平日協助警察執行各項勤務，長期默默付出於社會，替地方治安貢獻一己之心，強化社區治安執行力，未來將持續與各民力合作。</t>
  </si>
  <si>
    <t>因應春節預估至少4萬人返台，今年12月14日至明年2月14日將推行檢疫新制，從非重點高風險國家入境者，先前指揮中心公布改為10+4，指揮官陳時中今透露，本週有望改為7+7，至於未來入境要完整接種兩劑疫苗有無包含大陸疫苗？發言人莊人祥回應說，會以符合世界衛生組織（WHO）公布的清單為主。
莊人祥表示，若配合有確定有放寬7+7的部分，就是七天在防疫旅館，七天在家居家檢疫，七天在家中檢疫，也要增加採檢措施，算是加強版居家檢疫。
莊人祥說明，由於「7+7」尚未定案，但如同指揮官陳時中所說明，不管是否後續有沒有接上，都至少旅館量能會增加一萬人，至少會再增加一萬人以上的住房，若管理上可以銜接更好，「7+7」可以再多一輪，也就是說整體會比原來14天增加兩輪。需要再與觀光局協調，
莊人祥表示，是否改為「7+7」尚未定案，都還在與各部會協調，本週會確定，由於先前說，今天要說明有關集中檢疫所上網預訂，也因為要整個配合檢疫政策，所以會再與檢疫政策一起說明。
莊人祥表示，接下來可能規定施打2劑疫苗且滿14天完整接種者入境，這部分針對疫苗種類，還是會以世界衛生組織緊急使用清單（包含BNT、AZ、莫德納、科興、國藥等）或是我國授權專案製造為主（包含BNT、AZ、莫德納、以及高端沒有科興、國藥），都是規劃方向。
若要以疫苗作為入境通關如何避免造假？莊人祥說，目前已經請外交部搜集目前各國有關疫苗接種證明的樣章，未來類似去年的陰性，核酸檢驗證明也會配合檢疫系統，由民眾事先填寫是否有疫苗接種，請他們上傳接種證明，後續由指揮中心核實。
若入境有12歲以下孩童維持14天嗎？莊人祥說，因為他們沒辦法接種疫苗，若跟著成人一起入境，只看成人接種情況而定，若父母親和家長沒有接種就要維持14天居家檢疫。
春節後也會有7+7嗎？莊人祥說，也是未來方案之一，但這次主要是先考量春節需要比較多的防疫旅館，不少人反映至今無法訂到旅館，所以才會再有7+7考量，但還是包含14天居家檢疫並沒有打折。</t>
  </si>
  <si>
    <t>紐約聯邦準備銀行表示，聯準會（Fed）自周二（12）起開始買進公司債ETF，以協助支撐受新冠肺炎打擊的美國經濟與金融市場。這項措施對Fed堪稱是一大歷史里程碑，因為它在過去從未有購買ETF的舉動。
Fed將透過次級市場企業信貸機制買進債券ETF，其購買首選標的將是投資級公司債，其次是高收益公司債。貝萊德集團被聘請負責這次公司債ETF的購買計畫。
由於Fed在以往從未買進ETF，這次突然改變作法，根據內情人士透露，是因為它認為購買ETF是直接將資金導向信貸市場的最快方式之一。
此外，Fed還將在近期透過初期市場企業信貸機制，直接買進公司債。該機制目前還未正式推出。
Fed在聲明中提及購買ETF的參考標準，包括投資級與非投資級公債的所占比重、管理方式、在存款機構持有的債券數量、管理資產規模與每日平均交易量等。
購買公司債ETF，以及Fed先前推出的多項救市措施，都是協助受疫情重創的金融市場，能盡早恢復正常運作。先前受新冠肺炎快速擴散，導致美國經濟許多領域陷入停擺，經濟數據也出現大幅惡化。
在同時，Fed還把短期基準利率降至近零水準，並擴大公債與抵押債券的購買規模，使得其資產負債表從去年9月的3.8兆美元急遽膨脹到6.7兆美元。
Fed主席鮑爾曾在4月底記者會上表示，藉由提供不易取得的融資，能讓這些紓困計畫對美國經濟帶來提振效果。他還指出，當中許多計畫必須仰賴緊急融資權限，然而這些權限只有在罕見情境下動用，就如同今日遭遇的環境才會使用。</t>
  </si>
  <si>
    <t xml:space="preserve">我國自主研發新冠肺炎疫苗再度出現曙光！國衛院今天發布的最新研究結果指出，已找到一株候選疫苗，讓施打該疫苗的倉鼠，能夠有效抑制新冠病毒的複製，肺臟病毒量降為原本的1%，發揮非常好的保護效果。預計今年第四季將展開第一期臨床試驗，若順利明年第三、第四季第三期臨床試驗通過後，2021年底就可量產上市。
國家衛生研究院的最新研究結果顯示，沒有接受DNA候選疫苗免疫的倉鼠，體重明顯減輕，活動力跟著下降，肺臟也有很高的病毒量。施打DNA疫苗的倉鼠，再去感染新冠病毒時，倉鼠不僅體重與活動力沒有受到明顯影響，更重要的是，肺臟病毒量亦大幅下降，降為原本的1%，顯示倉鼠在施打疫苗之後，疫苗產生的保護效果令人驚艷。
目前全世界針對新冠病毒疫苗開發共有四個技術平台，分別為胜肽疫苗、DNA疫苗、重組病毒疫苗、次單位疫苗，國衛院這次所找到的候選疫苗株，則是DNA疫苗，是所有平台中可誘發中和性抗體效價最高的疫苗，同時更具快速量產的優勢。
國衛院在今年7月前，分別針對胜肽疫苗、重組病毒疫苗及次單位疫苗進行研究，但在32個標的中並未發現中和抗體效價夠高的疫苗，7月後國衛院將研究主力導向DNA疫苗，終於在6個標的中找到一株候選疫苗，能有效對倉鼠產生保護力。
國衛院感疫所所長廖經倫表示，這次疫苗的發現，是透過擷取新冠病毒棘蛋白S2基因的方式來植入倉鼠肌肉細胞內，不僅能成功製造抗棘蛋白抗體，阻擋病毒進入細胞內增生，同時還能有效避免病毒變異。
廖經倫說，目前發現新冠病毒的變異都是發生在棘蛋白S1的基因上，S2基因則未發現，先前國衛院與國防醫學院合作從SARS抗體庫中，曾幸運找到一個單株抗體能攻克整個新冠病毒家族，就是建立在S2基因的基礎，但今天發表的這款疫苗是否也能對新冠病毒家族同樣有效？還需經進一步的實驗證實。
實驗過程中，研究人員分別針對有施打疫苗的倉鼠以及未施打疫苗的倉鼠注射10⁵的病毒量，發現打疫苗的倉鼠病毒量只會上升到106，未施打的則產生108的病毒量，兩者差距100倍，且未施打的倉鼠體重會下滑10％，活動力也明顯下降，但有施打的倉鼠則未有明顯改變。
安全性方面，廖經倫指出，施打DNA疫苗後的免疫小鼠能誘發分泌高量的Th1細胞激素，根據WHO先前的報告指出，誘發Th1細胞激素越高量，顯示疫苗安全性越高，可佐證這款疫苗的安全性。
</t>
  </si>
  <si>
    <t xml:space="preserve">胡宇威演出的陸劇《我在北京等你》正在愛奇藝台灣站熱播，受新冠肺炎疫情影響，該劇上檔時取消大陸宣傳行程，他10日現身接受台灣媒體訪問，見到記者各個都戴口罩，讓認真防疫的他數度笑說「我也滿想戴口罩」，原本他還希望可以不出門、用手機「視訊」受訪。他近來除了盡量不出門，還加強健身、增強體魄，甚至也準備了不少玉米片、泡麵等乾糧，但他笑著自曝，乾糧買回家後還會用酒精噴一遍，被取笑「果然有點神經質」，他則否認：「沒有啦！如果我帶著病毒，傳染給旁邊的人，不是更嚴重嗎？」
許久沒公開露面的他，頂著因當紅韓劇《梨泰院》男主角朴敘俊而爆紅的「栗子頭」現身，他笑說理短髮只是為合符合自己現在的狀態，想要Man一點、壯一點，因現在疫情關係，不少工作取消，他多了很多時間可以好好運動、加強健身。此外大多待在家裡打電動、煮飯，盡量不外出，也減少外面用餐，偶爾叫外送，但覺得外送食物可能也有點風險，所以還是在家自己煮飯居多。
胡宇威不諱言工作多少有受到疫情影響，新戲有暫延也有正在談的，有工作邀約時他會考量是否會在密閉空間，原本三月底要去日本拍廣告，幸好後來已經取消，「嚇死了，廠商不取消，我自己會取消。寧願不要接，因為命比較重要」。
他力誇台灣防疫做得非常好，已經是全世界都認可，他也曾去排隊買口罩，「我雙號，我是拿居留證去買」，慶幸自己運氣好，經過排隊人龍時就心想晚一點再去，結果排在最後，沒有排很久就買到了，就連買酒精也是很幸運。之前台灣人盲目跟著香港人搶衛生紙時，他發現家裡剛好沒了，就去大賣場跟著買了兩條，「買回來才發現，買這麼多衛生紙要幹嘛？搶乾糧才是正確，這比較實在吧！」
被虧防疫防到有點神經質的他笑著否認，覺得自己還不至於到緊張程度，反而是國外現在都在亂搶東西，才是有點over，他說之前爸媽要從台灣回紐約，他送他們去機場，第一次發現機場除了工作人員以外都沒有什麼人，有點末日的感覺。父母飛回紐約時，原本當地才確診一、兩例，最近那一區確診人數已經暴增，所以連外國人都開始戴起口罩，「之前華人、亞洲人戴口罩還被罵、被取笑，其實笑他們的人才是傻瓜吧！」他的父母現在已經多半不太出門，頂多在自家前院、後院走動。
他與陳庭妮緋聞傳了7年多卻始終沒有公開認愛，被問是否也會和曾之喬、辰亦儒一樣交往10年都不認，最後直接宣布結婚？他傻笑說：「很難說，也是驚喜不是嗎？」被問現在交往對象還是同一人嗎？他又裝傻：「你是說誰？你不知道？我也不知道是誰！」個性頑皮、一向喜歡製造各種驚喜與驚嚇的他，承認自己將來如果要求婚，會走「滿逼人」的公開驚喜路線，以前想過要找人在街道上快閃跳舞，但要花一筆錢也不知道哪裡找這麼多人，覺得看球賽時公開求婚也不錯，但萬一被拒絕會很丟臉，「不過就算被打鎗， 也是一種Surprise！」
</t>
  </si>
  <si>
    <t xml:space="preserve">香港大學兩位知名微生物與染病學者龍振邦與袁國勇在港媒撰文指出，武漢華南海鮮市場是全世界野生動物進入大陸的集散地，事發之後當地進行清理，新冠病毒始於何地已無從稽考。網傳病毒源自美國之說毫無實證，只能貽笑大方。SARS發生之後17年後已完全忘記教訓，野味市場更加猖狂，這重濫捕野生動物的劣質文化若不徹底剷除，10年後SARS 3.0必定再現。
同在香港大學任教的李嘉誠醫學院助理教授龍振邦與李嘉誠醫學院霍英東基金教授袁國勇都是知名傳染病學者，兩人18日聯手在香港《明報》撰文指出，世衛由2015年開始避免用人名、地名、動物、食物、文化、職業等為疾病命名，故此次以「年份」為此病冠名COVID-19以資識別。科學研討或學術交流，必須用官方名字COVID-19，且由於它屬SARS冠狀病毒的姐妹，故亦稱SARS冠狀病毒2.0（SARS-CoV-2）。民間日常溝通用語，以武漢冠狀病毒或武漢肺炎稱之，通俗易明，亦無不可。
文章指出，約75%之新發傳染病源於野生動物，能感染哺乳類動物的冠狀病毒，其元祖病毒（ancestral virus）則源於蝙蝠或雀鳥。此二者皆能從數千公里外飛抵發現病毒之處，因此病毒命名系統亦會以發現處記之。可惜研究人員抵達蒐證取樣本時，武漢華南海鮮批發市場早被清場，場內活野味早已不知所終，病毒之天然宿主（natural host）及中間宿主（intermediate host）身分成疑。據當地人員表示，該批發市場內之野生動物從中國大陸各地、東南亞各國及非洲（走私出口）運抵此處集散，使得冠狀病毒之元祖病毒源於何地無從稽考。
文章表示，以基因排序之法尋源發現蝙蝠乃武漢冠狀病毒之天然宿主，再於中間宿主體內出現適應人體之突變，繼而出現人傳人感染。中間宿主雖未能確認，但研究認為穿山甲可能性較高，這與果子狸身上尋得SARS冠狀病毒的情況類似。但是大陸雖明令禁止野生動物交易，但17年來野味市場禁而不絕，甚至更趨猖狂，顯見大陸已完全忘記SARS教訓。
兩位學者還指出，網上瘋傳病毒源自美國，其實毫無實證，屬自欺欺人之說，應勿再亂傳，以免貽笑大方。SARS之後未雷厲風行關閉野味市場乃大錯，必須面對真相，不應諉過於人。新冠病毒乃中國人劣質文化之產物，為滿足各種欲望而繼續食野味，陋習劣根性才是病毒之源。如此態度不改，10多年後SARS 3.0必定再出現。
</t>
  </si>
  <si>
    <t>新一波的新冠肺炎疫情已在蠢蠢欲動，但台灣仍處於疫苗嚴重不足的危險處境中，宜蘭縣目前第一劑疫苗的接種率已接近一半，縣府表示，9日起已開始發送第二劑疫苗的注射通知，對象是在7月2日以前完成第一劑AZ疫苗接種年滿75歲以上的民眾。
根據統計，累計到本月8日，宜蘭縣疫苗接種全年齡涵蓋率為49.4％，如以年齡層區分，75歲以上為74.1％、65至74歲為77.8％完成第一劑疫苗接種的比例最高，50至64歲為63.3％、30至49歲54％、18至29歲則是32.5％。
縣府在10日的防疫會議中表示，9日起已開始發送第二劑疫苗施打通知單，對象是在7月2日前完成第一劑AZ疫苗接種且年滿75歲以上的民眾，長照機構及洗腎機構則是從9月15日起由各院所規畫，到指定機構施打；已接種完第一劑的警察、消防、環保、村里鄰長及村里幹事，則自行至疫苗預約平台預約，至於65歲以下的縣民，同樣請透過預約平台進行意願登記，待中央發簡訊通知可以施打第二劑時，再進行預約施打。
受到新一波疫情的影響，縣長林姿妙也在防疫會議中指示，為了保障縣民及學生健康，只要學校有「1位學生確診，便啟動全校停課14天」的嚴格防疫措施。
中秋節將至，林姿妙也再次提醒說，宜蘭縣不開放公共場所、社團及社區的烤肉活動，但民眾自行在家烤肉，則不在限制之列，不過參與的對象仍須以同住家人為原則，並且落實防疫相關規定，同時請民眾配合，暫時避免不必要的跨縣市移動。</t>
  </si>
  <si>
    <t>聯亞疫苗昨天二期解盲，有專家表示，聯亞疫苗的抗體效價比高端疫苗低。對此，中央流行疫情指揮中心專家諮詢小組委員、台大兒童醫院感染科醫師李秉穎今天表示，疫苗的保護力不是只有看抗體而已，大家也不需要去比較這兩款疫苗，畢竟兩個都是自己的小孩，是台灣的小孩。
聯亞昨公布二期臨床試驗的數據，讓不少人好奇與高端疫苗相比，究竟誰比較好？對此，李秉穎今上周玉蔻主持的電台節目《新聞放鞭炮》表示，高端和聯亞的抗體效價都是同一個實驗室分析的，但疫苗的保護力不是只有看抗體而已，還要看T細胞等。
李秉穎也舉例說明，AZ、BNT和莫德納等疫苗的抗體效價也都存有差異，但在英國研究報告中指出，這幾款疫苗實際上在全世界施打之後，都有大約9成的保護力。
李秉穎表示，至於疫苗的血清轉陽率，高端和聯亞應該不會差太多，因為接受的族群幾乎都是原先就沒有抗體的人，究竟魚與熊掌該如何選擇？他則認為，既然很難比較，那就「不需要去比較這兩款疫苗，畢竟2個都是自己的小孩，是台灣的小孩啊！」</t>
  </si>
  <si>
    <t>屏東爆發群聚感染，指揮中心指揮官陳時中證實，群聚感染源的自秘魯返台祖孫驗出印度Delta變異株，引發軒然大波，由於台北市長柯文哲昨(24日)才表示「Delta遲早會進來」，也讓網友熱議，直呼柯文哲又「成功預言」、「烏鴉嘴」。
印度Delta變種病毒取代英國Alpha變異株，成為世界各國頭號敵人，柯文哲昨天接受廣播節目線上專訪時，就直言Delta變異株遲早會進入台灣。柯說，該病毒傳染力超強，就連美國都檔不住，除非台灣完全沒有國外旅客，但這是不可能的事。
柯文哲當時指出，新冠病毒不斷在演化，只會越來越難纏，傳染力也不斷提升，往後大家只能學習與病毒共存，別再幻想病毒完全消失的世界，他補充，只要疫苗打2劑，基本上都擋得住，相較於17年前的SARS，情況要好上不少。至於台灣死亡率高於平均值不少，他認為是因為還有許多黑數沒被抓出。
屏東群聚案中，傳播鏈源頭的自秘魯返台祖孫一度被懷疑是感染Lambda變種病毒，但指揮中心今天證實為Delta變異株，由於柯文哲昨天才說過Delta變異株遲早會入侵台灣，沒想到今天就發生，引起PTT鄉民熱烈討論：「又被柯P說中了」、「柯文哲又神預言」、「果然是先知」、「阿北就是講話太老實，才會成為箭靶」、「側翼這次不知道會怎麼把Delta跟雙北連上」、「根本烏鴉嘴」。</t>
  </si>
  <si>
    <t>行政院長蘇貞昌23日召集各部會，盤點新冠肺炎紓困經費加碼400億元部分，將包含延緩繳稅、融資貸款以及勞工薪資補助等項目，行政院預估，本周內就會對外公布內容。
行政院發言人Kolas Yotaka指出，為因應新冠肺炎對經濟、航空、旅宿產業的衝擊，總統蔡英文已指示政府要用1,000億億元紓困振興，除了特別預算600億元之外，再以400億元預算擴大紓困，23日經濟部、財政部、金管會、央行、交通部等相關部會向蘇揆報告盤點進度。
蘇揆23日聽取後指示加快、加速推出相關方案，必須兼顧周延，由各部會再清楚盤點統計數字與預算，盡快擇日再議，拍板後盡速對外宣布。
目前400億元加碼紓困內容包括延緩繳稅、融資貸款、勞工薪資補助等項目。據悉，400億元加碼將在這兩做最後彙整、討論，不必經由行政院會通過即可宣布實施。</t>
  </si>
  <si>
    <t>新北市今日確診個案又破百達123人，新北市長侯友宜8日指出，用每日確診個數來分析疫情發是落後的指標，他認為應該要用發病日會比較好一點，侯說，新北市分析發病日數據，從5月8日曲線開始往上爬，5月15日最高點後，到本月7日慢慢往下掉，不過他指出，目前泰山、淡水有往上成長趨勢，要加強防疫措施壓制下來。
侯友宜說，這幾周新北確診個案集中在板橋、三重、中和、永和、新莊，這些地點都在台北萬華周遭，萬華有18萬人，有7條橋樑連結新北市200萬人口，可以看出在5月8日起，都慢慢往上發展。
侯友宜說，全部案件在5月16日到5月22日來到最高峰，5月29日後，包括板橋與其他地區都陸續往下掉，目前仍屬於穩定在高峰後，慢慢往下掉。</t>
  </si>
  <si>
    <t>大甲媽遶境，外界質疑會引發新冠肺炎群聚感染效應，內政部長徐國勇上午表示，此事關係重大，他會向行政院長蘇貞昌請示，目前未定案。內政部也會持續與宗教團體溝通，也希望宗教團體依照疾管署管制規定來做。
新冠肺炎疫情持續發展，大甲媽姐遶境卻將在3月19日起駕，外界關切屆時疫情難料，萬一產生群聚感染將一發不可收拾。
徐國勇今被問到相關問題時說，疾管署有相關管制規定，也就是公眾集會因應指引，內政部也會持續跟宗教團體溝通，相關問題他會向蘇揆報告，目前停辦與否還未定案。
大甲媽遶境,新冠肺炎,內政部,徐國勇,蘇貞昌,行政院</t>
  </si>
  <si>
    <t>自 2019 年底爆發的新冠肺炎(COVID-19)疫情，在全球各地持續對各行業造成衝擊。今年初巧妙閃過疫情而舉辦 Galaxy S20 系列實體發表會的三星(Samsung)，在下半年的運氣沒這麼好，恐怕將僅以線上實行來發表 Galaxy Note 20 系列，是 Galaxy 手機 UNPACKED 發表會舉行以來首次。
《GAM Arena》引述《韓國先驅報》(The Korea Herald)的報導指出，由於新冠肺炎疫情影響，三星不由得順應時勢，已決定 Galaxy Note 20 系列的發表會將僅以線上方式舉行。對照近期科技產業的發表會來說，並不足為奇。但卻是三星首次僅以線上形式舉辦旗艦級手機發表會，仍舊是相對罕見的情況。
要留意的是，目前三星尚未正式公布下半年 UNPACKED 發表會的日期與形式，仍須以三星最終公布的資訊為主。
與上半年 Galaxy UNPACKED 發表會類似的是，三星 Galaxy Note 20 系列預計將與至少一款可折疊螢幕手機(很有可能是 Galaxy Fold 2)同台發表。前者預計推出 Galaxy Note 20 與 Galaxy Note 20+ 兩款，高階款式可望支援 120Hz 螢幕更新率，並搭載 108MP(1億8百萬畫素)相機，但移除 Galaxy S20 Ultra 當中具備的 100 倍變焦功能。Galaxy Fold 2 則預計螢幕設計將有所改變，螢幕(對機身)占比會比第一代更出色，也有機會更便宜(做為參考第一代售價為1980美元)。由於台灣有引進 Galaxy Fold 以及 Galaxy Z Flip 這兩款可折疊螢幕手機，且都獲得不少市場回響，今年下半年也相當有機會能買到 Galaxy Fold 2。</t>
  </si>
  <si>
    <t>高雄市長韓國瑜近期全力防新冠肺炎疫情擴散、努力抑制逐漸升溫的溫度所引起的登革熱，但近期雜誌公布民調卻墊底，也讓名嘴陳揮文大感不滿。直言他就問大家一句話就好，「民調那麼高，高雄之前一樣淹大水，綠營執政那段時間，生活有比較好嗎？」。
據《遠見》雜誌本月公布的民調顯示，新北市長侯友宜此次防疫滿意度高達88.3%，台南市長黃偉哲則有82.1%的滿意度，其次為桃園市長鄭文燦76.6%、台中市長盧秀燕的62.6%、台北市長柯文哲的47.3%、高雄市長韓國瑜的37.1%。
陳揮文說，自韓國瑜2018年12月25日當上高雄市長後，至今才一年多，高雄今天會爛成這個樣子，是韓國瑜害的？綠營過去主政高雄二三十年，韓只有一年多的，是要他能做出什麼傲人建設？他是要負什麼責任？
他解釋，自己很早在2006年就已經跟韓國瑜說了，各項民調都不用去信，「陳菊過去在高雄民調好不好？賴清德在台南民調好不好？」各種民調都好得不得了，但他要問台南、高雄人，「你們那段時間過的好不好？」。
陳揮文強調，「民調再高，台南一樣淹水患，高雄一樣有登革熱疫情，韓國瑜既然登革熱壓制得還不錯，那還讓民進黨回高雄？這真的好嗎？他認為高雄過去的舉債高居全國第一，即便韓國瑜再怎麼補救，也補不回這些錢坑路洞」。
他也替台南市長黃偉哲抱不平，稱他這幾天頻頻喊「景點APP」將台南劃入太多，對於黃市長口頭呼籲中央，卻不太受理睬，陳坦言地方縣市首長的權限其實有限，能處理的的不多。
對於罷韓團體開嗆，一定要讓韓國瑜下台，陳揮文卻點名3人表示，「不管下一任高雄市長是誰？副院長陳其邁、立委趙天麟，甚至是尹立，他都無所謂了，這是高雄人共同的選擇，共同要去承擔，他不想再管了」。</t>
  </si>
  <si>
    <t xml:space="preserve">32歲大馬歌手傅健穎為創作專輯《一半太陽一半月亮》首度來台宣傳，26日出席媒體見面會，她談到出道12年終於有機會來台發片，卻遇上新冠肺炎疫情全球肆虐，日前入境時有特別被檢查，「海關有檢查我的護照，詢問我有沒有去過中港澳，也有跟我留下了手機的聯絡號碼。」
傅健穎說自己跟台灣頗有淵源，學生時期就曾來台環島自助旅行，2年前還來過台灣參加創作營，寫下不少歌曲，更促成這次來台發片的契機，「以前的我沒有準備好，當時也沒有那個機會，這次發片有向一些歌手請益。」
談及好友潘嘉麗自爆婚訊閃婚成了台灣媳，單身又適婚的傅健穎也被工作人員鼓吹可考慮嫁來台灣，她笑回：「可以啊！如果有這個姻緣，首先要先來發片，讓大家認識我，可以找到對象也不錯。」
更多 CTWANT 報導
</t>
  </si>
  <si>
    <t>台中市17日新增1例本土確診，案15492為北區62歲男性醫師，6月23日因個人健康因素赴北部某醫院住院治療，然而同樓層病房6月29日開始出現COVID-19確診病例，當日即辦理出院返回台中，沒被通知隔離，15日出現症狀確診，目前住院隔離治療中，衛生局長曾梓展說，已匡列22名接觸者，其中19人陰性、3人尚待結果，個案足跡史也已清消。
曾梓展表示，染疫醫師5月1日因個人健康因素，即無至任職醫院上班，曾於2月10日、5月10日、6月22日採檢PCR陰性，6月23日赴北部某醫院住院治療，但同樓層病房6月29日至7月1日陸續出現確診病例，因此該院6月29日逐步清空病房，個案也於6月29日出院返回台中，7月9日開始出現症狀，7月16日因發燒、意識不清緊急由119送至醫院急診，經檢驗陽性確診，目前住院隔離治療中。
曾梓展指出，由於這名個案當時未被匡列居家隔離，7月14日曾至花旗銀行中港分行。此案已匡列22名接觸者，其中5名列居家隔離，包含同住3名、其他2名，採檢均為陰性；另17名列自主健康管理，包含119消防員2名、台中市醫院接觸者11名、其他4名，其中14人採檢陰性、3人尚待結果。</t>
  </si>
  <si>
    <t xml:space="preserve">新冠肺炎疫情在亞洲蔓延，北韓宣稱該國沒有任何確診案例。而據南韓《東亞日報》報導，一名近日從大陸回國貿易官員，在遭隔離期間趴趴走，偷偷前往大眾澡堂，違反隔離規定，結果慘遭槍決處死。
《東亞日報》指出，這名官員本月初違反隔離命令，偷偷跑去大衆澡堂，當場被抓包，而他被捕後不久就遭處死。
該報報導，另一位北韓國家安全保衛部的高階官員，也因為隱瞞前往大陸的旅遊史，而遭受處分，但他並未遭極刑，而是被降職且流放到農地。
北韓為防堵新冠肺炎疫情，很早就封閉了與大陸的邊界，也下令曾前往大陸或與大陸民眾接觸者，必須接受隔離，並把隔離時間從世衛組織建議的14天，延長到30天。最高領導人金正恩曾誓言，未獲允許擅自解除隔離者，不惜動用軍法處置。
</t>
  </si>
  <si>
    <t>Delta病毒入侵台灣社區，不少民眾擔憂再度大爆發。藍委賴士葆今天痛批，立院編列8400億防疫振興紓困特別預算，但疫苗至今仍然短缺，行政官員卻沒想到對不起納稅人血汗錢，更遑論讓後代子孫背負沉重的債務，要求指揮官陳時中不要再講「疫苗太多」，又說「打第二劑是不可能的任務」這種肖話了。
賴士葆表示，立院先前已編列8400億防疫振興紓困預算，立法院即將開議，心中卻是無比的沉痛，想到通過那麼多的錢，有用在刀口上嗎？發五倍券有比買疫苗重要嗎？為什麼買疫苗最重要的錢不多編列，都是優先編列次要的？
賴士葆質問，為什麼防疫最關鍵核心的救命物資疫苗仍然短缺？行政官員有沒有想過真的對不起納稅人的血汗錢，更遑論讓後代子孫背負沉重的債務。
他說，蔡政府自行採購的國際疫苗到貨量，比國際捐贈的還要少，綠營過去把採購疫苗不力推給中國大陸，如今民間團體採購BNT疫苗到貨，已戳破這樣的藉口；蔡政府最認真使力的就是呵護高端疫苗，用國家機器介入科學試驗，用政治力去揠苗助長，強迫民眾接受，整個政策就是錯誤。
他指出，以色列已開始打第3劑疫苗、美國9月也開始在打第3劑、英國9月底將為50萬免疫功能低下的民眾打第3劑。病毒變異株肆虐，更多的疫苗覆蓋率以及多次的施打，用以增加防護力已經是不可避免的趨勢。
他批評，民間企業先前提議向BNT爭取為明年為台灣保留3千萬劑BNT疫苗，居然被蔡政府嫌太多，若行政院編列預算要加買3千萬劑BNT疫苗，他雙手贊成，萬一有更多的疫苗也可以捐給友邦國家，不是一舉兩得嗎？拜託陳時中不要再講「疫苗太多」，又說「打第二劑是不可能的任務」這種「肖話」了。</t>
  </si>
  <si>
    <t xml:space="preserve">世界衛生組織（WHO）週三告訴法新社，已宣布康復的新冠病毒患者，後來又被測試為該病毒陽性，並非是復發，或是再感染，應該是身體仍在排出死亡的肺部細胞所致。
科學警報(Science Alert)報導，新冠病毒相當難纏，最令各界頭痛的問題是康復者的「復陽性」問題，韓國衛生官員在4月份報告100多例類似現象，隨後同樣的報導也在各國傳出，這引起了人們的關注，即康復的患者可能會被再次感染，或者成為持續帶原者。
現在傳出較好的消息，世衛組織研究人員表示：「根據我們目前所知道的，康復者的復陽性，是恢復階段的一部分，這些患者正在從肺部排出殘留的物質，不是真的又遭感染或是帶原。」
研究表明，感染了新的冠狀病毒的人，在感染或症狀發作後約一周後，人體就會開始積累抗體，一切順利的話，就會逐步擊退病毒，直到康復。
然而，目前尚不清楚人體是否能系統地建立起足夠的免疫力，來抵禦病毒的新攻擊，我們也不知道獲得抗體後的免疫，能持續多長時間。
世界衛生組織傳染病流行病學家瑪麗亞·範·科霍夫（Maria Van Kerhove）認為，康復者所出現的復陽性，是肺部癒合的過程。她說：「隨著肺部的癒合，肺部的某些部分會出現死細胞，這些死細胞會帶有呈陽性的病毒碎片，這些是死掉的病毒，不具傳染性，因此這個過程，實際上是走向完全恢復過程的一部分。」
但是，我們仍不知新冠病毒康復者，是否有終生免疫力，事實上，每一種病毒疾病情況都不同，感染麻疹病毒的人，可以終生免疫，這是我們都樂見的；但是SARS冠狀病毒的康復者，免疫力就只有持續數月至數年，而流行感冒就更糟，康復後的免疫時間大概只有幾星期。
</t>
  </si>
  <si>
    <t>里長們辛苦了！新北市政府13日於新莊舉行「109年特優里長及績優民政人員表揚大會」表揚特優里長、民政人員，新北市長侯友宜親自致贈獎牌，其中最高齡里長為81歲雙溪區新基里李添貴表示，里內民風純樸，他把每位里民的事當作自己的事，只要還有體力他就會持續為民服務。
侯友宜13日出席頒獎表示，全新北共有1032位里長，每一位里長不僅是市府溝通的橋樑，也是市政推動的重要力量，尤其今年新冠肺炎疫情嚴峻，里長們加重業務配合公所執行居家檢疫作業、發送居家防疫關懷包及里鄰防疫宣導等，是市府最堅實的夥伴。
侯友宜頒獎給最高齡獲獎里長李添貴時，相當訝異李添貴絲毫不見老態，在場里長得知他已81歲也都非常驚訝，李添貴在台上透漏保養技巧，他說，雙溪空氣好沒什麼污染，平日他注重環境整潔，將打掃視為生活習慣，飲食清淡外，也要維持運動習慣，就可常保青春。
李添貴說，46年前他里內的里長因故過世，他之後參加補選擔任里長3年後未再出選里長，而此屆里長選舉，他抱著仍想為民服務的心情當選，強力爭取重新鋪路保護里內安全，他也重視環境衛生，另外也常帶里民參加生態研習，強化社區認同。
此外，最年輕獲獎里長是31歲的三峽區安溪里王曼甄說，她25歲就當選里長，目前已連任2屆，她說其實年輕、資深里長沒有太多差別，而她最注重里內獨居長者安全與健康，常常到訪和關懷長者，希望給長者社區愛的感覺，讓里民擁有更好的生活環境。</t>
  </si>
  <si>
    <t xml:space="preserve">針對昨日台中首度傳出居家檢疫者趴趴走事件，台中市長盧秀燕今天強調，台中市必須居家檢疫者約2千位，她很感謝居家檢疫的市民配合政府防疫政策，中市府也允諾針對防疫，一定做到滴水不漏。針對昨天發生的首例，盧強調一定會妥善處理，此外，中市太平里幹事認真負責，第一時間發現林姓居家檢疫者趴趴走，警方、衛生所等人防疫人員迅速蒐證、到場處置，市府都會好好表揚。
台中市太平區30歲林姓男子本月9日入境，需配合居家檢疫14天，到24日才期滿，但該民眾昨天近中午外出1小時20分，警方獲報到場確認林姓男子不在家。林姓男子返家後雖表示，他只是出去一下子，但台中市衛生局確認，林姓男子是台中市首例違反居家檢疫個案，將依傳染病防治法開罰。市府表示，中市太平里幹事已經一再提醒告誡轄區受居家檢疫對象，在期間不得外出，但林姓市民仍不理會，里幹事立即通報民政系統、轄管警察局前往會同查訪，並通知衛生局到場處置。
台中市府表示，太平派出所由副所長帶班前往會同查訪，確認林姓市民不在家，經現場電話聯繫林姓市民，並全程錄影音蒐證及通知衛生所護理長到場處置，林姓市民隨後在昨天中午12時37分返家，雖然林姓市民健康狀況良好，無發燒相關症狀，但已經違反防疫規定。
因應新冠肺炎，中央流行疫情指揮中心公布，自2月6日起，自中港澳入境旅客，須居家檢疫14天，期間均由民政體系每天關懷一次，並不得外出，違反居家檢疫者，依傳染病防治法第58條規定，處1至15萬元罰鍰；與確診個案有接觸者，須居家隔離14天，期間由衛生單位每天關懷2次且不得外出，運用智慧科技針對居家檢疫及居家隔離者進行定位，違反居家隔離者，依同法第48條規定處六到卅萬元罰鍰。
更多 CTWANT 報導
</t>
  </si>
  <si>
    <t xml:space="preserve">MOSFET(金屬氧化物半導體場效電晶體)市場在疫情催化下，呈現供給緊張，也帶動杰力(5299)9月營收在月增、年增上都超越2成，且在歐美疫情尚未得到明顯控制下，杰力後續表現依舊可期。
杰力9月營收1.97億元，月增加22.36%、年增率21%，單月業績創歷史新高；累計1~9月營收合計14億元，較去年同期增加9.3%，同創歷史同期新高記錄。
歐美國家疫情持續發酵，使得居家辦公、遠端教學的需求預計將一路旺到年底，這也使得MOSFET在去年拉貨力道漸緩後，隨著今年第二季起NB、PC需求量大增，整體市場又回到供需緊張，以今年起疫情一路延燒到今，NB為成長最具爆發力的產業之一，加上全球5大NB廠皆為杰力客戶，也使得杰力營運一路走升，以目前疫情控制狀況來看，NB需求將一路延伸到第四季，甚至是明年初，對杰力營運動能將提供明顯助益。
除疫情帶來的NB商機外，杰力也持續擴大商用NB市場，其在商用NB的市占率也穩定提升，由於商用市場產品的毛利率較高，此也有利於杰力長線的獲利表現。
</t>
  </si>
  <si>
    <t>為避免大型活動造成新冠肺炎防治破口，總統蔡英文帶頭宣布，今年520就職活動暫停籌辦工作，保持最大彈性因應疫情變化。另衛福部26日宣布即日起醫院探病限兩位、陪病限一位，並要求134家醫院擴大設置新冠肺炎專責病房，以防止院內感染。
近期因大甲媽祖遶境等大型宗教活動將陸續登場，內政部勸導主辦單位提出延期備案。蔡英文26日宣示，只要疫情仍有疑慮，520就職將不會舉辦大型群眾活動，保持最大彈性因應疫情變化。
對於大甲媽祖遶境，鎮瀾宮宣布取消「起駕宴、媽祖之光演唱會及祝壽大典」三大慶典，並捐出3千萬元給中央幫助防疫，遶境則縮小規模舉辦，且宣示若中央要求停辦將會遵守。
中央疫情指揮官陳時中雖未明確要求停辦，但強調當前疫情非常不利於大型活動，短期內趨緩可能性非常低，呼籲「別讓媽祖憂心」。
此外，指揮中心26日宣布國內新增一位確診，總數達32例，是第27例確診老翁的非法外籍看護，正調查其活動史。另考量伊朗新冠肺炎病例數、死亡數快速增加，即日起提升伊朗的旅遊疫情建議至「第二級警示」。
鑒於日韓接連發生院內感染，衛福部醫事司長石崇良宣布，即日起對進出醫院三類族群加強管理，包括一，病人進出醫院，包括門診、急診或住院須有分流動線；二，所有訪客須依規定時段探病，每位住院者限兩位訪客，陪病員（包含看護）僅限一名；三、所有醫療機構委託外部承攬業者，含清潔、廢棄物清理、保全、衣被服租賃與洗滌、商場、傳送、機電、膳食製作與供餐等，由專門動線進出，人員、旅遊史、體溫須造冊管理。
至於隔離病床，石崇良解釋，隔離病房過去設有上限，但現在解禁，要求134家傳染病指定隔離醫院一周內擴大設置專責病房，負責收治新冠肺炎疑似個案。
此外，雙北市也接連宣布畢旅、校外教學緩辦。</t>
  </si>
  <si>
    <t>新北幼兒園群聚感染事件擴大防疫，民進黨新北市立委羅致政今表示，服務處電話不斷，家長很焦慮，新北幼兒園事件已經是社區感染，不要説要再等中央的病毒DNA定序結果，全市預防性停課幾天。
羅致政今在臉書發文，「不懂！要不要全市或板橋全面停課，跟病毒是不是Delta有什麼關係？」
他說，新北幼兒園事件已經是社區感染，不要説要再等中央的病毒DNA定序結果，全市預防性停課幾天，就算結果不是Delta，那就稍微鬆口氣，若萬一最後證明是Delta，幾天的停課也降低了危機擴大的風險。
他表示，這兩天服務處電話不斷，家長跟市民的焦慮，新北市府要聽得見。</t>
  </si>
  <si>
    <t xml:space="preserve">國內今獲得COVAX分配41萬劑AZ疫苗，加上波蘭贈送的40萬劑，又有約80萬劑AZ疫苗可打，對於打完AZ後多久會出現發燒等副作用，再度在PTT引起熱烈討論，有網友驚呼，沒想到鄉民說得這麼準，果然時間一到就進入「人生搖滾區」，頭痛炸裂。
中央流行疫情指揮中心今(5)日表示，COVAX分配的第三批AZ疫苗41萬劑今下午運抵桃園國際機場，此外，波蘭捐贈的40萬劑AZ疫苗，今上午也順利抵達，至於會如何分配？指揮中心指揮官陳時中表示，確定納入第八輪公費疫苗接種，將優先提供給第二劑施打。
接連2批AZ抵台，AZ副作用也再度備受關注，一名剛打完AZ疫苗的網友昨(4)日在《PTT》表示，打完疫苗的前12小時還得意洋洋覺得沒事，並狂打電動，沒想到第12小時、剛好凌晨3點時想去床上躺，才發現不得了，開始進入「人生搖滾區」，整晚睡不著，驚呼「鄉民也太準了吧！真的是12小時」。
原PO指出，打完疫苗30小時，還是感到全身痠痛、發燒到38度、頭痛炸裂、沒胃口，他累積已經吃了4顆止痛藥，結果症狀還是一樣，沒想到AZ第一劑這麼猛，詢問大家該如何處置？
貼文一出引起熱議，網友紛紛回應「我也是12小時開始，超準時的」、「全身酸痛、頭痛、發燒，症狀斷斷續續」、「我也是很準時12小開始燒！！8小時體溫上升」、「真的是12小時，好冷」、「8-12小時，後勁就是在你放鬆想休息的時候來」。
不少網友都說，12小時時間一到就開始出現不適，也有些人是打完8小時就開始發燒，但症狀到12小時候最明顯，副作用幾乎都是發燒、頭痛、全身肌肉或關節疼痛；還有網友嚇到忍不住問「這麼準時？我快12小時了…抖」。
</t>
  </si>
  <si>
    <t>高端疫苗23日開打，桃園與新北各出現1人在打完疫苗隔天猝逝，死因是否與疫苗有關係仍待釐清，不過，醫師蘇偉碩認為，高端應該要暫停施打，因為如果將高端開打當作是三期試驗，開打隔天就有2個人猝逝，那麼在證明死因與疫苗無關之前，主管單位仍要繼續進行試驗？還是應該先停打，直到釐清死因為止？
蘇偉碩昨在臉書發文表示，一個藥物或疫苗上市前，必須經過第一、二和三期的臨床人體試驗，就是要在有規劃的試驗條件下，觀察藥物或疫苗是否會對人體產生危害，並驗證在小規模試驗中發現的療效，在大規模的試驗中，是否仍舊會穩定的出現。
蘇偉碩指出，人體試驗的參加者的條件都是經過挑選的，開發新藥的藥廠為了證明藥物或疫苗的安全性，一定會確保參加試驗的受試者，不會出現重大的不良反應或死亡的情形，否則藥廠就得大費周章的證明受試者的死亡與疫苗無關。
蘇偉碩也說，大家可以想像一下，如果8月23日開打的高端是第三期臨床試驗，開打第二天就有2個打過疫苗的受試者死亡，其中1人55歲、另1人則是39歲，在藥廠還沒有證明兩位受試者的死亡與疫苗注射無關之前，主管機關應該同意讓試驗繼續進行？還是命令藥廠暫停試驗，直到釐清死因？
高端疫苗23日開打，昨天上午桃園一名55歲的陸姓作家，打完疫苗隔天猝逝，下午又傳出新北一名39歲男性接種後猝死。雖然兩人的死因是否與疫苗相關仍待釐清，但還是讓不少民眾擔憂。而中央流行疫情指揮中心指揮官陳時中昨則在記者會上表示，陸姓作家猝逝的原因，目前初步認為是心肌梗塞，但結果仍須經司法相驗才能確定。他並強調不會因此停止施打。</t>
  </si>
  <si>
    <t>因應新冠肺炎嚴峻，為讓民眾方便在家自我檢測，食藥署於上周六核准5款居家快篩試劑，今起於四大超商、藥妝店、藥局等通路販售，分為抗原快篩及核酸檢驗快篩兩種，其中以核酸檢快篩最準，民眾可自由選擇單劑至盒裝，價格落在350至5880元。另外，藥師沈采穎表示，使用快篩試劑前，應將雙手、鼻腔做好清潔，將拭子深入鼻腔內2至2.5公分不等，放入試管中攪拌後，再利用檢驗盤檢驗，等待15分鐘即可。
國內目前核准的居家快篩試劑有5種，分別為「羅氏家用新冠病毒抗原自我檢測套組」、「英斯特家用新冠抗原快篩」及國產的「福爾威創家用新型冠狀病毒抗原快速檢驗套組」，另外，「盧西拉家用確可易新型冠狀病毒核酸檢測試劑」、「萊析樂家用新冠病毒核酸檢測組」為同款產品不同廠商。
●7-ELEVEN
7-ELEVEN於今日下午2點半後，桃園以北等有藥商許可門市上架販售，引進「福爾威創家用新型冠狀病毒抗原快速檢驗套組」，單包裝售價為350元，預計於7月1日起，全台有藥商許可的門市都可購買。
●全家便利商店
全家預計於本周六（26日）販售2款居家快篩試劑，並於有藥商許可的門市販售，分別為「羅氏家用新冠病毒抗原自我檢測套組」及「福爾威創新型冠狀病毒抗原快速檢驗試劑」，「羅氏家用新冠病毒抗原自我檢測套組」將提前於明日（6月24）日晚間10點陸續到店。
「羅氏家用新冠病毒抗原自我檢測套組」為一盒5入，售價1800元；「福爾威創新型冠狀病毒抗原快速檢驗試劑」則是一盒20入，售價5880元，民眾可至門市使用FamiPort事務機台預購並結帳，最快隔日可至門市取貨，採限量販售。
●萊爾富
萊爾富今日下午3點於萊爾富北市迪化門市、北縣五工門市首開賣，引進「福爾威創家用新型冠狀病毒抗原快速檢驗套組」，一盒5入，售價1700元，每店採限量100盒。
●OKmart超商
OKmart於明（24）日至6月30日，全台門市會員OKLine群組可預購「羅氏家用新冠病毒抗原自我檢測套組」，一盒5入，售價1799元，採用會員預購方式，以降低與門市人於接觸、到店取貨，預計於7月9日到貨。
●康是美
康是美為全台藥妝店首波居家快篩試劑販售，引進「福爾威創家用新型冠狀病毒抗原快速檢驗套組」、「羅氏家用新冠病毒抗原自我檢測套組」2款，「福爾威創」於明（24）日起在北北基桃地區開賣；「羅氏家用」則於全台康是美陸續販售，2款皆為一盒5入盒裝。
★《中時新聞網》提醒您：因應新冠肺炎疫情，疾管署持續加強疫情監測與邊境管制措施， 如有疑似症狀，請撥打：1922專線，或 0800-001922， 並依指示配戴口罩儘速就醫，同時主動告知醫師旅遊史及接觸史，以利及時診斷及通報。</t>
  </si>
  <si>
    <t>本土疫情持續擴大，截至2日國內疫情通報，累計本土8195例、149例死亡，遠超過SARS時期紀錄。國民黨立委鄭正鈐指出，死亡病例多是銀髮族，故長照機構內長者與工作人員時時面臨高死亡率威脅，卻一直未得社會關注。因此他特別在立法院黨團協商中，要求政府在提高紓困條例特別預算上限同時必須承諾，優先為長照機構工作人員和長者接種疫苗，不料卻遭民進黨團聯合行政單位強制修改，讓他相當痛心。
鄭正鈐2日在臉書發表文章《長照機構應特別保護！》內文指出，迄今國內疫情通報，累計本土8195例、149例死亡，死亡病例多是銀髮族，而長照機構內都是銀髮族，一旦工作人員或任何長者染疫，都將迅速擴散且面臨高死亡率威脅。據了解，某長照養護機構在5月23日發現2名長者確診，經過市府快篩所有住民及工作人員，共34人全數陽性；更不幸的是，到1日為止已經有7名長者離開！
鄭正鈐表示，自己對於這7位長者的離去非常痛心，因此他在5月28日黨團協商中就提出附帶決議，要求政府在提高紓困條例特別預算上限的同時必須承諾：1、因任何原因去醫院的長者在返回機構前，需要施行PCR篩檢；2、優先為長照機構內的工作人員和長者接種疫苗。可惜被民進黨團聯合行政單位將「應做到」被改成「建議做到」，讓長照機構仍曝露高度風險中，
對此，鄭正鈐強烈呼籲：「民進黨應以弱勢超高風險長者為念，優先為出入醫院的機構長者施行PCR篩檢！優先為長照機構內的工作人員和長者接種疫苗！」
文章一出，網友反應熱烈，紛紛回應：「人民要疫苗，人民不要民進黨，罷免蔡英文買疫苗救台灣」、「好像年長就是死了活該，因為誰叫你年紀大，又有老毛病，更不該的是又感染了新冠肺炎」、「藝人張小燕出來呼籲政府給疫苗，竟然被抹黑製造仇恨、製造對立」、「他們只在意高端的股價，根本不在乎老百姓死活」。</t>
  </si>
  <si>
    <t>台灣本土疫情昨天爆衝到206例，過去短短六天以來，本土病例累積已經451例，今天再度新增333例本土，一週以來，本土已經784人確診。且今天的不明案例就有40例，指揮官陳時中說，就是要調查中，今天還是以萬華區茶室還是最大宗。
陳時中表示，目前獅子會社團中的傳播看起來沒有像茶室的來得快速，應該是慢慢的社團的傳染會變得比較少。
至於有多少醫護人員染疫，整體區域，彰化的匡列很大，相關個案相關連繫，相信彰化透過大規模採檢匡列，可以把疫情控制在一定範圍。
至於宜蘭，有兩個點一個是羅東的銀河遊藝場、另一個是礁溪，因為也是遊戲場，和羅東有關聯的關係企業，目前礁溪看起來員工沒有染疫，也都沒有染疫也已經匡列，沒那麼擔憂，是因為是有染疫顧客近來，玩玩就走了沒有進入社區，是員工的風險比較高，但目前員工都已經陰性，換句話說以後或是以前的客人風險就比較低。長時間接觸者風險才會比較高。
陳時中表示，羅東因為樓層多樣化，他們把該廠第一百三十幾位工作人員都已經居家隔離，全數檢驗過，都是陰性，另外學校的學生也已經隔離，全部檢驗過都是陰性，往外闊的樣態比較小，剩下還是斷斷續續銀河的員工，還是每天有一兩例，時間比較久是因為會員的名冊用其他名稱稱呼且電話不實才要多花時間。
至於醫護人員，昨天為止，雙北有六家醫院出現院內確診狀況。</t>
  </si>
  <si>
    <t>第12輪疫苗第一階段明天開打，國際三大疫苗BNT、莫德納、AZ同步上場，其中BNT是打第一劑，莫德納和AZ都是接種二劑，不少人擔心接種第二劑的副作用恐更強，對此，指揮中心提醒，民眾打第二劑莫德納發生不良反應的機率與嚴重程度都會比第一劑高，提醒近期身體狀況不穩定者可穩定後再打；另AZ第二劑的副作用通常會比較輕微。
第12輪第一階段總計逾188萬人預約接種，明起至27日開放施打，根據指揮中心統計，成年人接種BNT常見的副作用為注射部位疼痛（84.1%）、疲倦（62.9%）、頭痛（55.1%）、肌肉痛（38.3%）、畏寒（31.9%）、關節痛（23.6%）以及發燒（14.2%），上述的症狀多在數天內就會消失。
莫德納常見副作用則是注射部位疼痛（92%）、疲倦（70%）、頭痛（64.7%）、肌肉痛（61.5%）、關節痛（46.4%）、畏寒（45.4%）與發燒（15.5%）。極罕見的心肌炎與心包膜炎較常發生在第二劑或年輕男性身上，打完疫苗若有持續性胸痛、呼吸急促或心悸請就醫。且莫德納第二劑發生不良反應的機率與嚴重程度會比第一劑高，近期身體不適者建議可等狀況穩定後再去接種。
與莫德納不同的是，AZ打第一劑的時候副作用較強，第二劑症狀通常較輕微。而打完AZ常見的副作用是注射部位疼痛（54.2%）、疲倦（53.1%）、頭痛（52.6%）、肌肉痛（44.0%）、畏寒（31.9%）、關節痛（26.4%）以及發燒（7.9%）。</t>
  </si>
  <si>
    <t>高鐵企業工會昨日在臉書發文表示，25日下午，公司以備忘錄，突然宣布原訂自3月執行的員工調薪，因新冠肺炎疫情影響將無限期暫緩，消息一出，員工嘩然。
工會指出，在公司預期疫情衝擊營收的情形下，工會雖理解公司為控制營運成本，暫緩調薪作業，但不解公司無視防疫期間，各職種員工努力不懈堅守自身崗位，無私地配合高鐵公司之超前防疫政策，犧牲休假和增加輪班的疲勞度，甚至面對有感染風險的第一線接觸，最後換來的是期望落空，對員工士氣打擊甚巨，凝聚之向心力更是狠狠的撕裂殆盡。
工會表示，在此嚴正敬告高鐵公司，節流不應只會訴求基層員工要「共體時艱」，用輿論道德壓力框住員工的薪資成長，卻不去盤點公司在營運、維修及行銷等等沒效益的開支，更遑論檢討高層薪資。
然而，暫緩不應是無止盡的等待，針對「暫緩調薪」之備忘錄，高鐵公司應詳細解釋：「疫情趨緩」要件為何？「營收回穩」的標準為何？殷盼公司做出具體說明。
工會呼籲，高鐵切勿舉著防疫大旗行違法犯紀之實，破壞勞資和諧。</t>
  </si>
  <si>
    <t>嘉義縣布袋鎮新塭嘉應廟已有180多年歷史，今年首次辦理「南巡北狩」奠安綏境會香，遶境嘉義至台南12個鄉鎮市，主祀游天王、九龍三公、尹府千歲於7日清晨6時許起駕，從正殿緩緩向外前進，信眾雙手合十圍繞在神轎四周，在隆隆鞭炮聲中，展開6天5夜巡狩遶境。
新塭嘉應廟每年農曆3月27日以「衝水路、迎客王」慶典，吸引上萬名信眾參與，去年慶典結束後，廟方獲尹府千歲降旨辦理「南巡北狩」，當時信眾紛紛詫異，直到新冠肺炎疫情爆發後，才了解尹府千歲預知疫情即將發生，要出巡保佑民眾。
縣長翁章梁、立委翁重鈞、蔡易餘及布袋鎮長陳鳳梅等人昨日也參與起駕儀式；翁章梁擔任頒旨官頒授玉旨、帥印及尚方寶劍，恭請主帥引府千歲上轎。他表示，「南巡北狩」奠安綏境對地方來說是大事，祈求尹府千歲庇佑遶境過程一切平安。
昨日清晨6時一到，南巡北狩委員會主委蘇良山等人點燃3發起馬炮後，鳴炮敲鐘哨角聲齊響，游天王、九龍三公、尹府千歲神轎依序起駕出發，廟內、外信眾雙手合十虔誠恭送神明啟程。
起駕後，將一路南巡，行程貫穿台南市、嘉義縣12個鄉鎮市、48家廟宇，今日會到達台南佳里、學甲等地，晚上將駐駕鹽水護庇宮，預計8月12日（農曆6月23日）回鑾安座，安座典禮將於新塭嘉應廟舉行。</t>
  </si>
  <si>
    <t>英國年僅37歲的駐匈牙利副大使史蒂芬‧迪克(Steven Dick)感染新冠肺炎，週三(25日)驚傳病逝。
路透社報導，迪克去年12月被派任到英國駐匈牙利大使館擔任副大使一職。匈牙利衛生當局當天僅對外宣布，累計死亡案例為10例，其中包含一名英國公民，沒想到這名英國公民就是副大使迪克。
此消息一出，英國外交及聯邦事務大臣多米尼克·拉布(Dominic Raab)深表遺憾，表示英國外交部的全體同仁都會緬懷這位年輕有為的外交官。</t>
  </si>
  <si>
    <t>新冠肺炎疫情期間，民眾警戒心不安，一名廖姓男子，5月下旬在臉書轉貼「今天林內有一個姓張的男生在衛生所（新興路教堂附近）確診！在萬華阿公店當少爺……等語」，經台中市警察局第六分局偵查隊網路巡邏發現，向雲林縣衛生局查證，證實為「假消息」，翌日即將犯嫌查緝到案，依違反嚴重特殊傳染性肺炎防治及紓困振興特別條例，移送雲林地檢署偵辦。
警方強調，為避免不實謠言影響防疫及造成民眾恐慌，加強查緝假訊息來源，以求安定民心，中市警第六分局5月下旬發現民眾於臉書散布疫情不實訊息，迅速於翌日查獲犯嫌依法嚴辦，澄清遏止不實謠言。
由於萬華日前傳出多人染疫，全民防疫上緊發條，警方指出，25歲廖姓男子臉書轉貼「今天林內有一個姓張的男生在衛生所（新興路教堂附近）確診！在萬華阿公店當少爺……等語」，「回林內沒口罩趴趴走」等不實訊息，經中市警第六分局偵查隊網路巡邏發現。
警方向雲林縣衛生局查證，證實前開訊息為「假消息」，於翌日即將犯嫌查緝到案，依違反嚴重特殊傳染性肺炎防治及紓困振興特別條例，移送雲林地檢署偵辦。
警察局第六分局分局長吳耀南強調，民眾接獲來源不明或未經證實疫情訊息時，應先求證內容是否屬實，切勿透過社群媒體隨意散播、轉傳，以免觸法。民眾可透過疾管署之官方LINE「疾管家」帳號，及中央流行疫情指揮中心召開之記者會，了解防疫最新進度並杜絕假訊息，共同抗疫。</t>
  </si>
  <si>
    <t>青少年第2劑BNT疫苗將於20日開打，為避免青少年接種mRNA疫苗後容易出現的心肌炎、心包膜炎等副作用，心臟科醫師建議，家長可在接種後7至14天內利用血壓計監測，一旦在休息時測量到超過90mmHg，都應立即就醫。
根據中央流行疫情指揮中心的建議，心肌炎、心包膜炎易發生於年輕男性，接種BNT疫苗後28天內，如出現胸痛、胸口壓迫感或不適、心悸、暈厥、呼吸急促、運動耐受不良等症狀者，都應立即就醫。
新光醫院心臟內科副主任蔡適吉指出，由於青少年族群為接種mRNA疫苗後心肌炎、心包膜炎的好發族群，因此接種後14天內除上述症狀需特別注意外，也應進行規律的血壓監測，建議家長可在家中準備血壓計，方便孩童在家監測。
蔡適吉表示，心肌炎、心包膜炎的早期症狀包含心跳偏快，一般人休息時的正常血壓約介在60至80mmHg之間，因此若在休息時測得90至100多的數值，就得特別當心，有可能是心肌炎、心包膜炎的早期病徵。
蔡適吉也建議，如經診斷為心臟衰竭第三級、第四級的病患，也不建議接種mRNA疫苗，如要接種必須先與醫師討論，確認病況穩定後才接種，不過確診有心臟衰竭的病患，通常伴隨著三高、心臟相關疾病，屬於感染後容易重症的族群，仍強烈建議接種新冠疫苗、流感疫苗預防。
蔡適吉也提醒，心臟衰竭早已不是55歲以上中高齡人士的專利，近年來發現55歲以下族群也有4％的機率罹患心臟衰竭，而年輕族群因身體耐受性良好，若等到出現症狀時才就診，通常都較晚，平時可多加注意是否出現疲倦、咳、喘、水腫、無法平躺等症狀，若有心臟疾病家族史、三高、心臟相關疾病，都是高危險群，應盡速就醫。
新光醫院表示，為提升民眾對心臟疾病以及心臟衰竭的認識，即日起至12月17日於院內心臟內科門診候診區展出衛教牆，邀請民眾於展期間一同參與響應。</t>
  </si>
  <si>
    <t>陸媒《環球時報》24日刊登專訪美國外交關係委員會全球衛生問題高級研究員黃嚴忠指出，經過3個月抗疫行動，輿論普遍認為，新冠肺炎疫情在大陸的高峰已經過去。另一個問題這幾天擺上桌面：隨著世界多國疫情發展愈演愈烈，大陸該如何應對境外輸入性病例可能造成的疫情反撲。
黃嚴忠說，大陸預防和應對二次暴發最理想的解決方法，還是盡快研製並量產疫苗，使大部分人口藉由疫苗形成群體免疫，同時研製並量產有效的抗病毒藥物。不過，一般認為，考慮到必須有的安全和有效性，疫苗研製成功和量產至少要一年時間。
第二條路是「高築牆」，也就是建立起保護屏障。除機場海關的體溫檢測和入境後的隔離醫學觀察期等防控措施外，國內的一部分社會阻隔和防控措施，可能也不得不在一段時間內繼續維持下去。
至於一般民眾，大方向應該是逐漸恢復正常生活，畢竟像此前兩個月的生活狀態難以持續，長期下去，也會對大陸的經濟社會造成傷害。
黃嚴忠稱，在1918至1919年的「大流感」期間，曾出現過第二波、第三波疫情，且後兩波中病毒的致死率都變得比第一波更高。但新冠肺炎疫情的二次暴發或許不能簡單用人類歷史上流感大流行的經驗來理解，也沒有可以參照的現成範例。
他說，當前說新冠肺炎疫情二次暴發一般是指：由於大部分人口並未獲得免疫力，加上境外病例大量增加等因素，已被控制的局勢可能再度死灰復燃。這並非完全不可能。
黃嚴忠表示，毫無疑問，首要因素是疫情全球大流行導致的境外病例輸入風險倍增。所在國疫情嚴重或當地政府應對不足，以及「社會疏離」措施帶來的困擾，都會給更多境外人群帶來壓力，進而影響他們的選擇。
第二個影響因素是，新冠肺炎的病毒源頭始終未能找到，中間宿主也一直沒有定論。雖然現在有說法認為蝙蝠是病毒的源頭，中間宿主可能是穿山甲，但這都不是公認確定的科學結論。這個病毒到底是如何傳播到人身上的也還是未知之數。如果這些問題遲遲沒有答案，也不能排除病毒從源頭開始再一次形成反撲。
有人認為，氣溫也是一個影響因素，不過這一點目前還沒有確切答案。一般來說，病毒在氣溫較高時傳播力和活性會下降，流感及此前的SARS也都曾呈現出類似特點，但這並不意味著此次新冠病毒也會如此。而且還需要考慮到，目前疫情已在非洲、拉美等正處在夏秋季節的南半球國家傳播，這些國家不久後將迎來冬季，如果冬季疫情在這些地方大規模暴發，依然有可能輸入大陸。</t>
  </si>
  <si>
    <t>位於新北市板橋區疫情熱區內的台電台北南區營業處，17日傳出有1名外包人員確診，另有3名台電眷屬也確診；對此新北市長侯友宜今主持防疫會議受訪表示，所有染疫或疑似個案均派醫護與疫調同仁了解狀況，該隔離就隔離、該匡列就匡列，一切按照規定來做。</t>
  </si>
  <si>
    <t>立法院長游錫堃辦公室今日發出新聞稿表示，有關外界關心立院中興大樓12樓外包清潔人員疑似染疫情事，昨日採檢報告結果為陰性，目前在家自主健康管理14天。
游錫堃辦公室指出，立院外包清潔人員疑似染疫情事，經查該員是在周一感到身體不適，周二請假就醫，經醫生診斷為扁桃腺發炎，並遵照醫囑在家休息。
游錫堃辦公室表示，該名清潔員在周四仍感覺不舒服，再度就醫，為求慎重避免染疫風險，遂進行PCR採檢，昨日採檢報告結果為陰性，目前在家自主健康管理14天。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繼日本之後，台灣又被歐盟摒於門外！新冠肺炎疫情已在歐洲趨緩，歐盟日前公布外開放邊境的國家名單草案，台灣竟未列其中，讓大家非常失望。對於歐盟的決定，台大公共衛生學院院長詹長權表示遺憾，也坦言這事件值得政府警惕、國人小心。
歐盟對外開放邊境的國家名單千呼萬喚始出來，本月27日在歐盟網站上公布了7月1日起歐盟對外開放邊境的國家名單草案。在擬開放入境的54個國家的名單，沒有出現台灣的名字，大大地震撼了國人。
對於歐盟第一波入境名單，詹長權在臉書上評論說，很遺憾台灣不在這一份名單上，這件事值得政府警惕、國人小心。
他指出，這一份歐盟建立在健康標準(health criteria)所擬定的國家名單，主要根據三個客觀指標：1.流行病學情勢和新冠病毒因應；2.在旅行中採用感染控制手段的能力；3.是否已對歐盟解除旅行禁令。他解讀，在歐盟所列的3個條件中，台灣僅符合1.5個指標。
為何台灣的防疫成績會被歐盟打叉叉？有網友感慨留言，「你我都知道為什麼，可惜政府無感！」詹長權則回應要繼續發聲，「到現在都還在努力讓政府高層聽到、看到該做的、可以做的公共衛生防疫手段。」
歐盟擬開放入境的54個國家名單，包括有中國大陸、日本、韓國、越南、泰國、紐西蘭、澳洲，美國、台灣、新加坡則未被列入。
</t>
  </si>
  <si>
    <t>疫苗短缺，不斷傳出是因為要讓打過第一劑莫德納的人，第二劑混打高端；民進黨立院黨團今表示，就現在而言，仍然是屬於研究階段，民眾也不用特別驚慌，指揮中心是不是已經決定莫德納一定要配高端，其實這是不確實的，未來還有許多搭配的可行性。
民進黨立院團書記長蔡適應指出，疫苗就是要幫助人體能夠順利的度過，目前來講世界各國都遇到類似的問題，單一的疫苗沒有辦法保證到貨，也發現可能在保護率等各方面有問題，所以世界各國都在研究關於各式各樣的疫苗，找出最佳的解決方案。
他說，台大醫院所提案提案的第一劑打莫德納、第二劑打高端，也是它們研究的對象，未來混打研究應該還有其他版本，相信主要的醫學中心會陸續提出後續關於混搭的研究，研究出來後，未來會給指揮中心做相關的參考。
民進黨立院黨團幹事長劉世芳說，這些實驗設計其實是要研究單位根據它的學養知識去判斷，再經過人體試驗、倫理試驗委員會委員會審查方可進行，黨團特別呼籲，台灣是一個言論自由，還有很多資訊非常發達的地方，很多民眾可能直接從一個不曉得什麼來源的地方就接擷取到這樣的訊息，這樣的訊息有的會引起自己或者是周遭的朋友或親友的恐慌。
她說，每天下午疫情指揮中心都會對外做說明，呼籲國人同胞能夠完全聽從指揮中心的發佈，而不是隨便把一些搞不清楚的消息來源就隨便做發布。
她表示，國內感染專家學者一再呼籲，請大家尊重專業判斷，有些訊息從國外進來，跟台灣內部不一定完全一樣，有任何問題、不解，尤其專業上的問題，請教即管家通訊軟體的澄清報導，才是最重要。</t>
  </si>
  <si>
    <t>《紐約郵報》（New York Post）日前引據《NBC》報導台灣在新冠肺炎下的情景，卻在內容中描述「台灣是中國一省」，且以「專制」、「囤積防疫物資」、「追蹤監控全民」等用詞形容台灣防疫。對此，外交部北美司司長姚金祥今天在例行記者會上譴責該報記者在沒有查證事實的情況下發布報導。
姚金祥強調，除了國名之外，《紐約郵報》說台灣是防疫專制國家，這點我們不能接受，用這樣的字眼形容台灣我們覺得遺憾，「台灣是在防疫措施上最透明國家之一。」
姚金祥指出，我們應用高科技防疫措施能達到這樣的防疫成果，民眾非常肯定也能接受指揮中心之前也已經就此回應過，我們會繼續請駐紐約辦事處要求報導記者更正。
駐紐約辦事處則是在《紐約郵報》臉書貼文反駁報導指出：「台灣不是中國的一省，我們有自己獨立且民主的政府和疆界，中國對我們沒有任何一點管轄權。台灣擁有世界上數一數二開放透明的政府，手機通報僅用以通知曾與確診病患接觸的人，目的是保護其他人的健康。用專制來形容一個世界上最優秀的民主國家之一，這實在是惡意中傷。」</t>
  </si>
  <si>
    <t>北市副市長蔡炳坤15日表示，9月22日學校將開打疫苗，BNT殘劑會比之前AZ、莫德納少，因BNT1瓶只有6劑，只有最後1瓶才可能有殘劑，因此北市訂出4大原則要點，一、優先給具醫生證明「不得施打其他疫苗的正式教職員」，將按照年紀施打；二、任職於身心障礙班或資源班的教師；三、一般教職員；四、若真的還有殘劑，將讓責任醫院回收安排接種。
蔡炳坤說，千萬別浪費任何1劑疫苗，他也要謝謝294個接種點，進行中央第8期的預約接種，持續6天、共13萬人施打，達到「青銀共好」，有年輕人陪75歲以上長者去施打，沒預約的長者，從16日下午起民政系統會透過里鄰長把接種單送到長者手中。
台北市長柯文哲表示，中央今公布1例、境外4例，本土感染趨緩，但世界上滿嚴重，每天40至60萬新增確診，今天的案例跟機場有關係，邊境管制保護，在台灣很重要。
柯說，新北幼兒園群聚，雙北都影響，小孩子在新北幼兒園，但父母在北市上班，小孩也會在北市讀一讀學校，第一層居隔了219人，同住家人匡了1010人，職場匡116人，所幸篩檢全陰性，目前危機差不多解除。
柯說，北市現在1400名居隔者降至500人，居隔14天滿後會再減一批，有確診者就匡大一點，北市現在進行的血清學檢查、基因定序都在研究，若無就會把居隔範圍再縮減，不用動不動全市餐廳內用禁止、運動中心停止。
柯說，北市7家醫院昨天PCR篩檢了1816人，沒陽性確診，26日高中要開打疫苗，北市共有147家高中職、特教學校、外僑學校，配對了31家醫院診所，由他們再去商量。
柯說，每個注射點基本配備4人，包括1醫生、3護理師，講好就配發疫苗，也會發家長同意書，93％願意在校打，打BNT有幾個注意事項，有疫苗過敏史不要打，BNT還沒開放混打。
柯說，10月後還有流感等疫苗要打，建議跟新冠疫苗間隔7天，其他疫苗跟新冠疫苗間隔14天，有急性發燒等穩定再打，孕婦要醫生評估；學生打疫苗假，總共3天可放，身體好好的還是乖乖上課，別趁機開溜，可放疫苗假、但沒鼓勵放。</t>
  </si>
  <si>
    <t xml:space="preserve">台灣疫情升溫，今（12日）一口氣新增16例本土確診案例，許多演唱會、大型活動都延期或停辦，而「電音天后」謝金燕上周才豪曬露胸器的海報，報喜要唱進高雄巨蛋，不過因國內疫情嚴峻，謝金燕稍早則在網上忍痛宣布，演唱會門票延後開賣。
「姐姐」謝金燕今年1月在台北小巨蛋舉辦「謝金燕2021 TURN口罩世界巡迴演唱會」，謝金燕大秀美腿和好身材，一連換上5套訂製服裝，飆唱經典歌曲〈一級棒〉、〈練舞功〉、〈叉燒包〉及情歌〈我要幸福〉等，氣氛嗨翻全場。
謝金燕緊接著在上周宣布，10月要唱進高雄巨蛋「是 沒錯，高雄.....姐來了#碗都被你們敲破了」，門票將在本周日（16日）開賣，謝金燕曬出她解放美腿、豪挺胸器道具的海報，不過隨著本土疫情爆發，謝金燕稍早則在網上沉痛發文：「謝金燕2021TURN口罩世界巡迴演唱會-高雄站，原訂5/16周日下午兩點開賣，因近日『新型冠狀病毒肺炎』疫情嚴峻將延後開賣，開賣日擇期公布」，最後謝金燕不忘呼籲：「與大家攜手共同防疫」。
粉絲雖然感到可惜，但仍多數支持謝金燕的決定：「姐姐 我們會一直等妳 大家戴口罩、勤洗手」、「好哦共同放（防）疫 等疫情後燈（登）台」、「我會乖乖等姐通知的」。
A post shared by Jeannie Hsieh 謝金燕官方IG (@jeanniehsieh___bbb)
其實不只謝金燕，包括陶晶瑩、戴愛玲、王心凌、許富凱已及樂團告五人、草東沒有派對等，演唱會都宣布延期，活動將再另行公告相關資訊，若已購票也會有退票辦法。
</t>
  </si>
  <si>
    <t>新冠肺炎疫情持續延燒，許多人呼籲要全面普篩。對此，資深媒體人黃創夏列出一串數字，並呼籲戴好口罩丶勤洗手丶保持社交距離，別給已經累了快100天的醫護人員更多負擔！
國內近期新增確診案例中，境外移入佔多數！新北市長侯友宜曾向中央喊話，現在很多無症狀確診，國內有4.6％，雖然相較國外低，但「境外移入要全面普篩和居家檢疫」，呼籲中央對境外移入全面篩檢。此外，也有許多人認為應全面普篩。
對此，黃創夏在臉書指出，23000000÷3800=6052天；6052÷365=16.58年。他說全面普篩必須要16年半才能完成。最後他表示，戴好口罩丶勤洗手丶保持社交距離，別給已經累了快100天的醫護人員更多負擔！
網友則紛紛表示「真的，防疫人員太辛苦了，感謝他她們的辛勞付出」、「目前最累的是醫護」、「說的也是！好好做好防護」、「預防勝於治療~今天普篩陰性，不防疫再被感染…，沒完沒了！」、「真的不懂一直訴求普篩是什麼心態」、「戶口普查都做不到了，幾十年才一次?還普篩」、「普驗不是2,300萬人都驗吧，有一種統計方法叫抽樣統計」、「台灣疫情其實算還控制得宜，也沒有大規模社區感染，真不知道一堆政客不顧可行性與檢疫成本吵著普篩的用意是什麼」。</t>
  </si>
  <si>
    <t>歐盟提案加強防堵接受補貼的外國企業扭曲歐洲市場，防止獲得政府巨額補貼、貸款或減稅等援助的企業收購歐洲公司，或是與其競爭，以降低中國大陸與美國對歐洲經濟的影響。
許多觀察家表示，歐洲這項行動係針對大陸國營企業，但也可能影響歐洲企業的美國對手。
繼法國、德國和義大利等歐洲多國加強外國投資審核，以保障遭受新冠肺炎疫情重擊的國內企業，遭到大陸和美國投資人收購後，歐盟也開始行動。
歐盟的提案顯示，歐洲在過去一年來對大陸的態度逐漸轉變，開始將大陸視為經濟和政治對手。
主管競爭事務與數位政策的歐盟執委會副主席維斯塔格（Margrethe Vestager）表示：「歐盟需要正確的工具，確保外國補貼不會扭曲歐洲市場。」
新冠肺炎凸顯歐洲在醫療領域倚重大陸的進口品，促使歐洲重新思考投資政策。歐盟歐盟內部市場委員布雷頓（Thierry Breton）表示，提案將協助歐洲企業經營與競爭，進而促進歐盟的戰略自主。
歐盟官員堅稱，新工具不是針對某一國家或單一形式的補貼。大陸給予企業補貼，或是美國企業獲得貸款等財務援助，歐盟對兩者的審核方式皆相同。
大陸官方期望歐盟的新規範「不會以補貼為由，形成新的貿易障礙。在各國致力對抗新冠肺炎的特殊時刻，歐盟需避免向外界傳達負面信號。」
依據提案，執委會期望與歐盟成員國的競爭主管機關合作，加強審查任何可能依賴國家援助的企業，與歐洲對手削價競爭。若發現市場扭曲，企業將被勒令返還補貼、出售資產，或將授權技術開放予歐洲對手。</t>
  </si>
  <si>
    <t xml:space="preserve">在美股收高帶動下，台股開高震盪，一度上漲389點、指數最高達16431點，航運股延續反彈行情、電子股也有題材股各自表現，成交比重達4成之上，終場收漲259.7點、報在16302.06點、成交量為4297.03億元；台股周線翻紅，終止2連黑、本周台股收漲474點。
台積電(2330)開高震盪，早盤一度達577元，終場收漲1.06%、報在573元，鴻海(2317)開高走高，股價最高站上110元，收漲3.3%，股后大立光(3008)收漲2.46%；IC設計股今走勢不弱，指標股聯發科(2454)開高震盪，尾盤拉高，終場收漲2.15%、報在950元，股王矽力-KY(6415)早盤衝高後壓回，收漲2.35%，力旺(3529)午盤後攻上漲停，股價重回900元大關，世芯-KY(3661)亦於午盤後亮燈漲停、鎖在454.4元；面板股友達(2409)、群創(3481)反彈只演半場好戲，盤中均紅翻黑，股價陷入震盪，彩晶(6116)則相對有撐，力守逾2%的漲幅表現；被動元件國巨(2327)衝高後也持穩震盪，終場收漲3.38%。
今航運股反彈行情依舊火熱，一片紅咚咚，貨櫃三雄長榮(2603)、陽明(2609)、萬海(2615)全數亮燈漲停，帶動裕民(2606)、台船(2208)、四維航(5608)也均攻上漲停，今日股東會宣布加發股利的慧洋-KY(2637)收盤亦是差一檔攻上漲停，航運市場持續火熱，目前亞洲-歐洲航線運價約為去年同期8倍，6月1日全球第二大的地中海航運已通知客戶每大箱要加高1000美元；美西線目前運價約為去年同期4倍，全球第五大的赫伯羅德航運美加線每大箱要加1200美元；另外，疫情帶動宅配需求爆表，宅配通(2642)、嘉里大榮(2608)亦亮燈漲停。
分析師表示，美國疫情逐漸受到控制，美國經濟也即將進入重啟，美元持續走弱，以巴也簽定了停火協議，數字貨幣的大修正終於告一段落，惟台灣疫情急速升溫，仍不確定目前的防疫手段是否能壓得下來，但伴隨著美股的反彈走強，以及美國科技股暫時化解了下跌的疑慮，台股反彈波仍將持續，但仍是震盪幅度大且快速輪動操作難度高，逢指數反彈調整弱勢股的看法目前沒有改變。
目前台股指數對於疫情干擾的恐慌情緒降低，此次指數修正的過程中，融資餘額減幅遠大過指數跌幅，籌碼逐漸沉澱穩定，目前台股本益比已降至15倍歷史中下緣，因此若疫情逐漸受控，股價走勢將回歸基本面，反彈行情可期，不過，短期上檔套牢賣壓沉重，且疫情不確定性仍高，選股應以高殖利率及低本益比個股為主。
</t>
  </si>
  <si>
    <t>大陸國家衛健委今（31日）通報，前一日新增71例確診病例，其中48例本土確診，涉及8省，包括黑龍江19例，內蒙古10例，甘肅9例，山東和寧夏各3例，雲南2例，北京和江西各1例。
大陸近期本土疫情再起，大陸國務院副總理孫春蘭28日至30日到甘肅省蘭州市、天水市調研指導疫情防控工作。孫春蘭表示，甘肅疫情由旅遊活動引起，感染者活動範圍大，防控形勢存在一定的不確定性，要求採取果斷措施，盡快控制疫情。
孫春蘭強調，當前大陸疫情仍複雜嚴峻，要認真排查疫情跨區域傳播的漏洞，吸取教訓和完善防控機制，避免防控盲區和漏管失控。
內蒙古日前疫情嚴峻，遊客滯留當地多日，27日開始，內蒙古額濟納旗陸續將游客向低風險地區轉運，並進行集中健康監測，截至30日24時，累計轉運遊客9070人，其中透過鐵路轉運4119人，透過公路轉運4951人，根據當地統計，目前還有300多名遊客沒有離開額濟納旗。</t>
  </si>
  <si>
    <t>台大醫院昨搶先開放AZ及BNT疫苗門診，中央流行疫情指揮中心證實同意醫療院所開放自行預約，而今天再宣布AZ及BNT兩劑皆可不透過疫苗預約平台，直接至醫院預約，其中AZ疫苗第二劑首度開放間隔8周即可施打。
指揮中心發言人莊人祥說明，BNT第一劑接種年齡需滿12歲，AZ第一劑則需滿18歲，BNT第二劑接種資格僅限18歲以上且間隔4周以上，而AZ第二劑原本在預約平台限制為間隔10周以上，現行至醫院預約只要滿8周即可。
外界質疑，是否還有必要維持疫苗預約平台運作，莊人祥說明，由於第13期主要是AZ和BNT，因此開放符合資格的民眾都可以自行預約；而接下來第14期可能會有莫德納，這部分還是會以平台為主。
他表示，目前除了預約平台外，也開放民眾可到各地醫療院所接種，各縣市有各種不同做法，比如說有縣市在捷運站設站，我們都非常鼓勵這些做法，讓民眾甚至不用預約就能接種，希望提供不便使用預約平台的民眾，可以更方便接種。
指揮中心提醒，未滿18歲對象，請由家長(或法定代理人、監護人及關係人等)陪同前往合約醫療院所或接種站接種，並由本人與家長於現場共同簽署意願同意書；18歲至未滿20歲民眾，如自行前往接種，請持家長簽具之意願同意書，若由家長陪同前往接種，請本人與家長於現場共同簽署意願同意書。
另10月1日起亦開始接種流感疫苗，依我國衛生福利部傳染病防治諮詢會預防接種組(ACIP)建議，接種流感疫苗應與COVID-19疫苗間隔至少7天，請民眾前往接種COVID-19第二劑疫苗前，應備妥「COVID-19疫苗接種紀錄卡」及健保卡，並於接種前評估時說明過往疫苗接種史，以利醫生評估。</t>
  </si>
  <si>
    <t xml:space="preserve">英國牛津大學與瑞士的研究發現，接種AZ疫苗除了能夠產生抗體外，也能在人體形成T細胞「訓練營」，或許能為人體提供終生保護力，甚至能殺死變種病毒。
英國《太陽報》（The Sun）報導，英國牛津大學與瑞士的研究團隊15日在《自然免疫學》（Nature Immunology）期刊刊登研究，團隊發現，T細胞保護是AZ、嬌生疫苗等以腺病毒為載體的疫苗的「關鍵特徵」。
團隊指出，接種疫苗後，腺病毒會進入人體內稱為纖維網狀細胞（fibroblastic reticular cell）的長壽組織細胞，在那裡形成T細胞的「訓練營」。
來自瑞士醫院的研究人員路德維希教授（Burkhard Ludewig）表示，出生自這些細胞訓練營的T細胞看起來都有很高的適應能力，他說腺病毒能夠和人體共同進化很長一段時間，並且在過程中學習到很多有關人體免疫系統的知識。
「病毒永遠是最好的老師，這裡它們教會我們的最重要一課是如何最好地刺激殺手T細胞反應。」
這項研究發現代表即便抗體已經消失好一段時間，人體仍能夠持續製造這些重要細胞，甚至可能在餘生中持續存在。
先前研究就已經顯示，比起輝瑞/BNT、莫德納等mRNA疫苗，AZ疫苗在製造T細胞方面更有效。
研究團隊坦承他們難以量測T細胞在體內的數值，但是他們希望這些T細胞能夠存在終生。
牛津大學納菲爾德醫學院（Nuffield Department of Medicine）教授克萊納曼（Paul Klenerman）指出，全球數百萬人接種腺病毒疫苗，最終目標是希望透過抗體及T細胞誘發長期的免疫系統保護。
※備註：以上為英國《太陽報》報導，針對報導內容，台灣事實查核中心引述國家衛生研究院感染症與疫苗研究所研究員周彥宏、嘉義長庚醫院風濕過敏免疫科主治醫師林靖麒等專家看法，提出以下釋疑：
一、專家指出，報導引述的研究在2021年7月15日發表於《自然-免疫學》期刊，研究使用腺病毒載體，但載體內不是放新冠病毒S蛋白的DNA，無法直接推論為「AZ疫苗施打在人體的效果」。
二、專家指出，該研究是以人類腺病毒五型和黑猩猩腺病毒載體，在病毒內放冷光蛋白質，注射進入老鼠體內。實驗觀察到腺病毒會活化老鼠肺部間質細胞內的纖維母細胞，使記憶型的殺手T細胞常駐。
三、專家指出，該研究並未提到「抗體」反應，因此也無法推論接種AZ疫苗的抗體生成及保護力持續性。
因此，事實查核中心認定，這篇《太陽報》報導為不實訊息。
</t>
  </si>
  <si>
    <t>桃園新增特殊交友圈25歲男子確診，離譜的是他是在特殊交友圈友人居家隔離時，多次前往探訪，友人確診後，他也採檢確診。桃園市長鄭文燦表示，將依法處20萬至100萬罰款。
鄭文燦表示，確診者案15742是25歲男性，為案15700接觸者，他在7月21日列為接觸者居家隔離後，27日確診。根據疫調，該確診者在案15700居家隔離期間多次探訪，案15700都沒有拒絕或阻止。
他說，該確診者明顯違反居隔規定，按照規定，居隔者不能離開處所，也不能接待朋友拜訪。這已經違反傳染病防治法、嚴重特殊傳染性肺炎防治及紓困振興特別條例，將可處20萬至100萬罰款，將依照實際情形開罰。他說，活躍交友圈在3級管制期間要降低活動，呼籲若接觸到確診者要採檢。</t>
  </si>
  <si>
    <t xml:space="preserve">
高雄鳳山麻將群聚至今已造成14人染疫，高雄市長陳其邁發出「麻將禁令」，但就是有人忍不住要。警方查獲湖內一處民宅內有5男1女群聚，原來林姓男子不顧老父勸阻，心想地處偏遠、時間也晚，還是揪人來「摸兩把」，林男老父忍不住對警察抱怨：「叫他們不要來還是來，哪有辦法」。
高雄湖內分局接獲民眾檢舉指出，指湖內區中正路一間民宅有人打麻將，擔心形成防疫破口；據中廣新聞報導，警方趕到現場，果然看到5男1女在屋子裡打麻將，只有2人有戴口罩，6人見警方進門，嚇得目瞪口呆、臉色鐵青。
警方調查，前去打麻將的是林姓屋主兒子的朋友，屋主一見到警方忍不住抱怨：「就跟你說，現在疫情嚴峻不要約人到家打麻將，你偏偏不聽話，結果你看…」，員警聽到也直搖頭。現場6人群聚，明顯違反3級警戒規定嚴禁室內5人以上聚會，員警蒐證後依傳染病防治法全部開單舉發，將函報高雄市政府衛生局裁罰。
</t>
  </si>
  <si>
    <t xml:space="preserve">移民署南區事務大隊嘉義市服務站及專勤隊，舉辦「110年度新住民關懷網絡會議」，邀請約24個嘉義市公、私部門及移民團體等網絡夥伴共同參與，結合中央與地方單位進行政策交流及案例分享，其中包含非洲豬瘟防疫、新式外來人口統一證號、新冠肺炎及新住民全球新聞網站等宣導，透過公私協力合作，提升服務品質與營造友善環境，擴大對新住民的關懷與服務。
本次會議首先由移民署宣導「非洲豬瘟防疫」的重要性，還有「新式外來人口統一證號」等與外來人士切身相關資訊；隨後由嘉義市政府衛生局分享如何防範「新冠肺炎（COVID-19）及其他傳染病」；再來最重要的是介紹與新住民相關的「新住民全球新聞網站」。
該網站每天上傳多則新聞讓新住民用自己母國語言閱讀國內外重要新聞，每週還有多語影音報導新聞，強化新住民「知」的權利。會中也藉由各與會者互相交流分享服務經驗及面臨的問題，透過熱烈討論的過程，期盼深化轄區內公部門及NGO團體之間的橫向連繫，全面瞭解新住民各項問題及需求，適時提供協助。
嘉義市服務站主任黃艷薰表示，為了守護臺灣豬，移民署特別製作中、英、越、印、泰、緬及柬埔寨等7國語言版文宣及影片，並透過服務站通譯人員以母國語言宣導，請新住民及移工朋友們千萬不要網購或請家鄉親友從母國寄肉製品到臺灣，違規輸入肉品最高可處七年有期徒刑，得併科新臺幣300萬元罰金，相關文宣放置於「新住民培力發展資訊網」，歡迎大家下載轉發，齊心防範非洲豬瘟。
</t>
  </si>
  <si>
    <t xml:space="preserve">生醫族群個股各擁題材發燒，智擎(4162)PEP503用於治療頭頸癌，獲美國FDA快速審查資格，盤中鎖在漲停板60.5元，買盤超過700張排隊等著要買；雙美(4728)膠原蛋白植入劑出貨旺，1月營收年增152.64％，強調市場需求仍在、疫情衝擊營運不如外界想像這麼嚴重，股價鎖在漲停75元；商之器(8409)、環瑞醫(4198)也聯袂鎖在漲停板，上市櫃生醫指數漲幅都超過1%，成為盤面上人氣焦點。
智擎生技授權夥伴法國Nanobiotix公司宣布，PEP0503(NBTXR3)獲得美國FDA適用在頭頸癌的快速審查資格。Nanobiotix公司與智擎公司針對PEP503正擴大開發其他適應症應用，包括頭頸癌、肝癌、直腸癌、攝護腺癌以及併用PD-1抗體於頭頸癌及非小細胞肺癌，皆在進行臨床試驗中。
雙美指出，雖然短期部分學術分享與行銷活動等相關群聚型活動因新冠肺炎疫情延燒而暫時延期，且外出消費的人潮也有減緩情況，但觀察多數愛美的消費者對於醫美保養的需求仍存在，評估對營運影響並無外界想像來的大。雙美挾著膠原蛋白植入劑出貨表現暢旺，1月營收年增152.64％。
</t>
  </si>
  <si>
    <t xml:space="preserve">歐陽娜娜臉蛋甜美、身材高挑，近年來都把演藝事業轉往大陸，但在台灣的討論度還是超高。時常在社群網站更新動態的她，Instagram卻悄悄停留在1月，連歐陽妮妮都發文求救：「麻煩幫忙一下呀」事隔兩個月，歐陽娜娜終於更新IG，讓粉絲振奮不已，直呼：「娜娜終於回來了！」
歐陽娜娜跟時下年輕人一樣，熱衷經營個人社群網站，雖然微博不斷有更新，還開了綠洲新帳號，但Instagram卻停留在1月12日，引發外界好奇。原來歐陽娜娜的IG密碼登不進去，已經寫信給官方處理，過了幾天，歐陽娜娜終於成功登入IG帳號，火速發了多張居家照，只見她化著淡妝，身穿白底碎花衣服，頭髮略顯凌亂，面無表情的對著鏡頭，同時分享書本的內容，顯然有乖乖在家防疫。
歐陽娜娜再度回歸IG，讓許多粉絲欣喜若狂，短時間內就湧進千人留言：「密碼找回來了」、「回來啦」、「終於發照片了」。
歐陽娜娜把演藝重心轉往大陸後，電視、戲劇、綜藝和廣告代言為她賺進上億鈔票，最近又入職阿里巴巴集團，擔任淘寶新勢力代言人，目前正負責淘寶服飾行業運營，有網友爆料依照她的層級和名氣，真實年薪超過百萬人民幣。
</t>
  </si>
  <si>
    <t xml:space="preserve">國民黨立委陳玉珍針對口罩網路預訂政策指出，徵收口罩成本2.5元，再加上物流處理費後，所以才變成1片5元，但現在開放預訂後，便利商店領貨要再加7元物流處理費，原本的5元不就內含物流費了嗎？
陳玉珍批評，偏偏一群健忘的人還在她提出不應另加收這7元後在那邊帶風向亂批評，「請問這些健忘的選民，你們是忘記了，還是害怕想起來。」
陳玉珍強調，政府的政策是要引導民眾行為的方向，網路預訂的效果有助於口罩的有效分配和避免排隊的群聚感染以及減少排隊的時間成本，各方面都是一件好事。而5塊錢本來就含物流費，為了要鼓勵大家多用網路訂購，更不應該收這個7塊錢，藉由一樣的購買成本來導引民眾往預先訂購的方向去走，政策訂定的目的應該朝這個方向努力，這個也是我說七塊錢沒有必要收的深層道理。
不過陳玉珍的講法也引來網友批評，陳玉珍對此也表示，很高興有越來越多的年輕網友會關心及來玉珍這裡討論公共議題，但是在討論的過程中，即使是在跟網友們持有不同意見時，也請大家保有一定的互相尊重。
</t>
  </si>
  <si>
    <t>台灣疫情近日持續升溫，大陸抗疫時的醫療應對，或許有可借鏡之處，包含像兩岸共通的「中醫」療法，大陸也在對抗新冠肺炎疫情過程做為醫療方式之一。武漢大學人民醫院中醫科副主任胡家才指出，輕症患者結合中西醫治療，對提高療效、縮短病程非常有幫助。據大陸官方先前發布《抗擊新冠肺炎疫情的中國行動》白皮書顯示，中醫藥參與救治確診病例的占比達到92％。湖北省確診病例中醫藥使用率和總有效率超過90％。
實際上，在大陸去年召開的「中醫藥在新冠肺炎防治中的作用與傳承創新發展研討會」上，復旦大學附屬華山醫院感染科主任張文宏也指出，中醫的「治未病」思想，在新冠肺炎的預防常態化將有重要作用，同時在中西醫融合思想、現代化科學化的支持下，可以走得更好、更遠。
針對輕症患者，如何採取中西醫結合治療？胡家才曾說明，西醫用藥主要是抗病毒，比如奧司他韋和阿比多爾，同時也使用中醫藥治療、廣譜抗病毒來調節免疫力；整體來說，使用中藥後的療效相當好，一方面可調節身體、另一方面讓患者心裡有種安全感。同時中醫參與治療，對提高療效縮短病程很有幫助，並配合傳統的非藥物療法如八段錦來疏通經脈、緩解精神緊張。
「疾病的嚴重化，高死亡率是對大家造成恐慌的重要原因」，張文宏認為，基於零重症的治療思想，中醫是以預防為主，阻止輕症病人變成重症病人，把病控制在早期階段，不要發生重症化，降低致死率。
張文宏更指出，中醫學已開始充分地進行機制面的研究，引入如資訊化、分子生物學等西醫常用的現代科學機制，成為可以共同談論的科學語言。此外很多中醫藥科學家也開始做有效成分的分離純化，包括電腦輔助分析、對有效小分子化合物提純等。</t>
  </si>
  <si>
    <t xml:space="preserve">農曆新年才剛過，明年台北市長之戰已成各界焦點，藍綠陣營會派誰出戰，也吸引各界關注，其中，衛福部長陳時中代表綠營出馬的呼聲極高。據悉，民進黨所作的內部民調顯示，陳時中成功化解桃醫危機，不論在台北和新北，滿意度都高達6成以上，已是黨內參選雙北選戰的不二人選，但有網友對這民調結果感到難以置信，譏諷這麼高怎能只選市長，應該要選總統才對！
《聯合報》今（22日）報導，民進黨1月所作的內部民調結果顯示，高達73.5%的受訪者滿意陳時中的防疫表現，不滿意度為23.6%，且在全國各區域的滿意度都達6成以上，其中全國滿意度前3名分別為：雲嘉南地區的80.3％、新北市的76.3％和台北市的68.4％。雖一度發生桃醫院內感染，但超過7成民眾對陳時中拆彈有信心，黨內人士直言，陳時中成功化解桃醫危機，是其民調再升高原因之一。
不過，許多網友看完這則報導，在其下方留言表示，「那麼高的支持率怎麼能只當市長，應該選總統才對」、「太低了，是94.87%」、「只選市長？太大才小用了！好歹要選2024的總統，做完一任因為政績卓著，被推薦當聯合國祕書長？再來，已沒有任何官位安插他了，出馬競選外太空宇宙無敵大總統？統治整個宇宙」、「疫苗買到來了再說！疫苗狼來了，歹戲拖半年了」、「真的沒人了」。
對於陳時中是否參選台北市長，資深媒體人謝寒冰20日在中天政論節目《爆卦頭條》中表示，對民進黨而言，陳時中也是一個期待，不過陳時中今年67歲了，到2022年時他68歲，以縣市首長而言，他年紀偏大。同時，陳時中沒打過選戰，可能不知道選戰的痛苦，沒有超人的體力、堅強的意志力，不容易成功。另一資深媒體人黃暐瀚認為，民進黨在台北市要贏沒那麼簡單，且陳時中真的會選台北市長嗎？他反而覺得是民進黨台北市黨部主委吳怡農參選的機率較高。
</t>
  </si>
  <si>
    <t>明天是4月1日愚人節，蔡英文總統今天提醒民眾，愚人節這天，忍不住的人可以發揮幽默，但切記「 不可以拿疫情開玩笑，以免觸犯法律」。
蔡英文在臉書表示，她想提前介紹愚人節好運貓貓，更重要的是，愚人節這天，不可以拿疫情開玩笑，以免觸犯以下法律：
一丶傳染病防治法第63條：散播有關傳染病流行疫情之謠言或不實訊息，足生損害於公眾或他人者，科新台幣三百萬元以下罰金。
二丶防疫特別條例第14條：散播有關嚴重特殊傳染性肺炎流行疫情之謠言或不實訊息，足生損害於公眾或他人者，處三年以下有期徒刑、拘役或科或併科新台幣三百萬元以下罰金。
她也祝福大家，愚人節不只幽默，也都能健康又平安！</t>
  </si>
  <si>
    <t>針對確診機師案16120曾於8月28日返回苗栗頭份老家，縣府以禦敵從嚴原則，對頭份市成功里12至14鄰啟動社區快篩防疫機制，同時也對此案匡列接觸者19人（新增燒烤店顧客1人）及同住家人39人，總共58人住進集中檢疫所隔離及採檢。
縣府指出，案16120曾返回苗栗頭份老家，待至隔日離開苗栗，於頭份市並無公共場域足跡，其苗栗家人PCR也皆為陰性，但縣府仍從嚴辦理，凡設籍於頭份市成功里12、13及14鄰居民持身分證及健保卡雙證件證明可至設在為恭醫院的社區篩檢站採檢，時間為今天下午1點至晚上9點及9月5日早上8點到10點及下午1點至晚上9點。若戶籍不在但實際居住者，可請里鄰長或由社區管委會開立居住證明。
縣府表示，案16120在PCR結果出來前就涉及長途移動，並和外人聚會，違反機組員加強自主管理規範部分，因個案為桃園市案例目前由桃園市政府調查中，縣府全力配合協助。
徐耀昌說，此案以高規格掌握相關風險，擴大匡列相關人員，藉以阻斷感染源進入社區，衛生局已依中央指示針對已匡列接觸者58人，從昨天晚上到今天上午分梯安排入住集中檢疫所，作預防性集中檢疫隔離及採檢，由原「確診者接觸者的接觸者」自主健康管理升級至「隔離」規格，這是為了預防Delta變異株傳播性，為不得不的因應措施，希望民眾配合。
而現階段苗栗縣採取強化2級警戒防疫措施，但暫不調降集會及活動規範人數。
此外，有關本月6日起役男將開始入營，在入營前可以預約免付費快篩，篩檢日期須在入營前3天（不含入營當日），篩檢地點在全縣COVID-19抗原的10家醫院採檢站，役男須帶徵集令（常備役、一般替代役、補充兵）、入營通知書（研發替代役） 、錄取通知書（志願役）及健保卡前往採檢，在入營集合時出示健保快易通app，篩檢結果為陰性者，才可報到入營。</t>
  </si>
  <si>
    <t xml:space="preserve">昨日(3/31)基隆市舉行新冠肺炎超前部署社區防疫演習，疫情指揮中心指揮官陳時中在台上致詞時透露，每一名新冠肺炎確診，社會成本高達210萬元，這還不包括所有間接成本。他表示錢的事小，最怕的是病毒擴散出去，變成社區人傳人，因此他拜託居家隔離或檢疫的民眾真的不要出門、到處亂跑，要守住台灣每個人都有責任。
陳時中表示，社會成本算是小事情，他最擔心的是新冠病毒會會一傳十、十傳百，導致疫情擴散。所以他苦勸，居家隔離、檢疫者真的不要趴趴走，明知故犯，還出門去超商、買咖啡、借錢、買蚵仔煎等，會造成社會上很大的壓力。
至31日為止全台新冠肺炎確診已累計322例。陳時中說，台灣非常努力做好邊境管制、境內檢疫等，然而要守住台灣的安全，必須靠大家一起自我管理，做好自身的責任，「每個人都是小螺絲釘，我也是一個小螺絲釘。拴緊了，才有辦法面對這場硬仗。」
</t>
  </si>
  <si>
    <t xml:space="preserve">
新冠肺炎疫情持續延燒，全香港的學校自2月初開始停課，香港教育局20日宣布，將會提供中小學、幼稚園以及其學生額外津貼，以協助減輕學校和家長在防疫、停課時間的負擔，目前第一批學生津貼將發放港幣3,500元（約新台幣13,000元），之後還會陸續發出。
香港教育局長楊潤雄表示，為了防止新型冠狀病毒在校園之中傳播，以及保障學生們的健康安全，全香港的學校從2月初開始暫時停課，而學生在學校的支援下，皆留在家中學習，做到「停課不停學」，但在這段期間，不少家長仍支付子女的學費或是添購學習設備等。
為了減輕家長的負擔，香港政府將成立「防疫抗疫基金」，預計撥出約9億港幣（約35億元新台幣），把本學年每名學生津貼增加1,000港幣（約3,930元新台幣），由2,500元提高至3,500元，惠及約90萬名家長，且無須另行提交申請，政府也會依據先前訂定的時間表，優先處理學生津貼的申請。
楊潤雄指出，預計可在「防疫抗疫基金」成立後的一星期內，就開始發放第一批3,500元的學生津貼，其後批次則會陸續發放。另外，香港教育局宣告，除了調撥現有資源，為全港學生提供津貼外，也會幫助學校提升防疫物資並且清潔校園。
更多 CTWANT 報導
</t>
  </si>
  <si>
    <t>馬來西亞央行周二宣布調降基準利率2碼（50基點），至2.00%，創下2009年來新低，以協助經濟度過新冠肺炎大流行與能源出口價格崩跌的衝擊。
馬來西亞政府已在周一放寬歷時6周的行動與企業限制措施。
這是該國央行第三度降息，此決議符合市場普遍預期。今年馬來西亞經濟料將創下逾10年來最疲弱的表現。
在其政策聲明中，該央行表示將適當動用其政策槓桿，為經濟持續復甦創造有利環境。
儘管在4月中旬以前，馬來西亞是新冠狀病毒確診病例最多的東南亞國家，但該國仍決定在5月4日放寬防疫管制措施。該國衛生部門周一公布55起新增確診病例，使染病患者總數達到6,353人，累計死亡病例為105人。</t>
  </si>
  <si>
    <t xml:space="preserve">電子族群奮起，台股急挫百餘點後翻紅收高，半年線守住。國際股市殺聲隆隆，美股昨夜重挫千點，亞股今早剉咧等，台股在盤初急跌百餘點、探至11415.47點後，回測半年線，惟權值三王台積電(2330)、大立光(3008)、鴻海(2317)多頭回神重掌兵符，攜手搖旗反攻，帶領其他電子、半導體、電子零組件等主要電子族群步步逼退空軍，午盤過後成功收復失土、持穩盤上，最高來到11567.09點，惟臨收台積電、鴻海遭空軍突襲，漲幅雙雙縮減，大盤漲點也同步降至5.36點，收11540.23點，總成交值則放大至1538.15億元；店頭市場收146.48點，下跌0.08點，總成交值376.22億元。
分析師表示，觀察外資動向，昨日外資現貨賣超逾200百億元，期貨淨多單留倉口數也僅2.6萬多口，顯示出對後市抱持保守態度，看不明朗。未來影響台股重要因素為疫情的發展，目前全球經濟已受到波及，後續須關注各產業是否出現產生斷鏈等情形。
電子權值三王全收紅，股王大立光終場收在4630元，小漲0.43%；台積電終場收在322元，上漲0.63%；鴻海收在82.3元，漲1.98%；立凱-KY(5227)挾著鋰鐵電池未來看好，今日收漲停17.65元，並收復年線；茂矽(2342)1月份EPS達0.12元，較去年同期虧轉盈，今日續創波段高；國泰金收在40.7元，小跌0.37%，富邦金收在44.95元，小跌0.11%。
分析師說，新冠肺炎疫情全球擴散，國際股市震盪，台股短期將難脫震盪格局，目前各國央行持續寬鬆貨幣政策，操作上不妨留意具內需題材、2月營收不受疫情影響等個股。
</t>
  </si>
  <si>
    <t>台灣本土降級後，國旅交通大鬆綁，台灣境內的郵輪旅遊，傳出復航申請文件已經在指揮中心，八大行業也傳出遞交防疫指引盼可恢復營業，對此中央流行疫情指揮中心證實，確實都有收到申請文件，但需要看防疫計畫來決定，尤其郵輪多達千人，且是在密閉空間，會參考國外作法。
網路傳出10月1日疫情警戒將會降到一級，對此，中央流行疫情指揮中心醫療應變組副組長羅一鈞表示，確實這階段二級警戒調整標準，前天有開會修正，但何時降級，要看疫情發展，以及民眾對於修改規定後的遵守情形來做評估。
至於郵輪部分何時可以鬆綁？發言人莊人祥表示，由於郵輪的旅客多達千人，而國內目前還是有不明感染源的病例，加上郵輪空間也比較封閉，這部分將會針對業者的防疫計畫評估，另外會在看其他國家針對郵輪的復航規定來做參考。
至於八大解禁，羅一鈞表示，目前列為禁止，須關閉場所中的業別，包括KTV、MTV等場所，目前經濟部已經針對這些業別制定指引，送到指揮中心，經過適度防疫與管理，就可以有條件開放。
是否開放？羅一鈞強調，一方面會衡量全國民眾疫苗接種後蓋率，另外就是落實防疫條件，尤其這些行業因為很多都是密閉空間，能不能遵守口罩戴好、保持社交距離等，是審核比較重要的部分，通過會再公布。</t>
  </si>
  <si>
    <t xml:space="preserve">台股今不敵股王大立光法說會Q3不旺震撼彈，美國昨新增6.5萬新增病例、香港也新增42病例，緊急祭出限聚令，全球疫情恐捲土重來，拖累台股指數一度重挫逾160點，最低落至12030點，但在台積電撐盤下，盤中跌幅收斂到百點之內，終場台股收跌119.01點、報在12073.68點、成交量為2581.81億元，台股周線4連紅、本周指數漲164點。
股王大立光(3008)為今日台股投下震撼彈，昨日法說會中執行長林恩平釋出保守消息，大部分客戶都有下修，6月、7月及8月拉貨動能差不多，今股價重殺開低，盤中股價重挫逾9%，直逼跌停板，終場收跌420元，惟外資依舊對大立光送暖，多維持「買進」、「建議加碼」評等，美系外資還上調大立光目標價至5200元。
權值股中權王台積電(2330)逆風振翅，無懼大盤，股價一度衝上353元，再度改寫新天價，市值也站上9兆元大關、達9.15兆元。
大立光對第三季展望釋出保守訊息，市場智慧型手機產業下半年是否會有變數，玉晶光(3406)下跌逾5%，PCB廠華通(2313)、台光電(2383)、台郡(6269)、臻鼎-KY(4958)，砷化鎵代工廠穩懋(3105)及宏捷科(8086)等今也成為台股重災區。
IC設計指標股聯發科(2454)除智慧型手機前景受到股王示警蒙塵外，加上自身波段漲幅已經過高，今持續壓回修正逾3%，近期屢創天價的瑞昱(2376)、聯詠(3034)則是一漲一跌，瑞昱壓回震盪，聯詠則在有外資加持續，走揚逾1%。
今日八大類股全數走跌，除電子股得走弱下，汽車類股指數更是重挫逾2%，表現最弱，另外，塑膠、玻璃、橡膠、運輸、觀光、營建與百貨類股指數同步也均下挫逾1%，生醫股早盤走強，為盤中急殺，類股大洗三溫暖。
分析師表示，雖然美國每週初領失業救濟金人數持續下滑，但美國新增確診人數維持高檔，市場仍擔憂疫情造成二次封鎖，同時也關心關稅戰、地緣政治衝突，以及發生在日本、長江流域的水患隱憂，距離美國總統大選僅剩4個月，也牽動美股的走勢，近期台股維持均線多方架構不變，但短線上仍有可能出現拉回盤整。6月營收數字與緊接而來的第二季財報為市場關注的焦點，投資人在挑選投資標的時應留意。
目前台股指數仍在偏多發展，只要維持3天之內創高或是5日線不破都是強勢型態，直到跌破月線才將轉入整理，在此之前各族群還是輪漲，今日6月營收將全數公布完畢，後續陸續進入法說會旺季，可以留意相關第三季產業展望。
</t>
  </si>
  <si>
    <t>花蓮縣今新增1例，是萬華大舅案4260上月中旬前往花蓮遊玩，期間住在親戚家，同住共餐、打牌所造成的家族群聚感染，迄今已累計到13例。此外，雙北長照機構近日爆發人員相繼染疫，縣府已要求縣內長照機構分艙分流，疫苗接種部分，則是將機構人員列入施打對象的第二順位。
衛生局長朱家祥表示，案8994是一名60幾歲男性，為案6776的父親，來源仍是由萬華大舅造成案6556家族群聚案所延伸。上月26日其女兒確診後，就前往慈濟醫院PCR篩檢，結果呈陰性，隔天就一直在家中隔離，和同住妻子做好一人一室，保持社交距離，30日晚間出現發燒情形，當時不以為意，吃退燒藥，隔天持續發燒，31日晚間撥打防疫專線，主訴出現症狀後，公衛人員隨即安排至花蓮醫院採檢確診。迄今也已累計36例確診個案，90人居家隔離中。
台北市信義區某老人長照機構日前發生群聚感染後，新北市土城某養護中心也出現確診個案，新北市政府將針對各長照機構等單位的照顧者、被照顧者，進行篩檢，並優先讓其接種疫苗，避免長者染疫產生重症。
花蓮縣長徐榛蔚有感而發，上月28日已要求縣內的長照機構、療養院、24小時住宿的長照機構，院內醫護人員、照護員一定要進行分艙分流，禁止相互換班，嚴禁行政人員進入醫療管制區域，外聘的清潔員、電梯保養員等，則是禁止進入長照機構。
徐榛蔚強調，在機構內從事醫護的人員、照服員、工作人員等，縣府會盡力安排提早接種疫苗，安排在施打第二順位，延續安小安老政策。另外，疫苗抵達花蓮後，會啟動13鄉鎮衛生所、各大醫院及先前配合施打流感的診所，同步替民眾接種。
由於消防局救護人員也是防疫第一線，有接觸確診患者、出入高風險區的需求，衛生局協調慈濟醫院替消防局近300位救護人員分批接種疫苗；據統計，今天是第一批共有123位救護人員接種，消防局長林文瑞一早也現身醫院，捲起袖子讓醫護人員施打，盼能藉此增加救護人員的信心。</t>
  </si>
  <si>
    <t xml:space="preserve">所謂山不轉路轉，高市旅宿業因疫情大動盪，住房率不見起色，有業者乾脆推居家檢疫者家人優惠住房專案，高雄翰品酒店電話詢問度高，還提供餐飲外送到給居家檢疫者。漢來飯店也推出「家外之家長住專案」，已有居家檢疫者家人入住。
高雄翰品酒店指出，目前住房率為2、3成，清明節預估3至4成，近來推出「把安全留給家人」防疫住房專案至6月底，讓需要和居家檢疫同住的健康家人，以優惠價格入住旅館，須連續入住7天以上，每晚1530元贈早餐。另推不限金額為居家檢疫者送餐服務。
漢來飯店表示，近來住房率約2成，雖然下周是連假，但近來是防疫關鍵期，目前受到連假紅利而提升；目前推出持家人的「居家檢疫通知書」影本證明，且至少需連住10晚，不分平假日一晚2310元。
高雄福容大飯店推「住辦合一」專案至6月30日，提供商務客辦公，目前詢問度很高，依照商務公司需求簽訂合約，屆時也會開固定樓層，包月每天1366元、連住14天則是1500元。福華飯店也推遠端辦公室客房專案，租用5日以上，每日1388元。
另外，開業9年的艾卡設計旅店，近日宣布4月15日結束營業，是否因疫情影響所致？業者澄清是「租約到期」，即起推住房打3折，每晚每人最低只要480元起，並舉辦出清特賣會。
</t>
  </si>
  <si>
    <t>新冠肺炎疫情嚴峻，前線防疫警消、醫護、清潔等人員的安全不容漠視！立委馬文君匯集志工們愛心製作超過8000個「頭戴式防護罩」，希望防疫英雄們除戴口罩外，能多加一層防護罩，減少飛沫接觸眼耳口鼻機會，放心值勤、守護縣民健康。
馬文君說，照片裡的每位防疫英雄都是我們的「台灣隊長」，面對疫情衝擊，他們沒有流淚的特權，必須面臨三餐不定時，選擇飢餓，汗流浹背值勤，甚至存在染疫的風險與壓力；但是他們義無反顧的在各個角落挺身而出，這些人是帶領全台挺過危機、最重要的抗疫主角。
馬文君強調，她要向穩住社會的前線防疫人員致上最深的敬意，您們是比國家隊更強大的「平民抗疫英雄」，因為有您們，我們相信一定能戰勝疫情，讓這塊土地恢復生機與希望，大家加油！台灣加油！
＃新冠肺炎＃頭戴式防護罩</t>
  </si>
  <si>
    <t>包括摩根大通在內的美國八家大型銀行15日晚間宣布，基於新冠肺炎帶來「前所未見的挑戰」，銀行將暫緩實施庫藏股計畫，至少7月前都不會買回自家股票，以保留資金對抗肺炎疫情。
代表美國大型銀行的金融服務論壇（Financial Services Forum）宣布摩根大通、美國銀行（BoA）、花旗集團、高盛、摩根士丹利、富國銀行、道富銀行 （State Street）和紐約梅隆銀行這項決定。數小時前美國聯準會（Fed）一口氣將利率調降4碼，並公布一連串強化經濟和銀行流動性措施。
上述美國八大銀行被巴塞爾銀行監管委員會視為是「全球系統重要性」銀行。美國八家大銀行暫緩實施庫藏股，主要為了證明在全球經濟高度不確定的時刻，銀行保有充足的資本和流動性。
金融服務論壇在聲明稿中表示，「新冠肺炎對全球和經濟都是前所未見的挑戰，暫緩實施庫藏股計畫符合銀行的共同目標，也就是運用龐大的資本和流動性，藉由放款和其他重要服務，為個人、小型企業和整體經濟，提供最大的支援。」
布蘭迪（Brandywine）全球投資管理公司投資組合經理人凱瑟（Patrick Kaser）表示，這項計畫看似由摩根大通執行長迪蒙（Jamie Dimon）主導，目的在強化銀行信心。
美國最大銀行摩根大通在聲明稿中指出，「即使市況大幅惡化，摩根大通擁有充足的能力和穩健的資產負債表，以支撐金融體系和所有客戶。」摩根大通的股利政策維持不變。
美國八大銀行在2019年總計買回1,080億美元股票，其中以美國銀行規模最大，高達280億美元。銀行的股利與庫藏股水準每年由聯準會核定，規模依據7月的壓力測試結果而定。</t>
  </si>
  <si>
    <t>新北市新莊體育館20日上午8時有民眾目擊有一名女子橫躺在體育館階梯上，面部也未戴上口罩，有民眾憂心是昏倒遂通報消防局，不料消防到現場一問，該名女子則回覆她是在曬日光浴。
實際上，因疫情進入社區多點爆發，雙北率先升級為三級警戒後，早已全面要求市民朋友出門戴上口罩，若勸導不聽無罩上路，將可傳染病防治法開罰；此外，多數的公共場所也早已關閉，不供民眾出入。
不料，20日上午8時許就有民眾目擊一名年約30歲的長髮女性橫躺在新莊體育館的階梯上，害怕發生意外，便撥打電話請求消防局協助處理，誰也沒想到是一場烏龍。
救護人員趕往現場時，發覺女子並未配戴口罩不敢大意，便要求女子先戴上口罩再行詢問狀態，沒想到，了解後才發現女子身體並無不適，只是在曬日光浴，最後在救護人員的勸說下離開現場。
過程也被民眾拍下，上傳至臉書社團，透過圖片可見到，該名女子以臥姿趴在階梯上，救護人員則穿著全套防護衣上前關心，不少網友質疑疫情如此嚴峻，卻還有人在浪費醫療資源，也有人替醫護抱不平，直說，他們都已經很累了，還要處理這種案件，真的很辛苦。</t>
  </si>
  <si>
    <t xml:space="preserve">
中央流行疫情指揮中心今(16)日公布新增確診2例COVID-19(新冠肺炎)個案，台灣累計共20名確診案例，且出現首個死亡案例，也就是第19例的中部60多歲男性，有B型肝炎及糖尿病病史，無出國旅遊史，亦非確診病例之已知密切接觸者。指揮官陳時中表示，由於第19例男子無旅行史、明確接觸史，所以有社區傳播的疑慮，但這位死亡案例的職業為白牌計程車司機，很可能載過中港澳乘客，已經就通聯紀錄做清查，希望完全掌握接觸史，能夠發現確切的感染源，未來不排除公布需要注意的地區與範圍。
陳時中表示，社區傳播有四個定義。首先要有確定病例且找不到感染源，第19例目前符合此定義，但由於疫情調查尚未完成，現階段可說不排除有社區感染的可能。第二個定義是社區傳播是本土病例人數遠高於境外移入病例人數，第三是已經出現一傳十、十傳百的連續傳播，第四個是有範圍廣泛的傳播。第19例的出現目前只符合第一個定義，後面三個定義，台灣現況都不符合，但可以說已經出現了警訊，所以現在要盡快將疫調做好。
亞東醫院感染科主任楊家瑞醫師表示，如果台灣進入社區傳播的階段，再加上有無症狀感染者，所以代表需要更嚴密的自我防護，此時口罩的保護就會變得更加重要，而且手部清潔、消毒也必須更加徹底，沒有必要也不要出入公共場合等等，一切的防疫措施都需要更嚴格。一位家長也私下坦言，這陣子口罩之亂弄得人心惶惶，他當時還不以為意，但如果真的有社區傳播，他就覺得一定要去排隊買口罩，「因為開學、清明節返鄉潮都要到了，但口罩真的夠嗎？」家長這個疑問目前沒有解答，但口罩之亂勢必愈演愈烈了。
更多 CTWANT 報導
</t>
  </si>
  <si>
    <t xml:space="preserve">新冠肺炎持續在全球肆虐，就連美式賣場好市多也不得不祭出防疫措施，美國好市多就宣布暫停供應商品免費試吃，讓不少聽聞這項消息的消費者哀號。
由於新冠肺炎確診病例不斷攀升，美國近日有部分的州宣布進入緊急狀態，根據外媒報導，為了防止新型冠狀病毒的擴散，美國好市多暫停提供免費試吃品，但還無法得知是在全美的分店或者僅在少數區域實施，且也無法得知暫停到何時。
日前IG粉專 @CostcoDeals也分享此項消息，「好市多暫停供應免費試吃樣品，直到下次有最新公告為止」。位於加州、華盛頓以及佛羅里達等地的好市多也回應，不曉得何時才會恢復供應免費的試吃品。
不少美國網友看到後紛紛崩潰，並在IG上留言，「工作人員現在都在清理擦拭美食區的桌子」、「不，誰幹的」，但也有人認為，「贊同，太多人假裝去買東西但只是想要吃免費的而已」、「很難過，但他們謹慎應對很好」、「難過，但是這是個很好的決定」。
</t>
  </si>
  <si>
    <t xml:space="preserve">台南市衛生局本周末在台南火車站等4處據點開設「隨到隨打」站，提供莫德納疫苗免預約即可接種，2天共2144人施打，第1、2、3劑都有，由於民眾反應不錯，衛生局決定明天與後天（6、7日）下午1點到5點，在台南火車站與台南文化中心持續開放民眾接種莫德納。
台南市衛生局連續2天在台南火車站、台南文化中心、新營火車站、家樂福安平店等4個據點推出莫德納隨到隨打服務，昨天有1185人接種，今天也有959人接種。
針對這波隨到隨打服務，衛生局也於3日晚間主動針對AZ第2劑及莫德納第2劑還沒打的民眾，共發出2萬通簡訊提醒，不少民眾都是收到簡訊而來。相較別縣市祭出現金、米、蘋果等，台南市則贈送保鮮盒、牙刷組等禮品。
衛生局表示，莫德納疫苗接種站可接種對象為年滿18歲以上民眾且符合下列條件：有意接種莫德納疫苗第1劑、已接種莫德納疫苗第1劑後28天須接種第2劑，或已第1劑AZ疫苗滿8周，第2劑有意接種莫德納疫苗；另外，已完成接種2劑COVID-19疫苗後滿5個月者，不管是打哪一種疫苗，第3劑都可接種莫德納疫苗。
</t>
  </si>
  <si>
    <t xml:space="preserve">
新冠肺炎在南韓大爆發，當地中央防疫對策本部2日證實，新增599起新冠肺炎確診病例，讓南韓的確診數來到了4355例，其中有200多名的未成年病患，使得副總理兼教育部長俞銀惠(Yoo Eun-hae)在記者會上宣布，南韓全國高中以下的所有學校再延2周開學，為的就是阻止肺炎疫情擴大出去。
由於南韓疫情十分嚴峻，這使得青瓦臺2周內，再次宣布延後開學時間，上一次宣布延後開學是在2月23號，此次再延2周，南韓全國學校將會到3月23日才會開學，之後仍可以依各地區學校自行調整。
俞銀惠在會上表示，「由於未成年新冠肺炎病患人數激增，可能會讓學校防疫出現困難，必須要有更多時間來確保學生的安全環境」，南韓教育部也將會提供學生線上課程以及數位教科書，不讓學童的受教權益，因為新冠肺炎而蒙損，至於延後開學少上的課程，也將會縮短暑假時間來彌補。
更多 CTWANT 報導
</t>
  </si>
  <si>
    <t>羅大佑有感於新冠肺炎疫情重創世界，而重新改編、演唱歌曲〈伴侶〉，希望以這首歌來陪伴鼓舞大家平安正向面對疫情。他特別帶著7歲多的女兒一同入鏡，MV中可見他幫女兒噴酒精、牽女兒的手過馬路等慈父的一面。他透過臉書發表MV，並寫下「我們要把這首歌，獻給所有的跟我們一起奮力渡過，這由立春到穀雨的2020春天的，所有人。」
他以歌詞「再一次日出太陽升起，再一次重逢問候之餘，每一個握手將不再猶豫，每一個生命將被珍惜，如今的歲月將被記取，守望堅持與患難的伴侶。」表達心聲，更期待疫情早日結束，每個家庭，各行各業皆能重回正常生活。
羅大佑是華語樂壇音樂教父，向來關懷社會，他曾在2003年SARS疫情時寫下〈伴侶〉，放在《美麗島》專輯中，今年新冠肺炎疫情爆發後，他找了知名製作人朱敬然等重新改編〈伴侶〉這首歌，並把這段期間，人人戴口罩防疫、以碰手肘取代握手等生活影像記錄在MV中。而他和王治平、黃國倫、陳子鴻等音樂人策畫的「因為愛琴吉他音樂節」，原訂5月舉行，受疫情影響延至11月。</t>
  </si>
  <si>
    <t>為圍堵疫情，中央流行疫情指揮中心昨天宣布全國提升到三級警戒，今天（20日）在中央與地方會議後，宜蘭縣政府舉辦線上記者會，縣長林姿妙宣布，停辦今年童玩節，要將活動經費變成救命錢。縣府指出，停辦童玩節後可省下約7000萬元經費，盼能挹注在疫苗上，提高縣民的接種率。
宜蘭縣政府祕書長林茂盛解釋，縣府編列1.37億元作為今年童玩節經費，扣除掉5000萬元收支對列的門票收入、已支出的1000萬元後，再加上解除相關合約的2300萬元，估計是近7000萬元作為防疫經費來使用。
衛生局長徐迺維表示，疫苗主要還是透過中央統籌購買，因為單一縣市購買不比中央，縣府會跟中央洽談並結合中央採購、政策，也會看中央是如何分配各縣市疫苗、公費對象施打狀況，再列宜蘭縣優先施打對象，提高縣民接種疫苗的人數，總之這筆錢縣府會先保留下來當作救命錢。
因礁溪有觀光飯店受疫情衝擊停業，工旅處長李東儒說，全縣有14家旅館到這月底或下月初暫停接受訂房，其中礁溪占8家，業者有提出盼能延續相關紓困，或紓困貸款延期繳付等，縣府會彙整業者意見後函請中央辦理，盼中央與地方共同努力度過難關。
財稅局長盧天龍說，旅宿業因為疫情有停業或部分樓層停用，會主動輔導提出房屋使用情形變更，5月房屋稅開徵，業者如繳納困難，也會輔導提出延期或分期繳納。
縣長林姿妙表示，縣民未戴口罩已開罰3案，呼籲縣民配合；今年取消辦理童玩節，是要把活動經費變成救命錢，並希望獲得議會支持，用以買疫苗讓縣民施打，防範疫情持續擴大，施打比例愈高抗疫效果會愈好，讓宜蘭防疫大幅提升，縣府也將視疫苗到貨時間列優先施打對象。</t>
  </si>
  <si>
    <t>增加急診能量！台大醫院生醫園區分院12日上午舉辦「急診暨CT開幕記者會，院內急診建立獨立的毒化災沖洗區域、規畫負壓診療室，可因應毒化災、傳染病的急救。會中瑞昱半導體捐贈200萬給肺病防治基金會，指定提供新竹縣、市各250名警察做肺部低劑量電腦斷層篩檢，守護第一線執行員警健康。
台大醫院生醫園區分院長余忠仁表示，急診設置負壓診療室，若有如新冠肺炎、大型傳染病發生，患者可在此檢查，並經由特別管道進入負壓病房。院內目前每病房設置2個負壓隔離室，不過目前僅開1間，也尚未收治疫情相關病例。
由於醫院位於生醫園區內，因此建置毒化災沖洗區域，以因應可能發生的化學災變，余忠仁說，藉由生醫園區醫院開幕，在台大各體系內可以偕同轉診，並提供在新竹、竹苗民眾完善的照護，3月加護病房也會開幕，給民眾更堅強的支持。
瑞昱半導體榮譽董事長葉博任、肺病防治基金會董事長陳晉興12日也出席「肺癌篩檢捐贈活動」，葉博任表示，警察平日維持交通、治安，拋磚引玉捐贈小錢，期望能透過生醫園區分院良好設備，讓警察可以得到最好治療。肺病防治基金會董事長陳晉興也表示，肺癌已經是新國病，每年因肺癌往生約有9000多人，因此積極推廣低劑量電腦斷層篩檢，期望能及早發現及早治療。
余忠仁本身也是胸腔內科醫師，他說肺癌當中7成是與抽菸無關的肺腺癌，且早期無症狀、無法透過胸部X光或是一般健康檢查得知，低劑量電腦斷層是目前唯一能有效篩檢早期肺癌的工具，院內引進的640切超先進電腦斷層掃描儀與總院同步，且搭配各式軟體，有助醫師精準判讀，守護病患健康。</t>
  </si>
  <si>
    <t>西班牙衛生部4日表示，西班牙累計確診病例已超過12萬例，西班牙也成為確診病例第二多的國家，僅次於美國的28萬例。不過該國單日新增死亡人數有所下降。總理桑切斯透過電視講話宣布，政府將要求國會把國家緊急狀態延至4月25日午夜。
據統計，截至當地時間3日晚21時，西班牙新增7026病例，累計確診病例124736例；單日新增死亡病例809例；累計死亡11744例，病亡率達到約9.4％；新增治愈3706例，累計治癒34219例。目前仍有6532人在重症病房接受治療，比一天前增加116人。
西班牙衛生部應急與預警協調中心稱，數據證明當局近日所觀察到的疫情緩和趨勢。截至目前西班牙一直重點確診具有基礎病史的患者、重症患者以及醫護人員，但全國肯定還有許多未確診的輕症患者，這就是為什麼西班牙有如此高的病亡率。
西班牙新冠肺炎累計死亡病例達1萬1744人，僅次義大利。專家還表示，受感染比率雖已放慢，但首都馬德里附近疫情嚴重，已有4723人死亡，占西班牙整體死亡人數的4成；西班牙東北部的加泰隆尼亞疫情第2嚴重，共2508人死亡。
另外，歐洲另一個疫情嚴重的國家法國，過去兩天確診或疑似病例暴增44％至8萬2165起，成為第5個通報病例數超過中國大陸的國家。死亡人數也暴增61％至6507死。</t>
  </si>
  <si>
    <t>武漢肺炎出現多種變異病毒株，中研院近日分析發現，印度變異病毒株的氨基酸變異有利於病毒產生逃避人類免疫系統的能力，且能促進病毒融入宿主細胞，加速傳播。
印度變異株去年10月5日首次在印度發現，根據世界衛生組織報告，今年5月11日前，印度變異株已在全球約44國現蹤，並持續蔓延至更多國家。
中研院「病毒變異全球即時監測網」持續監測世界各國正在發生的新興病毒變異，近日釋出分析印度變異病毒株分析結果。
中研院研究團隊指出，印度變異株在刺突蛋白上有5個變異，其中3個氨基酸變異，L452R、E484Q 和P681R 特別值得注意，因為這3個變異點有利於病毒產生逃避人類免疫系統的能力，也會促進病毒與宿主細胞融合，進而增加病毒進入感染宿主細胞，讓病毒傳播更快速。
不過，研究團隊也提到，根據世衛初步分析，目前的疫苗對印度變異株仍有效，但疫苗的中和抗體效價會降低，而英格蘭公共衛生署5月22日曾公布，輝瑞、莫德納、牛津/阿斯利康等二劑疫苗，對印度變異株子型B.1.617.2也有很高的有效性，與對抗英國變異株時的效果相似，也有助降低患者的住院率與死亡率。
研究團隊最後強調，面對變種病毒，各家疫苗的表現不盡相同，但一般而言，疫苗效果雖可能有所降低，但仍有一定保護力，且有助降低重症與死亡率，雖有零星副作用的案例，但整體而言利大於弊。
研究團隊提醒，根據英格蘭公共衛生署的報告，目前有5株深受關切的變異株，包括英國變異株（B.1.1.7 ）、南非變異株（B.1.351）、巴西變異株（稱P.1或B.1.1.28.1）、英國再變異株（B.1.1.7 with E484K）以及印度變異株（B.1.617）的子系B.1.617.2，這些變異株都在刺突蛋白上發生重要變異，增加病毒入侵或疫苗脫逃的機會，都比變異前的病毒株更具傳染力。（編輯：黃世雅）1100601</t>
  </si>
  <si>
    <t>疫情延燒，中央每日都會公布當日確診數，但台北市長柯文哲認為不準確，因中央還會一直校正回歸，很難即時判讀北市疫情實況，他認為比較準確的是，看全北市每天快篩陽性的總數，雖會慢1天，但可接受。
柯文哲表示，他認為比較準確且接近實況的是，看全台北每天快篩陽性的總數，可能會比較接近，因有病的人還是會去醫，有病的總是會去篩檢，因此他看每天快篩陽的數量，大概心裡面就知道北市的嚴重度。
台北市立聯合醫院總院長黃勝堅總說，柯講的沒錯，快篩陽性到PCR陽性的大概8成，但快篩陰性回過頭來又PCR陽性的大概是1至1.5％，所以加起來差不多是快篩陽性的數字。
台北市立聯合醫院副總院長璩大成說，柯、黃講的沒錯，那是第一手消息，另外還有個方法就是，中央的校正回歸都會在上面會畫一個「紅帽子」，只要把紅帽子拿掉，差不多就是北市的樣子，因回歸是回到5月26日之前，在那之前有一些高峰，現在是均勻地散在後面。
柯說，還是不準，因還會一直校正回歸，這樣很難判讀，所以要偵測到北市的實況，很重要的數據還是快篩陽性的總數，雖會慢24小時，但還是可以，即時判讀還是很重要。</t>
  </si>
  <si>
    <t>新冠肺炎疫情解封，嘉義市政府、新北市政府合推觀光雙城記，嘉義市長黃敏惠穿上母校宏仁女中制服、新北市長侯友宜穿嘉中制服，2人重回17歲青春young，熱情揪大家南下北上好好玩，並pk嘉義、新北的伴手禮，好吃好玩都抵嘉。
黃敏惠、侯友宜合體在新北市政府32樓拍遊客來我「新嘉」玩的影片，行銷雙城的觀光，同時歡迎更多的遊客來我「新嘉」玩，黃敏惠力推檜意森活村、嘉義製材所、嘉義公園、蘭潭及文化路夜市等觀光景點，侯友宜主打青春山海線、淡蘭古道、新北大都會公園、十分景點特定區、烏來風景區，2人國台語雙聲帶卯足全力介紹城市特色。
勇媽黃敏惠帶了噴水雞肉飯、阿娥豆花，讓侯Sir嚷著要帶回去孝敬老婆，黃敏惠說，阿娥豆花相傳約60年，軟嫩滑順，用豆漿代替糖水，外表樸質，好吃又平價，1碗才30元，就是嘉義人的氣味，實實在在又有情有義。
侯友宜也準備永和豆漿大王的豆漿、燒餅油條讓黃敏惠嘗鮮，他說，永和豆漿大王也有約60年歷史，24小時營業，賣中式燒餅油條、蘿蔔絲蛋餅、馬來糕等30多種點心，是在地人及遊客都愛的美食小吃。
黃敏惠並邀請侯Sir回嘉，搭乘嘉義市區電動公車，到年底前皆免費，12月嘉義市國際管樂節是城市品牌的音樂盛會；侯友宜則介紹新北市環狀線大眾運輸系統，遊新北市十分便利，新北歡樂耶誕城也是名氣響叮噹的節慶活動。</t>
  </si>
  <si>
    <t>新冠疫苗開打以來，雖然有醫師抱怨台灣人不珍惜疫苗，「快打站變慢打站」，不過部分地區仍踴躍接種。臉書粉絲專頁「Dr.E小兒急診室日誌」今以股價比喻疫苗覆蓋率，建議民眾千萬不要殺進殺出，應把疫苗當存股，尋求財富自由，「買就對了！」
中山醫學大學附設醫院兒童急診科主任謝宗學，今在臉書粉專「Dr.E小兒急診室日誌」發文，以近來屢創新高的股市比喻疫苗覆蓋率，「台灣疫苗覆蓋率漲勢兇猛，7/2開盤跳空突破9元，最後收在9.37元，再創歷史新高。」
神比喻掀起網友熱烈討論，謝宗學補充，「建議不要短進短出，有閒錢就買、抱緊不要賣，當成存股。若家中長輩擔心股價漲高，或擔心產品出現不良副作用，年輕人不要猶豫，勇於買進，財富自由近在呎尺。」
他以4字總結：「買就對了！」網友紛紛留言贊同，覺得政府與其放著疫苗過期，不如直接開放年紀較輕的民眾施打，畢竟社會上負責養家的主力，就是被分到最後順位的那些人。</t>
  </si>
  <si>
    <t xml:space="preserve">印度陷入危機，經濟出現破紀錄的衰退，導致數百萬計百姓失業，已脆弱的醫療保健系統岌岌可危。如今確診的新冠肺炎病患超過500萬人，僅次於病例近700萬的美國。
然而，據CNN新聞網17日報導，儘管像美國總統川普，還有英國首相強森（Boris Johnson）等民粹主義世界領袖都因為處理新冠疫情，而被罵得臭頭，但印度總理莫迪（Narendra Modi）卻大致逃過了媒體與民調的重砲攻擊。
巴西極右派總統波索納洛（Jair Bolsonaro）淡化新冠肺炎的威脅，並嗤之以鼻，把它說成「小感冒」，甚至後來連自己都確診，結果慘遭圍剿。然而，莫迪卻和波索納洛不同，他一開始就嚴肅看待新冠肺炎，並迅速採取行動。
當他3月24日下令全國封城時，擁有13.6億人的印度只有500多人確診，10人喪生。當時莫迪在對全國直播的談話中警告，要是不適當因應這場大流行病，印度可能會倒退數十年。由於他趁早採取果斷的行動，再度確立為了國家，勇於採取強硬行動的果敢領袖形象。
新德里智庫「政策研究中心」（Center for Policy Research）研究員阿里（Ali）說，在印度人心目中，莫迪有如聖人，他心存善意，並總是為了國家大利設想。
然而，印度公共衛生專家卻有正反不同的看法。普林斯頓大學（Princeton University）高級研究員納斯米瑞安（Ramanan Laxminarayan）說，由於疫情迅速蔓延，這麼做是必要的，並有助於減少疾病傳播。
相對的，坦米爾那都邦（Tamil Nadu）維洛爾（Vellore）基督教醫學院病毒系主任醫師約翰（T Jacob John）則認為，封城的範圍太廣也太早，以致衝擊經濟，而貧民區也未獲充分的資源支援。
身為諾貝爾獎得主的印度裔美籍經濟學家巴納吉（Abhijit Banerjee）更直指，如今回頭來看，那顯然是個錯誤。而多數專家也贊同，印度雖然實施世上最大規模，也最嚴格的封城，但卻缺乏足夠的通知或規劃。事實上，在宣布封城後還不到4小時就實施了。
突然間，貧窮的勞工沒了工作，許多人不得已，只好返鄉，但由於大眾運輸工具停止營運，有些人只好跋涉好幾百英里。
然而，分析家指出，由於印度最大的在野黨國大黨（Indian National Congress）在大選慘敗後陷入分裂，自顧不暇，因此莫迪並未受到炮口一致的批評。
此外，政治觀察家指出，印度媒體也鮮少批評莫迪。縱使新冠疫情迅速蔓延，衛生基礎設施瀕臨崩潰，但好幾個星期以來，當地收視率最好的電視網卻狂報寶萊塢男星遭豔星女友餵毒，教唆輕生的八卦，而對猖獗的疫情視若無睹。
另一方面，莫迪和其他民主國家的領袖不同，他鮮少召開記者會，通常把和媒體互動的任務交給政府其他首長。反之，他經常透過電視和廣播電台直播，對大眾動之以情，懇請他們追隨自己的領導。由於莫迪不斷和普羅大眾直接溝通，因此有些移工雖然因為封城丟了生計，但卻不肯為了自身陷入困境而怪罪他。
</t>
  </si>
  <si>
    <t>台南市連續11天「嘉玲」後，前天一口氣新增8例，讓全市繃緊神經，28日雖然再度「嘉玲」，但市府仍針對安南區家庭群聚事件擴大匡列及篩檢，並強調8人的症狀與Delta病毒症狀不同，加上發病時間也早於Delta確診者造訪台南，請市民不要過於擔心。
市府衛生局長許以霖指出，很多民眾都以為安南區家族群聚與屏東的Delta病毒有關，但因屏東確診個案是11日到佳里法旨宮，安南區家族的外孫女早在10日就有症狀，加上Delta的症狀主要是頭痛、喉嚨痛與流鼻水，與這家人的症狀不太一樣，目前已將相關檢體送到中央，相信很快就會有結果。
衛生局還說，安南區家族群聚感染，原以為可能是二女婿因家人在彰化住院，多次前往彰化而染疫，再傳染給其他家人，但因二女婿的抗體檢測是陰性，未曾染疫，反而是三女婿的抗體是陽性，PCR檢測則是陰性，顯示先前曾染疫，加上該家族最早出現身體不舒服的人，就是對方未滿10歲的女兒，於6月10日即因不舒服前往診所就醫，因此初步研判三女婿可能是該家族最早的感染者。
該起家族群聚感染傳出後，市府先匡列接觸者131人，其中124人採檢PCR陰性、7人報告未出；再擴大匡列確診者住家同社區19戶共41人，經PCR檢測皆陰性；然後再針對確診者同鄰里居民，從28日上午連續3天設立擴大篩檢站，每天將可進行500人的PCR採檢；為慎重防止擴散，篩檢對象也擴及安南區市民，自昨天下午一連3天於安南果菜市場（花卉市場）設立大型篩檢站，每日可進行1000人的PCR採檢。直到晚間8點篩檢結止，2站合計篩檢1332人。
另外，對於確診者工作場域可能接觸的消費者進行電話關懷，並以簡訊通知可能與確診者足跡同框者，盡力做好每一層防疫工作，避免感染鏈持續擴大。
至於中央預計7月1日起撥發莫德納疫苗至各縣市，台南市將規畫本市孕婦、75歲以上長者及65歲以上具原住民身分者，至本市37家衛生所、188家合約醫療院所及大中小型接種站施打疫苗；同時，為方便民眾接種，另外增加13家專責醫院，讓本市1至5類施打對象、孕婦、75歲以上長者及65歲以上具原住民身分長者可利用醫院掛號系統或專線掛號。
市府還說，依據中央流行疫情指揮中心5月5日公告，為強化基層院所分級醫療轉介服務，醫療院所如研判就醫民眾有疑似症狀或為建議採檢者，請開立轉診單轉介至本市14家指定社區採檢院所；檢驗結果為陽性者，發給開立轉診單的基層院所確診病例通報獎勵金，每例1萬元。</t>
  </si>
  <si>
    <t>國光生技（4142）宣佈，2021年一月起將聘請曾任輝瑞全球創新暨腫瘤事務集團臨床開發總負責人的陳純誠醫師擔任醫務長，除借重其在國際藥廠主持大型臨床試驗計畫的豐富經驗，同時也是國光生在新的一年積極國際化佈局的起手式。
此外，國光生新冠肺炎疫苗開發於11月20日送件申請二期臨床試驗，但恐無法趕在12月底前完成第一例收案。國光生表示，一期臨床主要是安全性實驗，目前看起來安全性沒問題，免疫反應也有，產生抗體量沒有預期的高，二期臨床就會針對此部分進行調整。整體時程不致重大影響，有無補助都會做到底。
國光生技認為，目前看來12月底來不及進入二期，希望1月上旬可啟動，預計整體時程不會遞延太久。規劃二期臨床試驗將在台灣與東南亞某國同時進行，海外臨床試驗部分已談妥，但還不能透露地點。
陳純誠醫師畢業於中國醫藥大學醫學系，曾任台南成大醫院精神部主任兼臨床試驗中心主任，為國內第一位任職國際藥廠的精神專科醫師。於國際大廠輝瑞總部研發中心任職超過十年，曾任輝瑞美國西岸十三州臨床試驗負責人及亞洲區臨床試驗中心總負責人，主持過失智症新藥開發計畫，國際臨床試驗經驗豐富。
國光生表示，陳純誠醫師熟悉國際法規及大型臨床試驗規劃及執行，將借重其專長積極推進包括新冠疫苗及各項產品國際化，加速國際合作及全球市場佈局。
繼成功布局大陸、歐洲、美國等市場後，國光生明年除強化耕耘台灣四價流感疫苗、東南亞四價流感疫苗銷售量、Sanofi專業分工生產（北半球）、大陸天道醫藥專業分工生產（歐洲）、新冠疫苗檢驗試劑銷售（安特羅）外，還將新增新冠疫苗銷售、大陸四價流感疫苗銷售、Sanofi專業分工生產（南半球）。另與日本sumitomo集團合作開發新一代流感疫苗，蓄勢切入日本市場，國際布局更上層樓。</t>
  </si>
  <si>
    <t>數據分析廠商SAS與國際數位金融調查機構Javelin，攜手探討新冠肺炎前到各國封鎖重啟經濟活動期間，全球商業詐欺手法的變化。調查顯示，疫情確實加速數位詐欺的演進速度，線上購買及到店取貨，成為主要攻擊目標，手法包含竊用支付憑證及架設錢騾網路等。詐欺罪犯也善用社交工程，如電子郵件、文字訊息等通路的網路釣魚手法來規避詐欺管制措施，使消費者在不知情的情況下參與詐欺過程。
SAS台灣總經理陳愷新提出觀察指出，詐欺已從單一通路轉移至「全通路」進行滲透，產業應該多利用人工智慧與機器學習技術，「即時」進行風險監控，才能在數位時代中保持領先。
調查指出，亞太地區過往現金交易接受度高，也因技術先進數位商務行為並行。而疫情爆發後，數位支付的接受度明顯提升。幾個新興詐欺手法例如，在在新加坡，罪犯利用疫情間消費者渴求加速取得資訊的心裡，誘使下載看似提供聯繫追蹤，但其實用於盜用帳戶的App。
此外，印度WhatsApp新增行動條碼功能可用於特約商店及點對點支付，罪犯利用網路釣魚文字訊息要求消費者驗證PIN碼時，擷取行動條碼螢幕截圖傳給罪犯使用，隨著疫情爆發，行動條碼的手法還透過網路在國外進行。
在日本，疫情前日本已遭逢嚴重數位詐欺事件，2018年底日本Paypay電子支付推出20％退現活動，結果10天內經費用罄，因為罪犯將偷來的卡片憑證載入 PayPay 中，導致該活動高達9,000萬美元的退現金額損失。?
對此，陳愷新表示，新冠肺炎讓世界更看清楚數位時代的詐欺風險，詐欺已從單一通路轉移至「全通路」進行滲透。現有的批次交易監控方式已不敷使用，他強調，關鍵是需要著手將身份管理和交易監控相結合，利用人工智慧和機器學習技術移轉至『即時』風險監控。
針對台灣現況，陳愷新也建議金融服務機構「不該只把詐欺防制視為單純的防止損失，而是協助企業能『大膽發展各類創新數位交易型態』的即時詐欺偵測中台防護機制。現在起，對『即時』資料掌握度愈高的組織，將有更多可用於制定創新決策的籌碼，這是能在數位時代保持領先優勢的關鍵。」
該報告也指出，組織需要革新詐欺管理生命週期，包括透過「即時」的方式計算交易的詐欺風險，此外，組織也該建置共用的智能監控機制，將所有支付方式的決策集中制定，以客戶為中心的角度審核所有客戶與銀行交易的通路管道。
報告建議，組織該使用關聯分析識別詐欺案件的共犯結構，並在詐欺集團攻擊支付系統時確認。找出共同點有助於確認個資外洩事件如何發生，並確認是否應重新核發支付方式。同時，也應擴大詐欺調查，納入反洗錢偵測。</t>
  </si>
  <si>
    <t>中小口罩工廠未被徵用，卻又不准其私自販售，引發民怨。經濟部昨晚緊急先宣布發出徵用書納入調度，今天再指經實際調查，37家納入徵用中小型口罩廠，實際有生產醫用口罩產者只有14家，加總實際日產能30萬片，這些政府都會徵用。
國內口罩製造廠清單上有80家，但扣除重複、無工廠登記者實際為66家。1月31日政府先對較大型的29家業者分三批發出徵用書，卻漏掉37家規模較小口罩業者沒被徵用，日前有三重業者拿出來賣給周邊鄰居，卻被檢調追查有無「囤積居奇、哄抬物價」，引發業者不滿，是政府未徵收，卻又不准業者營業。
為此昨晚經濟部終於對這剩下37家中小廠發出第四批口罩徵用書，今天更實地訪察37家廠，扣除1家大門深鎖、電話沒接，其他有些已改做面膜、護膝套、手術巾等耗材，有些則是非醫用口罩的廠商，實際有在做醫用口罩者剩下14家，加總起來每天產能約為30萬片。
至於政府自購60機台要日產600萬片口罩，明天開始，新的產線就要陸續交機，預計上線一周內，機械可調校至一條產線日產能10萬片的產量。等到疫情趨緩，國內口罩回到正常供需，再視情況調整口罩停止出口到四月底政策。</t>
  </si>
  <si>
    <t xml:space="preserve">近來新冠肺炎肆虐，陳雷原訂11日在馬來西亞雲頂開唱，因為疫情已延期，他近來約8場演出邀約取消、延期，粗估損失300萬元。雖然工作皆暫緩，不過陳雷卻多了時間與家人相處，住在台中的他，最近沒事就去兒子家陪5歲的孫子玩，除了載孫子上下學、樂當孫子的專屬司機，還當起孫子的家教，教起簡單的ㄅㄆㄇ，含飴弄孫。
而他的女兒嫁去美國加州，當地疫情嚴重，很擔心女兒在當地生活起居，每天早上都會固定跟女兒視訊關心狀況。他與年邁母親，感情深厚，現也常回彰化老家陪母親，還親自下田種菜插秧，他笑說：「最近因為疫情嚴重也不上健身房，所以乾脆跑農地下田兼當運動，一舉兩得。」
此外，陳雷先前因藝人廖本興在前年及去年分別以程雷、廖雷藝名在商演模仿並演唱陳雷的歌，造成社會大眾視聽混淆，讓陳雷不堪其擾，以侵權為由控告廖男，歷經新北地院裁定判賠45萬，並達成雙方和解協議。陳雷日前收到判決賠償金後，透過經紀人全部捐給關懷弱勢族群、癌症病童及流浪動物，希望透過自己的拋磚引玉，呼籲大家除了關心疫情之餘，也多關懷需要幫助的人。
</t>
  </si>
  <si>
    <t xml:space="preserve">威潤(6465)跨入防疫領域，成立新品牌「滅菌者聯盟UVengers」，規劃開發一系列搭載深紫外線(UV-C)殺菌技術的消毒產品，並首度於日本LIFESTYLE WEEK Tokyo的「防疫新生活展區」展出，因新冠肺炎疫情持續延燒導致市場對於消毒產品需求提升，首日即吸引超過60家買家洽詢。
今年因應新冠肺炎疫情，大會特別設立「防疫新生活展區」展出防疫相關產品，而威潤也在該專區中以實體及線上虛擬方式展示新品牌「滅菌者聯盟UVengers」旗下首款消毒新品「UV1」隨身消毒棒，UV1全程在台灣設計、開發和生產製造。
威潤表示，展會期間，除了有包括日本運送公司、通信公司、郵政局等多家企業對UV1表達高度興趣外，威潤也邀請到日本知名領導大廠旭化成深紫外線事業本部本部長親臨站台，宣示雙方密切的合作關係。
威潤指出，深紫外線燈珠的功率是決定消毒棒除菌效果的關鍵，而UV1即是採用旭化成高品質、高功率的60mW和最佳除菌265nm波長的深紫外線燈珠，旭化成相當認可威潤於防疫產品線的投入與行銷推廣能力，已將威潤列為旭化成全力輔導的模範製造商，未來也會陸續介紹客戶給威潤，雙方攜手搶攻防疫市場商機。
威潤此次出展備受關注，包括威潤配合的深紫外線燈珠(UV-C LED)廠商日本知名領導大廠「旭化成」深紫外線事業本部本部長、及日本大型商社「伯東株式會社」電子零組件事業本部本部長也親自蒞臨威潤展位站台。
日本LIFESTYLE WEEK TOKYO是全球極具領導性的禮品及家居用品專業B2B展，每年都吸引近5萬名的專業買家前往觀展、採購。
</t>
  </si>
  <si>
    <t>彰化縣新冠肺炎疫情周末兩天累計有15人確診，目前已知新增3名學生也染疫，彰化縣衛生局匡列2校師生共121人進行居家隔離與採檢，該國小確診學童全班學生等候檢測結果中。
彰化縣衛生局也指出，目前彰化縣核酸檢測量能最高單日400支，若疫情快速發展提升，上周也已經著手開始整備，將跟進台北市設站採抗原快篩。
目前彰化市彰泰國中有2名國三同班男同學確診、田中鎮某國小也有1名三年級學童確診，疫調人員匡列校內接觸者師生共121人，包括教職員24與學生97人，並立即通知學校，相關接觸者居家隔離，其他各班級做好防疫措施。
田中鎮確診學童為葡萄盤商妻子案1345的外孫，該家族累計已有8人確診，彰化縣衛生局緊急匡列5月8日中午曾一起在全國麗園飯店，吃喜酒的1300名賓客自主健康管理14天，自當日起算至5月31日為止。
衛生局長葉彥伯強調，變異的新冠病毒潛伏期很短，染疫很快就會出現症狀，因為宴席賓客從當天暴露到現在已過一周，無症狀者只需在家自主健康管理，有出現症狀才需要去醫院採檢，但有些民眾可能沒有收到正確訊息，或是警覺性很高，16日晚間就有160人，都是無症狀主動前往衛福部立彰化醫院採檢，也都已經全數完成。
葉彥伯也指出，彰化縣新冠肺炎核酸檢測，單日最高可採檢400支以上，今年疫情爆開以來，累計已採檢300多支，光昨天16日單日就160支，且採檢24小時報告結果就會出來，目前更應考慮未來疫情範圍愈來愈大，匡列接觸者大幅增加時該如何因應。
葉彥伯表示，彰化縣已經與各醫院開始試辦，將跟進台北市做法，進行抗原快篩，只要等半小時，快篩陽性立即收治住院隔離，陰性就返家居家隔離。上周也已跟各醫院搭配，正在尋找更好的快篩站設置場所，設置完整的設備。
他說，將會隨時視疫情發展期程，逐步導入快篩量能工具幫助醫護人員盡快熟悉抗原快篩工具的操作與作業流程，從中去觀察看快篩結果的敏感度、病毒的特異性，和快篩作業整體的人力調派估算，一旦縣內疫情再升級就能快速到位。</t>
  </si>
  <si>
    <t>國內COVID-19疫苗接種速度加快，指揮中心指揮官陳時中今天公布，截至目前為止，累計接種840萬5085人次，疫苗接種人口涵蓋率34.07%，劑次人口比35.79（劑/每百人）。
據中央流行疫情指揮中心最新統計，8月2日COVID-19疫苗接種10萬599人次，其中阿斯特捷利康（AZ）疫苗接種9萬2027人次，第1劑接種8萬4805人次，第2劑接種7222人次；莫德納（Moderna）疫苗接種8572 人次，第1劑接種3849人次，第2劑接種4723人次。
陳時中今天下午在中央流行疫情指揮中心記者會中說明，截至目前為止，累計接種840萬5085人次，AZ疫苗接種539萬1638人次，莫德納疫苗接種301萬3447人次，COVID-19疫苗接種人口涵蓋率34.07%，劑次人口比35.79（劑／每百人）。
昨天出現1名66歲男子在接種莫德納疫苗後8天死亡。目前累計COVID-19疫苗接種後發生死亡不良事件共548例，分別為255名女性、293名男性，年齡為2個月至101歲間，其中370人為75歲以上長者，疫苗接種後當日至68日間發生，其中465例接種AZ疫苗、83例接種莫德納疫苗。
有關施打疫苗後死亡解剖部分，累計已解剖124例，其中86例與慢性病相關，6例嗆噎窒息，2例頸椎骨折，1例呼吸道阻塞，6例疑似肺炎，3例泌尿道感染，1例氣管內有管灌倒流液體，1例咽喉炎（2個月大孩童），1例胃穿孔併腹膜炎。
另外1例上消化道出血，1例肋膜炎，1例疑膽道化膿性感染，2例腦室和腦幹出血，1例吸入性肺炎及心肺衰竭，1例腦實質舊出血併外傷性腦挫傷，1例化膿性肺炎，1例主狀脈剝離，1例蜂窩性組織炎併發敗血症，1例心肌梗塞，6例待釐清。</t>
  </si>
  <si>
    <t>新冠肺炎疫情升溫，新北市長侯友宜2日前往新店央北青年社會住宅時強調，新北市政府防疫超前部署，未來如有大量病患，新北聯醫（應變醫院）立即清空收治，央北青年社會住宅也將提供1076間醫療人員暫住所；北市副市長黃珊珊跟進表示，有些達到完工程度、尚未對外招租的社宅，會保留下來給醫護人員當休息或居家檢疫的集中檢疫所。
侯友宜表示，新冠肺炎確診個案持續增加，新北市自2月16日確診第19例起，即以視同「社區感染」的方式，改變策略超前部署，以一級開設方式全力備戰，醫護人員是防疫的第一線，讓他們安心，才能夠提供最好的醫療，讓防疫能做到更好。
侯友宜指出，只要新北市出現大量病患，應變醫院將清空全院進行收治，同時央北社宅並行啟用，由市府提供醫護人員免費住宿及垃圾收運、交通接送等服務，讓醫護人員能安心全力醫治病患，未來視疫情發展，若啟動其他醫院時，擴大提供給健康的防疫醫護人員。
央北社宅預計8月份會交給使用者，因疫情尚未辦理抽籤，但一切以「防疫」為最大優先；若8月份疫情沒有舒緩、沒有降下來，還是以防疫為優先使用。
央北社宅位於新店央北重劃區，第一階段預先規畫B棟224戶計301床，最多可供至1076間。
台北市副市長黃珊珊表示，有些達到完工、尚未對外招租的社宅，會保留下來給醫護人員當休息或居家檢疫的集中檢疫所。
黃珊珊表示，市長柯文哲1月下旬就交代過，市府也一直在找尋盤整各單位空間，必須設備完善、接好衛工管、做好動線及鄰避，會請示中央可否徵用外部單位，或北市府自己的單位、未對外招租公宅，希望都列入考慮。
另，針對台北市更是率先推出「防疫旅館」服務，做為居無定所者的居家檢疫場所，但卻因未公開地點遭議員痛批，對此衛福部長陳時中為北市府的做法背書，表示確實沒有公布地點的必要性。
桃園市長鄭文燦2日指示觀旅局協調設置「關懷旅館」，與民間業者合作，提供客房給無發燒、無呼吸道症狀、國內無住所的民眾自費入住，採分層、單間設置管理，但全市符合規定的26家旅館，僅1家負責人有意願。</t>
  </si>
  <si>
    <t>新北市恩主公醫院近期與新冠肺炎專責病房合作，用包括國人研發的「清冠一號」等中西醫合併方式治療新冠肺炎重症，防止病情繼續惡化，並加速病患採陰解隔離的時間，目前已治療超過10位確診者，其中9位已出院，返家自主隔離。
恩主公醫院中醫會診團隊主任廖唯宇指出，除了用常規西醫治療外，中醫團隊也利用舌診望診、電話問診與臨床數據資料，調配符合患者體質的處方，用「清冠一號」加減藿香正氣散、五苓散或千金葦莖湯隨證治療，發現患者服藥後咳嗽、喘鳴的症狀明顯改善。
新冠肺炎治療沒有特效藥，藥物只能緩解不適症狀，患者必須增強免疫力擊退病毒，中西醫治療合併下，除了能加強療效，爭取免疫力提升時間外，患者血氧濃度、體溫也明顯改善，新冠肺炎引起的發炎等症狀獲得明顯控制。
各地新冠疫苗陸續開打，台北慈濟醫院自15日起支援新店、雙和、三重、板橋、蘆洲等5處靜思堂疫苗接種站施打作業，共獲配4310劑疫苗，為協助長者快速施打，仿效日本宇美町式「病人不動、醫護動」的方式進行，力拚3天內施打完畢。
新店靜思堂指揮官護理部督導蔡碧雀說，考慮到長者年紀大、行動較不便，從報到、資料填寫、施打作業等，都以「移動最少」為原則，由醫師、護理師走動式看診，看完診後直接注射疫苗。
亞東醫院這次分配到1110疫苗，針對85歲以上長者規畫分為3天、每天700人施打，顧及高齡長者不便頻繁移動，同樣採用「宇美町」式打法，昨天施打效率及秩序良好。</t>
  </si>
  <si>
    <t>新冠肺炎肆虐全球，但回顧歷史，人類不乏與各種流行病交戰。特有生物研究保育中心助理研究員林大利攜手漫畫家玉子，共同創作《病毒不是故意的？！認識傳染病大小事》，細數歷史知名傳染病至新冠肺炎，透過生態保育角度，從中告訴大眾，學習如何和病毒和平相處，將是維持地球永續的生存之道。
林大利表示，疫情爆發後，有人說「病毒是我們對抗的敵人」，但對野生動物保育工作者而言，其實病毒本就是於生活中、再正常不過的存在，「重要的是讓大家知道，我們為什麼會遇到這些新型病毒，而我們在甚麼樣的狀況下，又增加了病毒傳染的機會。」
如書中便指出，1975年出現的萊姆病，病原體本住於蜱蟎體內，人類若太頻繁親近野生動物，或是受蜱蟎叮咬，萊姆病病原體便會趁機進入身體內。林大利表示，大自然中擁有非常多未知的病原體，當人類與大自然間的關係失衡，如想要濫捕野生動物、掠取太多自然資源，就極有可能引發下一場大流行。
林大利表示，世界發生非常多次傳染病，但每一場傳染病也都讓人類學到新的防疫方法，如鼠疫讓我們學會封城及隔離措施、西班牙大流感讓我們學會戴上口罩。《病毒不是故意的？！》去年4月著手規劃，沒想到出版時，台灣再次陷入疫情中，希望以書中篇章〈一邊防疫，一邊療傷〉，勸勉彼此在防疫壓力下都「辛苦了」，相互體諒與包容。
生動易懂的圖像在《病毒不是故意的？！》中成文字大大的助力。長期以繪畫推廣動物保育的玉子，過去就讀植物病理系，本以為畢業後就能將病毒、微生物等微觀所學拋諸腦後，但因此次創作及疫情襲來，又讓她感受到「這些小東西真的存在於我們生活中，而且很重要。」
玉子表示，創作過程中不乏歷經重拾舊課本研讀知識、轉化為圖像的歷程，對於幾乎日日看防疫記者會的大眾來說，也許了解何謂「壓平曲線」、何謂「全面普篩」，但小朋友未必能立刻理解，期待藉由圖像式說明，能讓更多兒少族群理解與吸收。</t>
  </si>
  <si>
    <t>嘉義基督教醫院首創適合0至3個月新生兒戴的防護面罩，24日由院長姚維仁代表捐贈1000個給嘉義市政府，將送給嘉義市的新生兒，由市長黃敏惠代表接受，嘉基兒童醫學部暨創新育成中心主任周信旭醫師說，新生兒不適合戴口罩，戴防護面罩可以防護7至9成飛沫傳染。
周信旭說，去年新冠肺炎開始肆虐，約有2至3成新生兒沒有按時到醫療院所打預防針，預防針沒有依時程注射，會影響小孩的防護力，但新生兒戴口罩可能影響呼吸而造成窒息，因而設計透明防護面罩。
周信旭說，據文獻資料指出，這種面罩防護對飛沫傳染有7至9成效用，醫院將面罩免費送給在嘉基出生的新生兒，受到國內外民眾很大回響，都想買這款防護面罩，當時用3D列印製作，數量有限，後來開模量產，醫院樂捐給市府，送給嘉義市更多新生兒加強防護力。
周信旭說，目前這款防護面罩尺寸是提供0至3個月新生兒，以後將推出1歲以前都適用的防護面罩，材質上選用無毒的塑膠片，硬度及柔軟度適中，皇冠造型的頭圈加軟墊，還有鬆緊帶及可調節式的設計，皇冠也有多種顏色，實用又有美感。
黃敏惠表示，面對疫情，幼嬰仔戴不了口罩，感謝嘉基醫院首創新生兒防護面罩，並捐贈1000個給市府，推出後廣受新生兒父母和台北醫師的歡迎和詢問，嘉義市新生兒戴上面罩外出或進出醫療院所多一層保護。
嘉義市衛生局表示，新生兒父母任何一方設籍在嘉義市，已委託本市接生醫療院所免費贈與，在外縣市出生的寶貝，家長可於上班時間洽詢電話（05）2338042醫政科。</t>
  </si>
  <si>
    <t xml:space="preserve">美國總統川普確診新冠肺炎，為美國大選增添變數。而世界其他國家元首中，也有不少人曾確診，而英國首相強森的例子，是否為川普帶來什麼啟發，也引起各界熱議。對此，中山大學政治學研究所副教授王群洋表示，川普是否從強森的例子中得到啟發不得而知，並分析他是否會因此敗選，也還言之過早。
距大選只剩不到1個月，川普周日在醫院展開第二天，而陷入困境的競選團隊再次面臨挫敗。最新全美民調顯示，川普以14個百分點落後民主黨對手拜登，這令川普的競選團隊心急如焚，拚命想要在11月3日大選日前的幾星期找到有效的戰略。
《中評社》報導，王群洋指出，從外媒之前公布的民調來看，這次疫情讓不少國家元首的支持度呈現上升的趨勢。雖然川普的防疫政策飽受抨擊，但他的民調也有上升的趨勢，而他染疫後，雖然能夠鞏固支持者，但對中間選民的影響則呈現兩極。
至於也曾染疫的英國首相強森，康復後支持度大增，是否對川普有任何啟發，王群洋則說，不得而知，而她也認為川普染疫應該是真的。並指出，作為總統，川普在剩下的時間裡仍可以動用很多資源，來翻轉這次大選。
關於民調的部分，王群洋分析，各大民調公司都有立場，可若現在就斷言川普會敗選，可能也言之過早。
</t>
  </si>
  <si>
    <t xml:space="preserve">根據美國媒體報導，NBA總裁席爾佛在上節目時表示，如果復賽期間新冠肺炎疫情惡化的話，將再次停賽。
聯盟在23日針對參加複賽的22支球隊大規模進行新冠肺炎篩檢，席爾佛說，假如復賽期間有球員確診的話，將進行單獨隔離，但如果發生群聚感染的話，就必須停止比賽。
席爾佛表示，經過大規模篩檢之後檢驗出16位球員感染新冠肺炎，這個數字還在能接受的範圍內，幸好這些球員沒有出現嚴重症狀，大家鬆了一口氣。
對於近日佛羅里達州的確診病例大增問題，席爾佛強調，我們正在密切關注中，並且與復賽地點奧蘭多所在的橘郡衛生部門合作，希望能阻擋新冠肺炎的入侵。
席爾佛表示，「隨時都有可能出現突發事件，但我相信球員工會董事羅伯茲、球員工會主席保羅、球員工會副主席伊戈達拉都會做好準備，目前的狀況還在掌控中，而且還算相當滿意。」
</t>
  </si>
  <si>
    <t xml:space="preserve">
新冠肺炎症狀難以捉摸，有人可能出現永久性嗅覺喪失，壽險業者表示，若不幸有此症狀，失能險可依失能等級11級理賠，但可能只有一次性失能保險金的5％，並沒有觸及月月或年年給付的失能扶助金理賠。
至於新冠肺炎可能造成肺部纖維化，算不算失能？壽險業者則說必須要看實際狀況，即肺部損壞的程度，及可否工作、自理生活，因為胸腹部臟器機能遺存極度障害，終身不能從事任何工作，需要專人周密照護者，是第一級失能，就是會啟動每月或每年給付的失能扶助金100％；僅是不能工作、生活需人扶助，是給付90％；若是還能自理生活是80％；能從事輕便工作者是給付40％。
這些理賠都必須看各公司保單條款及理賠部門的判定，因為容易存有爭議，因此壽險公司也不敢以此為號召，在疫情期間推薦失能險，同時有些公司的失能險沒有等待期，恐造成損率難以預估。
大部分壽險公司都建議保戶，若擔心不幸罹患新冠肺炎，要提高相關醫療保障，建議優先考慮住院醫療險、實支實付險，支應相關住院費用，若額度充足，甚至可以支應因住院無法工作的經濟損失。
國泰人壽指出，若失能險保戶不幸罹患新冠肺炎而有永久性「兩側嗅覺完全喪失」的情形時，屬於因疾病所致的第11級失能，是否能理賠給付應依各別商品條款約定。
例如投保含有失能給付項目的傷害險，因新冠肺炎非屬意外事故，所以無法給付；但如果是投保含有失能給付項目的健康險時，則須再檢視保障範圍，若保障範圍包括11級失能時，則可理賠。
富邦人壽則表示，2020年1月1日前所銷售的失能險，針對鼻部失能，條款約定僅有「鼻部缺損，致其機能永久遺存顯著障害者」的失能等級，但從今年1月1日起才新增「鼻未缺損，而鼻機能永久遺存顯著障害者」，也就是以前是鼻子一定要有缺損才能算11級失能，現在是嗅覺喪失即可視為11級失能。
同時基於從新從優理賠原則，即便是今年1月1日前投保失能險的保戶，若事故發生日是在今年1月1日後且經6個月治療後症狀固定，即可申領失能保險金。</t>
  </si>
  <si>
    <t>全球生技和製藥公司正卯足全力對抗新冠肺炎危機，近期多家大型藥廠在新冠肺炎檢測、治療和疫苗研發方面，皆出現重大進展。
瑞士製藥大廠羅氏（Roche）的新冠肺炎抗體檢測技術，3日獲得美國食品藥品管理局（FDA）緊急使用授權，該項技術有助確認患者是否感染新冠肺炎病毒，以及是否產生抗體。羅氏承諾自5月起將提供數千萬份試劑。
在治療方面，吉利德科學（Gilead Sciences）的新冠肺炎實驗藥物「瑞德西韋」（remdesivir），亦獲得美國食品藥品管理局緊急使用授權，該藥物將能擴大使用至治療美國的新冠肺炎重症患者。
此外，雷傑納隆（Regeneron）與賽諾菲（Sanofi）共同開發的風濕性關節炎藥物Kevzara，亦是治療新冠肺炎的潛在藥物之一。初步資料顯示，該藥物用來治療重症肺炎患者的效果較好，但對症狀較輕的病患較無顯著成效。
兩家公司決定停止在輕症患者測試Kevzara，打算對重症患者擴大測試，測試結果將於6月出爐。
在疫苗方面，近期不少藥廠宣布合作生產計畫，美國生技公司Moderna宣布與瑞士同業Lonza簽署十年製造協議，每年可望生產10億劑疫苗。Moderna計劃在2020年秋季展開疫苗的第三階段人體試驗。
此外，英國藥廠阿斯特捷利康（AstraZeneca）與牛津大學締結疫苗開發與分銷協議，目標是在2020年底前推出至多1億劑疫苗。
美國總統川普日前表示，他有信心疫苗能在年底前問世。不過羅氏執行長施萬（Severin Schwan）對此感到質疑，稱年底前是「相當遠大的目標」。根據世界衛生組織（WHO）數據，全球正在開發的新冠肺炎疫苗至少有102種。專家表示，疫苗可安全上市大約要12至18個月時間。</t>
  </si>
  <si>
    <t xml:space="preserve">香港為因應新冠疫情日趨嚴峻，在27日下午特別會議後決定將對餐廳訂立限客新規定，包括限制客流、戴口罩、量體溫等措施，同時民眾可能聚集的各種公共娛樂場所、健身中心、網咖等暫時關閉，為期2周。此外還將研擬禁止4人以上聚集及舉辦喜喪事宜的新規定。
據《東網》報導，港府行政特別會議已決定為防控疫情採取多項措施，將自28日傍晚6時起實施。新規定包括餐廳食肆容納客人數量限於座位半數以下，每張枱面限坐4人，枱與枱之間要保持1.5米距離。客人進入餐廳必須戴口罩及量體溫，餐廳須預備洗手液。相關措施預計維持2周，港府會為餐廳提供補償。
報導說，港還將對多種娛樂場所祭出防疫新規定，同樣從28日傍晚6時起生效，新規要求所有遊戲機中心、浴室、健身中心、兒童遊樂場、戲院等公共娛樂場所與出租式娛樂場所亦要暫時關閉，同樣為期2周，政府亦會提供補償。
另據《香港01》指出，有消息指出，港府還會將現有公共運動場的足球門架搬走，封閉籃球架的投籃圈，房署公屋邨的遊樂場亦將關閉。
《東網》表示，港政還進一步研究禁止4人以上的群眾聚集，預期短期內推出措施，但公共交通將獲豁免，而「紅白二事」等會另有安排。
</t>
  </si>
  <si>
    <t>新北市今日新增1例確診，針對永和某公寓大樓群聚，新北市市長侯友宜昨日於應變記者會上說，整棟樓110戶236人全棟隔離，全面阻斷病毒傳播的可能性，今日市府團隊將於下午3時召開記者會說明最新疫情應變措施，《中時新聞網》將為您全程直播。
侯友宜說，今日新增1例，為居家隔離採檢為陽性，案例位於三重區；居家隔離列管人數為590人，今日有31人可以解隔離。今日的案例為在三重被友人感染，傳播鏈單純，至於永和某社區感染問題，侯友宜指出，用正向的態度積極面對問題，雖一開始先出現2個確診個案，但感染源清楚且做好隔離，就能穩定控制疫情，而在第3個確診出來時，便全面替整棟社區進行篩檢，同時鼓勵周邊住戶出面篩檢，並直言這次群聚能快速掌控，實在非常感謝市民配合廣篩。
中央流行疫情指揮中心今(12)日公布國內新增6例COVID-19確定病例，分別為4例本土及2例境外移入；另確診個案中新增1例死亡。
指揮中心表示，今日新增之4例本土病例(其中1例為居家隔離期間檢驗陽性者)，為3例男性、1例女性，年齡介於20多歲至50多歲，發病日介於今(2021)年8月4日至8月9日。個案分布為臺北市3例、新北市1例；其中2例為已知感染源、2例關聯不明，將持續進行疫情調查，以釐清感染源。</t>
  </si>
  <si>
    <t xml:space="preserve">香港新冠肺炎疫情近日已確定爆發第3波疫情，社區群聚感染近數日皆呈倍數上升。衞生防護中心傳染病處主任張竹君公布，9日新增42宗確診個案，當中34宗是本地感染，8宗輸入個案。港府今天決定，重新實施較嚴格的防疫措施，包括限制餐館、酒吧、卡拉OK、健身房等場所每桌限4人或每間限8人，較原規定容許人數減半。
據《東網》指出，本地感染的主要感染源為慈雲山港泰護老中心群組共23人，大部分無病徵。另有8宗輸入個案，包括3名機師，1名貨機服務員，以及2名菲傭，本港確診病例累計增至1366宗。
張竹君表示，今日新增的34宗本地個案中，除了23宗是屬於「慈雲山港泰護老中心群組」，茶餐廳群組增至7人，另外9宗經排查已找到源頭，有多名為出租車司機，另外尚有2人來源未查明。
報導稱，疫情亦對校園造成威脅，今日仍有數宗校園內初步確診個案，其中包括中小學生與家長，目前已有12所中小學停課消毒。
醫院管理局總行政經理劉家獻表示，因應疫情反覆，公立醫院今日起暫停非緊急醫院的探訪安排。另會加開分流的檢測站，照顧疑似症狀病人，騰空負壓病房予有需要的病人，亦會考慮重開二線的隔離病床，約有400至500張；社區隔離設施亦會列入考慮。
香港食衛局長陳肇始則公布有關緊縮聚令等防疫新規定，以增加市民的社交距離。從11日(周六)凌晨起恢復先前執行的限聚令，餐館客人不能超過總入座率6成，每桌不能多於8人；酒吧、夜店及夜總會的入座率同樣降至6成，每桌不多於4人；健身中心、派對及卡拉OK房間的容納人數由16人降至8人；電影院並將禁食。
陳肇始呼籲，市民應保持衞生、配戴口罩，以及減少外出，另建議食店嚴格執行1.5米距離及安裝隔板。新公布限聚措施有效期至7月24日。
</t>
  </si>
  <si>
    <t xml:space="preserve">有美系外資示警，大砍半導體財測，認為智慧型手機面臨修正風險，揮刀砍16檔半導體個股目標價，聯發科也包括在內，但今有另外一家美系外資力挺，認為聯發科(2454)第二季營運動能依舊強勁，且下半年將有機會拿下更好的市占率以及平均售價，維持聯發科買進評等、目標價1740元。
美系外資表示，儘管現階段市場針對智慧型手機訂單減少出現雜音，加上台灣疫情升溫，全台警戒升至3級，但聯發科對於第二季展望依舊維持強勁成長的樂觀預期，主要動能來自於全面性的需求增長，有鑑於聯發科對於業務的正向看法，且資產負債表良好，故可以將現金股利支出提高到80~85%，近4年每股加發特別股利16元，現金殖利率相當吸引人，故維持聯發科買進評等、目標價1740元。
美系外資表示，因為印度智慧型手機市場轉弱，所以智慧型手機OEM廠商可能會削減其訂單，但聯發科目前依舊看到下游供應商的訂單有所增加，沒有看到對整體需求有任何影響，訂單的需求依舊超越聯發科所能供給的，現階段面對產能緊張，連發科也持續和供應鏈合作夥伴努力，盡可能滿足需求，確保並獲得供應鏈中足夠的產能仍然是聯發科最重要的事，因此，聯發科重申第二季營收增長10~18%預期不變。
美系外資表示，聯發科也持續透過更佳的產品組合來提升毛利率，天璣1200定位於高端5G手機，相較先前產品具有更高的ASP和利潤率，另外，基於ARM的Chromebook產品滲透率也持續提升。展望下半年，聯發科智慧型手機市場將有機會拿下更好的市占率以及平均售價，以今年前5月的銷售狀況來看，聯發科預計今年全球整體5G智慧手機出貨量將超過5億支的預期不變，且目前產品持續緊繃，供應鏈都積極在滿足客戶需求，市場對於庫存修正的預期恐過於擔憂。
</t>
  </si>
  <si>
    <t xml:space="preserve">國內新冠肺炎疫情，隨著磐石艦海軍群聚感染再拉警報，24名確診官兵全台趴趴走足跡曝光，引起人心惶惶。專家提醒，食物最容易沾染病毒，選擇外食時前應先看2件事，包括餐廳座位間距，以及位子排列方式。
為防止疫情擴散，中央流行疫情指揮中心已規定社交距離，《早安健康》報導，林口長庚臨床毒物中心資深護理師譚敦慈指出，如需在外用餐，應選擇座位之間保持1-2公尺距離的餐廳；如果餐廳空間無法讓客人相距2公尺，則可選擇背對背的座位相對安全。
病毒可在塑膠物質上殘留約3天，紙類則是1天，由於無法確定他人的環保餐盒是否安全，為了避免增加感染風險，譚敦慈建議，外帶食物盡量選用免洗餐盒；食物帶回家後應將食物倒在自家碗中加熱再食用，除了減少接觸殘留在餐盒上的病菌，也可過加熱順便消毒。此外，譚敦慈特別提醒，手機病菌多，吃飯時最好不要摸手機、也不要將手機擺在桌上。
</t>
  </si>
  <si>
    <t xml:space="preserve">
中央宣布今（5日）本土確診新增6例，為5月升級防疫警戒以來最低，儘管國內疫情趨緩，毒理專家招名威指出，成為全球主流變異株的Delta印度變種病毒已經在台灣門口蠢蠢欲動，全民除了要施打疫苗，仍應維持傳統防疫方式，在新冠肺炎消失前，學習與病毒共存。
招名威日前透過「Our data in World」監測各國疫情，發現國外疫情都轉以Delta變種病毒為主，7/26的數據更顯示，英國確診人口已經100％感染Delta病毒，美國則高達93％。台灣周圍國家也備受Delta威脅，鄰近的大陸和新加坡確診者中，同樣都100％感染Delta，日本、南韓分別為75％、51％。對此，招明威坦言，Delta病毒在台灣門口已是無庸置疑的事實，接下來要好好面對挑戰，守住國門。
另一方面，招名威發現一個有趣的現象，那就是每個幾天就會出現疫苗無效的報導，把變種病毒形容得很可怕；隔幾天，又有數據顯示疫苗有效，兩者不斷循環。招名威認為，疫苗改良的速度確實不及變種病毒，也導致保護效力變差，但依然要施打疫苗，才不會只是「0與100的差別」，就算疫苗無法100％應付變種病毒，仍有一定保護力。
招名威坦言，其實無論疫苗是否還有效，傳統的防疫方式還是最好。除了要施打疫苗外，大家依然不能鬆懈勤洗手、戴口罩等防疫措施，「新冠狀病毒沒有消失的一天，我們只能持續與它共存」。
</t>
  </si>
  <si>
    <t>衛福部已於28日與高端疫苗、聯亞生技完成簽署各500萬劑預採購及500萬劑的開口合約，在野黨紛紛質疑，國產疫苗第二期試驗未完成，為何急著採購？國民黨立委許淑華要求證交所針對高端公司的股票有沒有異常交易的狀況，公開對外說明？特別是在利多消息公布前夕，是否有特定帳戶大舉買入該公司的股票？
許淑華質疑，國產疫苗的臨床試驗尚未完成，指揮中心為什麼要急著簽約？政府為了協助國產疫苗的研發原本早已投入大筆預算，所以，政府取得國產疫苗的價格，應該要非常便宜。指揮中心為什麼不敢公布採購的價格？
許淑華也說，政府並沒有持有兩家國產疫苗廠商的股份。倘若先前就已投入大筆研發預算，然而採購的價格又偏高，這中間有沒有圖利罪的嫌疑？
藍委賴士葆也說，宗教團體、地方政府、企業都說你中央買不到疫苗，我們買來送你發給人民，但是指揮中心卻百般阻撓，為什麼要卡救命疫苗？昨天有了解答，指揮中心就是要護著高端疫苗，更進一步講，是要保護高端疫苗的股價。
賴士葆說，藥發展國產我們也不反對，也支持，但高端疫苗的第二期臨床試驗都沒做完，現在就要訂單。現在外面都傳得沸沸揚揚，有一群炒作高端股票的集團，高端疫苗每年都虧以前每年都虧，今年就靠這次疫苗不斷炒作股價。</t>
  </si>
  <si>
    <t>在歐元疲軟的支撐下，歐洲股市週三創出新高，而新冠肺炎病例數量下降，使人們寄希望於這種流行病對全球供應鏈的影響將是短暫的。
新的數據顯示，大陸的新冠肺炎病例數連續第二天下降，這有助於預測到4月份這種流行病可能會消退，泛歐的STOXX 600指數上漲了0.5％。
大陸人行已採取多項措施，幫助度過自2002-03年SARS疫情以來最大的公衛危機，這不僅提振了全球人氣，並使全球股市處於自2019年6月以來的最佳月份。
科技股上漲帶動米蘭股票指數FTMIB升至2008年以來最高水平，蘋果供應商意法半導體（STMicroelectronics NV）漲幅居前。在意大利銀行業期待已久的合併的希望的推動下，該指數週二收於十年來的最高點。
現在歐洲投資人關注的目標都放在即將公布的經濟數據，主要是法國和德國的採購經理人指數（PMI），法蘭克福的主要指數GDAXI上漲約0.4％。</t>
  </si>
  <si>
    <t xml:space="preserve">
新冠肺炎全球延燒，目前總確診數正逼近400萬。由於最初是疫情在大陸武漢爆發，但在毫無證據之下，由川普率領的美國政府直指「病毒來自大陸」。美國知名時事評論員法里德（Fareed Zakaria）卻認為，這一切都是為了掩飾他對美國疫情無能管控下，所拋出來的煙霧彈。
據《央視新聞》指出，美國著名印度裔記者、時事評論家和作家法里德5日在《CNN》的節目提到，川普以及其率領的政府部門，正在替他們為美國疫情白白浪費6周的無能作為找尋代罪羔羊，而大陸疫情正是他們瞄準的攻擊目標。
法里德表示，「其實對我們來說，新冠病毒到底是來自於實驗室，或者海鮮市場，這都並不重要。他相信每個人都會同意，疫情是屬於偶然傳播，幾乎沒人會認為，大陸是蓄意傳播的。為什麼他們要作出傷即全球經濟、這麼多人死亡的事件呢？」
回到重點，法里德指出，至於「為何白宮要把『病毒是否偶然自大陸傳出』來當作目前關鍵議題？」這正是因為他們想要轉移注意力。這也讓法里德想起美國之前對「伊拉克戰爭」的態度，也就是白宮現在正在做的。
法里德說「他們（白宮）正在逼迫情報部門，試圖做出『病毒源自於大陸』的結論。」透過不斷施加壓力，來換取「政治化的情報」，這正是當初伊拉克戰爭失敗的原因。
</t>
  </si>
  <si>
    <t>雲林縣12日再增1名本土確診案，案12838為雲林縣麥寮鄉台塑六輕工業區員工，本月5日出現身體不適，9日回高雄住處、11日就醫確診，目前工業區已有5名員工確診，縣府已展開調查其關聯性，避免疫情持續擴大。
案12838為42歲男性，在六輕工業區上班，平日住在工業區內宿舍，本月5日出現腹瀉、偏頭痛、關節痠痛等症狀，7日曾前往工業區福利大樓醫務室就診，9日回高雄住家，11日出現發燒症狀，到醫院快篩為陽性，PCR檢驗結果為陽性、CT值22，目前於醫院治療中。
案12838本月5日至9日都在工業區上班，下班就回宿舍，其間曾到麥寮鄉仁德西路2段凱撒one咖啡烘焙坊、7-11六輕門市，晚餐均到員工餐廳外帶，此案匡列10人。
雲林縣衛生局長曾春美表示，六輕工業區確診個案至今有5案，案12838與本月5日的案10653住在同1棟宿舍但不同樓層；案10653與案10467為夫妻，同是台中市案；本月11日案12389與案12586是同寢室同事，目前正在釐清其關聯性。
曾春美說，目前雲林縣累計本土確診個案19例，外縣市確診者足跡24例，境外移入1例。縣內醫療院所專責病床共64床，已收20名確診個案人、1名疑似個案，服務量能還算足夠。
另外，縣府11日起在虎尾高鐵站、斗六與斗南火車站設置快篩站，分別篩檢51、44、39人，加上其他各鄉鎮快篩站，已篩檢3556人，全部為陰性。
雲林縣政府指出，雲林縣獲配2.4萬劑日本捐贈的AZ疫苗，1.1萬劑疫苗將分配給醫事與防疫人員等前5類人員；1.3萬劑供85歲以上長者，若有剩餘再依年齡遞補，所有疫苗將於15日統一施打。</t>
  </si>
  <si>
    <t xml:space="preserve">新冠肺炎影響愈來愈烈，原先疫情相對輕微的美國情況轉趨嚴峻，確疹人數呈跳躍式增加。當初不在意的川普政府也感受到嚴重性，陸續採取一些應變措施。
特別是美國目前正是職業運動熱季，NBA因有球員確診而無限期停賽，正在進行大學運動賽事也取消。美國過去因勞資糾紛而罷工停賽時有所聞，但因為傳染病而停賽則屬空前。美國人熱愛運動，職業賽事早已成為生活的一部分，但是目前紛紛延後或取消，可見疫情已經不易控制。
對於職業球隊而言，停賽不只帶來經濟損失，對於一些積極補強爭冠的球隊，更是情何以堪。以NBA為例，今年戰績最好的密爾瓦基公鹿隊，距離前次奪冠已有49年，未來若是整個賽季取消，十年磨一劍卻無可發揮，只能怪時運不濟。此可回想1994年職業棒球季中罷工停賽，當時戰績最好的蒙特婁博覽會隊無從施展，從此一蹶不振；而後遷到華盛頓改名國民隊，直到去年才一圓冠軍之夢，也只能說是造化弄人。
美國疫情之所以惡化，主要是因為美國政府輕忽，以及世界衛生組織（WHO)未扮演協助角色。川普總統上月由印度訪問回美，還信誓旦旦認為疫情可以控制；世界衛生組織也一再忽略疫情嚴重性，竟然直到近日才宣布新冠肺炎為全球大流行，並將會進一步擴散，更是後知後覺。
美國目前經濟仍表現不錯。但是在未來疫情擴大，國內諸多活動停止下，直接會影響到占GDP近7成的民間消費，對美國經濟影響會很大。
新冠肺炎疫情由中國向外擴大，對全球經濟已產生重大衝擊，目前更波及全世界最大消費市場美國。若是疫情無法有效控制，全球經濟受影響幅度將遠高於第一波，各國要有長期因應不景氣寒冬的準備。
在美國疫情大幅爆發之前，川普總統聲望達到新高，主要是美國經濟表現強勁，美國人民對於未來經濟前景樂觀。但若是未來美國經濟因疫情而疲弱，川普政府防治疫情工作不到位，會影響到川普總統聲望及連任之路。
由於今年是美中貿易協定第1年，中國大陸必須履行對美國承諾，特別是增加購買兩千億美元的商品。未來不僅是中國大陸執行的問題，美國國內生產若是因疫情而停擺，能否有能力供應也不無疑問。今年美國還要與中國進行第二階段經貿協定談判，以目前的情勢來看，可能美中兩國先把疫情控制，才是優先的選項。
川普總統上任後一直鼓吹美中製造脫鉤，分道揚鑣以確保美國優勢，在美國的強力主導下，中美製造某種程度的脫鉤了，許多跨國企業紛紛撤離中國大陸。但是川普始料未及的是製造與中國脫鉤了，但美國卻被中國疫情拖累，現在如何使美中「疫情脫鉤」，才是川普總統的當務之急。
（作者為中華經濟研究院區域發展研究中心主任）
</t>
  </si>
  <si>
    <t xml:space="preserve">
新冠肺炎（COVID-19）全球疫情急遽竄升，台灣至今（22）已累積26名確診案例，眼看仍不見緩減情勢，腎臟科醫師江守山斷言，「社區感染肯定會到來」，全民應盡早做好準備。屆時要防止自己中鏢，最好的方式並非戴口罩、勤洗手，江守山認為，免疫力才是硬道理。
知名主持人謝震武在節目《新聞面對面》中邀請到腎臟科醫師江守山一起討論新冠肺炎疫情未來發展。沒想到江守山一鳴驚人地預言「社區感染終將到來」，表示隱匿感染的人越來越多，走到這一步只是必然。
但面對社區感染也不需太過恐懼，江守山指出，新冠肺炎的致死率僅2 %，代表著98%的確診者會痊癒，他舉日前香港人吃火鍋發生群聚感染的案例，19個人當中有11個遭感染，這意味著有8人仍然是健康的，這並不是幸運，而是自身免疫力擋住了病毒入侵，所以江守山強調，並非有無戴口罩、勤洗手，「Always免疫力才是硬道理」。
怎樣提升自我免疫力？江守山舉出5個方法供民眾參考：
●睡得好，睡眠要充足，維持每天睡足7小時。
●吃得好，吃的食物需做調整，不要亂吃山珍海味，多吃優質蛋白；少吃精緻糖，吃了會讓白血球進入睡眠5小時。
●多曬太陽，補充維生素D，研究指出冬季多曬太陽可讓呼吸道疾病感染率降低3分之2。
●多漱口、漱喉嚨，日本研究指出，病毒進入體內要時間，喉嚨隨時保持整潔可降低染病風險。多喝水，或是鹽水、優典加水、漱口水，或茶（含有茶多酚）都可以。
●洗熱水澡，許多研究皆指出，提升體溫有助於遏止病毒入侵，高溫不利於病毒感染。江守山強調，一周4次熱浴，可讓感染風險降6成；且一次41℃持續5分鐘，就達到足夠曝露量。
江守山提醒，泡溫泉、在家泡澡沖澡都可以，只是要記得避免大眾浴池，建議改泡個人湯屋。
</t>
  </si>
  <si>
    <t xml:space="preserve">稍早有媒體傳出菲律賓致函台灣，如果國產疫苗獲得我國緊急使用授權（EUA）審核通過，菲律賓將會直接採認我國的EUA，讓國產疫苗在當地免做3期臨床、直接讓民眾施打。對此，菲律賓官方今（15）日否認。
菲律賓最大廣播電視公司ABS-CBN今日報導，針對台灣媒體傳出菲律賓致函台灣，尋求獲得台灣政府緊急使用授權的國產疫苗，菲律賓總統府發言人羅奎（Harry Roque）回應時表示，「我否認這一點。」
菲律賓政府跨部門抗疫工作小組執行長加維斯（Carlito Galvez Jr.）也否認菲國設法向台灣取得更多新冠疫苗，「我沒有注意到有要求捐贈任何疫苗，特別是那些沒有經過菲律賓FDA緊急使用授權的疫苗。」
ABS-CBN指出，他們也向菲國衛生部長杜克（Francisco Duque III）詢問，不過至截稿前，杜克尚未回應。
目前菲律賓政府開放民眾施打的新冠疫苗，包括科興疫苗、阿斯特捷利康（AZ）疫苗、輝瑞/BNT疫苗，以及俄羅斯的衛星-V（Sputnik V）疫苗。
高端10日宣布新冠疫苗擴大二期臨床試驗解盲成功，將向食藥署申請緊急使用授權。聯亞生技的疫苗2期臨床試驗也將在月底解盲。
《鏡週刊》今日獨家報導，指出菲律賓衛生單位已經致函我方，有意直接採認我國EUA標準，讓國產疫苗免在當地進行3期臨床試驗，直接讓當地民眾施打。對此，食藥署署長吳秀梅今日回應，並未收到菲國來函。
</t>
  </si>
  <si>
    <t>新北市22日再傳出1起確診者死亡案例，1名66歲婦女20日因不明原因喘氣異常，送醫救治後仍在今日逝世，院方進一步採驗，驗出死者為新冠肺炎陽性患者，死者女兒也隨之被要求居家隔離，連見媽媽最後一面都不行，令人鼻酸；對此新北市衛生局表示，相關疫情資訊以指揮中心公布為主。
死者女兒表示，媽媽生前無確診者接觸史、也沒到過確診者足跡地點，15日因身體不舒服曾到診所就醫，並未驗出確診，20日又因喘不過氣來緊急送醫，先送往板橋亞東醫院插管治療，因情況未好轉，再轉往中和區雙和醫院救治，22日在院內逝世，院方採檢後確認為新冠肺炎患者。
死者女兒說，媽媽送醫後驗出確診，她與媽媽密切接觸，因此向醫院要求幫自己採檢，醫院卻要她「馬上回家隔離」，有問題詢問1922或疾管家，她聽從指示乖乖回家，不料1922、衛生局電話通通打不通，直到今天新北市衛生局才告知自己「還沒收到隔離通知書」，要她明天自行出門排隊快篩。
死者女兒痛批，她家裡還有一位高齡78歲的長者，拖了2天怕傳染給別人不敢出門快篩，結果卻是烏龍一場，延後她的就醫時間，「政府到底哪個環節出了問題！」
由於根據現行規定，新冠肺炎患者死亡後，需在24小時內通報火化或深埋，如今死者女兒被居家隔離，不僅無法與媽媽見最後一面，連上個香、出席告別式都不行，情況令人鼻酸。
新北議員林國春表示，他接獲死者女兒陳情，自己曾與確診的媽媽有接觸，染疫風險很高，想前往醫院採檢確認自己是否染疫，卻因居家隔離不得外出，打了很多遍1922也沒人接，不知如何是好，雖終於接獲通知可以外出，但明天能不能排到快篩站，也是一個問題。
「類似狀況很多，早就不是第1件。」林國春說，確診者家屬被染疫的風險最高，往往因被匡列居家隔離，連篩檢都不行，可見確診黑數還很多，他建議相關單位設置「確診者家屬專用的篩檢站」，把醫療資源用在刀口上。
對於死者生前是否有接觸史、死亡原因、匡列狀況，新北市衛生局表示，在接獲中央通報確診個案前，相關資訊由疫情指揮中心發布為主。</t>
  </si>
  <si>
    <t>青少年第二劑BNT究竟打不打？中央流行疫情指揮中心日前表示，須待ACIP會議討論，但今天衛福部長陳時中在立法院接受質詢時表示，將暫緩國內12至17歲青少年接種，兩周後再決定是否施打。
青少年BNT疫苗校園接種開打已超過6周，但目前第二劑規劃未定。指揮中心發言人莊人祥表示，針對12至17歲BNT校園接種第二劑，資料部分還需要進一步釐清及蒐集，目前會持續關注國外相關文獻，並重新檢視國內心肌炎案例，ACIP預定兩周後重新開會。
指揮中心統計，截至11月3日，國內12至21歲接種BNT疫苗後發生心肌炎共20例，為17男3女，其中18例已出院，1例住院中，1例門診治療；其中17例為12至17歲，分別為14男3女。</t>
  </si>
  <si>
    <t>美國政府欲接回鑽石公主號上美籍旅客，所派遣包機預計今天晚間抵達東京羽田機場。日本自衛隊為把船上數百名美籍旅客送往東京羽田機場，陸續在碼頭旁備妥約20輛大型巴士。
目前停泊在日本橫濱港、爆發俗稱武漢肺炎的2019年冠狀病毒疾病（COVID-19）群聚感染的鑽石公主號遊輪，船上有來自各個國家的旅客，除了美國之外，傳出加拿大政府也將派包機接回加拿大籍旅客。
根據《中央社》引述日本放送協會（NHK）的報導，為讓鑽石公主號上的美籍旅客搭乘美國政府準備包機，日本將由自衛隊安排巴士把美籍旅客送到羽田機場。美國政府派遣的包機預計晚間抵達羽田機場。
防衛省表示，船上大約有380名美籍旅客，屆時下船的美籍旅客，將搭乘自衛隊安排的巴士直接前往羽田機場。
自衛隊為了能在今天晚間到明天凌晨間運送可能多達數百名旅客，正在準備多輛大型巴士。
全日本新聞網（ANN）報導，自衛隊在鑽石公主號泊靠碼頭旁準備了約20輛巴士。
哈芬登郵報（HuffPost）日文版網站昨天報導，美國疾病管制暨預防中心（CDC）小組將在場確認搭乘包機乘客的健康狀況，如果有發燒及咳嗽等症狀，將不放行登機。
搭乘包機的美籍旅客預料最快可在當地時間16日抵達美國加州特拉維斯空軍基地，並再度接受檢疫。特拉維斯空軍基地已把從中國武漢市返美的約230人安置在飯店，鑽石公主號上的旅客可能被安置在基地內其他住宿設施。
鑽石公主號目前停泊在日本橫濱港，船上約3700人中已有355人確診武漢肺炎，其餘旅客及船組員到19日止都得待在船上接受觀察。船上的台灣旅客告訴中央社記者說，船上旅客包含20名中華民國國民，另有10至15名美籍或日籍的台灣人。</t>
  </si>
  <si>
    <t xml:space="preserve">新冠肺炎在美國肆虐，醫療設施和病床都告急之際，美國海軍派出兩艘醫療艦，舒適號（Comfort）前往紐約和仁慈號（Mercy）前往洛杉磯，雖然都號稱有1000個以上的病床床位，都事實上兩艘醫療艦都只收納了兩位數的病人，為什麼會這樣呢？
當舒適號進入紐約時，人們暫時忘卻社交隔離，擠在曼哈頓港觀看這艘象徵和平和寬心的白色醫療軍艦，希望它為極度需要醫療設施和床位的紐約帶來一絲希望，但現在這艘巨艦在曼哈頓港邊空蕩地閒置，反而激起市民的憤怒。
這就是美國總統川普的好大喜功和美國海軍的官僚不知變通所致。川普總統還親自前往維吉尼亞州諾福克市，親自參加舒適號前往紐約的啟航儀式，稱這將起到「關鍵作用」，是紐約市嚴峻時期中為數不多的精彩時刻之一。可惜的是，舒適號並不接受感染新冠病毒的病人，舒適號被派往紐約，是要透過治療新冠病毒以外的其他疾病來緩解城市醫院的壓力。
但是紐約現在並沒有很多的非冠狀病毒的病患，由於大多數紐約人都已經將自己隔離在自己的家中，因此車禍、槍擊和其他意外事故而需要到急診室就診的受傷人數幾乎很少。所以舒適號不接收新冠病毒的病患，那它就沒有什麼病人！難怪紐約最大的醫院系統負責人說：「如果我對此直言不諱，舒適號就是個笑話。」
當然美國軍方也有它的難處，舒適號是為了在戰場條件下醫療傷兵而設計的，船上醫生習慣於治療年輕健康的士兵，這些士兵大多是遭受槍擊和炸彈爆炸的傷害。大多數染上新冠病毒的人都年齡較大，而且這是一種新型病原體，即使是世界頂級醫學研究人員也還無法完全理解，何況是艦上的軍方醫療人員。
這並不是舒適號第一次出動，2017年瑪麗亞颶風襲擊波多黎各之後，舒適號也被派去緩解當地醫療資源不足的情況，但最終也是每天只治療少數病人。還是因為舒適號上都是狹窄的雙層床而不是現代化的醫院病床，因此不適合治療平民。
美國現在是世界上新冠病毒確認案例最多的國家，這當然是川普領導的嚴重危機，但川普的自戀個性讓這次的危機處理跌跌撞撞。即使對於新冠病毒不太了解，每次記者會川普還是親自上線，顯見電視曝光和收視率對他非常重要。但隨著美國人持續因新冠肺炎而死亡，他的發言就像美國這兩艘醫療軍艦的名稱一樣，既不舒適也不仁慈呀！
（作者為國立台北商業大學校長）
</t>
  </si>
  <si>
    <t xml:space="preserve"> REAL hard work. REAL results. No gimmicks. Being on the cover of @muscleandfitness is a bucket list item for me. Now back to work!!!
 Joe Anoai aka “Roman Reigns”（@romanreigns）分享的貼文 於 PDT 2020 年 3月 月 13 日 上午 11:06 張貼
WWE年度摔角大賽(4月5日)改成閉門舉行，對舉辦地造成經濟衝擊，去年光是周邊活動就為紐約與紐澤西帶來1.6億美元商機(約48億台幣)。今年的摔角狂熱(WrestleMania 36)連主力選手都拒絕上場了。
「大狗」瑞恩斯(Roman Reigns)是幾年前竄升的招牌巨星，他因為懼怕肺炎而退出大賽，他原本預定與戈柏(Bill Goldberg)爭搶總冠軍。「對大家很抱歉，但我必須為自己和家人做出選擇。」瑞恩斯雖然身體強壯，但曾罹患白血病導致免疫力低下，禁不起新冠病毒的攻擊。
WWE大賽向來都是現場直播，這次為配合防疫政策，大部分的選手對戰改為錄影播出。前NFL球星葛倫考斯基(Rob Gronkowski)將要首次主持大賽，他自幼就是摔角迷，不幸今年只能面對空蕩蕩的體育館。
</t>
  </si>
  <si>
    <t>新冠肺炎疫情不減反增，行政院長蘇貞昌日前宣布，中央流行疫情指揮中心提升至一級開設，並指示由衛福部長陳時中擔任指揮官。然而，總指揮並非由民進黨要員擔任，所有綠軍要角都隱身幕後，有評論認為「相當的不尋常」，並認為蔡英文應有兩大考量。
指揮中心疫情等級分為三級，第三級由疾管署署長擔任最高指揮官、第二級為衛福部長、第一級的指揮官則由行政院所指派。指揮中心監測應變官莊人祥表示，過去一級開設時，指揮官多為行政院副院長層級，例如毛治國、張善政、朱立倫，此次則是陳時中接任。據《中評社》報導，蔡英文這次抗疫，讓民進黨要員都退到第二線，應有兩大考量，包括疫情升高風險加劇及兩岸關係對立激化，非常棘手。
該評論指出，目前已出現院內感染，且找不到感染源、出國旅遊被感染的案例紛紛出現，出現社區感染前兆，下周恐是疫情是否逆轉關鍵時刻，擔任抗疫指揮官風險極高。陳時中擔任指揮官，恐大好大壞，若抗疫順利，520後人事改組，前途光明；若狀況轉壞，他便成蔡政府防火牆，幫民進黨官員擋子彈，若失控就由總指揮一肩扛。
至於兩岸部分，該評論指出，疫情爆發後，兩岸對立節節激化。一切要從行政院長蘇貞昌宣布禁止口罩出口等一連串對大陸惡言相向起頭，蔡英文不讓民進黨要員站到抗疫第一線，與大陸正面對撞，應有緩和兩岸緊張之意。</t>
  </si>
  <si>
    <t xml:space="preserve">國內新冠肺炎確診個案，最近腹瀉症狀者持續增加，中央流行疫情指揮中心專家諮詢小組召集人張上淳指出，這兩天已將腹瀉定為通報要件，呼籲居家檢疫、居家隔離者若出現腹瀉，通通要篩檢。
張上淳表示，專家小組一致認為最近幾天確診個案的腹瀉狀況很多，有少數幾例開始有輕微發燒、咳嗽後來症狀不見，只留下腹瀉的情形，3月31日前的332例中，有19例出現腹瀉，約16%，發燒咳嗽占一半。
張上淳表示，但4月1日到4月3日的26位確診個案中有5位有腹瀉，代表最近腹瀉明顯增加。經討論後，決定除了發燒咳嗽嗅覺、味覺喪失外，居家檢疫居家隔離個案中出現腹瀉也都要去就診篩檢。
</t>
  </si>
  <si>
    <t xml:space="preserve">「振興三倍券」即將登場，7月1日起開放預購，15日發放。不過，資深媒體人陳鳳馨表示，三倍券預購和使用方式一定會引發新一波的民怨問題。對此，民進黨台北市議員梁文傑贊成陳鳳馨觀點，直言從一開始認為發現金就好了，因為（三倍券）真的太麻煩了。
陳鳳馨在政論節目《鄉民來衝康》中表示，三倍券一定會引發民怨！因為只要一排隊就是民怨，未來兩個禮拜，她要告訴各位，看起來都是大熱天，光是民眾在大熱天排隊就會引發民怨。
陳鳳馨再表示，當然可以去便利商店領取，但是有些地方是偏遠地區，那些居民要如何領，這也會引發另一波民怨。
陳鳳馨強調，接著接下來的民怨就是會爆發消費糾紛，就是商家要不要找零這件事情，會引發糾紛，而這種糾紛不用多，可能1000件裡頭，只要有5件就是新聞。很多消費者糾結的點就是為何這家可找零，那間不能找零？還有退貨問題，三倍券引發的政策上面的陷阱真得非常多。
對此，一起同台的梁文傑表示，他從一開始就認為發現金就好了，因為真的太麻煩了。他也同意鳳馨的觀點，接下一定有些新聞是跟三倍券相關。但既然政策已經到這樣了，那就繼續做下去。他也認為，台灣人民其實在這段時間不是沒有錢消費，而是不敢消費。隨著疫情的解封，全台灣餐廳還是火車等都是爆滿，在這種情況下，有沒有振興券其實意義不大了。
</t>
  </si>
  <si>
    <t>世界衛生組織28日表示，對抗新冠疫情，未來12個月需要234億美元（約台幣6500億），並呼籲全球最富裕的G20領袖展現領導力，出錢資助計畫。
G20領袖本周末在羅馬召開峰會，世衛祕書長譚德塞表示，G20領袖不能繼續在疫情中拋棄貧窮國家，即日起至2022年9月，世衛需要這筆資金，以支應一些疫情高風險國家取得／配送新冠疫苗、篩檢與治療，避免再增500萬人死於新冠肺炎。
他說G20會員國有能力做出相關的政治和財政承諾結束這場疫情。他說，目前正處於決定性時刻，需要果斷的領導力才能讓世界更安全。
譚德塞所指的全球防疫計畫全名是「取得新冠肺炎工具加速計畫」（Access to COVID-19 Tools Accelerator，ACT-A）。前瑞典首相、ACT-A計畫特使畢爾德（Carl Bildt）表示，234億美元不是一筆小數目，但相較於疫情所造成的全球經濟損害並不算多。當中70億美元將用於疫苗及檢測，59億美元用於改善公共醫療系統，另外35億美元則用於購買抗病毒藥物、醫用氧氣及類固醇。
世衛也表示，由於歐洲疫情升溫，全球新增確診病例在2個月以來首次增加，顯示距離疫情大流行結束，還有一段很長的時間。
世衛首席科學家斯瓦米納坦（Soumya Swaminathan）表示，新冠疫苗全球取得機制（COVAX）已向140多個中低收入國家提供約4億劑疫苗，惟相關國家疫苗接種率仍然很低。斯瓦米納坦指出，約82個國家年底前無法實現世衛定下的目標─4成人口接種。她批評富裕國家接種加強劑阻礙窮國獲得疫苗。</t>
  </si>
  <si>
    <t>新冠肺炎大範圍延燒全球，副總統陳建仁預期，新冠病毒會像流感一樣，無法完全消除，而會與我們共存。未來一年或一年半之內，我們或許就會有疫苗，但在這之前，我們絕對必須保持社交距離，過著「半正常」的生活。目前歐洲疫情已過高峰期，希望5月底能看得到疫情曙光。
為防止疫情擴散，目前各國都採取各項管制跨國人員往來等策略，究竟這波疫情何時可以解禁？陳建仁日前接受英國《每日電訊報》專訪表示，基本上，他認為，新冠病毒會像流感一樣，具有高度傳染力，大部分病例屬於輕症或無症狀感染者，會透過飛沫及污染區傳染，因此無法完全消除，而會與我們共存。
他說，如果是這樣的話，就會像2009年的H1N1新流感。「所以，我們一定要準備好和這個病毒長期對抗」，這也是我們必須研發快篩和抗病毒藥物的原因。
陳建仁表示，未來一年或一年半之內，我們或許就會有疫苗，就可以像2009年流感疫情一樣，利用疫苗防疫。「但在這之前，我們絕對必須保持社交距離」。不需要停止所有活動，只要過半的民眾減少50％的社交接觸，大家就能有限度地繼續日常生活，只是要稍微設限，過著所謂「半正常」的生活。
至於退場策略，他說，為了協調國際運輸等，所有國家都必須公開資訊，讓各國的情況公開透明，我們必須確保疾病不會傳播出去，必須十分謹慎，確保不會再爆發大流行。
他曾和哥倫比亞、約翰霍普金斯及史丹佛等大學的同僚討論過何時回歸正常生活，「我們還在思考，我們都還沒有準備好」。
何時全球能陸續恢復正常生活？陳建仁表示，他曾經預測5月底，但很難預料。不過，他認為歐洲疫情已過顛峰期，正在趨緩，而美國還在攀升中，「希望5月底看得到疫情的曙光」。
他說，我們對於無症狀和輕症，必須非常小心。如果有健全的通報體制，就可以檢測出現輕度呼吸道症狀的患者，然後確定可能的感染源，「能做到這一步，才能放心說我們安全了」。
此次病毒外傳是從市場開始，不過陳建仁指出，華南海鮮市場可能不是感染源頭。12月初，泰國、香港、還有日本都有病例出現，這些病患也都沒有去過華南海鮮市場。要追蹤零號感染源，非常困難。「如果零號病例是輕症，就永遠找不到」。</t>
  </si>
  <si>
    <t>中央流行疫情指揮中心今(6)日公布國內新增12例新冠肺炎確定病例，為10例本土及2例境外移入。確診個案中新增3例死亡。指揮官陳時中宣布，8月10到8月23日仍維持2級警戒，維持理由是疫情還在可控範圍，也沒有突發事件，觀察的時間仍短，因此繼續維持。
10例本土病例，有7例為居家隔離期間或期滿檢驗陽性者，為5例男性、5例女性，年齡介於未滿10歲至60多歲，發病日介於今(2021)年8月4日至8月5日。個案分布以新北市4例為最多，其次為臺北市3例、嘉義縣2例、彰化縣1例；其中8例為已知感染源、1例關聯不明、1例疫調中，將持續進行疫情調查，以釐清感染源。
至於新增的2例境外移入個案，案15868為美國籍20多歲男性，8月4日自美國來臺工作，持有搭機前3日內檢驗陰性報告，於機場採檢後至防疫旅館居家檢疫，並於今日確診；個案在臺期間並無症狀，已匡列同班機前後2排旅客共6人，均列居家隔離。案15873為英國籍30多歲男性，8月4日自英國來臺工作，持有搭機前3日內檢驗陰性報告，入境後至集中檢疫所居家檢疫並採檢，於今日確診；個案在臺期間並無症狀，相關接觸者匡列中。
今日新增的3例死亡個案，為2例男性、1例女性，年齡均為70多歲且未接種COVID-19疫苗，發病日介於5月18日至6月4日，確診日介於5月21日至6月6日，死亡日介於5月28日至7月21日；詳如新聞稿附件。
近期確診個案解隔離情形，5月11日至8月4日累計公布14543位確診個案中，已有13018人解除隔離，解隔離人數達確診人數89.5%。
截至目前，國內累計15765例確診，分別為1282例境外移入，14430本土病例，36例敦睦艦隊、2例航空器感染、1例不明及14例調查中；另累計108例移除為空號。2020年起累計794例COVID-19死亡病例，其中786例本土，個案居住縣市分布為新北市393例、臺北市300例、基隆市27例、桃園市24例、彰化縣14例、新竹縣11例、臺中市4例、苗栗縣3例、宜蘭縣及花蓮縣各2例，臺東縣、雲林縣、臺南市、南投縣、高雄市及屏東縣各1例；另8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全國高中以下學校因為新冠狀病毒肺炎防疫，而延遲至2月25日開學，面對即將到來的開學日，在疫情尚未穩定之前，高中以下各級學校約300萬名學生的防疫工作，將會是非常重要的一環。全國家長會長聯盟（以下簡稱全長聯）提出對於校園防疫措施的8點建議，希望各校在做準備與規劃時能夠更充分與完整。
全長聯提出的8點呼籲如下：
1. 各級學校須瞭解假期中是否有中港澳轉機、大陸旅遊史或是高風險接觸史，需要隔離防疫的學生。
2. 全校需在開學前進行全面性消毒，在開學後每一週都需要至少一次。
3. 於校門口進行體溫監控及消毒防疫，入校學生或校外人士皆應以酒精噴消雙手，如果體溫高於37.5度，即應勸導離校。
4. 防疫期間，校園應減少校外人士的進出，且暫不開放校區於放學後供社區居民使用。
5. 教育部應提供各級學校充分供應有需求學生的口罩，並且充分告知家長相關防疫規範。
6. 因為學校屬群聚場域，而每周上課五天，建議將「持有學生證或學費繳費證明的18歲以下學生得於7天內購買5個口罩」的規定納入口罩實名制中。
7. 提供居家隔離或是因為疫情無法到校上課的學生視訊上課的協助。
8. 在疫情尚未穩定前，若在校師生有確診病例則應辦理全校停課相關措施，待確診病例康復且全校師生未有新確診病例時，再行安排補課事宜。
全長聯表示，期待大家一起來守護我們的下一代，做好完備防疫相關流程作業，讓孩子能夠在學校健康學習，讓家長放心拚經濟。</t>
  </si>
  <si>
    <t>大陸部分地區的市級「兩會」於近日相繼召開。25日，內蒙古烏海市進入2020年「兩會時間」。當天召開烏海市政協九屆三次會議。次日烏海市人大會議開幕。22日，政協青海玉樹州委員會十四屆五次會議開幕。23日下午，玉樹州十三屆人大六次會議也拉開帷幕。在政協和人大會議開幕會現場，主席台和台下的與會人員都摘下口罩。
據《內蒙古日報》報導，烏海市是今年全自治區首個召開兩會的盟市。表明烏海市統籌推進疫情防控和經濟社會發展工作取得積極成效，生活生產秩序正在加快恢復。
《烏海日報》照片顯示，25日、26日兩天烏海市政協、人大的全體會議上，主席臺成員均摘下了口罩，台下人大代表、政協委員都是隔位而坐，保持了一定的間距。
青海省的海西州也在3月召開了兩會。據報導， 24日上午中國人民政治協商會議海西蒙古族藏族自治州第十三屆委員會第五次會議在海西會議中心大會堂隆重開幕。隔日上午，海西蒙古族自治州第十四屆人民代表大會第六次會議在海西會議中心開幕，211名人大代表出席了當天的會議。人大代表們也摘去了口罩。
此前，全大陸已有29個省份在1月份召開了「省級兩會」，四川、雲南省兩會原定2月初召開，因新冠肺炎疫情延期，目前尚未確定召開時間。
據不完全統計，雲南昆明，安徽合肥、亳州，河南鄭州，山東濟南、青島、濱州，陝西西安、榆林，內蒙古呼和浩特等地已在此前宣佈延期舉行兩會。</t>
  </si>
  <si>
    <t xml:space="preserve">
新冠肺炎疫情持續，北市警方在防疫期間酒後駕車違規執法不打烊，統計今年1至2月取締酒後駕車違規達840件，提醒駕駛人勿僥倖酒駕上路。
為避免員警和民眾在酒測過程感染新冠肺炎，警方表示，執行取締酒駕車勤務員警除一律佩戴口罩外，攔停車輛後會與駕駛保持一定距離，觀察過濾駕駛人，如有酒容、酒氣者，再指揮至路旁平車熄火，對駕駛人酒測。
警方呼籲民眾配合員警施測，受測者使用的吹嘴皆是以塑膠套包裝的全新吹嘴，用過即換掉，絕不會重複使用，且落實儀器消毒，確保衛生安全。
★中時新聞網提醒您：酒後不開車，安全有保障</t>
  </si>
  <si>
    <t>桃園新增5起本土確診案例，人數再度躍居全國第2，全都跟「特殊交友圈」相關，鄭文燦指出，3人和原本的特殊交友圈有接觸，其中1人是文化局同仁，因此宣布圖書館和展覽館閉館到25日。另有1婦人是兒子同事確診而染疫，還有1男有特殊交友圈特質。衛生局長王文彥更預告明天還有3例「特殊交友圈」，呼籲主動快篩。
鄭文燦說，案15567是30多歲男性，因和18日確診的台北電腦員工（案15524）有接觸，出現症狀自己快篩陽性，到醫院採檢確診，已匡列8人。案15568是20多歲男性，在中壢某工廠工作，因出現症狀自行快篩陽性後至醫院採檢確診，已採檢23人居隔，並擴大匡列161人採檢、自主健康管理。
案15574，是文化局30多歲男性同仁，也是案15568朋友，被列為居隔對象採檢後確診，雖然CT值較高是30，但仍匡列27人居家隔離，他提到，文化局大樓圖書館和財政局264位同仁全採檢，PCR都是陰性，仍全部改為居家上班，自主健康管理到7月25日，文化局內的圖書館和展覽館也閉館到7月25日。
案15575是60多歲女性，初步疫調來源是兒子的同事、將於明天公布的案15596（曾和台北電腦員工有接觸），另案15583是有症狀就醫採檢確診，他也有特殊交友圈特質，市府會把可能感染來源找出。
鄭文燦提到，確診5個中有4個跟特殊交友圈有關，其他的是朋友或家人，衛生局從細部找出每個人的關聯，做出關係圖，發現這波特殊交友圈引發職場和家庭感染，因此截斷特殊交友圈的傳染源非常重要，不諱言部分是網友身分，甚至還有跨縣市，呼籲若有相關接觸史，務必讓交往對象知悉，也要自己快篩或到醫院採檢，才是保護家人和同事最好的方式，市府也會列為專案追查，多次匡列，防堵特殊交友圈傳播鏈。
衛生局長王文彥則預告，明天有3例和台北電腦員工（案15524）有接觸，不諱言他們有「開趴」的情況，強調6月初至今，桃園共有40位屬於特殊交友圈，近期20個分屬2的大集團和1個小集團，他讚今確診2例就是自己發現有交友關係，自主採檢確診，2度強調「主動出來是好事！」
王文彥不諱言部分是交友軟體產生連結，關係比較複雜，因為不是真名，疫調恐會有延遲，更需要大家合作，協助一起清零，直言可能會影響到職場和家人，像是2個月來就有9位家屬是被特殊交友圈感染，鼓勵特殊交友圈自主出來採檢，衛生局和衛生所會全力協助，他也建議可到部立桃園醫院和林口長庚醫院尋求協助，必要還會幫忙施打預防針，大家一起把防疫做好，解決問題。</t>
  </si>
  <si>
    <t>中央配撥11.6萬劑莫德納到台中市，台中市長盧秀燕28日在市政會議表示，將為68歲以上長者、58歲以上原住民施打第2劑莫德納，從9月29、30及10月1、4、5日共5天接種，由里長鄰長出動發通知單給長輩，戶籍不在台中者，台中是友善城市，不會排斥來台中施打第2劑，可在10月4、5日預約後，到規畫的10家預約院所施打。
莫德納、AZ、BNT與高端疫苗，目前在台中市4劑齊發，盧秀燕表示，除了莫德納將施打第2劑，其中，施打AZ符合資格，65歲以上長者，原住民55歲的民眾，10月7、8日，可以到1922自行預約接種。
進行中的學生注射疫苗，BNT針對12到18歲學生，從9月23日起為全市14萬名學生施打，已有3萬多人接種，預計10月8日打完。
盧秀燕說，台中市4種疫苗注射作業，統計全市施打第1劑疫苗人數比例，已達53.33％，即100人中有53人打完第一劑，現在繼續向中央追疫苗，增加市民施打疫苗的普及率。</t>
  </si>
  <si>
    <t>新冠肺炎與SARS有何不同？大陸醫學專家指出，相較SARS集中攻擊肺部，新冠肺炎還會波及心臟、腎臟等器官，造成多重器官衰竭，救治難度比SARS大，不過目前看來病亡率低於SARS。此外，新冠肺炎還有可能轉成慢性疾病，像流感一樣與人類共存。
中國工程院副院長、呼吸與危重症醫學專家王辰19日接受央視專訪時指出，新冠肺炎與SARS不同。SARS傳播性和致病性都很強，很快把宿主殺死然後病毒自身也不容易存活。而新冠肺炎有可能轉成慢性疾病，像流感一樣與人類共存。對此，我們從臨床診治和生產生活防範方面都要做好相應準備。
患者病情進展快
新冠肺炎潛伏期難測，王辰表示，對無症狀感染者的判斷，主要是靠核酸（DNA）檢測，以後還會有抗原檢測、抗體檢測，這些檢測方法是甄別無症狀感染者有效的手段。新冠病毒或許也會發生一定變化。針對它所反映出來的生物學特點，他認為隨著認識加深，會對應制訂一些醫學上的防範和診斷治療方法，並做出相應的安排和預防。
對於損傷的肺部是否能完全恢復，王辰說，目前顯示能恢復，甚至可完全恢復，但有待更進一步、更長期的觀察，希望大家不必過於擔心。
北京朝陽醫院副院長童朝暉19日指出，與SARS相比，新冠肺炎重症患者以50歲以上的老年人為主，這部分人群多有心腦血管等基礎疾病。在發病進程上，新冠肺炎患者病情進展得更快，缺氧明顯，如果控制不好很快會發展到呼吸衰竭。
他說，和SARS患者受累器官集中在肺部不同，新冠病毒除了攻擊肺部，還會攻擊心臟、腎臟、腸道等多個器官，造成多重器官衰竭。正因如此，新冠肺炎重症患者的救治難度比SARS患者大。
之前有專家指空氣中的「氣溶膠傳播」也會造成傳染，北京地壇醫院感染二科主任醫師蔣榮猛解釋，需有兩個前提，一是在密閉空間，二是高濃度，只有在相對封閉的環境中，長時間暴露在高濃度氣溶膠情況下，才存在被感染的可能，醫院病房，尤其是ICU加護病房是高危險區域，主要威脅醫護人員，普通人並不容易接觸到。
收治前已經傳染
談到目前武漢的病患收容情況，王辰說，目前病床增加，「應收盡收」的目標正在進一步實現，但他坦言有些病人收治比較晚，收治之前可能已經傳染他人，此問題不解決，就不利於控制疫情傳播。
王辰表示，目前各種藥物或治療手段，仍在探索階段，對它的規律還不了解，之前是基於過去的經驗制訂的一些治療方法，但隨著對病情規律的認識，治療針對性越來越強、越來越規範。他說，目前的認識還非常粗淺，包括對新藥、新療法的探索都還在初級階段。
最近網上廣傳方艙醫院裡病患齊跳廣場舞的影片，對於是否有助病情緩解，王辰指出，方艙醫院病人是輕症病人，從體力上、心態上都能進行社會活動和交往，他認為可紓緩病人緊張情緒、提高生活狀態和品質，對病情也有幫助。
王辰說，當前既要有急迫的心情，感受到病人急迫的需要，同時要有非常清晰的頭腦、非常穩健的行動，才能推動科學研究。</t>
  </si>
  <si>
    <t>美國之音報導指出，正在美國國會審議中的《2021財年國防授權法》（2021NDAA）草案，其中就有條文呼籲美國國防部讓海軍醫療船「安慰號」及「仁慈號」停靠台灣，以便延續美台應對新冠肺炎的協作。草案還支持與台灣進行現實的訓練和軍事演習，包括太平洋多國軍演（RIMPAC）及歐文堡（Fort Irwin）陸軍國家訓練中心的聯合訓練、在《台灣旅行法》之下增加美台高級軍事將領的交流，以及擴大軍事醫藥及人道災難救助合作等。
一般認為，《2021財年國防授權法》草案可望通過並且獲得美國總統川普簽署，然而，如果美國具體實施條文，不但陸美關係將高度緊張，兩岸關係將會更加惡化。
美國之音的報導表示，編號S. 4049的《2021財年國防授權法》草案有兩個條款涉及台灣。1258號條款明白表示，美國的政策明定《台灣關係法》及「六項保證」是美台關係的基礎，《台灣關係法》中「沒有任何內容限制美國盡可能深化彼此間的廣泛、緊密和友善關係，包括防衛關係」，而且這個法律應該隨著政治、安全、經濟動態及不同情況的轉變來實施和執行。
美國預期「台灣前途應該通過和平手段來決定」，「任何以非和平方式決定台灣前途的作為都是對西太平洋地區和平安全的威脅，也是美國的嚴重關切」。
貫徹NDAA 兩岸更惡化
美國支援台灣具備自我防衛能力，規範各種強化美台軍事關係與合作的專案，表明美國支持台灣發展「有能力、有準備及現代化的防衛部隊」。這些專案包括：美國支援台灣取得武器和服務、確保台灣提出的軍事需求能得到及時審議和回應。
依據上述《台灣關係法》各項規定，美國參議院意見認為，美國國防部長應該確保國防部完整執行條款中關於美台防務關係的規定，並且發布關於執行這些規定必要的新政策指引。
1259號條文表示，美國國會認為國防部「應該執行『安慰號』及『仁慈號』停靠台灣」的任務，以便延續美台應對新冠肺炎（COVID-19）的協作，包括檢測、疫苗與藥物的研發和口罩的捐助，並且進一步改善美台軍事醫療及人道災難救助的合作。
強化美台軍事關係
另外，讓美方人員得以從台灣人士的專業獲益，因為台灣應對新冠肺炎富有成效，以及延續安慰號與仁慈號的使命，它展現了國防部在全球部署海上醫療能力的能量，與提供美國在重大危機時應變能力的價值。
安慰仁慈號 停靠台灣
雖然這不是參議院第一次在國防授權法中呼籲讓美軍醫療船停靠台灣，《2019財年國防授權法》也有關於美軍醫療船訪問台灣的條文，不過《2021財年國防授權法》草案的相關條文凸顯新冠肺炎對草案內容的影響，在文字上也有更明確的描述，例如指明兩艘醫療船的名字和美台應對疫情的合作項目。草案預計在未來幾星期完成修訂後，送交院會表決。</t>
  </si>
  <si>
    <t xml:space="preserve">隨著美國總統拜登先後宣布捐贈8,000萬與5億劑疫苗，以抑制新冠肺炎在全球的大流行；美《外交政策》11日分析，拜登提供的疫苗中，有75萬劑將交給台灣，而台灣又一向為北京視為前院。換言之，原本已深陷美中大國競爭的台灣，所處的戰場會進一步擴張至疫苗取得之上。
報導中指出，近幾個月以來，美國軍事官員持續警告美方與其盟友可能正處於大陸武力犯台的轉捩點，而這將決定亞太地區未來幾十年的命運。
儘管嚴格來講為非官方訪問，但日前美國議員走訪這個四面楚歌的小島，象徵蔡英文與拜登政府關係的升溫；以及身處美中霸權爭奪前線的台灣，不只成為傳統政治、軍事與經濟戰場，更擴張至疫苗外交之上。
美國聯邦民主黨參議員達克沃絲、昆斯，以及共和黨參議員蘇利文組成兩黨台灣訪問團。在與蔡英文的會面時，達克沃絲宣布美國將提供75萬劑疫苗給台灣。
報導指出，美國總統拜登愈來愈將華府與北京的競爭，視為西式民主對決共黨威權主義。這次訪台行程恰巧是個機會，使世人知道美國完全能在這場角力中迎頭趕上。
昆斯表示，「去年美國的經歷(指疫情大流行)讓期盼全球擁抱民主並以此為治理模式的人，感到懷疑」；但隨著參議院通過近2,500億美元法案，投資科學研發以提升和中國大陸的競爭力。美國與大陸在亞洲的競爭可成為一絕佳機會，展現民主如何發揮並因應此時此刻的挑戰。
文中分析，長期以來共和黨與民主黨在公共衛生外交上表現都非常的好，甚至可追朔到小布希時期的愛滋病緊急救援計畫。繼美國國務院宣布提供南韓110萬劑疫苗後，美方議員緊跟著在台灣現身並宣布援助疫苗。
隨著大國在疫苗外交上的權力優勢逐漸形成並發散出來，全球正掀起一波疫苗接種熱，而台灣這波的疫苗雨，恰好緊跟在這股潮流後降下。先是在日本、印度、澳洲等國舉行的四國安全對話中，拜登等人宣布在2022年年底前提供10億劑疫苗給東南亞、印太等其他地區；在「七大工業國集團」(G7)會議上，各國又允諾提供發展中國家另外10億劑疫苗，其中美國承擔約一半的劑量。
然而，就在美國大舉發動疫苗外交之際，底下卻呈現鴨子划水般的激烈辯論。報導引述國會助理與美方前官員說法，指出拜登政府內部機構彼此正激烈爭辯，主題圍繞在應該以盟友優先，還是廣泛地提供全球疫苗。
1名官員表示，這之間的差距在於像拿花生醬抹土司一樣，每片只拿到一點點；還是分配給少數國家，但每個國家能拿到更多疫苗從而發揮更大影響力。昆斯的助理更表示，美國國會正激烈辯論政府到底該優先提供哪些國家疫苗，特別著重在疫情嚴峻的國家。
報導指出，雖然華府正激烈辯論；但官員與立法諸公都強調，拜登政府疫苗外交勢必要與北京存在重大差異，必須有別於大陸以此作為政策槓桿的做法。2名國會助理表示，北京利用國藥集團疫苗作為香餌，誘惑諸如巴拉圭等在內的低收入國家，放棄對台灣外交承認改為擁抱大陸。蔡英文總統也指控大陸介入台灣與輝瑞洽購疫苗的過程。台灣外長吳釗燮在日前的訪日行程中，更重提北京利用疫苗加強對台壓力。
訪台議員蘇利文痛斥，大陸「此刻正將其垃圾疫苗輸往世界上如非洲等發展最低的國家；卻要其按大陸意思建立經濟聯繫。為了獲取疫苗必須接受附帶的經濟條件，我們將避免這種做法」。
事實上，訪台議員團起初是獨立於政府之外，來規劃台灣行；隨後才發現其行程竟與白宮有意提供台灣疫苗的計畫相符。昆斯的助理披露，早在軍機起飛前，議員們就在等北京對這次參訪的反應。事後證明，3名議員乘坐軍機抵台並與蔡英文握手的照片，引發大陸媒體一系列的評論，隨後共軍更在台灣附近模擬兩棲攻擊。
議員們與助理堅稱，此次訪問是美國回報過去台灣的義行。2020年美國遭逢疫情嚴重創傷，當時台灣提供華府數千口罩。「2049計畫協會」研究員易思安（Ian Easton）分析，長期以來北京持續阻撓台灣加入世界衛生組織，口罩外交無疑是推動台灣非官方關係的另一條道路。這些都凸顯美方有必要發揮關鍵作用，協助台灣擺脫北京封鎖。
雖然這次訪問引起北京不安，但美方議員們堅稱這次走訪完全符合1979年簽署的《台灣關係法》。如同美國安會印太事務協調官康貝爾(Kurt Campbell)5月在公開評論中表示，對於美軍是否保衛台灣免受北京的侵略威脅，拜登政府始終尊重《台灣關係法》創造的「戰略模糊」。蘇利文也強調在與蔡英文的會談中，並沒有針對台灣面臨軍事威脅時，美方是否會馳援進行討論。
隨著共軍軍機近乎天天走訪台灣防空識別區，是兩岸之間的緊張關係正不斷升溫，而前者又為台灣飛行員帶來沉重負擔。美軍高層警告，北京傾向頻頻派出軍機進行非官方訪問外，結合不斷增加的軍演。華府正密切關注這些演習中是否讓共軍各軍種之間的任務更形複雜，比如海軍與火箭軍的角色更為吃重。
美國「捍衛民主基金會」（the Foundation for Defense of Democracies）軍事與政治權力中心主任鮑曼（Bradley Bowman）認為，美國的目標是讓台灣成為「軍事豪豬」，即北京發動侵略的代價會過高，且台灣軍隊能支撐到美方增援部隊抵達。
但即使像鮑曼這樣主張美台更密切連結、更多軍售、更緊密的非官方外交官關係，以及更多的聯合軍演，也不得不承認對台展開援助會刺激北京並形成風險。「我們必須很謹慎；這不是精密科學，但北京對台的計畫已昭然若揭」。
</t>
  </si>
  <si>
    <t xml:space="preserve">受到全台新冠肺炎疫情延燒，多數產業彷彿被按下暫停鍵，也讓果農擔憂4月鳳梨盛產期、外銷恐會受阻，所幸一年多前與日本大型連鎖超市SEIYU「西友」洽談合作，如今傳來捷報，14日正式啟動封櫃儀式，約1周後就能在日本300多家超市，品嘗來自屏東的好味道。
根據統計，台灣鳳梨去年外銷5萬1476公噸，其中出口大陸約占總量97％，在受到疫情影響，對岸傳統市場及大型超商通路買氣都顯疲軟，屏東是全台重要產區之一，讓農民不免憂心。
屏東縣長潘孟安表示，農曆年前就持續關注疫情發展，也的確發現一到鳳梨盛產期可能會遇到的銷售問題，便試著接觸全球各國可能的農產買家，總算盼來好消息。從屏東出產的金鑽鳳梨，將直接進到SEIYU超市通路銷售，期盼首航櫃可帶來強大後續訂單，目標上看600公噸。
潘孟安手拿氣笛、聲響震天，如同船運航行時的鳴笛，象徵外銷鳳梨貨櫃首航正式啟動，他臉上始終掛著笑容，期盼為屏東農產再開新局。
「真的吃下一顆定心丸」，高樹銀獅農場理事主席洪銘聰坦言，過去日本鳳梨主要來自菲律賓及泰國，而日國出產的沖繩鳳梨則穩居高端市場首位，如今屏東鳳梨順利打進市場，相信高品質的果品一定能站穩一席之地。
洪銘聰表示，日本檢疫嚴格，必須從種植、採收便導入安全用藥的病蟲害防治手法，及採收時工序繁雜的切柄讓切口平整，都是為了後續鳳梨鮮果的保鮮延長及維持最佳品質，不過他拍胸脯保證，一切都沒問題，就待一周後的船運時間，屏東鳳梨將在日本大放光芒。
</t>
  </si>
  <si>
    <t>大陸國家衛健委高級別專家組組長鍾南山12日表示，若有一些國家不把疫情的危害性傳染性，結束時間不太好說。一般情況下，在溫度比較高的夏天，新冠病毒是不太活躍的。但還是要取決於各個國家的重視程度。隨著疫情嚴重的國家的重視程度提高，6月份結束疫情是可以期待的。
鐘南山呼籲，各國響應世衛組織號召，對新冠肺炎疫情進行國家層面乾預。此外，鐘南山強調，世界應對新冠肺炎疫情，加強溝通與交流很重要。不過，「兩個月內研發出特效藥或找到特殊的辦法是不太可能的」。</t>
  </si>
  <si>
    <t xml:space="preserve">美國國防部傳出有37人感染新冠肺炎，為預防病毒擴散，五角大廈昨（16）日宣布，美國國防部長艾斯培（Mark Esper）及副部長諾奎斯特（David Norquist）已緊急隔離。
綜合美媒CNBC、美國有線電視新聞網（CNN）報導，美國防部發言人霍夫曼（Jonathan Hoffman）昨日宣布，國防部長艾斯培及副部長諾奎斯特自周一起將分開辦公，兩人的幕僚今後也將只透過視訊會議互動，同時，國防部也將檢測所有進出大樓的人員，並且限制出入人數。
五角大廈約有22,000名員工，目前已知一共有37名員工確診新冠肺炎，包括18名現役軍人、3名公務員及3名承包商等。
針對國防部已採取讓正副部長分開辦公的預防措施，美國總統川普表示，目前白宮及副總統彭斯還沒有跟進這項措施的想法。
</t>
  </si>
  <si>
    <t>新冠肺炎本土疫情延燒，國內昨新增472名本土案例，其中339例新增、133例校正回歸個案，全台本土案例累計9248例，加上境外移入共1萬446例，突破1萬大關，且再新增21名死亡個案，追平單日最高紀錄。雙北疫情持續延燒，新北市長侯友宜拜託民眾盡量出來廣篩，找出隱藏在社區的感染源，才能堵住傳播鏈，甚至要成立「到宅快篩隊」到府服務，台北市長柯文哲則直言，北市快篩陽性率降到4.4％，但不代表疫情改善。
雙北仍在百例高峰 苗栗又暴衝
昨日新增的本土個案以新北市227例居多，其次為台北市的152例及苗栗縣的51例，新北累計本土個案數已達4400例，台北市亦有3300例。疫情中心指揮官陳時中表示，疫情確實仍然緊急，目前比較好的情況是採檢報告的效率有提升，現階段沒想到降級、也沒想到升級，疫情仍處在相對高點，會持續精進防疫措施。
50歲染疫亡 罕見無潛伏疾病
此波本土病例爆增，每日新增死亡案例一直高居不下，昨日新增21名死亡個案，追平單日最高紀錄，其中最年輕30多歲，最年長則是90多歲，專家諮詢小組召集人張上淳表示，死亡個案中，年輕的2人有洗腎、糖尿病，其餘個案，除1名50多歲的個案沒有潛伏疾病外，其他都有潛伏疾病。
至於重症病例，醫療應變組副組長羅一鈞表示，5月11日到6月3日間，0到9歲確診人數占2.6 ％、10到19歲占3.2％、20到39歲占20.2％、40到59歲則占35.7％、60歲以上占38.3％，60歲以上仍占大宗。日前陳時中指出，20到39歲年輕人染疫比率變高，指年輕人防疫鬆懈，引發年輕人不滿，昨日他也緩頰說，年輕族群不算排行前面，但多是輕症或無症狀，不見得會就醫、採檢，怕大家誤解重症都是長者，而有點輕忽，提醒大家病毒是針對所有人，每個人都要注意。
近來新北市確診病例一直未見趨緩，侯友宜昨主持防疫會議指出，雙北已連續出現2波高峰期，未來恐還有新一波疫情高峰，他知道市民在家待了20多天，心理壓力很大，但拜託大家再忍耐一下，維持低度再低度的活動，也呼籲所有市民、尤其「重熱里」的居民，盡快出來廣篩。
60歲以上中鏢 高達38.3％
而依據新北市疫調，發現超過4成的感染源來自家中親人，新北市將組成「到宅快篩隊」，除了開放民眾電話申請外，也會根據警察局疫調資料、居家檢疫關懷中心，匡列有需求者，提供到宅快篩服務。
對於中央流行疫情指揮中心每日都會公布當日確診數，柯文哲認為，中央一直校正回歸，很難即時判讀北市疫情實況，且PCR通報系統從檢查、確認到宣布，還是有時間差。目前快篩陽性約有80％PCR陽性，顯示快篩陽性率至少有8成準確度，應蒐集北市各醫院的急診室數據，用快篩陽性的總數來做疫情監測，時效上比PCR快很多，是面臨校正回歸數多時的折衷應變方案。</t>
  </si>
  <si>
    <t>我國疫情嚴峻，屏東近日傳出DELTA變異株群聚，但經擴大匡列採檢，8天共採檢逾萬件，至今僅發現1例陽性個案，中央流行疫情指揮中心指揮官陳時中表示，匡列的範圍越來越大，但陽性個案仍僅1例，「相信樂觀的情形」。
陳時中指出，屏東無論採檢或醫院目前還算穩定，枋寮確診個案沒有增加，全院工作人員及住院病人等6月29日全部完成全院包括患者、醫護、家屬等共392人採檢，並將於第7天第14天再執行1次採檢，7月1日完成環境採檢42件也為陰性。
陳時中說，個案共匡列490人入住集中檢疫所，除了88件檢驗外，其他402件都為陰性，而社區篩檢站8天篩檢1萬689件，324件為檢驗中，其他皆為陰性。
外界認為屏東快篩的試劑準確度高，陳時中表示，目前快篩與PCR並行，但全國仍以PCR進行，用單一品牌來做也不是很好，應做多廠牌比較讓大家參考。</t>
  </si>
  <si>
    <t>台灣高鐵（2633）8日董事會決議，將原定每股配發1.22元現金股利，下調至1.21元，總配發金額由68.665億元降至68.107億元，換算現金股利約減少5,572萬元，以因應疫情衝擊。
台灣高鐵表示，變更配發現金股利原因為考量新冠肺炎（COVID-19）疫情蔓延世界，對全球經濟產生深遠且難以預料負面影響，交通運輸及觀光旅遊產業首當其衝，公司深處疫情影響暴風圈，近期營業收入遠低於預期，為減緩疫情對財務所造成不利影響，因而積極進行開源節流措施，下修股利分派金額。
台灣高鐵近年運量穩健提升，本業獲利逐年成長，108年度現金股利首度突破1元，今年董事會原定將配發1.22元現金股利，但遭逢新冠肺炎疫情亂流，導致營運動能大減，經董事會討論後，決議下調現金股利金額至1.21元，仍維持歷年新高紀錄。
台灣高鐵強調，此次調整現金股利仍是按公司章程規定進行，提撥不少於60％可供分配盈餘分配股東紅利。以8日收盤價30元計算，台灣高鐵調整股利後，現金殖利率約4.03％。</t>
  </si>
  <si>
    <t xml:space="preserve">苗栗縣京元電子爆發嚴重群聚感染，比鄰的台中市目前還未收治相關確診者，台中市政府也表示，目前已展開清查，要掌握該人力仲介公司是否在台中也有移工？並清查哪些企業有用到這些移工，如果有會要求這些公司自主篩檢，結果要立即匯報到台中市衛生局。
京元電子群聚累計已有77人確診，台中市身為中部醫療重鎮，先前已收治多名北病南送的確診者，這次苗栗爆發大型群聚，各方也擔心台中市的醫療量能，能不能負荷，疾管署中部疫情指揮中心黃高彬目前沒有收治任一名該案的確診者，但相關的醫療量能目前還足夠。
台中市新聞局長黃國瑋也表示，在爆發京元電子群聚案後，台中市也立即展開跨局室會議，要先掌握同一仲介公司是否有相關人員在台中境內，是分屬在那些公司，一旦獲知會通知這些公司為員工自主篩檢，結果也要立即匯報給台中市政府。
</t>
  </si>
  <si>
    <t xml:space="preserve">英國廣播公司BBC報導，刊登於「病毒學期刊」的最新研究指出，新冠病毒可以在特定環境下存活長達28天，包括鈔票、手機螢幕及不鏽鋼等表面，都比原先所想的更髒。
澳洲最大國家級科研機構「澳洲聯邦科學與工業研究組織」研究顯示， 新冠病毒大多在咳嗽、打噴嚏及說話時傳播，但也有證據顯示，可經由懸浮空中的粒子傳播；根據美國疾病管制暨預防中心CDC的說法，可能因接觸金屬或塑膠等物體表面的病毒而罹患新冠肺炎。
經過實驗室測試發現，新冠病毒可以在鈔票和玻璃表面存活2到3天，在塑膠和不鏽鋼表面則可存活到6天。澳洲聯邦科學與工業研究組織研究更發現，這種病毒「極度頑強」，可於攝氏20度或室溫及黑暗環境下，在手機螢幕等光滑表面及塑膠鈔票與紙鈔上存活28天，而流感病毒在同樣環境下只能存活17天。
這項研究的作者認為，由於研究顯示，新冠病毒可在較低溫度下的不銹鋼表面存活，這或許有於解釋，病毒可在新鮮和冷凍食品上存活，以及為何肉類加工和冷藏設施會爆發新冠疫情。
</t>
  </si>
  <si>
    <t>新冠肺炎疫情擴散，儘管台灣防疫成效非常不錯，但各大行業尤其是觀光業依舊受到重創，政府也推出一系列紓困方案因應，卻出現各種亂象，連基層公務員自己都搞不懂，民怨四起。就有網友在PTT發問「為何政府防疫做這麼好，紓困卻這麼差」，引發網友熱議。
原PO在PTT八卦版詢問「這次防疫做得不錯應該是共識吧？對比其他國家非常好，結果紓困方案亂成一團，門檻多又複雜，幾乎沒聽到有人稱讚」，他不解詢問「造成這兩方面有這麼大的差異的主因是什麼啊？」
鄉民們紛紛回應：「一個是神，一個是騙神」、「防疫好是因為國人沒蠢到去相信 我ok你先領」、「防疫能順便鼓吹仇中，紓困能幹嘛」、「撒錢很簡單但造成後面財政炸裂就不是簡單的事」、「怕被跟馬比，結果搞的自己都講不清楚」、「因為防疫是人民自覺戴口罩，不甘綠官的事」、「陳時中對蘇貞昌，當然阿中完勝」、「部長能力&gt;&gt;&gt;&gt;院長」、「蘇貞昌只會說」、「防疫是陳時中，紓困是蘇貞昌。高下立判」、「防疫也沒多好，後面海龜跟軍艦搞成那樣」、「防疫是因為仇中，不然政策整天變來變去，一開始還說健康的人不用戴口罩」、「民進黨連大撒幣都不會，可憐喔」。</t>
  </si>
  <si>
    <t>近期許多企業疾呼開放快篩讓企業自行檢測，中央流行疫情指揮中心發言人莊人祥表示，目前研擬的企業指引的部分採檢的部分仍要由醫事人員擔任，快篩的如果陽性要注意要有針對員工做隔離安置的規劃，也要通報個案後再PCR採檢是否陽性，企業也要考量到底要是一般的健康監測或篩檢，經濟部會據指引報一個計畫再送到指揮中心。
經濟部近期提及竹科將成為第一個企業快篩的示範地點。</t>
  </si>
  <si>
    <t xml:space="preserve">大陸外交部發言人華春瑩今天針對美國務卿蓬佩奧有關新冠病毒出自武漢實驗室的矛盾說法回應稱，蓬佩奧一直在編造，用謊言掩蓋另一個謊言，這已經是公開的秘密。希望美國那些至今還沉迷於甩鍋遊戲的政客能盡快回頭是岸，把精力集中到搶救更多美國人生命、維護人民健康安全上來。
在大陸外交記者會上，媒體提問稱：美國國務卿蓬佩奧接受採訪表示，專家們認為新冠病毒系人造，他沒有理由不相信，卻又隨即改口說沒有理由不相信情報部門有關病毒非人造的說法，中方對蓬佩奧此種自相矛盾的說法有何評論？
華春瑩答稱，他之所以前言不搭後語，是因為他一直在編造，用謊言掩蓋另一個謊言。這已經是公開的秘密。至於他說中國拒絕交出病毒樣本，不明白人這到底是在說什麼。
華春瑩指出，國際著名專家都表示，病毒源頭問題必須基於科學和事實來作出判斷。現在各國最早感染病例發現時間提前的報導很多，比如法國本土首個確診病例時間提前到了去年12月，而且跟中國輸入的病例不同；瑞典專家稱其國內可能11月份就已經出現感染者；美國新澤西州貝爾維市長也表示去年11月就已經感染，美國佛羅里達州1月份已經出現171人感染，而且沒有一人曾前往中國。
華春瑩強調，蓬佩奧為什麼要在科學家和專家還都沒有定論的情況下，就匆匆忙忙下結論，咬死「病毒源自武漢實驗室」。他的證據在哪裡？請拿出來！如果拿不出來，是不是還在炮製過程中？
華春瑩還表示要分享一篇由美國哥倫比亞大學可持續發展中心主任、著名經濟學者傑弗里．薩克斯的文章，批評美國政府在疫情問題上對中國甩鍋毫無根據和邏輯，並且造成了嚴重後果。他認為，美國政府將中國視為美國問題的源頭是麥卡錫主義的重現，是個大謊言。他還質問「你們已經夠了，你們難道沒有一點羞恥心嗎？」他的這句吶喊道出了全體中國人以及世界上所有有正義感的人的心聲。
她最後還說，甩鍋推責解決不了問題，更挽救不了逝去的生命。我們真心為美國那麼多逝去的生命感到痛惜和悲哀。我們也真心希望美國的疫情能夠很快得到控制，中方也願意提供力所能及的幫助。
</t>
  </si>
  <si>
    <t>全國拚疫苗人口覆蓋率，目前國內以提升第一劑覆蓋率為目標，但專家指出，在疫苗不足的狀況下，應該讓長輩先施打第二劑疫苗，或是讓有疑慮的人可以混打BNT疫苗。對此，中央流行疫情指揮中心指揮官陳時中表示，這個問題永遠沒有辦法解。
陳時中表示，這個問題已經討論過很多次了，整體來講一到十類對象高風險的人、會跟病毒接觸保護大家的人，已經有蠻多機會可以打疫苗，那現在有一部分人都沒有在名單之內，所以讓他也有機會來施打。
陳時中進一步表示，按照風險來說，一到十類我們已經開了相當程度，莫得納也開到第九類53歲，將來還有疫苗來還會再開放，剩下就是機會公平的問題，當然這個問題永遠沒有辦法解，除非一下子的量全部都到來，「我們也相信，不需要很久的時間，第一劑疫苗的滿足應該很快就可以達到」。</t>
  </si>
  <si>
    <t>繼二名華航貨機機師確診新冠肺炎之後，又有一名國籍航空空姐染疫，中央流行疫情指揮中心發言人莊人祥表示，目前總計有四位在航空業感染新冠肺炎，除了二名華航貨機機師、一名空姐外，還有一名荷蘭籍副機師。
莊人祥指出，新確診這名空服員為確診案232，其3月8日至3月11日飛美國，3月15日飛印尼，3月22日發病，於3月24日確診。這名空服員於3月16日返台後，即自主健康管理，其間有至地勤工作並與其他同事見面，目前已框列空服員家人、非同住家人及友人共有8名接觸者，另同家公司接觸同事人數框列則尚在進行中。</t>
  </si>
  <si>
    <t>針對美國疫情日趨嚴重，衛福部長陳時中表示，事實上已到了臨界點，旅遊疫情建議一定會升級，而且將會採取分州的方式個別提升，反映實際的疫情狀況。
至於菲律賓首都馬尼拉實施封城，陳時中認為，實際的疫情確實很嚴重，會與相關單位保持聯繫，隨實因應實際需要。
上午陳時中也在外交部安排下與各國駐台代表見面，也提到一套自主健康管理的機制，加強通報管理，嚴格要求確實通報，也會有罰責，這套系統很快就會建立。</t>
  </si>
  <si>
    <t>勞動部26日公布最新的無薪假統計，目前總計有3679家企業，4萬4973人正在實施無薪假，家數續創歷史新高，人數也再次突破新冠肺炎疫情以來的巔峰，其中住宿及餐飲業為仍是這次的重災區，總計有1004家、2萬1240人實施無薪假，家數與人數續創新高。
勞動部上周公布的無薪假統計，實施事業單位計2704家，實施人數3萬1980人，相隔一週，增加975家，人數增加1萬2993人，家數持續創高，人數更是突破因疫情在去年6月底的高峰。勞動部表示，多數事業單位之實施人數在50人以下，實施期間多數未超過3個月，實施態樣較多的是每月休9至12日。
從行業別來看，前三名的家數主要仍是與疫情管制相關，最多的是住宿及餐飲業，有1004家、2萬1240人正在實施無薪假，其次為批發及零售業為919家、7328人，第三則為支援服務業489家、3011人，內需終端疲弱，也連帶影響到上游製造業的民生工業與化學工業，民生工業增至79家、882人，而化學工業也增至42家、319人。
運輸及倉儲業的部分，除了因應防疫實施邊境管制，導致航空公司實施無薪假外，部分國道客運、市區公車配合減班，大幅減少司機員與相關作業人員的工作時數，也讓本週無薪假的情況提高至141家、3331人；醫療保健及社會工作服務業的無薪假數據仍持續上升，實施家數273家、2423人。</t>
  </si>
  <si>
    <t xml:space="preserve">全台無預警大停電，連中央流行疫情指揮中心下午的疫情記者會直播也突然中斷，下午3點多疾管署記者室瞬間漆黑一片，只剩記者桌上的電腦、手機亮著，由於直播訊號突然中斷，不少線上網友嚇壞，紛紛詢問發生甚麼事？看到畫面黑一片，有網友驚呼：「阿中不見了」，還有網友問：「世界末日嗎？」。
高雄興達電廠今(13)日下午2點37分發生不明原因跳機，燃煤二、四號機、和燃氣三號機皆跳機，台電高雄區處指出，因興達電廠事故全廠停機，全台進行緊急分區第一輪停限電，停電範圍擴及全台。
電力中斷國家警報大作，連指揮中心記者會也受到影響，下午3點多疾管署突然停電，有記者拍到記者室漆黑一片的畫面，只剩記者桌上的電腦、手機還亮著，罕見畫面曝光，讓眾人驚訝，幾分鐘後備用電源才啟動。
停電發生後，疫情記者會過不久也順勢結束，衛福部長陳時中離開記者會現場時，記者室外還漆黑一片，由於情況相當罕見，大批記者簇擁而上，紛紛開手機的手電筒照明，圍著陳時中猛拍。
由於指揮中心直播訊號也突然中斷，線上網友一片哀嚎，紛紛詢問發生甚麼事？看到畫面黑一片，有網友驚呼：「阿中不見了！」，由於近日國內本土疫情爆增，昨天才掀起大賣場、量販店、超市一陣民生物資搶購潮，今天又遇上全台大停電，有網友忍不住問：「世界末日？」，還有網友笑說還好昨天有囤到貨。
</t>
  </si>
  <si>
    <t>台北市今日新增5例本土個案，為全國第二高，個案分佈於北市4個行政區，其中中正區2例最多，台北市長柯文哲認為只看戶籍地意義不大，但他也坦言，5例中有3例是無症狀患者，北市個案中就有44％確診者為此狀況，因此到最後階段，清零變得很困難。
柯文哲表示，無症狀患者多很令人頭痛，原因是民眾若沒症狀，就不會主動就醫，很難被攔下來，且昨天7家醫院共篩檢了2189人，結果陽性率是0，能看出北市目前採取精準疫調涉略，努力追殺感染源，因此社區內少很多黑數。
不過，柯不認為社區內已無黑數，仍有部分潛伏在社區，只是越來越難抓，為考慮醫療成本，若觀察一個禮拜後，每天仍只抓到0個，要不要撤掉（免費篩檢）會再考慮。
由於今日是降級的第一天，柯除重申解封策略為，每天新增案例在10例以下、不明案例在2例以下，原則上北市還是慢慢解封，畢竟拖久各產業都會受不了，也說馬路上車子都多起來了，很明顯人流、物流及車流都上升不少，但他還是覺得要小心，因此還是按照原計畫，逐步放寬管制，把群聚吃飯擺最後。</t>
  </si>
  <si>
    <t xml:space="preserve">NHK報導，和歌山縣於6月18日宣布，該縣又確認了3起新冠病毒肺炎的病例，使得當地已有12起病例。
和歌山的病例大多與湯淺町的有田醫院有關，今天所確認的其中一起，就是該院醫生的十幾歲兒子遭到感染，不過他沒有出現發燒等症狀。根據厚生勞動省的說法，這是家庭青少年第一次被感染的病例。
另外的兩例分別是60歲與30歲的男性，其中30歲患者，原本是和歌山縣災害派遣醫療隊成員，他在13日至15日前往鑽石公主號遊輪提供協助，可能因此遭到感染。
</t>
  </si>
  <si>
    <t xml:space="preserve">行政院長蘇貞昌今早在行政院會宣布中央疫情指揮中心提升至一級開設，國民黨文傳會代理主委王育敏肯定政府從善如流，終於採納各方意見提升至一級開設，也期盼在疫情嚴峻的當前，政府能以開放正面態度看待各方建言，朝野共同合作防疫。
王育敏指出，國民黨立院黨團本月17日召開記者會，呼籲政府抗疫從嚴，中央疫情指揮中心應立即升級至一級開設，以統整防疫決策，這般善意的建言，當時卻受到民進黨一片酸言批評：除了民進黨團幹事長鄭運鵬指稱「少去外行領導內行」；甚至有政院幕僚惡意辱罵國民黨立委是「存心鬧事」，綠營的不理性批評，讓國民黨深感無奈。
王育敏強調，在全球關注疫情、採行各項積極措施嚴加防疫的此時，政府對於各方的防疫建言都應正面看待。但從日前立院審議紓困條例的過程，以及防疫指揮中心是否一級開設等議題都可看出，民進黨對在野黨的正向建言，似乎第一時間是以全盤否定的態度對待。國民黨呼籲政府理性看待在野黨正面建言，讓朝野共同努力防疫不是僅止於口號。
</t>
  </si>
  <si>
    <t>2020台灣國際蘭展受新冠肺炎疫情衝擊而延期，海外國際蘭展也喊卡，為減少蘭農損失，台灣蘭花產業聯盟發展協會邀業者推出各家奇珍異花，即日起至4月5日於台南山上區台灣蘭科植物園自辦蘭展，200多種2000多株罕見蘭花爭豔，國際蘭展得獎名花300元即可帶回家，還有平價買1送1區，藉此推廣蘭花買氣。
台灣蘭花產業聯盟發展協會成立於2002年，目前有200多家業者加入，平日協會主要是前進國外大小蘭展參展，推廣台灣業者的蘭花，力拚外銷訂單，再媒合各蘭花業者供貨，由協會統一出貨。
得獎花300元帶回家
協會理事長吳柏昌說，協會往年外銷數量約300萬株，受新冠肺炎疫情影響，花農少了一個銷售管道，已開的花賣不出去，外銷訂單幾乎腰斬，而且飛機航班不斷取消，花運不出去，運費也不斷調漲。
吳柏昌表示，台灣蘭花業者實力雄厚，跟上國際潮流也培育許多得獎品種。目前國外流行的蘭花分為3大類，一是有香味的蘭花，例如有牛奶香味的腋脣蘭、巧克力香味的蝴蝶蘭；還有最夯的大脣瓣蝴蝶蘭以及色彩鮮豔獨特的嘉德麗亞蘭等，此次都有展出。
盆栽DIY適合親子遊
新冠肺炎疫情蔓延，吳柏昌為了幫花農找商機，協會邀10多家業者於蘭科植物園舉辦蘭展，不僅有平時少見外銷品種，多種國際蘭展得獎名花甚至300元就能入手。
蘭科植物園自辦蘭展採免費入園方式，園裡除了有許多稀有的蘭花植栽以外，現場也有餐廳可用餐、喝咖啡，除了單純賞花外，還可預約盆栽DIY、押花體驗，非常適合親子出遊。</t>
  </si>
  <si>
    <t>新冠肺炎疫情持續延燒至大學校園，繼成大、政大、清大及實踐之後，台師大也出現確診個案。疫情指揮中心昨日公布新增16例確診，其中案322為台灣師範大學理工科學生，指揮中心表示，該生在發病前，以學校校園、宿舍為主要活動區域，交通多是搭校車，已要求實驗室及同宿舍同學進行隔離，也建議該生有上課的班級停課，目前該生為感染源不明的本土個案，若無法掌握其過去行蹤，不排除公布足跡。
14境外2本土 322確診5死
疫情指揮中心指揮官陳時中表示，新增的16例，分別為14例境外移入及2例本土病例，目前累計322人確診、39人解除隔離及5人死亡。逾3300人居家隔離中，居家檢疫則逾4萬8000人。
疫情指揮中心發言人莊人祥表示，2例本土個案分別為307的70多歲男性，近期無出國史，經疫調，曾與土耳其境外移入確診案122聚餐，3月25日發病，昨日確診，初步掌握接觸者共46人。
該生相關課程 採遠距教學
另一名本土個案為案322台師大學生，其於3月26日出現發燒、咳嗽、嘔吐及全身倦怠等症狀至診所就醫，因症狀持續，於3月29日至醫院就醫，診斷有肺炎情形收治住院，30日由醫院採檢通報，於昨確診。經初步調查，案322接觸者共13人，將持續調查是否有其他高風險暴露史，以釐清感染源。
台師大學務長林玫君表示，學校接獲通知後，30日即由學校安排同寢室同學移出宿舍，進行自主健康管理，該名學生生活單純規律，也無跨校選課，為達最大保護原則，校方緊急通知相關課程，立即啟動遠距教學，以避免衍生任何可能接觸，並安排於清明連假期間全校大消毒，後續再依疫調結果辦理。
至於新增的14例境外移入個案為7男7女，年齡20多歲至60多歲，入境日介於3月16日至29日，發病日介於3月1日至3月27日；個案發病前活動地為美國、英國、冰島、法國、瑞士、泰國及菲律賓，出國的目的多為工作或是就學。</t>
  </si>
  <si>
    <t>國防部今天在線上記者會首度透露，國防醫學院預醫所將規劃興建新的「P4實驗室」，為因應如新冠肺炎等傳染病的威脅，國防醫學院預醫所在國防部各級單位全力支持下，已規劃新建生物安全第四等級實驗室(P4)，新P4實驗室的安全規範將符合國際上最嚴格的加拿大標準，興建完成後將成為亞太地區對抗新興及再現性傳染病的領先指標設施，作為國軍及全國防疫研發工作最堅實的後盾。
國防部表示，國防醫學院預醫所為因應快篩試劑、治療藥物及疫苗開發的測試需求，從109年迄今已進行7場次不同類型的人員培訓及演練，為國內唯一具備完整生物安全第2／3／4等級實驗室之人員培訓場域。
另有關這次新冠疫情肆虐，國防醫學院在「高防護實驗室」方面有哪些貢獻？國防部說，針對本次新冠肺炎疫情，國防醫學院在生物安全第四等級實驗室(BSL4)中執行病毒培養、鑑定及分析工作，並在動物生物安全第三等級實驗室(ABSL3)中，以動物模式驗證藥物及疫苗的有效性，於生物安全第二等級實驗室(BSL2＋)精準偵檢實驗室中檢驗臨床檢體，遵循生物安全法規且分工明確，提升執行任務的工作效率。</t>
  </si>
  <si>
    <t>全台自5/19開始實施三級警戒，如今一延再延，目前確定會延後至7/12。對此，一名網友好奇發問，依照台灣目前的情況，三級警戒要延到何時？貼文引發熱議，不少網友表示，樂觀來說至少要等到中秋節，另也有人認為疫苗覆蓋率不高，解了也是白搭，一定會再封起來的。
一名網友昨在PTT上發文表示，早就知道6/28不可能會解封，中央流行疫情指揮中心昨天（23日）果然宣布三級延長至7/12，但他認為到時候肯定會繼續再延後，不知道大家怎麼看？依照台灣目前的情況，三級警戒會延到幾月？
貼文引起熱烈討論，綜合網友的留言發現，多數人認為至少要等到中秋節後，「快的話，可能父親節完或中秋節後」、「至少中秋節」、「覺得九月跑不掉」、「九月以前吧！幸運一點或許八月以前」、「中秋過後、雙十之前」、「樂觀評估要九月之前」、「 起碼也要9月吧！」
另也有網友認為，疫苗施打率是解封的關鍵，「九月，二劑沒60%以上擋不住Delta病毒」、「疫苗覆蓋率不高，解了都是白解」、「可能要等疫苗打到差不多為止」、「疫苗如果沒辦法普打，希望封到9月、10月」、「看疫苗何時到貨」、「依照目前這種疫苗施打率，年底吧！」</t>
  </si>
  <si>
    <t>新冠變異株Omicron現蹤全球超過20個國家，台灣為了提升民眾保護力，指揮中心昨宣布開打第三劑疫苗，符合資格者共有4類人，只要打完第二劑疫苗滿5個月，就可以至指定醫療院所預約接種第三劑，而《中時新聞網》也整理出接種第三劑需符合的條件、副作用等常見的4大問題供民眾參考。
一、誰可以優先打第三劑？
可優先接種第三劑的人有4大類，第一至第三類的對象及因公出國者。其中第一至第三類對象包括醫護人員、防疫工作人員、第一線高感染風險工作人員（含航空機組員、港埠工作人員、防疫旅宿工作人員）等，上述這些人只要完整打完兩劑滿5個月即可優先打第三劑。
二、何時可以輪到自己打？
根據指揮中心現在的規定，只要完整接種兩劑疫苗滿5個月，即可至指定醫療院所接種第三劑，舉例來說，今天（12月3日）能打第三劑的人，第二劑疫苗應要在7月3日就打完。民眾可由此自行推算自己可以打第三劑的時間。
三、第三劑的副作用為何？
指揮中心發言人莊人祥表示，從過去的研究與實際接種狀況發現，第二劑和第三劑接種時間間隔5至6個月左右，第三劑的副作用普遍會較第二劑更低。比較常見的副作用可能是發燒、頭痛、接種部位疼痛腫脹。
四、第三劑打哪一款疫苗？
這波第三劑疫苗只開放「莫德納」給民眾打，接種劑量為基礎劑量的一半。
五、第三劑可以選擇廠牌？
指揮中心指揮官陳時中曾說，第三劑疫苗廠牌的選擇「AZ混打mRNA疫苗可以，但不太贊成mRNA疫苗之間的混打，也不建議民眾先打mRNA再混打AZ」。不過目前僅提供莫德納給民眾打，未來是否有別的廠牌，依指揮中心說明為主。</t>
  </si>
  <si>
    <t>「Delta病毒已經到家門口！」桃園市長鄭文燦表示，提出7大防線檢視，包含桃園國際機場、機組員防疫旅館、華航及長榮園區、民眾防疫旅館、防疫計程車、責任醫院、採檢站，都會逐一檢討。
鄭文燦表示，針對Delta病毒防線，提出7大防線檢視。第1個是桃園國際機場，他說，機場有設置採檢站，包含入境動線，桃園市府會同機場、民航局檢查機場防疫動線。第2是針對機組員改成5＋9，必須居隔5天加上9天加強版自主健康管理，因此需增加防疫旅館數量，鄭文燦說明，原本桃園有3家機組員防疫旅館，必須增加到5家，且為專用，不得與一般檢疫民眾混住。
鄭文燦又說，第3則是華航、長榮園區會進行防疫檢查。第4為一般民眾入境使用防疫旅館，目前有25家、使用率77％，有60％非桃園市籍。而基於防疫責任，要對防疫旅館的健康管理、防疫動線進行檢查。
第5則是桃園533輛防疫計程車，已經服務1年半，將持續、密切對防疫計程車健康管理進行必要加強。第6為責任醫院，強化防疫、加強醫療量能。第7為採檢站，因入境要2採，有8個防疫旅館到旅館是設採檢站，其他是到醫院採檢，需檢查採檢動線安排。
鄭文燦說，這7防線是因應病毒來到家門口，每道防線都不能鬆懈，他又重申，航空公司外站管理需進行外站旅館動線檢查。另外機組員入境後，還沒等到PCR結果出來就「趴趴走」的時間差也要改善。</t>
  </si>
  <si>
    <t>生產「蘋果西打」飲料的大西洋股份有限公司前總經理孫幼英，涉嫌為挽救旗下企業的財務危機，掏空大西洋公司逾億，一審將孫徒刑9年6月，上訴後，台灣高等法院審理中，她說自己年紀逾70歲有罹患新冠肺炎之風險，求免到派出所報到，高院駁回。可抗告。
孫幼英說，她年逾70歲，如今台灣新冠肺炎疫情嚴峻，她年事已高屬於罹患新冠肺炎之高危險族群，倘仍需於每週二、五至派出所報到，不僅徒增罹患新冠肺炎之風險，且對於本案迅速終結亦無助益，爰請求免除報到之處分。
高院認為，孫幼英涉非常規交易罪、特別背信罪等罪遭判刑9年6月，並應沒收及追徵犯罪所得新臺幣1億852萬多元，且經原審法院裁定限制出境、出海，並命每週二、五至派出所報到，高院也在今年7月16日裁定延長她出境、出海8月。
合議庭認為，孫幼英犯罪名法定刑非輕，且經原審判處重刑及沒收高額犯罪所得如上，衡諸人情之常，堪認被告主觀上有甚強之畏罪逃亡動機，為能定時掌握被告行蹤，確保被告並未逃亡，有命她告定期至派出所報到之原因及必要，駁回她的聲請。</t>
  </si>
  <si>
    <t xml:space="preserve">空中巴士宣佈在對廠區進行嚴格的健康與安全檢查之後，該公司在法國與西班牙的廠區已從23日起部份復工，進行生產與組裝工作。此外，空中巴士將支援全球對抗新冠肺炎危機的努力。
空中巴士與夥伴密切合作，在維持業務進行的同時確保員工健康與安全。為了執行這些措施，空中巴士在法國與西班牙的生產與組裝廠房需要暫時停工四日。只有在符合衛生、清潔、以及自我保持距離的新健康與安全規定，同時保持營運效率的條件之下，這些工作場所才能重新開放。空中巴士將在不全面停工之下，在所有設施執行以上規定。
關於全球的非生產性工作，空中巴士將繼續支援員工在家工作。執行以上規定之後，部份員工將被要求返回辦公室執行業務。在2月間，空中巴士位於天津的飛機組裝線曾因新冠肺炎暫時停工，現已復工運作。
空中巴士指出，將支援各國衛生、緊急與公共服務單位，運用空中巴士飛機、直昇機、衛星與服務達成重要任務。近日以來，該公司已向歐洲多國醫院與公共服務單位捐贈數千個口罩，並且派出試飛用機從中國大陸供應商載運大量物資。上周末，空中巴士派出A330-800試飛用機，從天津載運約200萬個口罩前往歐洲，大部份將捐贈法國與西班牙當局。空中巴士未來將執行更多類似班機。
</t>
  </si>
  <si>
    <t>兒童及青少年在全球這波新冠肺炎疫情中，相較於成人或老人在感染率及嚴重性都較低，但沒有控制穩定的過敏氣喘，會增加新冠肺炎發展成重症的機會。振興醫院兒童醫學部主治醫師羅玉芳呼籲，過敏及氣喘除了藥物治療，建構孩子的免疫力也相當重要，均衡營養、適度曬太陽，都是重要的一環。
新冠肺炎的危險因子包含肥胖、慢性病及抽菸，而在孩童及青少年族群最常見的慢性病，則是過敏性鼻炎及氣喘。由於新冠肺炎在免疫上的諸多新的醫學表現，國際兒童過敏協會針對兒童過敏的治療提供了一些治療的原則。
羅玉芳說，過敏性鼻炎孩童原來用於治療鼻子過敏的類固醇鼻噴劑及第二代的抗組織胺都建議繼續使用，控制好過敏性鼻炎，減少呼吸道黏膜的腫脹、減少打噴嚏，可以減少被感染及傳播病菌的可能。但這些藥物並不會降低孩子的免疫力，即使在孩子被感染新冠肺炎，也是必須要繼續使用的藥物。
此外，同時存在的過敏性結膜炎，也要規律使用抗過敏眼藥水，減少孩子因為過敏發癢揉眼睛、搓鼻子，才能減少病毒侵入的機會。氣喘孩童的治療不要因為疫情就醫不便就停藥，沒有控制好的氣喘孩童造成急性發作，反而增加新冠肺炎發展出重症的機會。
羅玉芳表示，強化平衡孩子的免疫力相當重要，這可以從環境及營養2方面著手。環境因素包含減少過敏、pm2.5及二手菸；營養因素則要讓孩子有足量且優質的蛋白質，促成足夠的抗體生成，微量元素包含維他命D及鋅可以減少感染，維他命D與吞噬細胞上的接受器結合後，會提升吞噬細胞殺菌的能力，維他命C、維他命E及多酚，提升孩子身體抗發炎及抗氧化的能力。
羅玉芳強調，只要每日均衡的營養，以及適度的曬曬太陽，就能建構家中寶貝均衡的免疫力。父母也要注意，3級警戒居家防疫的期間，孩子的運動時間幾乎沒有，不然就是大幅地減少，避免孩子體重過重也是防疫很重要的一環。
針對戴口罩與不戴口罩的比較統計也發現，摸臉的次數大約分別是每小時5次及20次，差異挺驚人的。另外，也有統計不戴口罩摸臉次數是戴著口罩的3.9至6.7倍，接觸眼口鼻是8.6至29倍。而為了要讓孩子能乖乖地戴好口罩，控制好孩子的鼻子、結膜過敏也是十分重要的。</t>
  </si>
  <si>
    <t>中央流行疫情指揮中心今(15)日公布，國內新增18例COVID-19確定病例，分別為14例本土及4例境外移入，其中臺北市9例為最多，其次為桃園市3例、新北市2例。針對新北市連續2天「微+2」，市長侯友宜稍早歸功市民配合低度活動、同仁努力，加上全面篩檢、精準疫調和熱區防疫中心的策略，新北市才得以有效控制疫情，有鑑於此，下週是否開放戶外用餐，也成為市民關注議題。
根據新北市長侯友宜今（15）日記者會上最新說法，針對新北市新增新莊本土病例1人、板橋居家隔離陰轉陽1人，侯友宜強調感染源都很清楚，一切都在掌控內，後續也將持續進行疫調，民眾不用擔心擴大。
至於新北市5大批發市場，侯友宜也祭出嚴格把關規定，強調從業人員須定期篩檢，穩定陰性才能進場，保持最高警戒；又新北市全台首創的檢疫隔離關懷中心也會持續服務，照顧居家隔離的市民朋友身心，並提供關於疫情的各項詳細資訊。同時，侯友宜也感謝慈濟基金會、愛心大平台送暖，資助新北弱勢族群。
目前「微解封」措施，新北市僅有條件開放戶外風景區、藝文場所、博物館，餐飲一律採外帶，下週一（19日）會有第一波檢討，進一步開放部分類別，民眾有望在戶外用餐。
侯友宜強調，解封的實質意義是讓民眾回到正常生活，並帶動更多經濟發展，否則業者成本花下去，最後又疫情再起，或業者為賺錢不顧防疫，「那就累了」，並舉例韓國、荷蘭解封了又再封城，認為對經濟與民眾來說都是二度傷害。
因此新北市會分梯次、階段討論開放場所，一定先從能夠落實防疫且不具有傳播力的地點開始，同時並會思考新北城鄉差距與都會重災區特性，逐步建構落實防疫為主的微解封。
★《中時新聞網》提醒您：
因應新冠肺炎疫情，疾管署持續加強疫情監測與邊境管制措施
如有疑似症狀請撥打：1922專線，或 0800-001922
並依指示配戴口罩儘速就醫，同時主動告知醫師旅遊史及接觸史，以利及時診斷及通報。</t>
  </si>
  <si>
    <t xml:space="preserve">由於美國海軍「羅斯福」號（USS Theodore Roosevelt，CVN-71）航母上有近100名人員新冠肺炎確診，在指揮官向高層示警下，部份美軍將下船，在關島的旅館隔離。
據CNN新聞網1日報導，美國代理海軍部長莫德里（Thomas Modly）周三說，至今「羅斯福」號上有93人檢測呈陽性，意味這超過所有美軍確診總數的10%。一名高級國防部官員說，海軍預料，隨著更多檢測結果回報，病例數還會增加。
莫德里說，艦上約4,800人中，已有1,273人接受新冠肺炎病毒檢測，而海軍仍在等部份檢測結果。他說，約有1,000名海軍已撤離，在關島上岸。此外，莫德里在五角大廈指出，未來幾天內，他們預計會讓2,700人下船。
不過，海軍作戰部長吉爾迪（Mike Gilday）說，由於艦上仍必須執行必要任務，如維持核反應器的運轉等，因此無法讓所有的人員撤離。他說，約有1,000名海軍必須留守，以執行任務，比艦長克勞齊上校（Capt. Brett Crozier）原本所提議的約500名多。
莫德里強調，艦上有軍火，有昂貴的艦載機，還有核子反應器，需要相當的人員留守，以維護航母安全。
新冠肺炎在「羅斯福」號上迅速蔓延，上星期五角大廈證實，有3名海軍檢測呈陽性。可是短短兩天後，就增為25人。到了3月31日感染人數起碼有70人，而時至4月1日已有近100人。一名美國國防部發言人透露，美國「雷根」號（USS Ronald Reagan，CVN76）航母上也有「少數人」檢測呈陽性。
據五角大廈說，到周三為止，共有814名美軍染疫。而高級海軍官員說，由於關島住宿處有限等因素，所以讓人員下船的速度比克勞齊所希望的慢。
而據要求匿名的海軍透露，從目前他們住宿的狀況看來，艦上成員很可能還會有更多人感染。他從3月28日起，就和超過150名同袍住在由體育館改造的臨時宿舍。他說，部隊裡有人咳嗽發燒，但說覺得身體還好，後來檢測卻呈陽性。另外還有人沒有出現任何症狀，結果檢測也呈陽性。
此外，他指出，體育館沒有足夠的空間，以維持適當的社交距離，而他們也沒有適當的清潔物資，好消毒相關區域。「就目前的狀況來說，會有更多人感染，」他說，「這不是會不會的問題，而是時間早晚問題。」
</t>
  </si>
  <si>
    <t xml:space="preserve">BNT疫苗28日開放登記，民眾如潮水般湧入，對此，台灣民意基金會董事長游盈隆表示，BNT和高端兩種疫苗受民眾歡迎程度，高下立判，但自己對於這樣的結果，並不意外。同時，游盈隆也發現，民進黨支持者的首選偏好也不是高端，顯見民進黨政府傾全力行銷高端，不但沒有引起全民支持，連大多數民進黨支持者也不大支持，蔡政府2點判斷失誤。
對「BNT門庭若市，高端門可羅雀」的結果，游盈隆今（29日）在臉書發文表示，自己一點也不意外，並表示台灣民意基金會八月民調顯示，在考慮多重疫苗偏好的條件下，69.8%的受訪者第一選擇為莫德納，接著依序為BNT的42.8%、AZ的30.2%、高端的17%。由此可見，登記BNT和高端的冷熱表現，本就可預期，沒什麼好奇怪。
游盈隆稱，有一個值得探討的問題是，民進黨支持者的疫苗偏好為何？根據自己的研究，他們的第一選擇是莫德納34.7%，第二是高端25.3%，第三是阿斯特捷利康14.7%，第四是BNT/輝瑞13%，12.2%不知道。
對於這項發現，游盈隆直言，很有趣，可以從多方面去探討，但他要問的是，為什麼只有25%的人選高端？為什麼民進黨支持者不追隨黨的領導？為什麼蔡總統兼黨主席「把手臂獻給高端」的大動作宣傳沒有出現「風行草偃」的現象？他的答案很簡單，因為人民不傻，人民有知識，有理性。
游盈隆指出，從另一個角度來問，那些第一選擇是高端的人，究竟是什麼人？從政黨支持傾向來看，有62.24%是民進黨支持者，13%是時力和台灣基進支持者，這兩者加起來就超過75%。從這角度來看，民進黨政府傾全力行銷高端疫苗但確實成效不彰，不但沒有引起全社會的支持，甚至也沒有獲得大多數民進黨支持者的響應，最後只能限縮在泛綠陣營內的一小部分人。
為什麼蔡總統主導的疫苗政策這麼不受社會歡迎？游盈隆分析，因為犯了兩個嚴重判斷錯誤：一是低估人民的智慧；二是濫用病態的愛國主義。台灣人能理性思辨，有獨立思考判斷的能力，勿庸至疑；強將施打高端疫苗和台灣價值或國力扯在一起，無異鼓吹一種病態的民族主義情緒，最終反而傷害台灣認同，是十分愚蠢荒唐的行徑。
</t>
  </si>
  <si>
    <t>台中市26日新增11例新冠肺炎本土確診個案，其中一名確診者24日曾到健保署中區辦公室辦健保卡，其足跡公布後，健保署中區業務組也發出聲明，指稱個案全程配戴口罩，且經酒精消毒後才入內洽公，櫃檯服務同仁也戴口罩及防護隔板，並保持社交距離。
該名確診者是西屯區37歲男性，從事寵物美容師及植栽藝術，平時在家接案未與客戶接觸，他是25日確診44歲工廠作業員室友，據悉是因為免疫疾病，5月24日上午10時到12時曾到位於西屯區健保署中區辦公室辦健保卡，當日凌晨發燒不適至醫院就醫採檢，5月25日報告確診陽性。
健保署在其足跡公布後立即發出聲明強調，已全面完成清消，所有同仁加強每日自我健康監測，請民眾安心洽公。
健保署中區業務組強調，該組完全依防疫規定，所有出入民眾應量測體溫及實名制登錄全程配戴口罩，且經酒精消毒後入內洽公，櫃檯服務同仁亦戴口罩及防護隔板，並保持社交距離。
健保署也強調，因應疫情嚴峻，民眾可利用線上申辦健保卡，或健保智能客服，不用出門就可完成相關業務。</t>
  </si>
  <si>
    <t>4月20日西德州輕原油期貨價格，出現史上首見的負油價，一度造成金融市場的劇烈波動，雖然最後追查主要原因在於中國銀行金融衍生商品「原油寶」的期貨轉倉因素，才造成當日原油期貨每桶負37美元的破天荒價格，然而其背後的原油供需結構發展及對後續的投資方向影響，值得投資人深思。
從供給面來看，美國自2010年在頁岩油開採技術突破後，大力開採頁岩油，美國原油產量快速增加，2019年每日產量高達1,300萬桶，超越俄羅斯以及沙烏地阿拉伯成為世界第一大石油生產國。也因為美國的頁岩油擴產，一舉改變國際原油的供需結構。原油產量驟增，國際油價也自2014年起告別三位數的油價，開始呈現震盪走跌的態勢。
近年國際景氣受到美中貿易戰及近期新冠肺炎疫情影響，需求持續下滑，導致西德州輕原油價格進一步下落，跌破2009年及2016年的低檔支撐40美元價位，也才造就4月底驚天動地的負油價事件。
從需求面來看，根據國際能源署（IEA）的預估，全球因為防堵疫情，約有187個國家實施活動限令，有高達數十億人生活受到限制，經濟活動嘎然而止，工廠停工、航空公司航班及大眾交通系統大減，各項需要石油的交通工具與產業停擺，對石油的需求驟降，今年第一季沙烏地阿拉伯的石油收入相較去年同期下滑了24％。
IEA預計2020年全球石油需求，將比去年每天減少930萬桶，後續原油的需求能否回穩，將視席捲全球的新冠肺炎疫情何時止穩，讓經濟生活重回正軌。但是有愈來愈多的研究顯示，新冠肺炎威脅不會輕易結束。
台大公衛學院估算這波新冠肺炎全球大流行有機會在6月底接近尾聲，但可能在今年秋冬捲土重來，在疫苗或特效藥沒有出現前，疫情的威脅可能還要持續兩年。經濟活動的回復仍將受限，原油的需求恐難以回到過去的榮景。
就產業的影響來看，近期西德州輕原油期貨價格在石油輸出國組織（OPEC）與俄羅斯達成減產協議後，已逐漸回穩在20美元之上，從沙烏地阿拉伯及俄羅斯的原油生產成本約介於每桶10～20美元間來看，原油再向下大跌的空間已有限。但是美國頁岩油業者的生產成本卻高達40美元，沙烏地阿拉伯及俄羅斯都想藉此次疫情，來打擊產油成本最高的美國頁岩油。
根據Baker Hughes數據顯示，西德州輕原油價格自2018年的76美元高檔下跌至今，美國的鑽油井數目也從2018年11月的888座驟降至5月初的325座，美國頁岩油巨頭Whiting Petroleum Corporation也不敵油價重挫壓力，在4月初聲請破產。
根據統計，2019年美國最低等級（CCC級）的高收益債中，能源企業發行比重達13％，這波油價大跌對能源企業的籌資將造成重大衝擊，市場預估未來一年可能會有將近100家美國原油與天然氣生產商將聲請破產保護，因此相關能源企業的投資商品必需要審慎因應。
另依據歷史經驗，原油價格疲軟，將造成下游石化產品的價格跟著疲弱，且石化廠商今年將面臨高價原料庫存侵蝕獲利，今年石化產業的業績不容樂觀。由於原油與石化產業都是屬於重要基礎工業，周邊相關的產業需求商機龐大，隨著全球油價暴跌，油氣行業整體損失預估將超過上兆美元。
另一個需留意的產業為過去幾年表現亮麗的航空產業，過往波音、空巴等飛機製造公司藉由開發省油型號的飛機及全球旅遊人數不斷增加的飛機需求，相關供應鏈商機不斷升溫。然而這次新冠肺炎疫情造成航空公司收入驟降，大減飛機訂單，市場預估，波音、空中巴士等大型廠商今年獲得的淨訂單可能合計減少1,000架，衰退幅度前所未有。
加上低迷的原油價格，也讓航空公司節省燃油成本的機隊更新誘因驟降，預計對航太產業的影響可能會持續到2021年。因此，在投資上今年不宜對石化產業、航太產業及相關的設備供應廠商業績抱持太樂觀的預期。
原油價格的低迷代表實體經濟短期內仍難有所起色，但是另一方面，透過無線傳輸發展的網路通訊產業商機卻仍將持續蓬勃發展。因此投資人在後疫情時代的投資，除需注意持股比重的調整外，在產業類股的選擇上也需審慎選擇。</t>
  </si>
  <si>
    <t>新媒體暨影視音發展協會NＭEA主辦，第二屆「亞洲新媒體高峰會」22日圓滿落幕，為期二日共舉行了20場專題演講與對談，62位頂尖產業領袖及台灣致力於泛娛樂產業的專業人士。以「Change The World」為主題，聚焦資本化、數位化、全球化、在地化4大方向，吸引超過上千人參與。
其中「國片起飛大聯盟」主題，發起人之一威秀影城董事長吳明憲、台灣首部iPhone拍攝的電影《怪胎》製片牽猴子整合行銷副總經理陳怡樺、今年國片票房冠軍《孤味》製片人劉宛玲，一致同意新冠肺炎對台灣電影整體市場的影響較為正面。除了國片整體票房較去年成長30％外，每部電影的平均票房也比去年來得高，顯見台灣今年電影的水準與口碑，有逐漸重拾國人看國片的信心。
後疫情時代，面對OTT與好萊塢國際資本大片的挑戰，國片需要的是完整故事敘述與台灣在地元素，並且搭配充足的行銷準備與時間發酵，就有機會得到肯定。善用觀影者的數據分析與最新科技拍攝，也能夠將目標觀眾的喜好提前分享給影視創作者參考，也能得到科技產業跨領域的關注與宣傳。
加上「多元投資與共創雙贏」、「IP鍊金術的最後一哩路」、「文創資本的投資原則」等主題針對內容產業投資建議與效益評估，廣泛收集資深會計師、財務投顧投資、影業財務長等人的專業意見。期待資源的整合與整併，擴大內容產業的經濟規模，積極串聯跨領域的產業合作。
另外，今年金馬獎最佳動畫長片《廢棄之城》不僅是導演易智言與監製李烈耗費10年的築夢作品，更是台灣動畫的冒險歷程。易智言表示，台灣的動畫一直做代工，技術是沒問題的，但一直以來並沒有代表性的文本，除了王小隸導演的《魔法阿嬤》，似乎沒有令人印象深刻的作品。
易導期待《廢棄之城》帶給台灣動畫新的里程，正因為動畫本身的複雜度，產業動輒牽涉到五、六百人以上，不是單一個人工作室可以單靠創意完成的。不只需要資金的投注，更是需要整個電影產業或內容產業的陸續投入，甚至希望政府的資源整合與挹注。
監製李烈呼應導演的看法，鼓勵電影人跨足動畫產業。因為台灣的動畫人才尚未瞭解電影長片的表現方式，對演員表演沒有概念。如何能夠把說故事的方式理解、吸收與呈現，將對電影與動畫產業兩者皆有助益。就像是現在的電影已經都脫離不了特效了。台灣仍有很多電影對特效的運用概念薄弱，如果兩者互相串流將大有幫助。</t>
  </si>
  <si>
    <t>繼PCB、被動元件接連端出族群性上漲表現後，兩大投顧欽點下一波由金屬機殼雙雄接棒，凱基、富邦投顧接連升評鎧勝-KY（5264）至「買進，同時看好可成（2474）谷底已過，同樣喊買。
凱基投顧科技產業分析師向子慧指出，隨大陸生產線復工，鎧勝-KY的3月營收大幅回升，受惠筆電與平板需求增溫，鎧勝-KY經營管理階層預估第二季營收將明顯優於上季，並有機會重返年成長軌道。
本季因新冠肺炎大流行，居家工作與線上教育需求推升筆電與平板需求增，加上蘋果發表MacBook Air、iPad Pro新機，凱基預期，鎧勝-KY第二季營收將季增75％、年增3％，超乎預期，且因營收向上，帶動毛利率、營業利益率反彈，第二季營運將轉虧為盈。鎧勝-KY過去二年都因生產蘋果iPhone金屬機殼，造成虧損。然根據富邦投顧最新調查，鎧勝-KY今年很可能不再生產iPhone金屬機殼，新產品將聚焦在Apple Watch機械零件上，少了虧損業務拖累，鎧勝-KY全年將轉盈，終結連兩年虧損。
可成3月營收優於預期，帶動首季營收年增11.5％，也超越市場期望，法人說明，放眼第二季，iPad、MacBook、NB等需求，主要受到新冠肺炎驅動的在家工作趨勢，看好這些產品的銷量帶動整體營運成長。再將時間拉長到下半年，受惠新iPhone拉貨，以及5G智慧機設計複雜推升金屬機殼單位售價提升，營運動能可望續強。</t>
  </si>
  <si>
    <t xml:space="preserve">英國首相強生感染新冠肺炎後病情惡化，已在昨（6）日住進加護病房，對此，美國總統川普3度提到入住加護病房代表病況「很嚴重」，他已經派遣2支最棒的藥品團隊赴英，協助強生的醫療團隊。據悉，這2支藥品團隊提供的解方應該是川普近期大力鼓吹的抗瘧疾藥物「羥氯奎寧」（hydroxychloroquine）。
英國《每日郵報》（Daily Mail）報導，英國首相強生昨日因新冠肺炎病情惡化住進加護病房，美國總統川普晚間在白宮的疫情記者會上為強生祈禱，他說，「我要為我的好朋友、我們國家的朋友、英國首相強生獻上最好的祝福」，「所有美國人都祈禱他康復」，川普更讚許強生是他非常特別的朋友，非常堅強、有決心，不辭職也不放棄。
不過川普話鋒一轉，在記者會上至少3度提及入住加護病房代表病情很嚴重，「如果你住進加護病房，代表這個疾病已經非常、非常嚴重。」
他說，已經要求2家為美國政府工作的治療公司「即刻和倫敦聯絡」，協助治療強生，並且提到，美國在新冠肺炎的治療已經有非常大的進展，稱這2間「頂尖」公司已經研發出治療方法，而且成效卓越。
川普說，這2支團隊目前已經抵達倫敦，並且和強生的所有醫生聯繫過，將提供倫敦任何需要的援助，「我們會看看我們是否能提供協助」，「他們已經準備好了。」
當被問及所謂的美國專家提供的療法時，川普並未明確點出療法名稱，僅回應是非常複雜的治療方式，團隊最近才研發出來，稱他們很有經驗。不過報導推測，川普口中的藥品應該就是他近期大力鼓吹、稱會改變新冠疫情遊戲規則的抗瘧疾藥物「羥氯奎寧」。
川普說，團隊已經和強生的醫生開過會，就視最終會不會採納這種療法，此時他又提到一次「住進加護病房是件大事」，不過他也希望強生最終不會用到它。
川普讚揚強生是非常棒的人，「溫暖、堅強、聰明，並且熱愛國家」，「為國家奮戰」，語畢，他又重提「加護病房是件大事」。
英國廣播公司（BBC）報導，在確診新冠肺炎10天後，由於持續出現症狀，55歲的強生於英國當地時間5日晚間住院檢查，醫院起先在6日下午對他進行給氧治療，之後送入加護病房，不過至今他還沒有戴上呼吸器，唐寧街強調，強生的意識清楚，被送進加護病房是因為有可能會使用到呼吸器。
值得注意的是，強生5日還在社群媒體上向大眾問好，不到2天就入住加護病房，英國天空新聞記者里格比（Beth Rigby）表示，這代表強生的病況變化很快，呼吸困難。
</t>
  </si>
  <si>
    <t>(19:29更新)新北市某間幼兒園爆發群聚感染，一名幼兒園老師確診，感染給8名學生、1名家長；台北市長柯文哲6日表示，北市也有一名學童在該家新北幼兒園上課；此外，北市預防性停課的幼兒園不只一間，目前已掌握北市中正區、中山區有3家受到影響。
在柯文哲召開完防疫記者會後，台北市政府接獲不只1間與新北幼兒園群聚案有關，正在緊急統整資料、派教育局人員到場視察。
北市中正區某幼兒園表示，確實有接到教育局通知，總計有226名學童受到影響，分別是2歲至6歲學童，共有8個班級；老師部分則不只一名以上與該學童有接觸，所以已讓這些老師7日請防疫假在家。
幼兒園指出，園內已消毒，也有緊急發通知書給孩童家長，並由老師通知家長接走孩童，對此消息感到有點驚訝。
教育局傍晚指出，該中正區幼兒園樓上有另間國小附設幼兒園，因此另一所附設幼兒園明天也將預防性停課，安排清消。
★《中時新聞網》提醒您：因應新冠肺炎疫情，疾管署持續加強疫情監測與邊境管制措施， 如有疑似症狀，請撥打：1922專線，或0800-001922，並依指示配戴口罩儘速就醫，同時主動告知醫師旅遊史及接觸史，以利及時診斷及通報。</t>
  </si>
  <si>
    <t xml:space="preserve">新冠疫情仍然嚴峻，彰化縣長王惠美縣府團隊結合全縣26鄉鎮市，21日起連三天，進行全縣大消毒，全力防堵疫情擴散。並呼籲民眾一起進行居家消毒工作，用漂白水1比50的調配比例來擦拭桌椅、門把、開關、地板，家裡有幼兒的話，玩具也要進行消毒，一起努力把環境做得更清潔，落實防疫，守護家園。
防疫不分你我，王惠美呼籲縣民配合防疫措施，落實勤洗手、戴口罩並遵守「社交距離」的規定，同時加強消毒家中經常接觸的表面，隨身攜帶酒精消毒，加強自我健康監測，減少出入公共場所，避免參加不必要的集會，共體時艱、齊心防疫，透過公私協力，嚴防疫情擴散。
縣府已號召各鄉鎮公所組成「口罩糾察隊」，沒配戴都將開罰3000元到1萬5000元，開車兩人以上也要戴口罩。並呼籲口罩戴好、戴滿，沒事也不要出門，躲好、躲滿，阻絕病毒的傳播鏈。
彰化縣政府城市暨觀光發展處即日也到八卦山大佛風景區全區清潔消毒，除加強區內熱門景點之清潔防疫工作外，並於防疫期間組成「口罩糾察隊」，派員勸導民眾應全程配戴口罩，以降低染疫風險。
★《中時新聞網》提醒您：因應新冠肺炎疫情，疾管署持續加強疫情監測與邊境管制措施， 如有疑似症狀，請撥打：1922專線，或 0800-001922， 並依指示配戴口罩儘速就醫，同時主動告知醫師旅遊史及接觸史，以利及時診斷及通報。
</t>
  </si>
  <si>
    <t xml:space="preserve">日本新冠肺炎輕症患者突然暴斃的案例增加。厚生勞動省28日公布患者應留意的13種項緊急性高的症狀，讓輕症患者可以更容易掌握自己的病況。
從表情等身邊人觀察得到的症狀包括，臉色明顯變差、狀態與平時不同、嘴唇發紫。
呼吸方面的症狀包括、呼吸急促、突然喘不過氣、稍微活動就呼吸困難、胸口疼痛、無法躺下，不坐著就無法呼吸、用肩膀大力呼吸。
意識方面則有，反應遲頓、神情恍惚、神智不清、感覺脈博不穩定。
日本因新冠肺炎患者急速增加，醫院病房不敷使用，故以醫治重症患者為優先，讓輕症患者先在自家或由地方政府準備的飯店等設施自我隔離休養，但有些人病情突然惡化，甚至突然死亡。
厚勞省呼籲，輕症患者若出現「高度緊急症狀」時，要盡早請醫師診斷。
</t>
  </si>
  <si>
    <t>中央流行疫情指揮中心今(17)日表示，民眾透過口罩實名制2.0網路預購人數越來越多，考量遞送口罩的郵差，以及協助配銷實名制口罩的藥師、藥劑生和衛生所人員的辛勞，為讓其有時間休息，因此自4月19日起，每個星期日將不再配送口罩至參與實名制的健保特約藥局及衛生所。
指揮中心進一步指出，藥局若星期一到星期六仍有剩餘口罩沒賣完，星期日有營業且有意願販售，亦樂見其成不反對，並感謝其服務的熱忱。口罩實名制2.0操作方式已越來越便利，建議民眾可多加利用網路預購方式購買口罩。</t>
  </si>
  <si>
    <t>美國總統川普公開表示新冠肺炎是「中國病毒」後，在美國出現排華情緒，不時發生華人在公共場合被辱罵甚至毆打事件。一名在紐約生活的大陸人Tommy受訪表示，現在美國各地華人紛紛在微信組建「互助群」，以區域為單位，若發生緊急情況，可在群裡通報所在位置，讓在群裡的華人鄰居就近提供協助；由於在美國擁有槍枝合法，甚至有警察鼓勵華裔擁槍自重，防止遭歧視或欺負。
建互助群 通報馳援
在紐約生活的大陸人Tommy指出，肺炎疫情讓美國對華人出現種族歧視，尤其在川普的「Chinese virus」說法後，仇華情緒加劇，他的中國朋友就曾在街上被路人挑釁、辱罵，他也聽說有一些中國餐廳被砸店，最近網上也廣傳中國人在地鐵上遭無端攻擊的影片，大家看了之後人心惶惶。
有鑑於此，現在美國華人紛紛組建微信互助群，以區域為單位，把同在一個區的華人拉在一個群組，若遇到緊急狀況發生，無論是被攻擊，或遭遇入室搶劫等，只要發送「SOS」求救訊號，再把自己所在位置發到群裡，群友就可以就近趕到協助。
Tommy說，如果報警，可能十多分鐘警察才能趕到，雖然他還沒發生過緊急事件，但參與互助群，心理上還是有個保障。他也聽說，加州有些地方的華人，自己擁有槍械，所以組成自衛隊防止被欺負。
「現在美國人排華，海外中國人當然要更團結！」Tommy表示，除了互助群，現在眼見大陸病例以境外輸入為主，也有不少在美國的大陸人，決定不回去，「好不容易抗擊疫情取得成果，就別給咱國家添亂」。
警察鼓勵 擁槍自重
此外，香港《南華早報》報導，在加州、紐約州和華盛頓州這3個美國新冠肺炎疫情高發地，槍枝銷量正大幅上升。很多華裔擔憂，當地的歧視氛圍會威脅人身安全。
槍枝店 來客增10倍
南加州中部一家槍枝武器店的華裔老闆劉大衛表示，近幾周是他開店以來從未經歷過的銷售旺季，顧客數量猛增10倍，而主要消費人群就來自當地華裔社區。另一家大型槍械店羅蘭槍店近期銷售額也上漲500％。在舊金山市灣區，好心的華裔警員甚至鼓勵當地華裔囤槍囤彈藥，稱「一旦警方對局勢失去把控，或許有各種暴亂」。</t>
  </si>
  <si>
    <t xml:space="preserve">季節性流感秋天報到，台南市立安南醫院提醒，流行性感冒症狀與新冠肺炎雷同，今年公費流感疫苗分成10月1日與11月15日兩階段開打，符合資格民眾只要與新冠疫苗相隔7天，即可接種。
台南市立安南醫院家醫科陳泓毓表示，流行性感冒與新冠肺炎症狀一樣，常見症狀為咳嗽流鼻水，還有發高燒、嗜睡與全身肌肉痠痛等臨床症狀，兩者容易引起混淆，且有一定比例的民眾還會引起併發症住院，民眾仍需提高警覺。
陳泓毓表示，預防流感同樣是戴口罩勤洗手，最有效的方法就是施打流感疫苗，今年政府提供的公費疫苗仍為四價流感疫苗，含2種A型及2種B型疫苗株，與先進國家使用相同。
安南醫院表示，今年流感疫苗延續去年策略，包含細胞培養疫苗，較雞蛋培養疫苗有較少病毒抗原變異，增加安全性，分兩階段施打，第1階段1日開始施打，第2階段11月15日開始。
第1階段開打對象包括醫事衛生防疫相關人員、65歲以上長者、安養、養護、長照機構的受照顧者及所屬工作人員。滿6個月以上至國小入學前幼兒。另外孕婦、具有潛在疾病的高風險慢性病人、BMI30者以上與罕見疾病及重大傷病患者、國小至高中（職）與五專1至3年級學生、6個月內嬰兒的父母、幼兒園托育人員及托育機構專業人員、禽畜業及動物防疫相關人員。
第2階段開打對象包含50至64歲無高風險慢性病成人。
陳泓毓醫師表示，若無對疫苗過敏或不良反應者，建議主動接受施打以增加免疫力。需注意「與COVID-19疫苗接種時間間隔7天以上」，預約或接種前主動告知疫苗接種史。欲自費施打者可經醫師評估可後施打。
</t>
  </si>
  <si>
    <t>日、韓職棒都已宣布例行賽開幕戰延後開打，體育署長高俊雄今於立法院備詢時提到，如果新冠肺炎疫情持續，且沒有減緩，將建議中華職棒延後開幕戰。中職會長吳志揚則說「閉門打」是最不得已的做法，如果明天防疫計畫無法說服主管機關，可能延到清明節之後開打。
吳志揚強調，中職是有延續性的比賽，一定要打完全部場次，相關紀錄才能延續。因此即使要延後開打，也要盡力打完各隊120場例行賽，不考慮減少場次。
衛福部上周宣布超過千人戶外大型集會的防疫評估，共有6大指標，中職在明天召開的第2次防疫諮詢會議，也要端出他們擬定的防疫計畫，看能否說服主管機關及防疫專家，讓新球季如期在28日開打並照常售票。
吳志揚表示，如果主管機關對中職的防疫計畫仍有疑慮，不排除延賽，畢竟開打前2周要展開售票，延不延也不能再拖了。而衛福部認為清明節會是另一波感染的高峰，吳志揚說若要延賽，可能就是4月中才開打。</t>
  </si>
  <si>
    <t>全台新冠肺炎死亡人數不斷攀增，新北市長侯友宜今主持防疫會議宣布，新北市的長照機構、洗腎患者、75歲以上長者，將優先納入第三類的疫苗接種名單，儘速讓可能併發重症的對象，施打疫苗並增加保護力。
侯友宜說，新北市的長照機構太多了，被照顧者有2.2萬人、照顧者有1.2萬人，長照機構是最大的群聚感染源，另外頻繁出入醫院的洗腎患者、75歲以上長者，都是可能併發重症的確診病患，新北市針對這三種弱勢的族群，納入第三類施打名單。
新北市副市長劉和然補充，新北市長照機構照顧者與被照顧者共3.4萬人，再加上約5000名送餐等機構工作人員，共有3.9萬人；75歲以上約有21萬人；洗腎人數仍在統計中。</t>
  </si>
  <si>
    <t>台中一名30歲林姓女上班族，上月收到朋友用LINE傳來的訊息，指「因為有認識做口罩工廠的叔叔」、「政府規定不能出口，但用低於生產成本的價格跟廠商強制收購，並要求廠商自行吸收虧損，再用高於市場的價格販售給民眾」等，林女看了之後，將對話截圖轉貼在噗浪「偷偷說」留言板上。
林女貼文標題原本是「政府叫大家不要發國難財但自己大賺一筆？！」，後來有網友提醒標題不當，有造謠之嫌，林女雖立即改為口罩八卦相關，但中央流行疫情指揮中心認定該內容非屬實，足以影響社會安寧，向刑事局函文告發。
刑事局電偵大隊獲報後，通知林女到案說明，林女供稱只是將朋友傳來的訊息轉貼，對自己的散布行為表示抱歉，並已將該文下架。
警方表示，行政院已在上月底公告「一般醫用口罩及外科手術口罩」為刑法所定生活必需用品。散布假訊息可處2年以下有期徒刑、拘役或科或併科20萬元以下罰金。</t>
  </si>
  <si>
    <t>新冠肺炎疫情蔓延，台灣民眾一片恐慌，前副總統呂秀蓮臉書直播節目表示，蔡英文總統為何不會公開鄭重宣布，這場非典型戰爭，授權有經驗的副總統陳建仁全權負責，帶領全國相關醫療人員，對抗這個疫情。
此外，呂秀蓮還說，這次疫情，雖然中共再次透過WHO欺負台灣，但是台灣應該人道主張，以台灣受世界肯定的公衛醫療去關心，展現風範，大家不要再惡言相向；不能存報復心態，不能以落井下石的心態，要有道德高度，台灣人是良善力。
呂秀蓮在日前臉書直播節目指出，當年SARS疫情時，台灣有很多專業人才投入，一位就是當初抗煞有功就是現任副總統陳建仁，不但有學養且有實際貢獻。
呂說，「我不禁感嘆，蔡英文總統817萬票當選，很了不起，也很辛苦，轉眼來了這個凶神惡煞，為何不會公開鄭重宣布，這場非典型戰爭，我授權副總統陳建仁全權負責，帶領全國相關醫療人員，對抗這個疫情」。
她指出，中國大陸領導人習近平都把個權力交給李克強，當然外面的人說，這也是不懷好意，因為這件事沒人可以處理得好，這是要李克強承擔，但台灣情形不一樣，已經有了SARS的經驗，全世界也肯定台灣公共醫療衛生的素質。
她說，現任副總統過去四年追隨蔡總統，無聲無息、任勞任怨，現在發生這麼大的事情，蔡總統剛打完一場仗，也要就任並準備整個人事佈局、擬訂新政策，這次疫情爆發如果當時就宣布，全權授權副總統陳建仁督導，相信不必慌亂，但是農曆年至今，元宵節都過去了，大家心中都還是毛毛的。
呂說，這個疫情是否在台灣還會繼續引爆，如果陳副總統全權負責，會以自己的專業告大家，不需要緊張、驚慌，政府會知道怎麼因應，若這樣做就會很漂亮的。
她還說，台灣也可以過去處理經驗，對中國釋放一點善意，而不是跟全世界站在反中，這樣反而會讓長期以來在WHO欺負台灣的中國覺得不好意思；她建議，台灣應該人道主張，以受世界肯定的公衛醫療去關心中國、展現風範，大家不要再惡言相向。
她也呼籲宗教團體，給在驚慌失措、生死邊緣的中國朋友一點安慰，台灣國家比較小、人口較少，但是吃過的苦非常多，受盡磨難，但都一一克服，必須把台灣變成一個最良善的國家，美國都稱，台灣是一股良善的力量，若讓這句話讓全中國的朋友都同意都接受，北京領導人若有一天公開稱讚，台灣是一股良善的力量，而不是一天到晚要併吞的小島的話，對兩岸人民才是真正安全。
呂秀蓮說，不管你的祖先來台先後、你支持哪個政黨，1月時你投票給誰，與其講兩岸一家親，應該「天下一家親」，我將發起一個運動，大家跟台灣做朋友，「 Hello！Taiwan！」。
她表示，這次中共再次透過WHO欺負台灣，也看到很多國家凍未條，不斷替台灣講話，但台灣人不能存報復心態、以落井下石的心態，要有道德高度，台灣人是良善力，分享同胞愛、同情心給中國大陸，現在中國大陸也很多人正在開始渴望自由民主，台灣實在可以伸出援手，用不著在咬牙切齒咒罵。
她認為，經過這次非典型戰爭，希望給大家很多啟示，包括習近平，在經歷這場人神共憤的戰役，可以學著蔡英文講中國需要「謙卑謙卑在謙卑」，台灣願意跟大家握手言好，畢竟跟中國是遠親也是近鄰，希望習近平趕快下令，軍艦、軍機這時還要靠近台灣、還要再威脅。</t>
  </si>
  <si>
    <t>衛福部長今(27)日表示，義大利近期COVID-19(新冠肺炎)病例數及死亡病例快速增加，鑒於國人至當地感染的風險提高，指揮中心宣布即日起提升義大利旅遊疫情建議至「第三級警告(Warning)」，提醒民眾非必要勿前往。
此外，中央流行疫情指揮中心亦同時宣布，自台灣時間2月28日零時起，自義大利入境，需進行14天居家檢疫。
指揮中心指出，義大利目前確定病例數已達400例，12例死亡，病例擴及9個大區，且逾9成病例目前尚未釐清感染源，評估已有社區傳播，並已輸出病例至法國、北馬其頓、希臘、巴西、西班牙、瑞士、阿爾及利亞、克羅埃西亞、奧地利及德國共10國計18例。義大利已宣布對發生不明感染源個案之城市或地區採取停班停課、暫停公眾活動、限制交通等防治措施。
因應國際新冠肺炎疫情發展，指揮中心目前已將中國大陸(含港澳)、韓國、義大利列旅遊疫情建議列第三級警告；日本、新加坡、伊朗列第二級警示；泰國列第一級注意。</t>
  </si>
  <si>
    <t>針對台灣基進黨立委陳柏惟及部分媒體指出，馬英九政府時代放寬規定，擴大「居留證明」之認定，因此大幅增加健保支出。前總統馬英九辦公室今天表示，相關說法完全悖離事實，錯誤百出，呼籲主管機關儘速說明，避免誤導民眾、以訛傳訛；相關單位也應儘速查明是否涉及散佈假消息之責，以打假新聞為成立宗旨的「台灣事實查核中心」，更不該默不作聲，警察機關也應依據《社會秩序維護法第》第63條追究其法律責任。
馬辦指出，健保自1999年起讓取得居留身分的大陸籍配偶納保； 2000年民進黨執政後，進一步開放以「團聚」、「依親居留」、「長期居留」等身分來臺的陸配都可納入健保。當時的總統陳水扁與陸委會主委蔡英文，基於人道考量及與外籍人士待遇一致原則，開放在臺生活但尚未取得臺灣戶籍的陸配納保，值得肯定。
馬辦表示，馬政府時於2011年修正《健保法》，將非本國籍人士的納保等待期，由4個月延長為6個月，把關更為嚴格。至於馬政府開放在臺沒有戶籍的陸配未成年子女，居留滿6個月後可納入健保，只是比照在臺外籍人士辦理，納保年齡限制甚至更嚴。而根據媒體所報導健保署提供之數據，這類人士目前僅有995人，怎會變成立委口中的14 億人？他們不僅都有繳納健保費，因為年紀較輕，罹病率較低，其所繳保費對健保收入的貢獻，大於他們的醫療支出。
馬辦指出，陸配是臺灣人的另一半，兩岸婚生子女是臺灣人的下一代，豈可因為他們尚未取得臺灣戶籍，就剝奪其健保納保資格？這類人士總人數約5萬3千多人，對比在臺71萬多的外籍移工也納健保、使用健保資源，難道也要不准他們納保？
馬辦表示，民意代表的言論應本於事實，媒體的報導也應善盡查證之責，這都是最基本的功課。陸配及其子女開放納保的相關資訊，及開放後對健保財務的影響，主管機關陸委會、衛福部都有明確詳細資料在手，應主動說明澄清，以遏止不負責民代散播漫天謠言，影響社會安寧，警察機關也應依據《社會秩序維護法第》第63條追究其法律責任。</t>
  </si>
  <si>
    <t>彰化縣的新冠肺炎確診者8日新增2例，來自南彰化的大家族傳播鏈，該鏈橫跨4鄉鎮，因阿嬤輩的姊妹感情好，5月初常回溪湖鎮娘家聚會聚餐，加上兒孫都會回來跟阿公阿嬤吃晚餐，先前已有9人染疫，新增擔任護理師的媳婦和讀小學的孫子確診，累計已11人確診。台中市新增1名確診者，為立揚鞋業家族群聚案的親友。
感染源待進一步釐清
彰化縣衛生局長葉彥伯指出，新增2例為40幾歲護理師及其10多歲兒子，都在隔離中發病，此為跨越4鄉鎮的2大家族群聚，累計11人確診。新北市三重區6旬婦女返鄉，7日採檢確診，但歸屬新北市案例，收治住院時已重症，正透過直、間接方式了解其足跡及返鄉方式。
彰化已有3村里長、1鄉民代表染疫，其中西南角鄉鎮的60幾歲里長夫妻染疫，主因里長娘的娘家姊妹感情好，疫情爆發前常會回溪湖娘家聚餐，又與疫情熱區湳底社區有地緣關係，但感染源待進一步釐清。
里長娘的姊妹分住不同鄉鎮，子女、兒孫都會回阿嬤家吃晚飯，里長娘20幾歲長孫率先出現症狀後主動就醫採檢，1日確診，當天里長夫妻、10幾歲孫子和1歲孫女皆採檢確診；里長娘妹妹家亦有4人於3日確診。里長娘的護理師媳婦與孫子8日確診後，彰化縣染疫醫護再添1人、累計2人。她在隔離第6天發病、確診，對工作職場醫院無傳播之虞。
彰化縣長王惠美則以水果商家族遭羞辱騷擾一事，強調夫妻只是北上工作，不知自己染疫，更非故意傳染他人，防疫路上沒有人是局外人，喊話縣民鄉親要多點同理心，呼籲保持理性尊重、彼此多關懷包容。
台中鞋業群聚染疫+1
台中市新增1例為沙鹿區23歲男性，即立揚鞋業家族群聚中第1位發病患者的男友，該傳播鏈已有12人確診。為防止端午連假疫情再反撲，台中市長盧秀燕呼籲「端午勿返鄉，守護我故鄉」。</t>
  </si>
  <si>
    <t>新冠肺炎(COVID-19)疫情在歐洲升溫，英國(UK)先前採取的「佛系防疫」方法引發各界議論。為了進一步防疫，不少國家與公司都開始推動遠距上班(work from home, WFH)政策，而英國也不例外。然而，忽然而至的遠距上班潮卻讓沒有準備好的英國電信商網路打回原形，出現故障情況，多家英國媒體報導，這讓配合政策在家上班的英國上班族可說是叫苦連天。
因為新冠肺炎疫情在英國也持續蔓延，英國首相鮑里斯‧強生(Boris Johnson)在 16 日鼓勵英國民眾在家上班、減少外出機會。多家英國媒體報導，17 日英國四大電信 O2、EE、vodafone 以及 3(Three)，還有 Virgin、GiffGaff、Tesco Mobile 等廠商的網路服務都出現故障，故障發生時間落在 17 日早上 9 點，也就是不少(遠距)上班族上班時間的起點。可以顯見，要推動遠距上班，並不是政府機關一句話就能辦到，相關產業也都必須做好準備。
Britain's long-standing complacency over its Broadband &amp; Mobile network resilience has become very apparent, with networks all over the country going down today as usage increases.Labour's statements about need for proper Broadband in December look righthttps://t.co/L5zdS4i5b5 pic.twitter.com/4r3w3iHq7y
Microsoft’s communications tool, @MicrosoftTeams, went down across Europe yesterday morning. The outage started just as thousands of workers started to sign into the service and attempt to work remotely amid the ongoing coronavirus pandemic.https://t.co/wJeenXJIhc pic.twitter.com/r053MvanEL
It's heartening to hear from so many people using gaming as a way to stay connected during these times. Play is a fundamental human need. Proud to be part of an industry that can offer escape and fun right now. Stay safe. https://t.co/1TOjzYLHeD
Nintendo’s Online Network Services Down For Switch PlayersNintendo’s online services are temporarily down for Switch players worldwide, which has impacted their ability to browse the eShop and play online multiplayer games.The company’s Japanese Twit… https://t.co/wDcSrjZmoa
而就在英國電信商網路故障的同時，微軟旗下協作服務 Teams 也出現故障情況，可說讓需要遠距工作的上班族遭遇雪上加霜。而同樣因為新冠肺炎疫情影響而催生的遊戲風潮，近日也導致 Xbox Live 以及任天堂(Nintendo)線上遊戲服務都出現當機情況。前者是在近日兩度出現當機情況，而任天堂線上網路受到影響則是影響到了部分 Switch、3DS、Wii U的玩家。</t>
  </si>
  <si>
    <t>針對新冠肺炎疫情，資深媒體人趙少康10日在政論節目中表示，蔡英文政府防疫是靠「運氣好」，引發爭議。對此，台北市議員羅智強認為，趙少康「運氣說」不等於否定民進黨的防疫成績，邏輯上「運氣好」和「防疫好」是可同時存在。他也直言，綠營有需要那麼玻璃心嗎？
羅智強在臉書指出，他認為蔡英文政府努力防疫值得肯定，但趙少康提出「運氣說」，卻被綠營全面圍剿，彷彿十惡不赦。羅提及，支持防疫不等於只能說政府好話，不可以監督政府。更何況，趙少康「運氣說」並不等於否定民進黨的防疫成績，因為邏輯上，「運氣好」和「防疫好」是可以同時存在的。
羅智強提及，趙少康「運氣說」是指兩岸關係低迷，對岸禁止自由行並大減團客，否則照過去成千上萬陸客在台趴趴走，防疫豈不更困難？防疫啓動的第一時間就提前「送返」來台觀光的武漢陸客團。其二是台灣人一般不在大陸醫院看診，也減少院內感染的機率。「這樣的論據，綠營有需要那麼玻璃心嗎？」
羅智強諷刺表示，還是因為蔡英文嬴太大，所以台灣要重返國民黨威權時代的一言堂？他說現在的民主，已容不下半分異音了嗎？羅文末表示，他肯定蔡英文的防疫會被藍營罵；幫趙少康說話又會被綠營剿，「被罵被剿就......被罵被剿吧！」</t>
  </si>
  <si>
    <t xml:space="preserve">台灣防疫成績有目共睹，而譚德塞日前誣指台灣對他種族歧視，引起了軒然大波。沒想到，美國歌手Lady Gaga竟公開表示，譚德塞是超級巨星，大力稱讚譚德塞，讓台灣一片嘩然。有大陸資深媒體人藉機酸，「Lady Gaga可能成為台灣網軍下一個撻伐對象」。
日前林書豪在推特寫下，「使用冠狀病毒或COVID-19很難嗎？」引發不少網友不滿撻伐，接著新加坡總理夫人何晶也因為在臉書對台灣捐口罩一事不以為然，台灣網友到他的臉書上留言，近日，Lady Gaga更公開挺譚德塞，而網友一查之下發現Lady Gaga的母親和WHO關係匪淺。
對此，一名大陸資深媒體人在《台海網》上撰文指出，「LadyGaga會成為台灣網軍下一個“討伐對象”嗎？」，他表示，台灣人無法領會全球同舟共濟對抗新冠肺炎的精神，倒是把注意力放在女神卡卡大讚譚德塞上。
這位媒體人直言，「台灣網軍沉溺於借助疫情實施政治化、汙名化的行為，前有辱罵譚德塞、後有出征新加坡總理夫人的社交平台，再到攻擊德國官方多個社交帳號，累累前科讓自己人都不禁害怕的擔心女神Lady Gaga可能會成為台灣網軍下一個撻伐的對象」。
</t>
  </si>
  <si>
    <t>中央流行疫情指揮中心指揮官陳時中再次否認社區傳播，但不否認社區內存在潛在新冠肺炎感染者，自3月7日起，台灣共增加7件本土案例，其中有2例感染源不明，尚再釐清當中。
本週台灣新冠肺炎確診數增加了85例，其中包含6例本土案例，民眾擔憂的社區傳播是否成為現在進行式，中央流行疫情指揮中心指揮官陳時中表示，大家可以對現狀做一個詮釋，而指揮中心對於這週增加的案例也非常緊張。
陳時中解釋，以今天的6例本土案例中，有3位有確切的感染源，1位的感染源可能是外國友人，另外2位的感染源還在持續調查中，從上週開始，台灣大多是境外移入個案，本土僅有7例，是零星的社區感染，未來也將會施行適當的管制，將境外移入與社區防線做好。
此外，陳時中不否認社區內存在尚未發現的感染案件，但陳時中說，在科學上，能找到確切的感染源當然是最好的狀況，但在潛伏期後沒有續發案件，也可以當作社區內沒有大量傳播的指標。
陳時中以先前院內感染的指標性個案案34北部60多歲女性及案24、27為例，表示案34從3月7日後就沒有再出現延伸個案，而案24、27也沒有引發後續社區問題，所以前一波算是守住了。</t>
  </si>
  <si>
    <t xml:space="preserve">自美返台的10多歲少年，遭彰化縣衛生局檢驗出新冠病毒陽性反應，中央疫情指揮中心指揮官陳時中得知後，下令政風處調查，引發軒然大波，對此前疾管局副局長施文儀則表示「啼笑皆非」。
施文儀在臉書PO文「採檢條件非天條！」，他舉出病情初始階段，北部、南部某醫學中心都有確診案例，但若依照當時的通報定義都無法採檢，是因為醫師高度懷疑，而這兩家醫院又都是PCR檢驗認可醫院，因此自行做了採撿，最終驗出陽性，更因而發現院內感染。施文儀表示，這就是通報採檢條件定義的精神，條件定義是給大家遵守操作的，但允許有例外，絕對不該是「天條」。
施文儀指出，衛生局長有所懷疑，做了「有所為」的防疫作為，這是在協助防疫「抓漏」，而不是「逆時中」。他表示，地方單位應該先報告後執行，若事態緊急進行的同時也必須第一時間報備，但指揮中心大動作要求政風調查，讓人無法理解，更懷疑防疫過程中，中央地方究竟結下什麼「標子」。
施文儀嘲諷陳時中要求政風調查的行為絕非《傳染病防治法》所授權範圍，但不知自己是否孤陋寡聞，漏看了什麼莫須有的天條。他呼籲，防疫期間中央地方必須多溝通，中央也必須更勤勞向「在野」的學者、專家們請益，防疫至今尚未成功，秋冬仍須努力。
《採檢條件非天條！》
八月十七日彰化縣衛生局未依採檢條件規定，採檢無症狀居家檢疫者，意外找到確診者，指揮中心下令政風調查。
疫情初始階段，北部某醫學中心【案34】及更先前南部某醫學中心的病例，若依照當時的通報定義都是無法採檢的，但是由於醫...
</t>
  </si>
  <si>
    <t xml:space="preserve">新冠肺炎肆虐全球，台灣確診病例近日也快速增加，不過比對後發現，台灣確診病例仍以境外移入為大多數，本土案例相對較少，《瑞士時報》甚至讚賞，台灣是這波疫情中受影響最小的地方之一，並向世界衛生組織WHO分析，鄰近大陸的台灣為何能守住疫情，解方在台北。
《瑞士時報》報導，台灣與大陸關係密切，還有數十萬人在大陸工作，但卻在這波疫情中影響最小，關鍵在於台灣早在去年底就發出新冠肺炎病毒人傳人的警示，甚至比WHO及北京政府還早了3周，而且衛福部長陳時中每天坐鎮台北召開記者會，向全民報告最新疫情，認為WHO當初若能聆聽台灣的意見，或許可為全球爭取寶貴的防疫時間。
瑞士時報讚賞台灣聽進了武漢「吹哨人」醫師的聲音，隨即對大陸採取管制措施，並呼籲自2016年起就幾乎與台灣斷絕聯繫的WHO，想遏止全球疫情擴散，替國際尋求解方，應關注的是台北，好好傾聽台灣的聲音。
</t>
  </si>
  <si>
    <t>受到新冠肺炎疫情重創，以及台股短線反彈1,400點，投資專家建議，選股除了留意跌深股、高殖利率股外，更重要是要兼具體財務基本面優，才是投資的主旋律，聯茂及泰碩等16檔個股，去（108）年每股盈餘（EPS）創近年新高，且上周法人買超千張至2.4萬張以上，最給力。
上市櫃公司將於本周二（3月31日）截止公布去（108）年財報，去年第四季因新台幣升值，可能有匯損壓力，然全年整體上市櫃公司司整體獲利應與前年差不多，且發放的現金股息應也在1.1～1.2兆元水準。至27日止，已公布股息的1,331家上市櫃公司，已宣布將配息近9,400億元。
雖然全球央行都大撒錢，將掉入懸崖的股市拉上一把，但由於市場擔心新冠肺炎疫情擴大，將進一步衝擊上半年經濟衰退，加上英國首相強生傳出檢驗結果陽性，美國確診人數也比中國大陸多，引起歐美股市27日再度恐慌殺盤，本周台股將再度面臨下修壓力，在此情況下，投資專家建議，選股要回歸基本面。
據統計，聯茂、泰碩、和鑫、新光金、穩懋、聯詠、光罩、聯嘉、世芯-KY、健策、聯強、智伸科、華擎、台新金、國泰金及凌華等16檔個股，不但不畏去年中美貿戰，賺贏107年，更是寫下近年以來獲利新高。
銅箔基板廠聯茂去年EPS達8.13元，不但大幅超越107年的5.86元，創下連5年走高，更是一口氣寫下近23年來新高；散熱器廠泰碩去年拜市場景氣熱絡之賜，EPS從107年的1.8元跳增至3.38元；此外，觸控光電股和鑫、新光金、PA龍頭穩懋、IC設計股聯詠及世芯-KY、光罩、車用LED模組廠聯嘉，去年EPS都寫下近10～15年佳績。
不過，投資專家也提醒，對於第二季之後台股較大的考驗仍在於疫情的影響，第一季上市櫃公司將回臨停工的衝擊，獲利將大幅衰退，上半年整體上市櫃公司獲利均不佳，因而建議擇股宜搭配法人操作，若法人逢低加碼多具有基本面或題材面加持。</t>
  </si>
  <si>
    <t>北市副市長黃珊珊29日公布北市1例本土個案資訊，案16315是中正區50多歲男性，5月間在萬華足跡活動，當時陰性，27日因要出國，採檢CT值28陽性，後來CT值又為39，判斷是殘陽就案，已居家隔離14人，其中親友3人、職場7人、朋友4人，大部分陰性，只有1名職場同事陰性報告沒出來，另外2名朋友由新北市評估。
台北市長柯文哲說，中央今公布1例、境外10例，北市0確診，台灣內部疫情趨緩，但全世界仍一塌糊塗，每天40至60萬確診，北市還是有零星，進近6周分別為2、4、3、3、1、1例。
柯說，昨天144人居隔，北市7家醫院篩檢1592人陽性0，防疫還是要邊境管制、打疫苗、落實防疫措施，這互為聯動，邊境要嚴格點，國內隨著疫苗慢慢打、防疫規範也慢慢放鬆，打愈快解禁速度愈快，過去其他城市解封，一下放太快會失控，隨著時間慢慢放，北市防疫體系已比5個月前好太多，整個部隊打過仗，比較強了。
北市副市長蔡炳坤表示，北市疫苗接種第1劑有166萬多人，覆蓋率有66％，第2劑有36萬5000多人，覆蓋率14.3％，共已打203萬劑量，目前70歲以上長者莫德納第2劑正在預約至今日下午5時。
蔡炳坤說，昨天預約破紀錄，一上網15分鐘，就2萬4000人預約成功，前30分鐘有4萬3000人預約成功，現在已有7萬9000人，還沒預約的趕快把握時間到北市預約系統，後天就開始打，10月1至7日開打，按照時間地點，不用提早去打。
蔡炳坤說，沒預約的10月7、8日接受電話登記，安排10月13至15進行施打；50至64歲第1劑AZ者，現在中央確定從10月3至4日1922接受預約，10月6至12日開始接種。</t>
  </si>
  <si>
    <t>隨著新冠肺炎疫情趨緩，行政院今(2日)正式公布振興三倍券詳細方案，由蘇貞昌親自說明相關措施，也禁止民眾轉售振興券。對此，民進黨團幹事長鄭運鵬則是在臉書上表示，「行政院可能礙於道德帽子，禁止三倍券的買賣，這個部分我反對！」
政院今正式宣布振興券詳細方案，並定名為「振興三倍券」，每人支付新台幣1000元換3000元振興券，使用時間至今年底。細項曝光後，鄭運鵬則是在臉書寫下看法，他說，意見不多，即使之前有很多聲音在嫌，但他認為基本上就是「為什麼不免費發放」，這就是經濟政策的取捨，也重申一次，其實，那1000元和那2000元，都是納稅人的錢，還在嫌棄的朋友，如果真的有心消費振興內需，「自己拿一點錢出來幫忙滾動 」，他相信打三折的優惠，一定有吸引力！
另外，禁止三倍券的買賣部分，鄭運鵬則是反對，他認為應該鼓勵三倍券交易，「創造更多的轉桌率」，這才是王道，原因則為以下3點：
第一：買方就是願意消費才去收集，即使折扣變少他也認為划算，結果是這個人(一定會去消費)！
第二：對於賣方來說，他本來可能沒辦法消費，而沒有滾動效應，現在他換到現金，頂多延遲採購，總有一天會花掉，這也是內需消費的一個行為。
第三：這種模式，只要想成小吃攤老闆收到客人的三倍券，他不去向政府換錢，反而拿來自己買東西，不是很好嗎？
另外，政院也提到，實體券等同現金，但不可以用於儲值、繳學費、水電費和各種規費，也不能拿來囤積民生物資，其他消費項目、地點沒有限制，但原則上不找零。</t>
  </si>
  <si>
    <t>日本政府日前同意我國可派專機將鑽石公主號的台灣人接回國，目前還在溝通相關細節。對於接回台灣的乘客需不需要再隔離？ 駐日代表謝長廷今（16）天表示，這屬於防疫專業，如果防疫中心決定需要隔離，那就是決策，「只要事先講清楚就好」。
鑽石公主號感染新冠病毒肺炎人數持續增加，謝長廷昨天透過臉書發文指稱，依檢疫相關規定，如果是在19日之前離開，乘客回到自己國內，仍須隔離，如果過了19日，且檢查結果為陰性，「那麼他們在日本就可以自由行動，搭公共運輸工具了，回自己國家也沒有再隔離的道理。」引發爭議。
謝長廷今天在臉書表示，針對昨晚的臉書，網友回應很多，可見大家對這個事情都很關注。我們駐日代表處的功能，就是執行國內決策，全力和日本溝通，並站在第一線保護國人的權益，反應船上國人的需求，給予慰問以及精神支持。
他說，接回台灣的乘客需不需要再隔離？如果防疫中心決定需要隔離，那就是決策，只要事先講清楚就好。再來就是執行。從現在開始到包機回到台灣，有很多作業必須進行，也有很多風險和困難，代表處會配合日方及防疫指揮中心妥善的完成，也會照顧好國人的隱私。</t>
  </si>
  <si>
    <t xml:space="preserve">隨著11月總統大選逼近，美國總統川普大打中國牌，與北京關係緊張持續升高。繼貿易戰、南海摩擦，新冠肺炎起源與香港國安法爭議後，雙方又互關總領事館。
據BBC新聞網報導，期間美國國務卿蓬佩奧（Mike Pompeo）發表對北京強硬政策演說，力促全球自由國家，以「不信任並要驗證」（distrust and verify）的原則面對中共，以迫使中國大陸改變。而這在中國大陸觀察專家間拋下震撼彈，有人形容，這是「新鐵幕演說」和「新冷戰宣言」，等於宣告過去數十年美國對陸接觸政策「正式失敗」。
中國大陸獨立政治學者吳強說，「中美之間的對抗不像冷戰時期，有普世價值的競爭。『新冷戰』的對抗是一個古老中華帝國和一個現代強國之間的對抗，一個低端全球化和一個沒有領導的新自由主義全球化之間的對抗，以及兩種治理模式之間的對抗。」
他認為，北京在東海，台海及南海和其他國家發生矛盾的根本問題在於，中方擁抱傳統帝國主義的心態，不承認現有國際規則。「這也是中美關係緊張的癥結」。此外，他指出，南海不排除可能爆發小規模武裝衝突，但危機不會擴大。他說，中方在南海的主要戰略利益，是為海南島的核潛艇進出提供掩護，而不是表面上所說的主權。「中國仍然存在與其他各國共同開發南海的集體意識。」
吳強認為，奪下台灣後，才能解決海南島需要大量海空掩護核潛艇的問題，繼而展開美中在西太平洋的對抗。「對北京來說，只有奪下台灣，把台灣作為核潛艇基地，才能在未來真正有能力與美國對抗。所以中美關係越緊張，中國愈急於奪下台灣。」
他強調，「真正的危險在台灣」，由於中方以民族復興為目標，打算在國家主席習近平第3個任期內完成兩岸統一。他指出，這也是北京不惜一切代價，在香港否定一國兩制，推出《國安法》的重要原因。
另一方面，紐約城市大學（The City University of New York）政治學教授夏明則認為，可能發生武裝衝突的熱點，將取決於哪一方率先挑起。他說，要是美國先挑起，可能會選擇南海。而其中原因在於，美國海、空軍的優勢使衝突最容易控制，也最容易觸及中國的痛處，同時在道義上來說，可能引起的平民傷亡也最少。
不過，如果由中方先挑起，則最可能選擇台海，其次是中印邊境。夏明說，他認為，台灣對於北京的「一個中國」政策來說最具合理性，也擁有多年累積的軍事裝備和勢力滲透。而在中印邊境，中方陸軍則可以發揮優勢， 而且對北京來說，這一方面有助強化國際安全戰略，尤其是對西藏的控制，另一方面則與「一帶一路」經濟戰略相吻合。
「熱戰的前景在增加，而且熱戰不會只是中美兩國的戰爭，」夏明強調，「一定是世界大戰，而這是非常危險的。」
</t>
  </si>
  <si>
    <t>因應疫情，布口罩成為防疫夯品，新北市三重碧華布街湧現人潮挑選抗菌棉布、內襯二重砂製作口罩，也有許多店家自製口罩套販賣。商家保守估計，生意好一、兩成；三重布業促進會總幹事洪國林表示，年後生意變好，希望推出主題式活動，振興碧華布街生意。
三重碧華布街超過50年歷史，過去是大台北地區重要的布料集散地，近年來隨著產業轉型，紡織業多數外移，碧華布街榮景不再，近來新冠肺炎疫情不止，卻意外活絡布街，許多家長、學校到布街挑布回去DIY，店家高掛「口罩材料」招牌，重現榮景。
家長表示，兒童口罩不易購得，口罩套可延長口罩使用期限，開學數日來小朋友常弄丟口罩，小朋友對自己挑選、製作的口罩套比較珍惜，因此特別帶他們到布街，選布製作布口罩。
民眾表示，布街布料選擇多，但缺乏規畫，這邊買完布料，卻買不到棉繩，希望可以主題規畫。任職三重布業促進會總幹事、三重仁華里長洪國林表示，今年年後因疫情，商家生意開始變好，希望有機會舉行「碧華布街」活動，振興社區，目前還在和商家協商，希望政府能幫忙支持。
拼布教室指出，很多人指名要學「口罩套」，業績成長約一成，除教學外，也提供材料包給學校使用，蘆荻社區大學也表示，社區大學因應疫情，延後至4月13日開學，但最近也在籌備口罩套、肥皂等DIY免費課程，希望學習不間斷。</t>
  </si>
  <si>
    <t xml:space="preserve">諾貝爾經濟學獎得主、著名《紐約時報》專欄作家保羅．克魯格曼(Paul Krugman)撰文指出，幾乎可以肯定美國疫情會愈來愈糟，這比義大利疫情大流行階段還糟糕，確診病例3天翻一番。而按照這速度，一個月後確診病例將增加一千倍，亦即有半數美國人將被感染。
克魯格曼在專欄中寫道，3周前白宮和福克斯新聞(Fox News)的官方說法還是這個新冠病毒沒什麼大不了的，與此相反的說辭都是居心不良的政治謊言，是想讓川普下台的人在搞鬼。現在，紐約全面爆發衛生危機，所有的跡象都表明，很多城市將很快地陷入同樣的境地。
文章說，我們希望這種情況不要發生，現在許多州已經處於封鎖狀態，可望減緩病毒傳播速度。但是，當國家的噩夢觸底之前，必須退後幾步問一問：為什麼美國的應對如此之爛？
克魯格曼明確地指出，最高領導人的昏庸，顯然是一個重要因素。數以千計的美國人正在死去，而總統還在炫耀他的收視率。否認科學數據造成不必要的死亡，不是此次新冠病毒所獨有，美國一直都是發達國家中的「否認與死亡之國」，只是現在呈現速度更加驚人。
在「否認」科學上，流行病學家的工作迅速被政治化，遭抹黑為傷害川普、宣傳社會主義或者其他目的。這種反應不令人意外，因為氣候科學家多年來面臨著同樣的指控，否認氣候變化是一種全球性的現象，但中心顯然在美國：共和黨是世界上唯一否認氣候變化的主要政黨。
在「死亡」議題上，有些人堅信美國人預期壽命是全世界最高的，畢竟美國不是世界上最偉大的國家嗎？但事實上，美國人預期壽命是發達國家中最低的，而且與其他發達國家的差距幾十年來一直擴大。原因很多，包括缺乏全民健康保險，以及美國獨有的「絕望之死」──因毒品、酒精和自殺導致的死亡，但所有的分析都被認為是對政府的敵意，與這次對疫情的分析有同樣的下場。
一種可能的說法是，美國的政治格局賦予了反科學的宗教右翼以特殊權力，儘管美國是一個擁有光輝歷史的偉大國家，但強硬右派的崛起，正在把美國變成一座「否認與死亡之國」。這種轉變過去幾十年裡已逐漸出現，只是現在它發展得更快罷了。
</t>
  </si>
  <si>
    <t>封測廠頎邦(6147)2020年第四季稅後淨利「雙升」至10.16億元、改寫歷史第三高，每股盈餘（EPS）1.56元。累計全年稅後淨利36.61億元、年減10.48％，每股盈餘5.61元，仍雙創歷史第三高。公司尚未公布股利政策，將於6月16日召開股東常會。
頎邦股價1月底觸及77元的7年半高點，隨後回測70元止跌回升，今（3）日開高後在買盤敲進下放量穩揚，最高上漲4.45％至77.4元，截至10點40分維持逾3％漲幅，位居封測族群漲勢前段班。三大法人上周持續偏多操作，合計買超1633張。
頎邦去年第四季合併營收創61.6億元新高，季增6.7％、年增達17.2％。但毛利率、營益率29.24％、營益率23.01％，低於第三季及去年同期。不過，稅後淨利10.16億元，季增0.11％、年增達11.6％，仍創歷史第三高，每股盈餘1.56元。
累計頎邦去年合併營收創222.75億元新高、年增9.09％。但毛利率28.19％、營益率21.7％，低於前年33.2％、26.49％。加上業外虧損跳增，稅後淨利36.61億元、年減10.48％，每股盈餘5.61元、低於前年6.28元，仍雙創歷史第三高。
頎邦受新冠肺炎及貿易戰影響市場需求影響，去年上半年營運動能較弱。不過，隨著面板驅動IC（DDI）需求自下半年起急增，5G應用帶動射頻（RF）元件等非驅動IC業務同步回升，使營運於第二季落底，下半年營運逐季成長。
投顧法人認為，頎邦去年第四季毛利率低於預期，主因受材料成本上漲及匯率強升干擾，使第四季及全年獲利表現低於預期。不過，由於第四季測試價格已調漲5～10％，今年首季再調漲測試、薄膜覆晶（COF）、玻璃覆晶（COG）封裝價格5～10％，營運朝正向發展。
頎邦董事長吳非艱先前指出，驅動IC及非驅動IC業務稼動率目前均逼近滿載，需求持續強勁至上半年，頎邦對此同步積極擴產因應，對上半年營運維持樂觀看待，預期首季營運可望顯著優於去年同期，資本支出占比估約30～40億元。
頎邦2021年1月自結合併營收21.25億元，月減0.11％、年增達17.65％，創同期新高、歷史次高，表現略優於預期。由於短期面板驅動IC供應鏈供需吃緊，加上上游材料價格壓力得以轉嫁，法人看好頎邦首季營運有望持平於去年第四季，表現淡季不淡。
吳非艱表示，未來驅動IC封測仍是頎邦主要業務，隨著報價調整回合理狀態，認為對產業將帶來正向健康影響。而非驅動IC業務今年估貢獻營收約近30％，未來將持續提升、目標2022年提升至35％，進一步優化產品組合。
歐系外資認為頎邦受惠面板解析度升級、觸控面板感應晶片（TDDI）及OLED面板驅動IC需求激增、平均價格（ASP）改善及非驅動IC業務新契機，將成為驅動營運成長主動能，看好今年營收成長10～15％、毛利率同步改善，給予「優於大盤」評等、目標價78元。</t>
  </si>
  <si>
    <t>彰化縣衛生局與台大公衛學院合作進行「萬人血清抗體檢測」，目前已經檢驗3000人，有4個族群都驗出了部分陽性反應，台大公衛教授陳秀熙對此表示「恐有潛在感染」。
這次彰化萬人檢測對象以4個族群為主，包括了「醫療照護防疫人員」、「確診個案」、「居家檢疫者」、「接觸者」，陳秀熙今天(8日)晚間受訪時指出，目前檢驗的3000人中，以上4個族群都有驗出部分陽性反應，代表當地恐有潛在感染。
陳秀熙補充說明，這次檢驗不是只有快篩，相關檢驗持續進行中，實驗室結果尚未出爐，4個族群的陽性比例還要進一步確認。他強調，實驗室將會進一步做出NT抗體等中和抗體確認，這類抗體與康復後的抗體不同，意味著免疫細胞受刺激後產生，代表該檢驗者有免疫力，詳情將在本月25日公開。</t>
  </si>
  <si>
    <t>Garmin林口廠1員工確診，桃園市長鄭文燦9日疫情說明先批台北市發現1婦人確診後並未匡列丈夫，其丈夫到新竹縣工作確診，才緊急匡列職場同事。丈夫又傳給3同事，1同事傳染給在Garmin林口廠上班、住新北的女兒。鄭文燦也說，桃園市衛生局7月7日中午就入廠採檢，但晚上才接獲新北市衛生局通知確診，呼籲要充分分享疫調資訊。
鄭文燦表示，Garmin員工確診的源頭，是北市案例確診，但是他丈夫未被匡列，他繼續到新竹縣上班，在新竹確診，當時匡列9人居家隔離。因竹縣和桃園對疫調交換資訊，該丈夫的1同事在居家隔離期間有症狀，就醫採檢確診。衛生局也緊急匡列他住桃園的同事、家人，因部分家人住新北，也將居家隔離個案轉交給新北市，後來同事住新北的女兒，也就是在Garmin上班的員工確診。
鄭文燦也說，該員工住在新北，屬於新北案例，7月7日桃園市衛生局緊急中午入廠採檢532人，目前PCR都是陰性，但桃園市衛生局一直到7月7日晚間才接獲新北市衛生局通知個案。鄭文燦也說，任何個案都會有跨縣市足跡，一定要充分分享疫調資訊。
據了解，7月7日早上桃園市衛生局聽聞龜山有工業區員工確診，隨即詢問，並發現是Garmin林口廠有員工確診，趕緊入廠採檢。
鄭文燦表示，Garmin員工確診的來源是台北市到新竹縣，再回來到新北跟桃園，是跨縣市移動案子，不過桃園仍把疫調做好，將來也會用這態度處理疫調，再把資訊給其他縣市。</t>
  </si>
  <si>
    <t xml:space="preserve">新冠疫情全球大流行對各地跨年活動造成了毀滅性的影響，全球各大城市都大幅緊縮或停辦跨年活動，疫情仍嚴重的國家更是慘不忍賭。疫情最早爆發並因封城而震驚全球的武漢市，卻有大批民眾湧上街頭慶祝新年，引發西方媒體廣泛關注，陸媒則驕傲地宣示：「如今全球封城、武漢狂歡。」
《多維新聞》報導說，在2021年新年鐘聲敲響時，武漢有大批民眾紛紛走上街頭慶祝新年，進行徹夜狂歡。與西方國家因疫情被迫縮小慶祝規模或停辦活動的狀況相比，西方媒體紛紛對武漢表達羡慕之情。
美國《有線電視新聞網》（CNN）引用《路透》的標題《在曾遭疫情重創的中國武漢，人們湧上街頭慶祝新年》報導稱，2020年12月31日午夜，大批人群湧上中國中部城市武漢的街道，慶祝新年到來。而在剛過去的2020年，致命的新冠肺炎疫情在當地導致數千人死亡，武漢也在1月底至4月初之間封鎖城市。
報導說，雖然武漢慶祝新年的活動現場有大量警力，對人群進行了嚴格控制。安全人員要求少數未戴口罩的人戴上口罩。做為疫情爆發地，武漢已有好幾個月沒有當地確診病例，最近也已有特定人群開始接種疫苗。不過由於包括北京在內的多個城市出現病例小幅上升，也提醒武漢人疫情尚未完全結束。
美國《國會山莊報》發表題為《照片顯示曾是疫情中心的武漢，人山人海地慶祝新年》的報導，武漢曾經是新冠病毒大流行的中心，但在2020最後一晚的跨年活動中，到處都看到擁擠的人群，這與世界上其他地方小規模的慶祝活動形成鮮明對比。
報導稱，而一年前武漢還是爆發新冠疫情的中心，現在雖無疫情，聚集的人群仍然戴著口罩。這種狀況與仍深疫情之苦的紐約形成鮮明對比，著名跨年勝地時代廣場非常安靜，所有的人都戴著口罩，還保持著一定的社交距離。
英國《地鐵報》（Metro）則稱，新冠肺炎疫情爆發已一周年，武漢街頭人潮湧動。而自2020年5月以來，武漢沒有報告過一例本地傳播的新冠肺炎病例。《太陽報》（The Sun）以《武漢笑了？在世界其他地區都在遭受新冠肺炎疫情封鎖之際，武漢市民湧上街頭慶祝新年》為題報導稱，新冠肺炎疫情最初爆發的城市武漢，街道上人滿為患，人們瘋狂地慶祝新年，世界其他地區卻將人們封鎖在家裡。
英國《每日郵報》則在報導中詢問讀者：「你希望現在在武漢嗎？他們的新年比你過得好。」
</t>
  </si>
  <si>
    <t xml:space="preserve">新冠肺炎疫情蔓延全球，引發全球股市大地震。美國聯準會今晨再度無預警降息4碼，造成美股道瓊期貨跌逾千點。台股今(16)日摜破萬點關卡，收盤收在9717.77點，失守萬點。根據統計外資資金流向至3月13日，新興亞股連續三周全數失血，最近一周台灣與南韓仍為外資提款機，分別流出52.5億美元與42.3億美元。今年以來，新興亞股遭外資賣出金額累計252.1億美元。
中國信託台灣活力基金經理人周俊宏表示，新冠肺炎感染案例持續增加，加深市場恐慌情緒。美股上周出現恐慌式爆跌，觸發熔斷，美國總統川普13日宣布進入緊急狀態，並表示將釋出500億美元緊急資金對抗疫情後，一度曾激勵道瓊指數大漲1985點，打破史上最大漲幅。然疫情再尚未獲得控制前，對於經濟的影響仍不可小覷，預期台股區間震盪仍大，建議以個股操作為主。
周俊宏表示，隨著美國聯準會於台灣時間周一(16日)清晨緊急宣布降息四碼，顯見疫情對經濟的影響程度已經超乎想像。在操作上，建議挑選有長線需求的科技類股，例如5G相關題材、伺服器相關等。此外，因居家隔離、異地備援等措施，將可能延伸出對PC、視訊會議與軟體的需求，可多留意。他也提醒，受到疫情影響，消費相關的科技商品可能相對受到影響，例如5G手機，短線需求下修的風險較高。
周俊宏表示，在非科技類股上，影響較低的基礎建設類股，以及可提升免疫能力的保健食品相關類股，亦值得投資人關注。長線上要持續關注疫情發展，若後續情況未獲改善，不排除以相對保守的策略因應。
</t>
  </si>
  <si>
    <t>新冠肺炎疫情持續在美國擴散，幾乎所有運動賽會都受到影響，NBA首當其衝，聯盟預計周五召開球團視訊會議，最有可能施行的就是「閉門比賽」。湖人當家球星詹姆斯原本揚言不會在空無一人的場館上出賽，但隨即改口表示，願意配合上場，但仍會很失望。
北美四大職業賽會先後針對新冠肺炎疫情宣布防疫措施，目前正在賽季期間的NBA面臨著嚴峻考驗，畢竟每場比賽球迷動輒上萬人，發生群聚感染的可能性極高，因此NBA正在考慮閉門比賽，美國專家預估高達95％機率會在本周某些場次正式執行。
球員時期以剽悍球風聞名的「惡漢」巴克利，退役後轉任球評不改犀利風格，砲轟NBA可能閉門比賽是愚蠢的作法，認為球員就是為了球迷而比賽，難道關門比賽球迷就不會到處趴趴走嗎？這是本末倒置的防疫方法！
詹姆斯本來宣告如果閉門比賽的話，他將選擇缺席不上陣，但他再次受訪時話鋒一轉，「我是為了家人、球迷而打球，然而這個病毒（新冠肺炎）看起來很難防範，我們必須遵守專家們建議以及聯盟作法，我也願意配合，只不過面對沒有觀眾的情況下比賽，確實會很失望。」
獨行俠教頭卡萊爾表示，相信聯盟會在深思熟慮後做出正確抉擇，各隊都得嚴格執行，唯有如此才能做好防疫，保護好所有人的健康與安全。</t>
  </si>
  <si>
    <t xml:space="preserve">新冠肺炎疫情持續攀升，大陸多間監獄陸續爆出病例，大陸山東任城監獄更傳出207人感染，對此近年將演藝重心移至大陸的藝人劉樂妍，表示對監獄陸續爆出病例感到訝異，更表示不捨讓醫護人員前往營救，立刻引起網友議論。
大陸山東任城監獄爆出百人罹患新冠肺炎，對此劉樂妍表示擔心所有人員狀況，但也好奇監獄與外界隔離，究竟如何爆發出疫情?不過得知一線醫護人員要進監獄診斷病患，讓她直呼：「要我怎麼捨得讓身心健康行為頭腦正常的醫護人員去救這些人呢」，得知言論可能引起反彈，立刻緩頰：「我知道他們很無辜，但問題是現在怎麼辦呢？蒼天哪，大地呀，快救救我的國家吧」。
不過一開始劉樂妍得知多處監獄爆發新冠肺炎，她第一時間跳出來表示：「未來大陸監獄需要我的話，其實也是可以叫我，我也很願意去的」，此外也祈求大陸山東監獄疫情能夠趕快控制住，希望不會有傷亡事件發生。
</t>
  </si>
  <si>
    <t xml:space="preserve">美國20日宣布，從11月起解除旅遊禁令，但外籍旅客須出示莫德納、BNT或嬌生疫苗等三款疫苗的完整接種證明才可入境，已打高端的綠委高嘉瑜為此22日在立院提出質疑，打高端的民眾可能無法出國、怎解決？衛福部長陳時中則表示「世界不是只有美國」。對此，國民黨台北市議員游淑慧直言，更可怕的還在未來，如果其他國家也採用美國標準，那要怎麼辦？
游淑慧先前針對外媒報導美國宣布的上述旅遊新規定，曾發文質疑高端屆時能獲得美方認證嗎，否則打高端者恐無法赴美？她昨（22日）再度在臉書發文表示，陳時中當天面對記者的相關詢問時，「自我解讀」美方兩劑疫苗入境的新政策，是針對部分國家，台灣不受影響，而部長定調後，1450也就開始蹦蹦跳，譏笑她不懂英文，錯誤解讀。
游淑慧稱，自己原本想PO出路透社、CNN等外媒報導，後來想想反正11月就知道了，自己也希望衛福部能為台灣民眾爭取到不受新政策影響。
游淑慧直言，自己從來沒想過，她的英文閱讀會比一個部長好，但她知道「不是」陳時中看不懂美方的意思，而是陳不想面對，所以自欺欺人；游強調，11月就知道了，高端跟美國疫苗，到底是同父異母？還是攀親帶故？「面對吧、誠實吧、解決吧！我也希望施打高端民眾的權益不要因此受損」。
另外，對於陳時中昨在立院面對相關質詢時，竟稱「世界也不是只有美國」，游淑慧擔憂，所以更可怕還在未來，將來其他各國如果也採取跟美國同樣的旅遊標準，她要問，「陳時中要怎麼辦」？
</t>
  </si>
  <si>
    <t xml:space="preserve">新冠肺炎疫情肆虐全球，香港疫情持續升溫，確診病例高達9386例，累計死亡病例達161例，不僅嚴重衝擊香港景氣，如今就連演藝圈也難以倖免，在娛樂產業寒冬影響之下，就有資深香港娛樂記者爆料，已經有多達600多位明星陷入失業危機，還有部分人得靠領救濟金維持生活。
根據《網易娛樂》報導，有名資深娛樂記者透露，香港受到新冠肺炎疫情衝擊下，許多藝人演藝工作紛紛停擺，據悉目前多達600多位藝人失業，有些在接不到工作的情況下，一直處於零收入的狀態，只能靠領救濟金維持生計，外傳古天樂擔任香港演藝協會會長期間，從去年4月發起「香港電影工作者疫境支援計畫」，為香港演員們籌募援助資金，只要受到疫情波及的藝人，每位都能領到33600元台幣救濟金，慘澹狀況令人不勝唏噓。
此外近期有一張TVB明星收入清單在網路上瘋傳，只見就連Ａ咖等級的佘詩曼，即便出席剪綵活動，費用也被砍到只剩下2萬港幣，其他叫不出名跑龍套的三線演員，工資更是少的可憐，平均居然連500元都不到，只能靠領救濟金維持基本開銷，讓網友感嘆連洗碗工都還賺的比較多。
雖然古天樂的善舉讓許多藝人感謝不已，但事隔9個多月，香港疫情不僅未獲控制反而持續升溫，看來藝人想要改善經濟狀況，恢復以往輝煌光景。並非短期內所能好轉的事。
</t>
  </si>
  <si>
    <t>新冠肺炎疫情爆發至今超過1年半，全球目前仍處於大流行情況。台大公衛學院教授陳秀熙團隊今分析疫情未來軌跡走向有3種可能，1是持續全球大流行，2是轉變為季節性流行疾病，3是成為地方性疾病。陳秀熙團隊為此提出三聯體防疫策略，即讓疫苗、非藥物公衛措施（NPI）及檢測相輔相成，達到「與病毒共存」的目標。
陳秀熙團隊成員、公衛學者張維容表示，針對新冠肺炎的未來軌跡走向，科學家認為有3種可能，第1是人類仍無法迅速控制疫情，持續全球大流行，這需要提升疫苗接種率，利用準確快速檢測工具進行流行監測；第2種可能是轉變為季節性流行疾病（如流感），需通過單株抗體等治療防止疾病的進展，減低疾病負擔；第3種可能是轉變成地方性疾病，影響小、負擔小，例如腸病毒就屬於這類。現階段的疫情仍處在第1種情況下，包含跨物種傳播、疫苗免疫持續力及抗原漂變都是影響未來的走向重要因素。
有鑑於疫情的進展，陳秀熙團隊提出三聯體防疫策略，即讓疫苗、NPI及檢測相輔相成，高施打率國家推動第3劑疫苗施打、低施打率國家採取混打策略，在無法達到群聚免疫之下，透過檢疫及檢測及早偵測出隱性感染個案並治療，且透過NPI措施如隔離、口罩、洗手、社交距離等預防感染，進而達到「與病毒共存」的目標。
公衛學者范僑芯以英國為例，當地疫苗接種率高，7月就提倡「與病毒共存」，並制定出秋冬防疫戰略。其計畫分為A、B2種，優先實施A計畫，即針對50歲以上、有健康問題的的年輕人、醫護人員加強第3劑疫苗施打，並提供12-15青少年且接種疫苗、鼓勵打疫苗、持續檢測及接觸者追蹤，並取消了原訂9月要實施的娛樂場所疫苗通行證。
一旦醫療量能不足，英國則會開始實施B計畫，即依法要求民眾在室內公共場所、搭乘大眾運輸時戴口罩、在家工作，並使用疫苗護照（綠色通行證）。陳秀熙解釋，對英國來講，防疫計劃是以疫苗、檢測為主˙，NPI為輔，屬於三聯體防疫的2＋1變化措施，台灣也可將其做為參考。
至於鄰近台灣的日本，公衛學者王威淳表示，當地疫苗施打率急速上升，至少1劑的施打率達到66％，完整接種則有53％，日本政府進一步開放第3劑疫苗（原則不混打），開放居家抗體雞尾酒療法，並著手研發口服藥物抑制3CL蛋白酶，供輕症的人使用。陳秀熙表示，日本在短時間內將疫苗施打率拉高，加上藉由新治療方式的開發，嘗試讓住院率、死亡率減少，對於三聯體防疫來講，是典型以疫苗、治療搭配為主的策略。
值得擔憂的是，相對於日本疫苗高施打，東南亞部分國家疫苗施打率仍低，以致疫情持續上升，這包括越南、菲律賓及泰國等，然而受經濟壓力影響，這些國家不得不解封、重啟經濟活動。陳秀熙表示，在疫苗不足、醫療資源不優渥之下，這些國家在三聯體防疫中唯一剩下的NPI，在經濟壓力之下無法落實，病毒變異的速度可能會更快，呼籲世界衛生組織（WHO）協助這些亞洲國家提高疫苗覆蓋率，這是三聯體防疫中相當重要的。</t>
  </si>
  <si>
    <t>本報日前報導指出高端二期臨床試驗排除19種民眾、至少22種病種，卻未盡告知的責任；指揮中心指揮官陳時中回應說歐美其他疫苗臨床試驗的時候也同樣排除那麼多病患。但其實查詢莫德納官網（https：／／clinicaltrials.gov／ct2／show／NCT04470427）的「Exclusion Criteria（排除項目）」，就會發現︰高端試驗排除的20幾種病患，莫德納試驗絕大部份都沒有排除。
高端的19項排除條件是：
1，	目前懷孕或哺乳中，或計畫在施打第二劑試驗疫苗後30天內懷孕。
2，	直接參與本試驗執行的試驗主持人所屬機構、試驗委託者或受託研究機構 (CRO)的員工。
3，	目前正在接受或接種第1劑前30天內接受其他試驗性質之介入性醫療。
4，	施打第一劑試驗疫苗前4週內接種已核准的活性減毒疫苗，或第一劑前7天內施打其他已核准的非活性減毒疫苗。
5，	第一劑前12週內使用任何血液製品或靜脈注射免疫球蛋白。
6，	目前或在第一劑前12週內接受併用免疫抑制或免疫調節療法(不包括吸入式、皮膚局部類固醇及／或含類固醇眼藥水，低劑量胺甲葉酸(methotrexate)，或 prednisone每日劑量低於20 mg使用＜ 2週或同等藥物)。
7，	目前使用或預計在第一劑前12週內接受α腫瘤壞死因子(TNF-α)抑制劑治療，例如infliximab、adalimumab、etanercept。
8，	在第一劑前12週內曾接受重大手術或任何放射療法。
9，	免疫抑制疾病或免疫不全狀態，包括血液惡性腫瘤，實質固態瘤、骨髓移植病史，或無脾症。
10，	自體免疫疾病病史(全身性狼瘡、類風濕性關節炎、硬皮症、多發性關節炎、 甲狀腺炎、格林─巴利症候群等)。
11，	惡性腫瘤病史且接受治癒療法後仍有復發風險，或目前確診為癌症或接受癌症治療(不包括鱗狀及基底細胞皮膚癌，和已治療的子宮頸原位癌，可依試驗主持人判定)。
12，	出血性疾病且判斷禁止使用肌肉注射或抽血。
13，	人類免疫不全病毒(HIV)陽性，且在過去一年內CD4計數＜ 350 cells／mm3或有可偵測的HIV病毒量(帶有少量變異、病毒拷貝數50-500且無需改變抗反轉錄病毒療法[ART]，允許納入)。
14，	B型肝炎病毒(HBV)陽性，且B型肝炎e抗原(HBe Ag)陽性或肝功能異常。
15，	C型肝炎病毒(HCV)陽性，最近12週內發生可偵測的HCV RNA病毒血症。
16，	自願受試者患有持續的急性疾病或嚴重醫療狀況，例如心血管(如紐約心臟學會第三或第四級)、肺部(如慢性阻塞性肺病[COPD]第三或第四期)、肝臟(如 Child-Pugh C級)、神經學(如失智症)、代謝(如糖尿病伴隨HbA1c ＞8％)、腎臟(第 3期以上慢性腎臟病)、精神病症(如酗酒、藥物濫用)、現有嚴重感染、醫療病史、身體檢查結果或實驗室檢驗異常等，依試驗主持人判斷病情不穩定，參加本試驗可能對受試者的安全性造成不良影響、無法配合試驗規定、或干擾 試驗評估指標。
17，	受試者已知曾經或可能接觸嚴重急性呯吸道症候群冠狀病毒1型或2型(除 非經檢驗為陰性，且已完成14天自主健康管理／居家檢疫／居家隔離)，或曾施 打其他COVID-19疫苗。
18，	受試者對任何疫苗曾有過敏病史，或有過敏性疾病或過敏反應病史，可能因 MVC-COV1901的成分使症狀惡化。
19，	施打疫苗前2天內，體溫(口溫、肛溫或耳溫) ≥38.0°C或發生急性病症(不包括輕微病症如腹瀉或輕微上呼吸道感染，依試驗主持人判定) (受試者可重新約 診)。
莫德納的排除項目（Exclusion Criteria）則如下：
1，	Is acutely ill or febrile 72 hours prior to or at Screening. Fever is defined as a body temperature ≥38.0°Celsius／100.4°Fahrenheit. Participants meeting this criterion may be rescheduled within the relevant window periods. Afebrile participants with minor illnesses can be enrolled at the discretion of the Investigator.篩檢前72小時內體溫超過攝氏38度。受試者可重新約診。輕微病症經過審慎判定後仍可參與。
2，	Is pregnant or breastfeeding.懷孕或哺乳者。
3，	(Part A Only) Known history of SARS-CoV-2 infection.有新冠病毒感染史。
4，	Prior administration of an investigational coronavirus (SARS-CoV Middle East Respiratory Syndrome [MERS]-CoV) vaccine or current／planned simultaneous participation in another interventional study to prevent or treat COVID-19.曾參與新冠疫苗試驗，目前是或即將同時參與另一個新冠病毒介入性試驗。
5，	(Part A Only) Demonstrated inability to comply with the study procedures.無法遵守試驗流程。
6，	(Part A Only) An immediate family member or household member of this study's personnel.本試驗人員的直系親屬或家庭成員。
7，	Known or suspected allergy or history of anaphylaxis urticaria or other significant adverse reaction to the vaccine or its excipients.已知或懷疑有過敏，有過敏史反應，蕁麻疹，對疫苗或賦形劑有其他特定不良反應。
8，	Bleeding disorder considered a contraindication to intramuscular injection or phlebotomy. 出血性疾病且判斷禁止使用肌肉注射或抽血。
9，	Has received or plans to receive a vaccine within 28 days prior to the first dose (Day 1) or plans to receive a non-study vaccine within 28 days prior to or after any dose of investigational product (except for seasonal influenza vaccine).施打第1劑前 28天內已接種或預計接種其他疫苗，或28天內計畫施打其他非試驗疫苗（季節性的流感疫苗除外），在打試驗性製品前或後。
10，	Has participated in an interventional clinical study within 28 days prior to the day of enrollment.受試前28天內曾參加介入性臨床試驗。
11，	Immunosuppressive or immunodeficient state including human immunodeficiency virus (HIV) infection asplenia and recurrent severe infections. 免疫抑制疾病或免疫不全狀態，包括人類免疫不全病毒（HIV），無脾症以及經常性的嚴重感染。
12，	Has received systemic immunosuppressants or immune-modifying drugs for ＞14 days in total within 6 months prior to Screening (for corticosteroids ≥20 milligram (mg)／day of prednisone equivalent). 受試前6個月內接受免疫抑制劑，或治療免疫疾病調節性藥物超過14天（皮質類固醇或是普立朗錠每日超過20毫克）
13，	Has received systemic immunoglobulins or blood products within 3 months prior to the day of Screening.受試前3個月內使用任何血液製品或靜脈注射免疫球蛋白
14，	Has donated ≥450 milliliters (mL) of blood products within 28 days prior to Screening.受試前28天內捐血超過450毫升。
15，</t>
  </si>
  <si>
    <t>針對新冠肺炎是否只會影響感染者肺部健康的問題，大陸工程院院士鍾南山16日表示，新冠肺炎一般會導致患者肺部受損，至於是否有其他器官受損，則與患者本身的併發症有關，合併症很多的患者會發現其他器官受損的情況，不過，他說，對於中樞神經的受損不明顯。
據《新京報》報導，大陸工程院院士鍾南山16日攜廣州呼吸健康研究院院長何建行、副院長李時悅進行視訊直播，鐘南山指出，在屍檢的過程中，並沒有看到明確的基於病毒的其他器官受損。
鐘南山說，是否有其他器官受損，與患者本身的併發症有關，合併症很多的患者會發現其他器官受損的情況，目前觀察到患者出現腎小管的一些問題，如受損、壞死。還有其他研究團隊也發現，有25％到30％的患者會出現非常明顯的腎受損。
不過，鐘南山強調，除了心臟、腦部、腎臟受損之外，中樞神經的受損並沒有很明顯。</t>
  </si>
  <si>
    <t>63歲奧斯卡影帝湯姆漢克（Tom Hanks）與演員妻子麗塔威爾遜（Rita Wilson）日前宣布在澳洲確診新冠肺炎檢測，湯姆漢克成為首例感染新冠病毒的演藝圈夫妻，不過湯姆漢克卻因患有第二型糖尿病，而遭外界擔心會引發併發症。
湯姆漢克遠赴澳洲拍攝貓王傳記電影，夫妻陸續出現身體疼痛、感冒症狀，經檢測後確診染上新冠肺炎，而湯姆漢克13日也在網上曬自拍報平安，透露跟妻子正接受隔離治療，強調不會傳染給任何人，並感謝澳洲醫護人員的照顧。
湯姆漢克確診不只震撼演藝圈，根據《鏡周刊》報導，63歲的湯姆漢克因患有第二型糖尿病，因此遭美國疾控中心擔心恐會有併發症，不過湯姆漢克以樂觀和正能量對抗病況，也期望影帝能早日康復。</t>
  </si>
  <si>
    <t xml:space="preserve">新冠肺炎肆虐全球，台灣確診案例再添8例來到108例，中央流行疫情指揮中心建呼籲滯外留學生盡量留在當地，畢竟無法排除搭機風險，此舉讓資深媒體人趙少康拍桌痛斥「什麼政府嘛」，對此眼科醫生黃宥嘉怒嗆：「這世界又不是拍桌子的人就厲害」。
趙少康日前表示政府該做的是與當地國協商，儘量把所有人都接接回來，而不是要求留學生留在當地，講到激動處還氣到拍桌，對此眼科醫生黃宥嘉表示趙少康這麼厲害的話，何不自己去跟政府協商，在不考慮人力、醫療資源的前提下，只會在那邊說大話，這樣有突顯自己比較有智慧嗎？怒嗆：「我們才不滿非醫療專業、非防疫專業的人一直不滿防疫政策哩！這世界又不是拍桌子的人就厲害」。
對此網友也紛紛留言：「支持醫療人員，支持政府政策」、「只會隔著玻璃裝模作樣，到底做了什麼事情為了這塊土地而努力」、「非專業在那邊指手劃腳的只出張嘴」。
</t>
  </si>
  <si>
    <t>疫情持續嚴峻，許多病人因擔心感染風險害怕上醫院，遠距醫療成為防疫新趨勢。光田綜合醫院為提升疫情期間病人看診便利性，擴大遠距視訊門診服務，腹膜透析腎友也可透過視訊看診，醫師即時監測洗腎數據，零接觸維持病人的醫療需求。
「防疫新生活，看診新方式！」光田綜合醫院即日起擴大遠距醫療門診服務，開放家醫科、心臟內科、新陳代謝科、胸腔內科、神經內科、腎臟內科、風濕免疫科、一般內科、腫瘤內科、血液腫瘤科、兒科等科別遠距看診，提供給更多病情穩定的慢性病複診，以及需開立慢性病連續處方箋的患者，可透過線上掛號的方式預約。
光田綜合醫院腎臟內科主任王家良表示，腹膜透析洗腎腎友以往必須到醫院例行性檢查，如今透過遠距視訊，可監測腎友居家洗腎操作機器的情況，記錄洗腎數值並自動上傳雲端管理系統，即時精準掌握病人治療與身體狀況，醫病視訊溝通就跟面對面看診一樣有溫度、零距離。
光田綜合醫院副院長暨腎臟內科醫師張家築指出，遠距醫療成為疫情下最重要的看診工具，透過視訊醫療零接觸，溝通也是零距離，身在遠端的醫護能及時掌握病患的病情，服務慢性病人的醫療需求，讓醫療不至於中斷，尤其在疫情高峰期間，視訊看診可降低醫療的負荷，同時提高病人的就醫便利性。
「有病千萬不能拖！」光田綜合醫院呼籲，疫情期間許多患者因擔心來醫院看診，而延遲就醫，現在透過視訊看診可以很安心，讓病情獲得控制。</t>
  </si>
  <si>
    <t>因應新冠肺炎疫情延燒，新北市府首辦線上國際閱讀節，新北市長侯友宜昨日（23日）出席啟動記者會，侯友宜表示，因為疫情的關係，很多學習的地方像是公立圖書館暫時不開放，因此鼓勵孩子們在家透過網路，使用「國小教育資源網平台」學習新知識，他也感謝FunPark 童書夢工廠、PaGamO素養品學堂兩家公司，共捐贈2000萬元的資源，讓孩子們能無限學習。
新北市教育局表示，平台嚴選國內外線上閱讀網站，同時整合教育局、文化局、民間等電子資源，經由親師生平台與新北市民卡系統介接，提供40萬冊電子書，提供全市的國小生、市民借用，暢遊書海。</t>
  </si>
  <si>
    <t xml:space="preserve">美國的新冠疫情日益嚴峻，各大醫療院所也處於負荷極重的狀態。在疫情震央紐約市，曼哈頓1座大型教堂的教長6日表示，疫情期間，將把教堂改造為野戰醫院，以支援抗疫。
《紐約時報》等外媒報導，聖約翰大教堂（The Cathedral Church of St.John the Divine）教長丹尼爾（Clifton Daniel）表示，教堂的中殿及地下室共可容納9個醫療帳篷，並安置至少200名患者。
這座教堂號稱全球最大的哥德式教堂。丹尼爾指出：「在數百年前，比如在黑死病時期，教堂經常收容病患，所以不是沒有這樣的經驗，只是對我們來說前所未見。」
這座「教堂醫院」預計1周內就會正式開始收容患者，醫護人員則將來自教堂隔壁的西奈山晨邊醫院（Mount Sinai Morningside Hospital）。
據約翰霍普金斯大學（Johns Hopkins University）統計，美國確診人數已超過36.8萬人、破萬人死於新冠肺炎。
</t>
  </si>
  <si>
    <t>國內疫苗擴大開打，許多人擔憂其引發不良副作用。對此，台大家醫科醫師林俊嘉表示，打疫苗需注意自身身體狀況外，施打後續仍要注意疫苗產生的副作用，其中打莫德納的局部反應通常比AZ嚴重，他也提醒5類人要注意。
林俊嘉日前於個人臉書粉專《林俊嘉醫師》，整理出AZ及莫德納兩款疫苗接種相關資訊，包括哪些人不能打、常見的副作用，及施打後副作用處理方式等。
林俊嘉表示，有3種情況不適合施打AZ，第一是正在發燒者，建議退燒後請醫師重新評估身體狀況為佳；第二則是血栓或肝素引發的血小板低下者，這類的患者比較可能因為接種AZ後產生血栓；第三為對AZ疫苗過敏者，若已施打第一劑AZ疫苗，出現過敏性休克等過敏反應，或是已知其中的過敏成分者。
林俊嘉說，莫德納同樣不利於正在發燒者、對其成分過敏者施打，特別是對核磁共振（MRI）顯影劑過敏者；因此有長期使用含有PEG聚乙二醇的民眾，也不建議打莫德納，包括耐福力散、腸見淨、美血樂、倍血添、欣膝亞及染髮劑等。
副作用方面，林俊嘉提醒，打AZ後4至28日，仍需持續注意身體可能產生引發血栓狀況，若持續性頭痛、腹瀉逾24小時、下肢腫脹疼痛，及嚴重胸痛或呼吸困難，出現任一症狀，建議立即就醫。
另外，莫德納最常見的為注射部位疼痛、疲倦、肌肉痛、頭痛及發燒，但發燒通常會於48小時內緩解，林俊嘉說，打莫德納的局部反應通常比AZ嚴重，會出現所謂的「新冠手臂」，且年輕人的副作用會比老年人更為嚴重，第二劑的反應也會比第一劑來得強。
林俊嘉提醒，可於注射部位適度冰敷，但千萬不能搓揉，若發燒及頭痛可於接種後6至8小時吃普拿疼，千萬不可於施打前吃普拿疼預防。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蕭敬騰（老蕭）日前在上海接種免費疫苗，隔天隨即現身時尚秀，老蕭的經紀人Summer今（6日）表示，團隊所有人接種疫苗後都沒有任何不適，也都很正常的工作，狀態非常好。老蕭赴大陸工作已三個月，對於台灣家人無疫苗可打，Summer坦言他的確很擔心，「每天都叮嚀他們不要出門，安排好乾糧、口罩等備用品送到家門口，希望家人盡量減少人與人的接觸」。
老蕭今晚受邀為大陸YY直播舉辦的首屆「66直播節」擔任嘉賓，120分鐘節目中，老蕭不僅獻唱〈皮囊〉、〈王妃〉等經典曲，還與觀看直播的粉絲進行遊戲互動。老蕭這幾個月行程相當忙錄，大多在線上與粉絲見面，前幾天出席時尚秀，後台受訪時提到如果有機會和周杰倫、林俊傑組團，該如何分工？老蕭幽默笑回：「肯定是哥哥們不做的我來做，因為我比較全能一點。」
大陸「國藥」疫苗施打狀況穩定，不少藝人趨之若鶩，港星蔡少芬日前也和老公張晉、好友陳法蓉前往大陸施打疫苗；蔡少芬自曝：「說實話沒有打狂犬針痛。」接種過程中她向醫護人員詢問「一天要打多少人」？對方回答大約100多人，她身旁老公張晉則默默地說「欸？我已經打完了」，指速度快到讓人難以置信。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 xml:space="preserve">印度新冠疫情嚴峻，連駐當地美國外交人員都受到重創，美國有線電視新聞網（CNN）引述消息人士透露，美駐印度外交人員中已經有上百人染疫，2人不幸病逝。此外，美國商會也警告「真正的風險」才要來臨，疫情暴衝恐導致印度經濟衰退，進一步拖累全球經濟。
CNN昨（26）日引述2名消息人士報導，印度新冠疫情失控之際，當地美國外交圈疫情也大爆發，幾周來有超過上百外交人員染疫，2名本地職員不幸病逝。消息人員並未透露究竟是哪個地區的外交人員染疫及死亡，除在首都新德里設有大使館外，美國目前在印度其他城市設有5間領事館。
消息人士指出，美國駐印度外交人員、眷屬及在當地聘雇的本地職員直到過去2周才陸續接種新冠疫苗，部份職員對此感到相當沮喪，因為他們並未收到使團何時能開始接種疫苗的明確訊息，許多駐歐洲、美國本地的外交人員先前都已經接種疫苗了，駐印度的外交人員卻不能優先施打疫苗。
其中一名消息人士透露，美國國務院先前先為阿富汗、伊拉克的外交人員運送疫苗，可能是印度外交人員較晚拿到疫苗的原因，不過疫苗到得太晚，已經有2人死亡了，「太可怕了。」
今年初，美國駐世界各地的外交人員紛紛對疫苗配送太慢感到沮喪，18日美國國務院發言人普萊斯（Ned Price）表示，國務院已經完成所有外館的疫苗配送。
值得注意的是，美國國防部長奧斯汀（Lloyd Austin）、氣候變遷特使凱瑞（John Kerry）先後於3月19日、4月6日訪印，消息人士說這2趟訪印行程有些驚險，因為當時印度部分地區已經出現激增病例，負責規劃行程的美國外交人員也還沒施打疫苗。據說行程結束後出現了零星案例，但還無法確定是否和這2趟外交行有關。
鑒於疫情嚴峻，美國駐印度清奈（Chennai）領事館昨日宣布26日至5月15日期間，非移民簽證面試、美國公民預約等所有常規服務全部取消，駐新德里大使館取消本人簽證預約等服務。
此外路透社報導，針對印度疫情居高不下、連續5日單日確診人數創世界紀錄，美國全國商會（U.S. Chamber of Commerce）昨日警告，作為全球第6大經濟體的印度，經濟可能因為疫情衰退，進一步拖累全球經濟。
美國商會執行副總裁薄邁倫（Myron Brilliant）警告，由於許多美國企業都在印度聘雇員工處理後台業務，當地疫情的外溢風險非常高，預期情況變好之前會再度惡化，指出「真正的風險」是印度經濟衰退，情況令人擔憂。
</t>
  </si>
  <si>
    <t>三零隔天秒破功！中央流行疫情指揮中心今公布國內新增6例新冠肺炎確定病例，分別為1例本土、5例境外移入，確診個案中無新增死亡。其中本土個案為新北1名6旬男子，因發燒就醫採檢確診，Ct值33.1，之後採檢2次都是陰性。
今日新增的1例本土個案(案16451)，為60多歲男性，今年10月16日因出現發燒等症狀，10月17日就醫並採檢，檢驗結果陽性收治住院，Ct值33.1，IgG、IgM均為陽性，後續採檢2次核酸檢測均為陰性。衛生單位已匡列接觸者12人，其中4人列居家隔離、3人列自主健康管理、5人列自我健康監測，將持續進行疫調及匡列，以釐清感染源。
另外，今日新增的5例境外移入個案，為4例男性、1例女性，年齡介於10多歲至60多歲，分別自美國(2例，案16448、案16452)、阿拉伯聯合大公國(案16449)、菲律賓(案16450)、馬來西亞(案16453)入境，入境日期介於10月5日至10月17日之間，均持有搭機前3日內檢驗陰性報告。
截至目前，國內共累計1萬6343例確診，分別為1704例境外移入，1萬4585例本土病例，36例敦睦艦隊、3例航空器感染、1例不明及14例調查中；另累計110例移除為空號。2020年起累計846死，其中834例本土，個案居住縣市分布為新北市412例、臺北市319例、基隆市29例、桃園市27例、彰化縣15例、新竹縣13例、臺中市5例、苗栗縣3例、宜蘭縣及花蓮縣各2例，新竹市、南投縣、雲林縣、臺南市、高雄市、屏東縣及臺東縣各1例；另12例為境外移入。
指揮中心呼籲民眾，應落實手部衛生、咳嗽禮節及佩戴口罩等個人防護措施，減少不必要移動、活動或集會，避免出入人多擁擠的場所，或高感染傳播風險場域，並主動積極配合各項防疫措施，共同嚴守社區防線。</t>
  </si>
  <si>
    <t>大陸國家衛健委網站30日消息，7月29日0-24時，大陸各地報告新增確診病例64例，其中境外輸入病例43例（雲南21例，廣東9例，上海7例，福建3例，遼寧1例，山東1例，四川1例），本土病例21例（江蘇18例，湖南2例，北京1例）；無新增死亡病例；新增境外輸入疑似病例1例（上海）。此外，大陸各地報告新增無症狀感染者25例，其中本土8例（江蘇4例，湖南4例）。從大連、成都、常德、北京、寧鄉等多地感染者軌跡，已拼出源自南京的「張家界旅遊傳播鏈」。
7月29日晚，湖南省張家界市政府宣布，30日上午起，張家界市所有景區景點關閉。截至29日晚間統計，張家界還有754個旅行團，共1.19萬人。已逐個勸返，安排退費、回程交通相關事宜。
澎湃新聞報導，據通報，北京、湖南連日新冠肺炎新增疫情，是「張家界旅遊傳播鏈」一環，已成南京傳播鏈「二傳手」，迄29日14時已外溢7省17地傳染206人。
張家界魅力湘西劇場先是4名22日晚觀劇者感染新冠，當地已緊急排查同場次人員2000多人。
這4人中有3人來自遼寧大連，此前曾在南京祿口機場停留2小時。祿口機場，正是近期本土疫情的「暴風眼」，至少數十名機場保潔人員感染，疫情已擴散至南京全市9個區。截至7月29日24時，南京本地感染者已達191人。
上述3例大連感染者在去魅力湘西劇場前，還曾去張家界國家森林公園、大峽谷等地遊玩。7月27日及28日，成都新增的5例本土確診病例，也曾在同期去過張家界等地遊玩，與大連病例活動軌跡交叉。
成都病例在張家界遊玩後，還去過湖南常德遊玩，常德一名陪遊友人感染。此外，江蘇淮安市也於7月28日發現4例陽性人員，此前去過張家界。
至此，張家界成為南京與大連、成都、常德、北京等地本土疫情的傳播中樞，南京疫情傳播鏈再擴張。澎湃新聞報導，截至7月29日14時，南京疫情傳播鏈增至206人，涉及遼寧、江蘇、廣東、安徽、四川、湖南等7省市17地（包括南京）。
大連、成都、常德、北京、寧鄉等多地感染者軌跡已拼出「張家界旅遊傳播鏈」。
據四川及成都當地通報，成都市7月27日及28日新增感染者中，5例確診病例曾去過張家界等地旅遊。這5人中，3人為一家三口，1人為這家人的同遊友人，還有1人是一名53歲的自駕遊女子。
四川成都市衛健委28日通報，成都5名確診病例近期前往張家界，與遼寧大連報告的新冠病例有活動軌跡交叉，而大連報告的病例有南京祿口機場停留史。
「大連發布」微信公號消息，26日大連報告的3例無症狀感染者，曾於17日由大連乘飛機到張家界，期間在南京祿口機場中轉航班，停留約2小時。
「張家界時刻」微信公號消息，大連報告的3人曾在7月20-22日，在張家界國家森林公園、大峽谷等地遊玩。而成都的5例確診病例，也曾在20-24日在張家界森林公園、天門山森林公園、大峽谷等地遊玩。
張家界傳播鏈還延伸到了湖南常德。成都確診病例中的一家三口及其友人在遊覽張家界後，曾於24日在常德市遊玩，一名陪伴他們遊玩的當地友人在28日被診斷為無症狀感染者。
湖南常德傳播鏈又延伸到了湖南寧鄉，這次是同乘遊船傳播12歲男孩，29日被驗出核酸檢測陽性。
此外，張家界傳播鏈28、29兩日還導致大連新增1例本土病例、北京新增3例本土病例。</t>
  </si>
  <si>
    <t>新冠肺炎本土個案連日破百例，國民黨團今天表示，疫情日益嚴峻，不只封城而已，最終解決之道是施打疫苗，此時應讓疫情指揮中心指揮官陳時中專注醫療資源，拉高防疫層級到總統府，由副總統賴清德出任指揮官，協調調度全國資源。
美國總統拜登今說，預定6月底前釋出2000萬劑疫苗到海外，包含輝瑞、莫德納與嬌生生產的疫苗。國民黨團書記長鄭麗文說，此次在台灣蔓延的是英國變種病毒株，蔡英文總統應積極向美國搶購疫苗，再讓全民免費施打疫苗，讓台灣在最短時間內免於病毒威脅，才是正辦。
國民黨團總召費鴻泰質疑，資深媒體人趙少康昨披露，台灣股市下降但高端疫苗價格卻暴漲，其實在1個月前，他就聽說有立委跟公司要股票，試問這是否是真的？為何想要炒作高端疫苗股價？如今國光生技不玩了，聯亞生技被技術性控管1個月，僅剩下高端疫苗，是否有人在炒作高端票發國難財，蔡英文應對外說清楚。
費鴻泰指出，台灣已面臨缺水、缺電、缺疫苗、缺工、缺適任的指揮官等「五缺」，誠懇建議拉高防疫層級到總統府，由具備公衛學養且閣揆歷練的副總統賴清德擔任全國防疫指揮官。
國民黨團首席副書記長陳玉珍也說，若面臨封城，不只衛福部協調調度資源，甚至要動用到國軍協助，就需要拉高層級到總統府，讓陳時中專心處理醫療整備。
鄭麗文認為，在無法全民普篩之前，起碼應在雙北盡速廣設快篩站，將重症、輕症、無症狀確診者分艙分流，降低醫護負擔，如今停止外國人入境，集中檢疫所有約4000個床位可配合防疫需求。
陳玉珍另呼籲，勞動部、經濟部應盡速擬定政策補助辦法，讓民眾實際拿到防疫照顧假，企業享有賦稅減免，給予民眾實際誘因，減少人流移動避免疫情擴散。</t>
  </si>
  <si>
    <t xml:space="preserve">美國國會周一同時推動全面性的聯邦政府支出法案與新紓困措施，盼雙重任務能同時達陣，暨達成一項大規模的政府支出協議，避免政府重演關門戲碼，亦為受到疫情重創的國家提供新一輪援助。
兩黨領導人似乎對4月以來首次推出新冠紓困法案的前景感到樂觀，而一個由兩黨議員組成的團體亦提出9080億美元的紓困方案。新一輪援助措施可能附加在重要的聯邦支出法案中，該法案必須在周五前通過，以避免聯邦政府因經費用罄而關門。
美國眾議院議長佩洛西發言人哈米爾表示，佩洛西與財政部長穆努欽周一討論了政府支出法案與新一輪新冠援助措施。佩洛西重申民主黨對共和黨主張提供企業新冠肺炎訴訟之免責保護的擔憂，並表示支出法案中其餘懸而未決的事項可以輕鬆解決。
參議院撥款委員會主席Richard Shelby表示，政府支出法案最快可能周二提出，他希望該法案納入了新冠援助措施。參議院多數黨領袖麥康諾表示，共和黨準備好就新冠肺炎疫情通過一些東西，並呼籲民主黨也這麼做。他表示：「未來幾天將實現兩個成果中的其中一個」。
</t>
  </si>
  <si>
    <t xml:space="preserve">生活中多來點綠色，會帶來更多活力和精采。在全球新冠肺炎疫情燒不停，金門一場以「千篇一綠‧生活中的綠色療癒力」為主題的活動，讓人在緊繃的日常中，感受到一種另類免疫力，獲得頓時紓壓、放鬆的快感。
這場由金門縣身心障礙者福利服務中心主辦，社團法人金門縣康復之友協會承辦，運用公益彩券盈餘的補助舉辦，以平日較少有社交活動的身心障礙者和家屬為對象的活動，期待透過自己動手做園藝，與大自然植栽做朋友，紓解生活中的壓力，也讓照顧者在一盆盆的綠色小世界中，獲得喘息和重拾能量的機會。
主辦單位邀請擁有中華國際人才培訓與發展協會園藝治療師證照，在植物與媒材的結合領域有專業研究的〈植創美學設計工作室〉負責人蔡宜宸老師與大家開講，悉心指導如何在綠色小世界裡，成為一個稱職的「園丁」。
蔡宜宸示範運用繽紛色彩在枯燥的塑膠盆，畫上各種討喜、逗趣的笑臉，透過簡單的穿綁小手、小腳，搭配觀葉植物與多肉植物，釋放出一種來自大自然，讓人賞心悅目，又充滿療癒力的情調。
蔡宜宸說明，她希望透過傳遞手作樂趣給愛植物的人，讓大家在一盆盆綠色小世界中，灌溉和梳理一畝畝心田的過程，得到一種心靈的靜謐和安寧，也讓更多人理解和建立雅致的生活美學，讓每天的日常從一成不變的枯燥乏味，進入更加多彩繽紛的境界。
</t>
  </si>
  <si>
    <t>針對自中國大陸武漢爆發的新型冠狀病毒肺炎(簡稱新冠肺炎，NCP)，為了讓關心的網友能掌握最正確的資訊，美國約翰霍普金斯大學（Johns Hopkins University）推出了蒐集 WHO(世界衛生組織)、美國疾病管制中心(CDC)跟中國國家衛生健康委員會(NHC)等官方所提供的數據，整合的全球肺炎疫情地圖。然而這項資訊可能對於台灣民眾來說，實用性不是很高。為了便利民眾察看目前台灣的疫情，逢甲大學利用相同平台開發出了台灣版「新冠肺炎地圖」，透過圖形化介面，讓你追蹤最新疫情，並且將口罩庫存查詢工具也併入，相當接地氣，實用度超高！
為了便利台灣民眾追蹤在地的新冠肺炎疫情與防疫現況，逢甲大學地理資訊系統研究中心規畫師賴正偉設計出台灣版本的新冠肺炎地圖。點入後就能快速查看台灣目前的確診病例數、累積通報病例，以及已排除病例數等統計資料。並將台灣鄰近國家目前的確診個案數目也清楚列出，不僅可以快速對比，也可以讓民眾對於各國的防疫情況有更全面的了解。
不同於美國約翰霍普金斯大學所製作的全球武漢肺炎地圖，台灣版本的疫情地圖資料來自於衛福部疾管署所發表的資料，並且以全中文化的方式呈現，比起英文版的地圖更易閱讀。此外也加入了PTT 2019-nCoV 武漢肺炎討論專板、特約藥局資源線上查詢平台等資訊，將因為防疫而導入的口罩實名制度(需在健保特約藥局，依身分證字號分流購買)的相關資訊也一併涵蓋進來，整體實用性相當高。有即時掌握台灣防疫現況需求的朋友，都建議可將此地圖連結收藏起來，以便隨時查詢！</t>
  </si>
  <si>
    <t>大陸知名的外賣平台美團點評30日公布最新財報顯示，2019年營收為人民幣（下同）975.29億元，年增49.52％；淨利潤為46.57億元，較2018年同期扭虧為盈。不過，受新冠肺炎疫情影響，預期2020年第一季業績表現恐將面臨衰退。
綜合陸媒報導，美團30日港股盤後公布2019年全年財報，也是2018年赴港上市後的首份年度財報。受惠大陸消費市場的強勁增長動力，美團各項業務保持強勁增長。2019年第四季營收達到281.6億元，年增42.2％；2019年第四季淨利潤為14.6億元，較2018年同期扭虧為盈。美團點評30日股價還不及反映財報表現，收報88港元，跌1.46％。
從各項業務來看，美團的「金雞母」—餐飲外賣在2019年的營收達到548億元，較2018年同期暴增43.8％；餐飲外賣日均交易筆數增長36.4％至2,390萬筆。不過，由於訂單量暴增影響，導致外送員的成本增加，美團的外賣銷售成本在2019年達到446億元，較2018年同期增加了35.7％。
在到店、酒店及旅遊業務方面，美團在這部分業務的營收在2019年達到223億元，年增40.6％；共享單車、網約車等新業務方面，該項業務2019年的營收為204億元，年增81.5％。其中，美團共享單車提高了營運效率，該項業務虧損問題成功在2019年收窄，而公司近期推出的網約車服務，也有助於改善新業務方面的虧損狀況。
美團在財報中表示，新冠肺炎疫情爆發以來已對大陸許多行業造成巨大衝擊，尤其對該公司的餐飲、本地生活服務、酒店業務等日常營造成嚴重影響。無論是在需求端抑或是供應端方面均面臨重大挑戰，恐怕將對2020年第一季業績表現產生壓力，預計2020年第一季的營收將出現衰退及經營虧損。
美團稱，由於疫情仍有高度不確定性，目前無法確定是否會對2020年全年的業績預期表現造成影響。</t>
  </si>
  <si>
    <t>新冠肺炎疫情趨緩，但國際上仍未消停，台灣當前的威脅在境外，但也不可能持續鎖國。中央流行疫情指揮中心專家諮詢小組召集人張上淳表示，未來開放邊境，一定是人家讓台灣進去，台灣也讓人家進來，若能做到相對安心就可以接受開放，鬆綁邊境的過程中，不可能100％不漏接個案，若要做到這種程度，就很難開放。
許多人擔憂秋冬疫情會再度升溫，對此張上淳解釋，秋冬令人憂心的地方在於，有些人體內帶有病毒，但因夏季氣溫高，病毒的傳播力小，到了冬季就會再度活躍起來，造成其他人染疫。
然而，台灣目前社區已經安全，沒有病毒存在，主要的威脅都在境外。張上淳表示，若要擔心第2波疫情，應不會是秋冬傳播力提升所造成的第2波，而是邊境沒守好不小心造成社區傳播的第2波。
張上淳表示，國際疫情持續都有，病毒隨時都有可能進入台灣，但是台灣也不可能永遠鎖國，這樣會造成經濟上的衝擊。若需鬆綁邊境，一定是人家讓台灣進去，台灣也讓人家進來，如果對方的疫情控制的好，沒有本土個案，說不定彼此之間就不需檢疫，但若對方有一點疫情，可能就要要求來台之前先採檢，若能做到相對安心，而非100％安心，基本上就可以接受開放。他也坦言，走向開放的同時，不可能做到100％不漏接任何個案，若要做到這種程度，台灣就很難開放。</t>
  </si>
  <si>
    <t xml:space="preserve">日本政府於周四稍晚公布全國每日新增新冠肺炎感染病例人數，高達980多起病例，為日本政府兩個月前解除緊急事態宣言以來，連續第二天創下高位紀錄。據日本共同社報導，日本在周三新增795名病例，亦超越自四月以來每日新增紀錄。
日本在周四開始連續四天的假期，政府並在周四同步開始施行東京等大城以外的國內旅遊補貼計畫，希望能帶動偏鄉地區知名旅遊景點的內需經濟復甦。
周四在東京地區新報366名新冠病例。在西日本大阪地區則新增104名病例，稍好於前一日的121名。東京並且在截至本周三為止累計新增人數超過一萬人，占日本全國高達三分之一。在東京，有高達60%的感染病患為20歲和30歲兩類青年人，然而衛生專家指出，年齡有向上蔓延的趨勢，40歲和50歲兩類的人數正在增加。
在國內旅遊此機計畫正式上路之際，衛生專家要求民眾盡量減少前往人數激增的地區旅遊，例如愛知縣和福岡縣，而無旅遊補貼的東京和大阪市也儘量避免。
</t>
  </si>
  <si>
    <t>NBA停賽之後衍生了一個罕見的協議，聯盟與球員工會已經同意這段期間不進行藥檢。依照規定，球員每季接受6次尿檢，如果被驗出大麻、類固醇、體能強化藥物、毒品，處罰將從禁賽25場到兩個球季不等。
美媒《雅虎體育》報導，這項協議只是暫時的。估計此舉是減少外界人員與球員的接觸，畢竟在新冠肺炎疫情蔓延時採取體液樣本可能是較敏感的舉動。NBA最近一次(2019年)遭逮的是前溜馬後衛伊凡斯(Tyreke Evans)，他被禁賽兩季。
這項協議是為防疫著想，而不是讓球員趁機享受大麻的。美媒NBC估計聯盟至少50%球員使用過大麻，不過聯盟在球員前兩次被抓到都不會公布(私下處罰)，第3次雖然會公布但不會講明是使用何種藥物，例如伊凡斯被禁賽時就沒有說明是用了哪種藥。
★中時新聞網提醒您：遠離毒品，保護自己！</t>
  </si>
  <si>
    <t>資深媒體人黃暐瀚的母親，這個月5日在台中市南區住家附近遭酒駕美髮師撞上身亡，17日上午原本要舉行公祭，但近來台灣疫情升溫，以防疫優先為考量，家祭不公祭，數十名親友出席，黃盼台灣能夠渡過這次的疫情難關。
黃暐瀚的母親因車禍意外過世後，期間仍有黃的聽眾粉絲到市立殯儀館為黃媽媽上香，但近日台灣本土疫情升溫，黃於15日下午在粉絲專頁宣布取消公祭，當天進行家祭，PO文指稱「追思家母、防疫優先」，希望台灣能夠渡過這次的疫情難關。」。
黃暐瀚的粉絲專業PO文指出，「疫情當前，人人有責」；此刻不是只有搶物資、拚儲糧而已，更重要的是減少出門，減少接觸，做好健康管理，勤洗手、戴口罩、噴酒精。
黃暐瀚續指，「家母自從事故之後，這段期間，受到社會各界的關心與照顧，主動來幫忙誦經的法師，自動到現場獻花上香的民眾，哥哥暐舜與我，銘感五內，難以言喻，面對大家的溫暖，我們兄弟倆，感謝、感恩、感動！」，疫情當頭，逾6萬名網友為其加油，留下數千則留言。
30歲美髮師方兆杰於5日凌晨，駕駛賓士車行經台中市東興路1段與樹義1巷閃燈路口，撞上黃暐瀚的母親後，拖行70公尺身亡。警方追查，方在事發前24小時，在4日凌晨駕駛同輛賓士車，在西屯酒駕遭攔查，酒測值達0.25遭依公共危險罪移送，翌日2度酒駕釀大禍。
★中時新聞網關心您：飲酒過量，有礙健康！
★中時新聞網提醒您：酒後不開車，安全有保障</t>
  </si>
  <si>
    <t xml:space="preserve">聯發科(2454)3月營收重回200億元大關，相較2月大幅成長25.27%，也帶動第一季營收衝上608.63億元，一舉超越財測。
聯發科3月營收228.24億元、月成長25.27%、年成長2.27%，累計第一季營收608.63億元、年增加15.44%，超越財測目標。
聯發科第一季財測，以美金對台幣匯率1比30計算，第一季營收預估在550億~602億元間，季下降7%到15%，年增加4%到14%，營業毛利率預估為42%正負1.5%，含員工分紅之營業費用率預估為34.5%正負2%。
聯發科第一季儘管受到新冠肺炎疫情衝擊，大陸農曆年後延遲復工，加上終端市場緊縮，但聯發科營收依舊繳出不錯的成績單，也超越財測目標，展望後市，目前大陸市場大舉復工，有望支撐聯發科第二季營運表現，惟其餘新興市場依舊多處於鎖國、封城狀況，未來整體市場的回溫速度仍需視疫情的變化。
另外，由於美國加大對華為的禁令，這也使的華為將降低與高通的採購，市場看好，聯發科將可望成為當中受益者，也更有利於聯發科在大陸行動晶片市場的市佔率。
</t>
  </si>
  <si>
    <t>國內疫情嚴峻，北市又以萬華區最為嚴重，網路上不乏對於萬華不友善之指控，有感於此，一名在萬華區土生土長的居酒店老闆娘吐露心聲，眼看萬華成為眾矢之的十分無奈，並表示，萬華是北市對「人」包容度最高的地方，盼望大家能保有同理心。
一間位於萬華的居酒屋老闆娘20日在商家粉絲專頁「家吶子 台式居酒屋 Ka-la̍h-á」發文，娓娓道出萬華疫情爆發後的心情，老闆娘自小在萬華區土生土長，但不知道為什麼，才幾天的時間萬華即淪為眾矢之的，彷彿病毒來自萬華，好像萬華人身上都有病毒般，讓她好無奈。
老闆娘解釋，病毒會自萬華蔓延出去的理由是因為「萬華是台北市最能包容各式各樣人的地方」，老闆娘說，在萬華生活的人在社會中擁有的資源相對少，在這生活能比較自在，萬華地區也有多社工與非營利組織駐點，更有不少在地店家相當關注這類議題，這群人共同向外發揚萬華的好，這次卻被外界套牢負面形象。
老闆娘無奈地說，在病毒面前人人都一樣，萬華區的遊民只是因為沒有家，因而容易被大家欺負與攻擊；也感嘆台灣實在不缺「找人怪罪」，希望大家能多些同理心也少些恐慌。
老闆娘也說，因應疫情居酒屋這幾日都未營業，但她徹徹底底感受到萬華的溫暖，在臉書社團上到處都可以看到網友在募集資源，協助發送給各地的弱勢團體與醫療資源，大喊著，「我愛萬華，我是萬華人，我超驕傲！」
文章曝光後，不少網友看了紛紛寫下鼓勵的留言，「支持你們，萬華加油」、「萬華加油，杜絕帶風向攻擊萬華人」、「人情味的好所在」、「萬華沒有錯，你永遠是我們天龍國不可缺少的一塊拼圖。」</t>
  </si>
  <si>
    <t xml:space="preserve">在新冠肺炎疫情方面，過去台灣因為超前佈署並落實防疫規定，而讓民眾保有高度自由的生活，不料近期本土疫情連環爆，昨甚至一口氣增加7名本土個案，其中6例感染源不明，足跡涉及之處包含新北與宜蘭，讓台灣從零確診優等生一下進入社區感染階段，防疫規定上升到第二級，對此，男星孫協志就在臉書發文，透露前陣子上街，已經一堆人沒戴口罩，直言「防疫成功不代表免疫」，目前能做的只能嚴格要求自己。
台灣連日增加確診人數，人心惶惶，相關部門也傷透腦筋因應，昨(5/11)男星孫協志聞訊後便在臉書發文，表示自己老早就一直在叨念，前些日子台灣防疫確實做得很成功，這都是眾人一起努力才有的成果，「但短期的防疫成功並不代表“已經免疫”啊！」。
防疫其實是一個長期抗戰，孫協志表示如果不能努力地維持、做好自我管理並且保持控管鬆懈，那同樣的事情就會一再發生，除非是全球解禁，不然請大家就是乖乖的：「勤洗手、勤消毒、戴好口罩，聽從所有相關單位的安排，發現問題或懷疑什麼了，就立刻就醫檢查處理，拜託！」。
孫協志直言，對自己嚴格一點，保護；照顧好自己，等同保護別人，無奈之前疫情平緩一些時，就看到一堆人因為熱、不舒服，就沒在戴口罩，「好啊！再繼續這樣下去看看吧！唉」，他甚至還翻出自己4個月前的臉書po文，截圖放在留言區，寫下：「早在一月時我就已經在碎念了，當時就已經一堆人大搖大擺，不戴口罩的在路上閒晃，想要爽一下，那就請自行承擔爽完之後的結果」，當時的發文，根本神預言。
</t>
  </si>
  <si>
    <t>新冠肺炎疫情持續蔓延，先後傳出無症狀病例引發民眾憂慮，台大公衛學院副院長陳秀熙表示，之前從大陸武漢來台的人中，恐有111名潛在感染者是無法從發燒檢疫出來，這些人過去在台期間是否有傳染給他人需要關注，並認為政府應提高防疫警戒線，加嚴篩檢條件，如果將有咳嗽者也進行快篩，可能感染的人就會減少。</t>
  </si>
  <si>
    <t>鑽石公主號新冠疫情肆虐，基隆1名曾接觸郵輪旅客民眾，日前出現呼吸道症狀，懷疑罹病至基隆醫院檢查採樣，幸採驗結果為陰性，觀察無異狀後，近期即可辦理出院，適逢西洋情人節，院長林慶豐帶領醫療團隊治病房外加油打氣，讓病人備感窩心。
新型冠狀病毒（2019-nCoV）延燒，衛福部立基隆醫院指出，院內收治的第10位疑似個案，因1月31日有長時間接觸到鑽石公主號遊輪旅客，後續有呼吸道症狀主動到醫院就醫檢查，目前採檢報告為陰性，再觀察一段時間即可辦理出院。
2月14日適逢情人節，林慶豐帶領護理科及社工室團隊至病房，鼓勵病患一切都會順順利利、平平安安，還送上精神科職能學員親手製作的巧克力及卡片，最後率醫護同仁合唱「感恩的心」一起祝福病人早日康復、平安出院。
「基隆醫院是大家健康的守護神」林慶豐表示，目前在院方照護及檢測下都沒有確診病例發生，醫院除了在大門裝置2座紅外線體溫檢測儀，醫療團隊也提供最好的醫療，請民眾放心就醫，也呼籲民眾勤洗手，進入醫療院所務必佩戴口罩。
衛生局長吳澤誠表示，截至昨天累計通報，本市採驗的疑似案例有30例，其中29例陰性排除，1例一採為陰性，等待二採結果中，另外居家隔離有59人，含括1月31日曾與公主號下船者接觸的2名觀光巴士、52名計程車司機，身體狀況皆穩定，周六清晨可解除隔離。</t>
  </si>
  <si>
    <t xml:space="preserve">截至1日下午為止，國內共累計確診329例確診，5例死亡。外界最擔心的就是其中無旅遊史、找不到明確感染源的本土個案，中央流行疫情指揮中心指揮官陳時中今也點名有5起本土個案關注度、風險較高。他更坦承，曾去過金山、烏來老街的案268、案322的師大學生，這2個案例讓他們有點頭大。
陳時中於今日例行記者會中點名5起本土個案，分別為案100的20多歲女性、案134的30多歲女性、案156的20多歲女性、案268的50多歲男性以及案322的20多歲男性，共同點皆是沒有出國史、也沒有明確接觸史。
陳時中進一步解釋，目前案100、案134、案156的疫調跟相關人員採檢結果都是陰性，但感染源還都沒有辦法查到。不過，案100早在3月8日發生的，已經脫離潛伏期。他說，而案134大概到明天(潛伏期)就到了，案156則是約過了3天，也會到了觀察期結束的時間。
但是，現在仍有2個案例，需要特別觀察。案268這一名50多歲的男工作室負責人，2/29曾去過金山、3/15曾到過烏來老街；另一名則是案322的師大20多歲男學生，3/31確診而且他活動地點，多在宿舍、校園，令人擔憂。陳時中說：「這2個案子讓我們現在頭是比較大的情況，應該其他幾個案子檢查都陰性」
</t>
  </si>
  <si>
    <t>北市副市長蔡炳坤18日指出，北市13天開了47萬劑的醫療量能，中央卻強開60萬個預約量進來，導致分配不均，他19日再轟，中央為搶快會導致地方醫療量能爆掉，造成民怨有何好處？既然沒體諒地方，責任都丟給地方，那中央就自己來打！
蔡炳坤說，中央開太多人預約進來，以為就沒事了，但卻造成北市醫院的醫療量能會吃不消，比如一個診所一天只可打100劑，卻要診所打到200劑，呼籲中央不能為了搶快，要打好打穩，現在重點已不是給的疫苗多少、夠不夠，是量能會爆掉。
蔡炳坤說，中央這波開那麼大的量，後續有沒有想過該怎辦？打疫苗要有計畫性，如今造成民怨，對中央有何好處？民眾預約不到，責任都丟給地方，那既然如此，中央就自己來打、來處理，中央都沒體諒地方，現在AZ第2劑預約才幾小時又滿了，北市下午4時會加開1萬7800劑量，沒預約到的民眾，26日那波還再準備7萬8000劑量。
針對北市議員林穎孟直言，若量能不夠，應考慮開設市長柯文哲原本承諾的其他3個大型接種站，如和平籃球館、台北體育館、小巨蛋。
蔡炳坤回應，和平籃球館、台北體育館、小巨蛋那些場館已在使用中，不能突然下令不能使用，拿出來打疫苗，市府也都有考量到交通及接種年齡、疫苗種類配置的問題。</t>
  </si>
  <si>
    <t xml:space="preserve">台中「紓困九箭」第一箭針對公有市場、公有民營市場、攤販集中區祭出3至5月租金（使用費）8折優惠，總計減免攤商近1,200萬元支出。台中市政府經發局向34個轄管公有零售市場自治會展開滿意度調查，多數皆表達「非常滿意」或「滿意」，經發局將持續加強環境消毒，宣導民眾做好健康管理，放心出外購物。
市府日前祭出「紓困九箭」，全力協助受疫情影響的民間產業，經發局調查第一箭「市場攤商租金8折」滿意度，22個市場自治會除表示「非常滿意」，也提供市府許多回饋，如大雅第一市場就說，這次疫情感受到市府的關心，攤商都非常感謝。
另外，11個表示「滿意」的市場自治會中，神岡市場也認為「紓困九箭」是很好的措施；8處攤販集中區中，則有2處表示「非常滿意」；6處「滿意」；公有民營市場則大致滿意。
經發局指出，儘管滿意度高，但仍有一處市場打了「不滿意」分數，原因是因為，自治會認為租金雖然打8折，但受疫情擴大影響，到現在消費的顧客並未增多，對攤商營業仍有影響。
經發局強調，針對新冠肺炎，各市場皆定期由專業廠商及現場清潔人員進行環境清潔及消毒，市場出入口放置酒精消毒雙手，廁所放置肥皂或洗手乳，並持續督導攤商進行攤位清潔，把不必要的物品撤出市場。
</t>
  </si>
  <si>
    <t xml:space="preserve">中央流行疫情指揮中心今日首度移往屏東舉辦，指揮官陳時中戴著周志浩、莊人祥、羅一鈞等防疫五月天成員同行。對於出訪的感想，五月天成員表示紓壓，墾丁景色很漂亮，但該掌握的資訊還是要掌握。最感動的是，民眾的生活如常，比國外幸運很多。
疫情監測組組長周志浩表示，出來走一走，想法更活潑，雖然出來，該掌握的國內外資訊還是會掌握，鼓勵國人出來走一走，保持社交距離，勤洗手等措施，國內真的很安全；
發言人莊人祥表示，這次到訪墾丁，非常謝謝縣長潘孟安的招待，讓我們更了解墾丁，尤其景色非常漂亮。今早參觀日照中心，是我過去沒有接觸過的業務，看到長輩可以悠活自在地唱歌，表達出非常多的意念，也是以前沒有想過的，也謝謝媒體一路相陪；
醫療應變組副組長羅一鈞表示，這兩天的小確幸旅遊有助於紓壓，國際的疫情、網路爆料都還是要注意和追蹤，我們一邊紓壓一邊收集訊息，最感動的是民眾生活如常，比國外幸運很多，看到這一點比紓壓程度比景色更有意義。
</t>
  </si>
  <si>
    <t>zu Frankreich, Österreich und der Schweiz - Deutschland schließt seine Grenzen! https://t.co/ljBaUcJgmY
新冠肺炎疫情蔓延，德國政府決定，自3月16日早8時起關閉與法國、瑞士和奧地利的邊境。這也是自德國頒布口罩與防護服禁止出口禁令、梅克爾拋出有5,800萬左右德國人可能感染新冠肺炎之驚人預測數字之後，再次有新的防疫政策。
德國上周因為醫療口罩禁出口政策，德國海關就在德瑞邊境扣留一輛貨車，引發了與瑞士之間的摩擦。過了數日，德國總理梅克爾又告訴國會，約有60%－70%，也就是在8,200萬人口中，有5,800萬左右德國人可能感染新冠肺炎。她當時就說德疫情爆發數字的嚴重性，更多活動和大型集會可能取消。據今日頭條引述德國報紙《Bild》15日消息，德國宣布了自3月16日早8時起關閉與法國、瑞士和奧地利的邊境。
越來越多的歐洲國家開始關閉邊界，並且開始停止民航運輸。像是捷克政府宣佈，從周一開始，全面禁止人員流動。丹麥周六下午也關閉了邊界、波蘭周日也將採取同樣措施。
另外，奧地利停止了與義大利之間的鐵路運輸，幾乎完全關閉了兩國邊界。德國在與法國之間的邊界加強邊檢，不過，現加強為關閉邊界。</t>
  </si>
  <si>
    <t xml:space="preserve">前「女F4」成員劉樂妍，近年將事業重心與生活移往中國大陸，之後常在社群發表兩岸相關意見與評論，且不吝公開喊話熱愛祖國，引發兩岸網友議論，而自新冠肺炎爆出後，劉樂妍經常針對防疫發表看法，日前貼文讚嘆大陸超市物資充沛，感恩直呼：「真慶幸我生活在這個國家」。
劉樂妍日前在臉書po文，表示疫情蔓延，全球民眾都在瘋搶，而住在中國大陸的她，分享了進超市採買的步驟，表示雖然要戴口罩、量體溫並刷證件條碼才能入內，「沒個5分鐘進不來」有點麻煩，但走進超市後，馬上不在乎這些。
劉樂妍表示，大陸城市的超市，貨架上的食物應有盡有且是滿滿的，不分鮮食、水果還是泡麵等，「只有你想不到，沒有你買不到」，讓她不僅感謝神明跟祖上保佑，最重要的是，「嘿嘿，我現在也有口罩嘍」，劉樂妍說疫情爆發後，一次性口罩漲成天價，但只要單一個超過3元的她就不要，「我全部都吐他口水，就不買」，而在她的堅持與盡量不出門的原則下，省了大筆「防疫財」，如今還在超市買到口罩，讓她再次疾呼「真慶幸我生活在這個國家」。
</t>
  </si>
  <si>
    <t>全球新冠病毒持續肆虐，防疫成為全民運動！尤其，新冠肺炎是屬於呼吸系統問題，在疫苗發明之前，「防疫」措施不可少，呼吸系統保養千萬要做好。天華生技「金百合滋潤軟糖」及「參蕺茶」是自體空氣清淨機的最好幫手，滋補強身、潤喉保養，讓大家從預防開始做好身體保健。
致力中草藥研發已40年柏諦集團，關注「肺腺癌」與霧霾2.5問題，斥資推動「LACURE計畫」，透過現代醫學的細胞蛋白檢定技術，成功從傳統中草藥中標靶出能抑制「肺腺癌」腫瘤細胞生長的有效成分，並獲得「可用於治療肺腺癌之中葯萃取物CHINESE MEDICINE EXTRACTS FOR TREAT LUNG ADENOCARCINOMA」發明專利。
天華生技的「金百合滋潤軟糖」，含LACURE配方技術專利，生津潤喉清新舒暢，溫和抵擋PM2.5，遠離壞空氣！飲用調身可使用「參蕺茶」，內含魚腥草、刺五加，可生津止渴調節身體機能。
天華生技承襲柏諦集團40年來中草藥、草本研發經驗，生產一系列對人體有益之產品，並且堅持全素食。天華生技獨創優質創新服的共好平台，消費即創業，期望更多人與天華一起經營事業同時也做公益幫助弱勢團體，讓世界更美好。滿足身、心、靈、事業、人際與財富全方位健康平台～天華生技！天華生技客服專線：0800-200-982，天華官方LINE ID：@tenhua。</t>
  </si>
  <si>
    <t>全國疫情未見降溫，究竟三級警戒是否會「二度延長」至6月28日，成為各界關注話題。不過下周就要迎來端午連假了，為防堵病毒流動，各界都呼籲大家這次忍耐一點別返鄉，只是有人配合，也有人認為沒必要，表示只要返鄉過程落實防疫工作，「台鐵也沒停駛，全聯也沒關門，阿到底在怕什麼啦？」
據悉今年端午連假，國道客運截至4日已賣出1.2萬張車票，台鐵售票張數則是從13.6萬遽減至3.3萬張，而高鐵截至今（6）日上午8時，約有5.6萬人訂票，表示有10萬人次將於下周展開移動。
因此，稍早一名網友就在PTT針對此議題發聲，表示返鄉只要戴好口罩、勤洗手、多消毒，其實不用過度擔心染疫問題，況且這幾周市場依舊人滿為患，大眾運輸工具雖然減班次，可仍持續載客，加上三級警戒未限制人民不可跨縣市移動，所以買票返鄉是完全合乎規定的，話鋒一轉，原PO還提到「剛剛發現嘴我要返鄉的朋友，還是去年國外疫情嚴重時逃回來的留學生，根本笑死。」
該文一出，留言區隨即挑起兩派論戰，不少人認為防疫優先，再思念家人也不能返鄉，置親朋好友於染疫風險之中，並表態「為了家人好，是真的不要回去比較好」、「是不會怎麼樣，但是可能帶病毒回去感染家人就是你的千錯萬錯了」、「回去伴手禮是病毒嗎？」、「我是很想回去不敢，家裡都老人」、「你要返鄉就去啊沒人攔你，阿你家人有中就別靠腰」。
至於支持原PO說法的網友則強調，政府沒宣布封城，只是「呼籲」民眾別返鄉，不具強制約束力，所以回不回老家的決定權仍在大家手上，因此表示「全程合法，政府有種就四級」、「返鄉是自由啊，能承擔風險就回去啊」、「能上班不能回家^^」。
無論如何，以防疫角度來看，目前公路總局已緊急取消連假客運85折優惠，希望減少台灣人口流動，而高鐵則針對「尖峰時段載客率超過2成」的車次進行換／退票手續，協助人流分散，又台鐵公布退票率達7成6，預估端午連假售票張數可壓到3萬張以下。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最美魚販」阿澎（劉心語）曾在外科擔任護理師4年多，眼見本土疫情擴大、台北市長柯文哲緊急召集退職醫護支援前線，她義不容辭的加入團隊，昨（1日）是第一天受訓，劉心語在社群平台發文表示：「彷彿回到學生時代，但這次卻是要來打仗的！」
劉心語擁有護理師背景，上月29日面試退職醫護召集令，入選後於1日參加首日受訓，她綁著馬尾、配戴護目鏡及口罩，身穿醫護制服，化身美麗的白衣天使，透露很像回到念書的時候，但這回卻是上戰場打仗，「不只是我們，很多人也都默默付出著。」
同時，劉心語轉述已在前線奮戰的朋友貼文，不捨對方「有3.5小時全副武裝，沒吃沒喝沒上廁所」她向朋友喊話：「真的很心疼，再撐一下…我們來了」並呼籲社會大眾繼續堅持防疫工作，用互助、互愛的方式共同走過疫情。
近日新北市雙和醫院有名確診病患，因忍受不了長期隔離，在病房失控砍傷三名醫護人員，劉心語看到新聞，忍不住轉發工會聲明，「拜託大家不要這樣對待護理人員，疫情當前，每個人都有自己的情緒，但是暴力不能解決問題.....也沒有誰應該承受誰的負能量，大家都是人生父母養，將心比心」她請求大家杜絕醫療暴力，認同醫護人員不該在前線挨刀。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繼「口罩之亂」、「三倍券之亂」後，最近恐又出現「流感疫苗之亂」。公費流感疫苗才開打3天，接種量已逾126萬劑；疫苗非常搶手，台大醫院最先傳出疫苗告罄，各地醫療院所大排長龍，政府主管單位應盡快向國際增購或自產疫苗，以超前部署第二波新冠疫情。
由於全球新冠肺炎疫情未止，秋冬流感季節又將來臨，專家研判，秋冬流感與新冠肺炎恐同時流行，因此各國都嚴陣以待。今年政府採購的流感疫苗量估計可涵蓋25.5%人口數，與去年約600萬劑相同，公費加上自費疫苗量大約800萬劑，預估覆蓋率可達31%，衛生單位評估應可透過群體保護力，降低感染風險。
感染症專家黃立民表示，由於今年疫情緊張，即使是流感疫苗，國際間已買不到疫苗，衛生單位今年一定要「配快一點」。而許多國際研究發現，施打流感疫苗不但可減少流感威脅，也降低已罹患新冠肺炎患者的重症與死亡率。因為在診間，醫生可透過患者是否有施打流感疫苗而快速排除其他可能，確診是否得到新冠肺炎。為了避免新冠肺炎與流感症狀常常難以區分，造成臨床上的判斷困難，透過大規模施打流感疫苗可降低民眾需要被隔離的機會，以及檢疫人員篩檢時的風險。
中央疫情指揮中心專家諮詢小組召集人張上淳指出，如果有接種流感疫苗，接種個案發生新冠肺炎感染時，嚴重度或死亡度會降低，對於發生感染有所幫助，因此希望民眾接種越多越好。根據南半球國家的經驗，他們的流感疫苗接種率沒特別高，但流感發生機率也不高，顯示預防新冠肺炎的措施也預防了流感。
因此在秋冬來臨時，除了疫苗接種外，民眾應繼續維持良好的衛生習慣，以避免病毒傳播。以今年1、2月的台灣經驗來看，去年流感接種率沒有特別高，但到今年3月時我們社區流感發生率幾乎降到非常低，顯示戴口罩、勤洗手的措施發揮了功效。
由於新冠肺炎病毒對於有共病、重症、高齡患者的致死率偏高，因此衛生單位的公費流感疫苗配額應優先針對上述對象施打。同時在國內外新冠疫情可能在秋冬大規模捲土重來之前，政府也應鼓勵民眾針對三高症候群、慢性病等疾病先求醫診治，並維持良好衛生習慣，至人多密集處記得戴上口罩、保持社交距離、勤洗手，常量測體溫，不可因台灣新冠確診個案少就鬆懈，一定要維持防疫新生活，以迎戰第二波的新冠疫情。
（作者為國立台灣大學醫學院名譽教授）</t>
  </si>
  <si>
    <t>新冠肺炎病毒讓巴西傷亡慘重，但巴西總統波索納洛的支持率不減反增，全拜緊急現金補助計畫所賜。
■This emergency funding, which launched in April, has also boosted the popularity of President Jair Bolsonaro to new heights.
儘管新冠肺炎疫情奪走巴西十多萬條人命，總統波索納洛（Jair Bolsonaro）的支持率卻不降反升，巴西政府每個月發放600里耳（約3,190台幣）緊急援助款，幫助人民度過經濟難關，一併讓波索納洛的人氣躥升至新高紀錄。
單親媽媽布拉嘉（Ana Valeria Braga）在疫情期間丟掉工作，每個月600里耳成為她的救命錢。她表示：「這筆錢就像是隧道盡頭的光，讓我能夠支付房租，讓我的兒子不必挨餓。」
月發600里耳現金給貧民
巴西聯邦政府4月開始向貧民發放600里耳現金，金額大約是基本月薪的一半，這項計畫不僅拯救了巴西數千萬名生計因疫情影響的民眾，也連帶將波索納洛的支持率推升至新高水準。
根據Datafolha的7月民調顯示，波索納洛的支持率由6月的32％上升至37％，創下他上任20個月來最高水準，不支持率則由44％大降至34％。雖然波索納洛曾把新冠肺炎稱作「小流感」，但將近半數的民眾表示，巴西新冠肺炎疫情嚴峻不應怪罪波索納洛。
巴西為全球新冠肺炎疫情第三嚴重的國家，確診人數超過454萬，位居全球第三高，死亡人數多達13.6萬人，為全球第二高，僅次於美國。
根據巴西研究機構Getulio Vargas基金會經濟學家奈里（Marcelo Neri）表示，巴西超過6,700萬人每月獲得金額介於113至226美元補助，約占總人口的32％，這項援助計畫推行至8月將花掉國庫380億美元。政府發放現金讓2020年巴西貧民減少21％，或1,310萬人。
現年35歲、住在里約最大貧民窟的西里諾（Elaine Cirino）表示，政府的援助款讓她和四個孩子活下來，「如果波索納洛持續發放現金，我會投票給他。我們這條街的人都支持他。」
50歲的荷西（Luis Jose）表示，疫情重創巴西，但他不怪波索納洛，如果要怪罪任何人，那只能怪自己，新冠肺炎病毒來襲還要去人多的地方。他表示上次大選沒有投給波索納洛，「如果波索納洛能著手解決社會問題，我會支持他。」
外界擔心經濟進一步惡化
波索納洛發現金也不是人人都買帳，50歲的費雷拉（Catia Maria Pontes Ferreira）就不相信政府，她認為波索納洛是為了選票才幫助窮人。她說：「波索納洛政府讓我感到很擔心，我們的生命都握在他的手中。他不會免費為我們做任何事。」
波索納洛支持率躥揚的代價高昂，緊急援助計畫讓巴西的公共支出急速膨脹，巴西正努力由2015年至2016年的經濟衰退復元，外界擔心政府支出激增恐讓經濟進一步惡化。專家警告，巴西可能瀕臨財政危機邊緣。
巴西政府9月將緊急援助計畫延長至2020年底，但規模縮水一半，可能讓波索納洛的支持度下滑。巴西伯南布哥聯邦大學經濟學教授科斯塔（Ecio Costa）表示：「發放現金肯定能創造政治效益，凡是能讓人民脫離苦難的人，就能獲得民眾支持，但背後的財政成本不容忽視。」</t>
  </si>
  <si>
    <t xml:space="preserve">德國的新冠狀病毒傳染率已激升至2.88，突破重要的感染指標，意味著該國恐需要更長時間才能遏阻疫情。
德國負責疾病防控的羅伯特·科赫研究所（Robert Koch Institute,RKI）周日公布，新冠狀病毒傳染率達到2.88，較上周六的1.79與上周五的1.06大幅升高。如果要逐漸控制住疫情擴散，該傳染率必須小於1。基於7天平均值，德國的傳染率已躍升至2.03。
在歐洲，德國是公認防控疫情的成功典範，但如今疫情急速回升，最近德國當局已開始要求警方執行隔離措施。在北萊茵－威斯伐倫邦（North Rhine-Westphalia）的肉品加工廠Toennies爆發重大群聚感染，已有超過1000名員工確診。另外在哥廷根市（Goettingen）亦爆發社區感染，有700名住戶必須進行隔離，但其中有200人試圖離開隔離區，因此與警方爆發激烈衝突。
RKI表示，療養院和醫院、庇護與難民機構、肉品加工廠與物流公司、季節性採收工人，以及宗教活動與家庭聚會都出現了群聚感染。截至目前為止，德國總確診數達到18萬9,822人，共8,882人死於新冠肺炎。
</t>
  </si>
  <si>
    <t>中央流行疫情指揮中心日前宣布，全國進入第三級防疫警戒至5月28日，基隆市長林右昌今早表示，目前有許多確診者不知去向、感染源不明等狀況，向中央喊話，建議全國三級警戒延長2周。
林右昌指出，主要有「三個不明，兩大穩定」的考量，他說，現階段有許多確診者去向不明、感染源不明，加上首都圈外擴散狀況不明，另外，是校園、疫情需要穩定，現在有許多學生確診，若貿然、倉促復課，老師和家長都沒有辦法安心，校園恐怕會成爲新的壓力破口，地方政府也疲於奔命。
林右昌進一步說明，6月12日是端午連假，此時若民眾鬆懈，盡管這2周嚴格防疫，仍會前功盡棄，他強調，本土疫情爆發以來，台灣民眾都很自律，中央、地方政府大家也都很努力，但是目前真的沒有鬆懈的本錢。
林右昌說，他強烈建議中央，全國三級警戒再延長2周，但無論中央最後的決定如何，都會予以尊重，但希望盡早確定宣佈，別讓大家措手不及。</t>
  </si>
  <si>
    <t>新冠肺炎疫情升溫，高雄巿議會27日宣布，為加強防疫，取消歲末聯誼、元宵與新春團拜等活動，議長曾麗燕和副議長陸淑美要求市府落實防疫措施，並呼籲市民加強春節防疫。
高雄巿議會原訂2月1日舉辦歲末聯誼，向來是議員與員工交流的重要時刻，歷年從未因故取消，為落實防疫政策，在議長曾麗燕和副議長陸淑美研議後，決定取消。
一併取消的還有依往例舉行的元宵及新春團拜，因桃園疫情牽動各縣市防疫，曾麗燕和陸淑美也要求市府做好春節防疫，並呼籲市民、返鄉過節民眾及觀光旅客遵守中央疫情指揮中心規定。</t>
  </si>
  <si>
    <t>新北市22日再傳出1起確診者死亡案例，1名66歲婦人20日因不明原因喘不過氣，送醫救治後仍在昨日中午逝世，院方進一步採驗，驗出死者是新冠肺炎陽性患者，死者女兒也隨之被要求居家隔離，連見媽媽最後一面都不行，令人鼻酸。
新北市衛生局表示，相關疫情資訊以指揮中心公布為主。加計昨天疫情中心公布的80多歲及70多歲兩名男子死亡後才確診案例，昨天1天就添3名亡魂。
死者女兒說，媽媽15日因身體不舒服曾到診所就醫，未驗出確診，20日突然喘不過氣緊急送醫，先送往板橋亞東醫院插管治療，因情況未好轉，再轉往中和區雙和醫院救治，22日中午在院內過世，院方採檢後確認為新冠肺炎患者。
由於根據現行規定，新冠肺炎患者死亡後，需在24小時內通報火化或深埋，如今死者女兒被居家隔離，不僅無法與媽媽見最後一面，連上個香、出席告別式都不行。
新北議員林國春表示，接獲死者女兒陳情，由於她曾與確診的媽媽有接觸，染疫風險很高，想前往醫院採檢確認是否染疫，卻因居家隔離不得外出，打了很多遍1922也沒人接，不知如何是好。
「類似狀況很多，早就不是第1件。」林國春說，確診者家屬被感染風險最高，往往因被匡列居家隔離，連篩檢都不行，可見確診黑數還很多，他建議相關單位設置「確診者家屬專用的篩檢站」，把醫療資源用在刀口上。
疫情中心昨公布2名死亡案例，分別為案3097的80多歲男子及案3553的70多歲男子。案3097死亡後確診，家人曾表示無萬華區活動史，亦無接觸確診個案，但指揮中心發言人莊人祥透露，該男子是旅遊團成員，目前這台遊覽車有13人確診；另案3553曾接觸過確診者，5月18日匡列為居家隔離，電訪時自述無症狀，5月19日至醫院採檢，5月21日家人發現無呼吸心跳，當日便宣告死亡，採檢後確診。</t>
  </si>
  <si>
    <t>又一名人染上新冠肺炎！俄羅斯總理米舒斯京（Mikhail Mishustin）30日證實自己罹患新冠肺炎，他已將此事報告總統普丁，他將自我隔離以保護其他內閣成員，目前俄羅斯副總理職務由第一副總理代理。
綜合媒體報導，俄羅斯總理米舒斯京染上新冠肺炎，他將自我隔離。另米舒斯京建議委任俄羅斯第一副總理別洛烏索夫（Andrey Belousov）暫時代理總理職務，此事也獲得普丁同意。
目前俄羅斯境內通報10萬6498起新冠肺炎確診病例，有1073人因而死亡。其中首都莫斯科市累計確診病例達53739例，為全俄羅斯疫情最嚴重的地區。</t>
  </si>
  <si>
    <t>花蓮連續5天0確診破功，今天一口氣增加7例，主要為家庭群聚染疫，一名有煙癮的50多歲男子上月17日從桃園觀音工班返花後即出現輕微症狀，直到本月8日症狀持續惡化，前往醫院篩檢才確診，其妻子、兒子及岳父家共6人連帶染疫。花蓮縣政府表示，該工班當時有人確診，桃園工人有接獲匡列通知，個案因返花，沒有收到通知，因此呼籲民眾返花後請務必向衛生局預約快篩。
花蓮縣衛生局長朱家祥表示，案12137是名從事水泥工的男性，上月15日和老闆到桃園觀音某工地工作，17日返花蓮後即出現咳嗽症狀，原以為是抽煙引起，不以為意，17至22日期間仍在新城鄉仁愛路某工地繼續工作，不過症狀持續惡化，22日到診所就醫拿藥後返家，直到本月8日身體喘不過去，妻子及兒子陪同前往門諾醫院快篩確診，症狀每況欲下，門諾醫院立即給予插管治療，並緊急轉送到慈濟醫院診察治療，不過目前狀況不太好。
案12138、案12139分別為案12137的妻子及兒子，朱說，太太為一名50多歲的家庭主婦，除了陪同先生和兒子前往診所就醫外，平時會去重慶市場、7-11豐川門市、梅珍香食品行等處採買食物，也會去娘家照顧失智的父親，上月24日出現咳嗽、手腳痠痛等症狀，因2、3天後症狀消失，沒太在意；30多歲的兒子則自述是宅男，已7、8年無業，偶爾陪母親出門， 上月22日出現喉嚨痛、發燒現象，有到診所就醫，藥物雖無改善症狀，卻還是待在家中，與母親在本月8日陪同父親醫院時，一併篩檢後確診。
案12297、12298、12299、12300，分別為案12138的家人，朱家祥說，案12138確診後，隨即被匡列，不過案12300為案12138高齡81多歲的父親，有許多慢性病，如高血壓、慢性肺阻塞等，由於失智，平常需要製氧機供應氧氣，40餘歲的兒子、女兒及18歲的孫子都會探望他，家族進而相繼確診，目前皆僅有輕微呼吸道症狀，健康狀況良好。
由於，個案染疫父子因身體不適，曾分別前往診所就醫，父親從外地返鄉，卻沒有通報篩檢，基層診所是否缺乏警覺，朱家祥仍相信當時的當診醫師一定有做好最適合的評估 ，不過醫療上最怕事後諸葛，仍呼籲基層診所需做好第一道的防線。
另外，今天一早有民眾發現許多警察紛紛前往市衛生所前的快篩站進行篩檢，縣警局長蔡丁賢說，7日上午8點半許，花蓮分局豐川派出所所長帶著同仁巡邏，路上見到一名81歲的失智長者，因此協助他返家，今天衛生局通知這名長者為確診者，相關的4名同仁趕緊前往篩檢，目前皆呈陰性，無需匡列，不過仍要求他們進行自主健康管理，而車輛皆有進行深入的消毒作業。
★吸菸有害健康 中時新聞網關心您！戒菸專線：0800-636363</t>
  </si>
  <si>
    <t>63歲鄭姓婦女今年5月入境，但首晚就離開檢疫地點，遭裁罰10萬元。鄭女直到9月9日要返回美國探望生病的孫子，才發現自己因未繳清罰緩被境管。鄭雖然頻頻抱怨，不過11日就繳清罰鍰，解除境管。
行政執行署桃園分署表示，鄭姓女子，5月2日自美國入境，應實施居家檢疫至5月17日解除，惟鄭女第1晚即搭車擅離居家檢疫地點逾1小時，經員警查獲，移由台北市政府衛生局裁罰10萬元，裁處書於5月28日合法送達鄭女，但鄭未於7日內繳納罰鍰，案經移送機關於6月22日移送桃園分署執行。
桃園分署受理後，僅扣得其存款1000餘元，調查發現鄭女早於2011年間即經戶政機關註記「遷出國外」，其出國已逾10年，應早已定居美國，今年突然返國，隨時有離境返美之可能，即先行報請法務部行政執行署同意後，依法限制其出境、出海。
鄭女9月9日至桃園機場準備搭機返回美國，經移民署告知已遭桃園分署限制出境，當場在機場致電書記官，連珠炮痛批政府，並抱怨她想回美國探視生病的孫子，為何被限制出境等。經書記官委婉告知，如不服處分，得依規定提起訴願，但要繳清罰鍰始得解除出境之限制。鄭女終於9月11日繳清罰鍰，並立即致電書記官要求解除其出境、出海之限制。</t>
  </si>
  <si>
    <t>印度變異株（Delta）侵入社區，釀成新北幼兒園及大樓群聚。中華民國防疫學會榮譽理事長王任賢表示，面對Delta來襲，政策上必須封鎖、開放並行，邊境要嚴管，但不需跟進加碼至21天，而是搭配多層次篩查，要求入境天天採檢。境內則是要嚴打，除了篩查，也應比照屏東緊急接種疫苗，如此一來即便再忙，14天後疫苗的效果就會出現，呼籲中央給予協助，若疫苗給新北不如屏東那麼「阿莎力」，這就不對了。
國政基金會今舉辦《新冠肺炎疫苗發展的瓶頸及解決之道（十五）－防疫破口Delta入侵、如何超前部署減少死傷》座談會，由永續發展組召集人陳宜民主持，並邀請王任賢等專家參與討論。
面對Delta疫情，王任賢表示，如今的社會已經改變，從彭博「全球防疫韌性排名」評鑑可看出，社會已經不能再搞封鎖，而是應該封鎖與開放並行。某些國家鑑於Delta疫情，加強入境檢疫至21天，但他認為「加碼誰不會做？」，開放是個擋不了的趨勢，因此這項措施也跟進不了。
王任賢認為，因應Delta的重點在於「邊境嚴管、境內嚴打」。目前唯一可以阻擋Delta擴散地方只有負壓隔離病房，但我們沒辦法做，因此邊境上要做的是及早偵測，即透過多層次篩查，達到類似「電子腳鐐」的效果，要求入境者天天篩檢，一旦發現陽性就立刻治療；至於境內嚴打，為避免疫情擴大，接觸者是最需要被保護的一群，必須要被廣匡並投注資源，有藥物給藥物、有疫苗給疫苗、有篩查給篩查。
以經歷過Delta疫情的屏東為例，確診案例集中的楓港、善餘2村，曾獲中央同意優先撥補疫苗，PCR檢測陰性就可前往施打。王任賢表示，屏東推動緊急疫苗接種，雖然效果不是立即的，但是保護力仍會在14天後出來，即便再忙，也就忙碌14天。
王任賢表示，篩查與疫苗是境內嚴打的2根打狗棒，篩查地方政府可以自己做，但疫苗卻需要中央撥補，若中央給給屏東疫苗給的很「阿莎力」，給新北卻「不阿莎力」，這就不對了，呼籲中央給予協助。</t>
  </si>
  <si>
    <t>環南市場爆發41人群聚，經統計確診者的Ct值分佈，發現當中有12人Ct值已達30以上，另有16人介於15-20之間。指揮中心不排除近期會繼續檢出新個案，呼籲工作人員、外包人員、攤商等先勿移動。對於7月12日以後，幼兒園、安親班有無機會恢復，指揮官陳時中表示，還是要集中精神，等市場群聚告一段落，否則大家一定不會安心，開了也沒人敢行動。
陳時中說，昨日北市大型篩檢發現很多個案，有40例新個案，加1例舊案，新個案不包含在今日公布個案中。目前採檢還在持續進行中，不排除繼續檢出新個案，提醒環南市場相關工作、外包人員、攤商等暫勿移動，配合匡列、採檢等安排。
由於市場是計畫性篩檢，陳時中表示，確診的41人大部分都是無症狀感染者。醫療應變組副組長羅一鈞說，還不能給明確數字，要等疫調結果。指揮中心有針對Ct值分佈做表格，30以上的，41人中有12人，其他的都是30以下，其中15-20之間有16人，傳染力偏高的比例不是很低。
針對市場的感染源，陳時中表示，還需要更多證據才能判定，目前已經指定醫療應變組副組長王必勝前往現場，相關的疫調人員、防疫醫師也會一起工作。對於環南市場需停業3天，農委會已對外報告，相關的物資會有適當的安排，民生物資的供應仍然沒有問題。
對於台北市長柯文哲採取第1圈快篩、第2圈疫苗、第3圈擴大篩檢的做法，陳時中表示，沒有絕對的對和錯，快是一件很重要的事情，這也是為什麼要成立「聯合前進指揮所」。先快篩後PCR的作法，除非是在社區篩檢，否則我們比較主張，面對目的性的篩檢，直接以大規模的PCR採檢篩檢完。他也呼籲民眾配合採檢，才能達到好的篩檢率，把可能的病人找出來。
「聯合前進指揮所」成立後，外界好奇是誰聽誰指揮？陳時中表示，指揮中心成立期間，一切以中央指示為主，但是指揮所以合作為主，若有歧異可以到指揮中心決議。
陳時中表示，整體而言，要把採檢做確實，昨日亞東醫院、北榮都完成2600人以上的PCR採檢。採檢速度快，能趕快把感染者找出，做好疫調、隔離，試著把疫情控制到最小。病毒不分身分別，都要找出來，甚至顧客也要去找，面對問題才是重要的事。
對於7月12日以後，幼兒園、安親班有無機會恢復？陳時中表示，我們都在長期做準備，在一般的時候做好管理，包括人員的健康監測、有確診案例時的自主行動，都是要來做的。至於何時要開，要看看疫情的情況，今日爆出市場的群聚事件，還是要集中精神，把事情告一段落，否則大家一定不會安心，開了也沒有人敢行動，會研判疫情的情勢做出決策。
至於何時才會公布餐飲指引，供未來解封做準備，陳時中表示，要等到大家心情穩定的時候，才做餐飲指引的公布，我們也準備的差不多了，不過現在時機不對，要先面對疫情。現在開始要把腳步加快，把疫情匡住。</t>
  </si>
  <si>
    <t>高雄科工館生活圈躍升房市戰區，包括城揚建設、隆大營建、遠雄、永信集團等建商都積極搶進，使得該區周邊新成屋和預售建案至少16個，每坪售價約25到30萬元；此次皇普建設加入戰局推出「摩天100」建案，成為重返高雄首案。
皇普建設董事長蘇永平27日南下主持「摩天100」公開儀式，對於此次新冠肺炎疫情與房市變化，蘇永平認為，跟SARS的時空背景完全不同，SARS發生的2003年，是建商歷經金融風暴後的沈澱階段，而新冠肺炎爆發之際，正是建商歷經10年房市多頭、口袋滿滿的時候，不太可能出現殺價競爭。
更何況，未來的房市，台商將是最大的希望族群之一，蘇永平表示，疫情將更加深百萬台商返台投資和購屋的決心，如果加上越來越多的香港消費者，國內房市將是樂觀的。他說，「摩天100」是皇普重返高雄房市的第一個建案，今年3月將動工，預定2022年第3季完工交屋，目前正在尋找適合的建地，未來將繼續耕耘高雄房地產市場。
上揚國際建築團隊總經理施棟瀝指出，根據市調資料顯示，高雄科工館生活圈已躍升高雄房市熱區，包括新成屋、預售案及準備進場的個案至少16個，平均每坪售價在25萬元到30萬元之間。他表示，高雄鐵路地下化後，科工館站成為台鐵科工館站、輕軌科工館站、及高雄捷運橘線O8五塊厝站的「三捷交會」處，交通機能吸引購屋族青睞。
蘇永平表示，新經營團隊在接手兩年多內推出六案共220億，今年可望虧轉盈。昨天皇普也公布2019年財報，全年淨損9,424萬，每股稅後虧損0.38元。</t>
  </si>
  <si>
    <t>根據《環球網》引述《彭博社》消息指出，一艘載有1200名乘客的德國郵輪「Aida Aura」，在挪威的Haugesund（豪格松）港接受整體檢疫隔離。
此前，該郵輪上兩名乘客進行了新型冠狀病毒檢測，目前正在等待檢測結果。其他大約1200名乘客則留在船上，未被允許下船。
根據「The Local」報導，當地醫師指出，郵輪上有2名乘客被懷疑可能感染新冠肺炎，因此要求醫師進行檢疫，檢體送到位於挪威卑爾根的豪格松醫學院檢驗。
報導說，這兩名疑似病例都是德國人，曾於1周前接觸另一名德國人，而後者經過採驗證實為陽性。
德國目前有196人確診，無人死亡；挪威有32人確診，亦無人死亡。</t>
  </si>
  <si>
    <t>根據國際半導體產業協會（SEMI）最新統計，2020年全球半導體製造設備市場大幅成長19％，銷售總額由2019年的597.5億美元攀至2020年的711.9億美元，並創下歷史新高紀錄。今年受惠於全球半導體廠大舉拉高資本支出並擴大投資，業界預估2021年全球半導體製造設備市場將挑戰800億美元續創新高，SEMI預期台灣今年將重回全球最大半導體設備市場。
SEMI認為在半導體產能嚴重供不應求，且業者大動作投資擴產的情況下，未來幾年將是半導體設備市場的超級循環周期（super cycle）。法人表示，包括極紫外光（EUV）光罩載具供應商家登、廠務工程及EUV設備模組代工廠帆宣、廠務工程業者漢唐及信紘科、封裝及濕製程設備廠弘塑、蝕刻及薄膜設備代工廠京鼎等資本支出概念股將直接受惠，而且疫情將讓台積電加快採用在地供應鏈，資本支出概念股營運一路看旺到明年。
根據SEMI統計，中國首次成為半導體設備年度銷售金額最大市場，銷售額年增39％達187.2億美元。台灣則以171.5億美元市場規模緊追在後並位居第二，銷售額在2019年大幅增長後，2020年約略持平。韓國大幅成長61％達160.8億美元，繼續位居第三大市場。日本和歐洲兩大地區走出2019年頹勢持續復甦，年度支出各有21％及16％的增長。北美則是連3年正成長後，2020年銷售首度出現下滑20％達65.3億美元。
SEMI表示，2020年全球晶圓製程設備銷售額上升19％，其他前段設備銷售額則有4％的小幅增長。封裝設備在各地區均出現強勁增長的推波助瀾下，2020年市場躍升幅度達34％，測試設備總銷售也有20％的成長。
SEMI全球行銷長暨台灣區總裁曹世綸表示，展望2021年，隨著許多半導體製造商在今年初陸續發布的新計畫持續強化投資，看好全球半導體設備市場將在未來持續創下新高。新冠肺炎疫情帶動數位轉型持續加速，曹世綸看好5G、資料中心、人工智慧（AI）及高效能運算（HPC）等應用，將持續為半導體產業注入成長動能。業界預估，全球半導體設備市場2021年有機會加速成長並突破800億美元，再創歷史新高紀錄，且因為台積電資本支出創下新高，SEMI預期台灣今年將重回全球最大半導體設備市場。</t>
  </si>
  <si>
    <t>新冠肺炎疫情在全球燃燒，各界關注哪時可以研發出國產疫苗或取得外國疫苗，衛福部長陳時中透露，我國已於9月18日與國際平台「COVID-19 疫苗全球取得機制」（COVAX）。對此，宅神朱學恒分析，目前疫苗訂價和數量已成為外交角力的籌碼，「台灣還是要靠自己比較安全」。
朱學恒今(25日)在臉書上分享了一篇BBC關於全世界新冠疫苗定價的報導，並表示，疫苗定價和數量已經成為外交和國際角力的重要籌碼了，台灣還是要靠自己比較安全，只是台灣本土疫苗進度實在不太確定。
網友們也留言回應，「疫苗不能開玩笑的，要先求好（穩定），才能求量產的，否則輕者傷殘，重者死亡」、「台灣生技公司只會藉新聞炒股，真要自己做量產疫苗，還真的不大可靠」、「台灣要出國才會確診！國內很安全」。
衛福部長陳時中今表示，我國9月18日已經跟COVAX簽約，預計10月初會付訂金。對於大概要何時才能取得疫苗，陳時中則說，確定時程COVAX也不知道，但他對公平分配疫苗有信心。
至於國產疫苗何時出爐，陳時中指出，目前已進入第1期臨床試驗，若順利的話，希望在明年第2季，也就是5、6月能提供國產疫苗。</t>
  </si>
  <si>
    <t>台北市部署數家加強版防疫專責旅館，收治輕症、無症狀確診者，近日屢傳高齡病患猝死在房間，還有70歲患者反應，很久都沒醫師看診、給藥，讓外界關心醫護負擔是否太重？台北市長柯文哲說，未來60歲以上患者都會配戴血氧監視器，1天要求視訊、電訪數次，建立起關懷的SOP，相信服務品質會慢慢改善。
繼台北凱撒飯店6旬女子猝死後，近日又有旅館傳出50歲確診男子猝死，還有住在加強版專責旅館的70歲患者反應，等很久卻盼無醫師看診、給藥，病況越來越嚴重，讓外界關心旅館內醫護是否負擔太重，若有緊急情況怎麼處理。
柯文哲指出，未來將規定60歲以上患者要配血氧監視器，會討論一天量幾次，不要病情直轉直下都不知道，會慢慢把防疫旅館醫護人力充實，看是要一天至少視訊、電訪幾次，並測量呼吸、心跳、血壓、血氧飽和度等數值。
柯文哲說，由於疫情來得又急又快，一開始設立都會手忙腳亂，先求有再求好，目前SOP已經慢慢建立，服務品質會慢慢改善，期望大眾再給市府一禮拜時間。</t>
  </si>
  <si>
    <t>在新冠肺炎擾亂全球經濟後，美國聯準會(Fed)近期突然降息二碼，讓全球股債匯市場震盪不已。看到今年來有多國陸續降息，以資金提供市場支撐，然經濟發展受到新冠疫情的波折未定，施羅德投信預期，今年第一季甚或至第二季，投資人都應該為逆風環境作準備，不妨以主要投資於高評級債券的環球型收息債券基金為投資組合的核心，不管是追求收益、或者是因應風險，相信會是不錯的投資策略。
美國聯準會(Fed)於3月3日緊急降息二碼，使得聯邦基金利率已降至1～1.25％區間，美國10年期公債殖利率首次低於1％，創下歷史新低的0.906％，但之後美股指數先漲後跌，上沖下洗，也影響其他國家市場震盪加劇。
不只美國，回顧年初至今全球主要國家的利率政策，多國紛紛降息。在3月3日同一天，即有澳洲、馬來西亞同樣降息一碼，而在二月，也有多國新興市場，如巴西、俄羅斯等也都降息一碼，原因雖與新冠疫情無關，但顯見許多國家持續採寬鬆政策，以此支撐經濟表現。
針對美國，施羅德首席經濟學家Keith Wade認為，就目前的經濟商業調查結果顯示，由於大陸需求疲弱和供應鏈中斷，引發經濟活動減緩；但美國的經濟活動尚未因此而崩潰。然而，美國聯準會(Fed)採取緊急降息行動，雖然有助於支撐經濟，但也可能會加劇人們對疫情的恐慌情緒。
至於其他新興國家，施羅德新興市場經濟學家Craig Botham分析，過去2年對新興市場而言，相當重要的關鍵因素便是通膨下滑，且幾乎降至已開發市場的水準，也讓許多新興國家在2019年可以大幅度降息，且持續至今。從過去經驗看到，當通膨開始走跌時，將有助於新興市場央行取得更大的政策空間，並能刺激新興市場固定收益資產出現更好的報酬。
施羅德投信表示，整體而言，市場的動盪和通膨維持低點，都讓許多國家依舊採取寬鬆政策，而在目前環境中，是布局高評級債券的良機。
施羅德環球收息債券基金經理人Patrick Vogel表示，信用市場對新冠疫情的反應，相對股市投資人而言已冷靜許多，但仍有負面反應。信用市場上，目前看到統計至二月底，對利差較敏感的債券種類表現較差，例如信評較低的高收益債、表現落後投資等級債；BBB級表現也較AA級為差，循環性產業的債券表現、表現也落後於與景氣波動關聯性較低的防禦性產業；次順位債的表現，也不如擁有優先償債權和擔保品特性的主順位債券。
且除了疫情可能擴散和惡化的影響外，Patrick Vogel認為，整體信用市場在全球景氣循環處於末升段下，景氣敏感型產業的債信，較難以出現持續性的強勁漲勢。因此建議投資人，在當前市場波動加大下，投資組合配置持續採取高防禦性的調整。
以施羅德環球收息債券基金為例，大幅降低高收益債和景氣敏感產業的部位，偏好主順位金融債，也認為新興市場債仍有許多潛在的投資機會。另外，在此波動環境中，經理團隊將利用目前市場的錯價來逐漸調整投資部位，積極尋求成長契機。</t>
  </si>
  <si>
    <t>溪湖葡萄家族超強傳播力，驚傳溪湖某里長確診，縣府緊急在社區內宮廟設置臨時快篩站，急尋篩檢對象，並呼籲曾經在當地宮廟及社區活動中心活動過的民眾，盡速到快篩站篩檢，從19日開始上午8點半開始，一直到下午5點，分流請不同年齡層的民眾到此篩檢。
彰化縣新冠肺炎疫情急遽升溫，嚴峻程度直逼雙北，18日縣府緊急說明宣布，溪湖葡萄盤商群聚傳播鏈再新增22人確診，溪湖淪為重災區，晚間傳出某里長也是歌唱班一員，採檢確診，目前已被收治隔離。
由於里長十分熱心，在社區活動中心開辦多項活動與服務，衛生局不敢大意，直接派出篩檢車與採檢人員進駐活動中心設站，19日一早行動快篩站啟動，急叩里民前來採檢。
而歌友會確診22人中，多數CT值都是在20以下，病毒傳播力強，歌唱班歌友們活動範圍廣，遍布溪湖、埔心、永靖等等，目前縣府緊急進行全縣大消毒，但可能為時已晚，就算現在緊急設置篩檢站，恐怕病毒早已經散播出去。
從彰化縣流行疫情指揮中心公告來看，急尋篩檢的對象包含曾經參與過該里宮廟、及到過社區活動中心的任何活動者，篩檢採取年齡分流方式，上午8點30至10點30分為60歲以上，10點30至12點為50至60歲，下午1點至3點為40至50歲，下午3點至5點則是40歲以下。</t>
  </si>
  <si>
    <t xml:space="preserve">
在新冠肺炎疫情的侵襲下，北市許多餐廳陸續傳出暫停營業，但在台北市屹立不搖33年的「頂上魚翅」卻也吹起熄燈號，本刊記者前往位在新生南路、仁愛路口的店面，卻看到曾經門庭若市的「頂上魚翅」拉下大門，門口貼了顯眼的字條「本公司因物料短缺，自即日起結束營業」。
在台北市有三大魚翅餐廳頂上魚翅、新同樂、吉品；其中新同樂的名氣以及歷史最悠久，許多演藝圈、建築業以及金融圈人士都會到此用餐，但在2005年時卻驚傳歇業，老員工找到金主又另起爐灶，創立吉品魚翅海鮮餐廳。
不過其中最有故事的還是創立於1987年「頂上魚翅」，在當年每到入夜頂上魚翅的附近就停滿了雙B黑頭車以及許多小弟在門口等著用餐的大哥，除了黑道外，前立法院長王金平以及退居幕後的前國民黨主席吳伯雄、前副總統連戰等都曾是頂上魚翅的座上賓，甚至黑白兩道喬事情都會來到頂上魚翅。
而創立頂上魚翅的正是人稱「三哥」的林輝雄以及「四哥」林文斌，而頂上單人份的魚翅就要價3000多元，即使是炒飯每份也要900元，在當年頂上每天的收入就將近200萬元，不過林輝雄後來移民新加坡後，頂上就由侄子李明憲經營，也因台灣人的環保意識崛起生意慢慢下滑。
而在14日頂上魚翅卻在門口貼出結束營業的公告，寫道「本公司因物料短缺，自即日起結束營業」，見證台灣錢淹腳目的「頂上魚翅」正式走入歷史。
</t>
  </si>
  <si>
    <t xml:space="preserve">隨著新冠肺炎疫情延燒，消毒抗菌等防疫產品也變得炙手可熱、人人搶購。最近有不少新聞指出，部分精油似乎也有消毒抗菌的效果，甚至有人將精油與紅標米酒混合製成酒精噴霧來使用。但也有皮膚科醫師表示，這個方法不僅無效且可能刺激肌膚，到底精油能不能消毒防疫呢？
根據2013年澳洲格里菲斯大學（Griffith University）的研究，發現茶樹油、桉樹（尤加利樹）油，具抵抗A型流感病毒的作用，而且研究指出，只要5～15分鐘就能讓95％的病毒失去活性；另外，2018年韓國光州女子大學的一項研究也發現，在62種精油中，至少有11種有抗A型流感病毒的效果，能讓病毒活性降低30％以上。所以，精油真的有抗菌或抗病毒的效果嗎？
美之道皮膚科診所院長邱品齊表示，過去的確有不少研究顯示，某些精油對消毒抗菌有幫助，但始終是實驗狀態下得到的結果，例如研究可能是在密閉容器中噴灑精油噴霧，再測量容器中殘留的病毒活性等，「這是針對特定情況所得到的結果，且很多研究也不是針對冠狀病毒來實驗，若是用於不同環境，或是針對這次新冠肺炎的新型冠狀病毒，精油是否有效都還有待研究證明」，邱品齊說。
台北醫學大學護理學博士、同時也是芳療師的許藍方則表示，部分精油的確有「抑菌、抑病毒」的效果，也就是能抑制細菌或病毒生長，但並不等於能「殺菌殺毒」，真正能達到徹底殺菌、消毒功能的，還是要靠如濃度介於70～78％的酒精等物品才有用，「精油只能算是一種輔助，除了有助抑制細菌和病毒，精油也有強化免疫、安撫情緒、紓壓放鬆的效果，但提醒大家還是不能本末倒置」，許藍方說。
由於酒精搶手難買到，有人異想天開，把精油和紅標米酒混合製成酒精噴霧來使用，但米酒能取代酒精做成消毒噴霧嗎？許藍方說，市售米酒濃度大多只有2、30度左右，和牛奶一樣頂多作為媒介來幫助精油與水融合，但濃度不足，無法達到消毒效果。
如果想自製精油酒精噴霧，許藍方說明比例：「用75％酒精50ml，加入精油20～30滴，搖晃混合均勻即可。」她建議，包括奧勒岡精油（兒童不適用）、羅文莎葉、綠薄荷、肉桂、尤加利（以史密斯尤加利為佳）、綠花白千層、迷迭香、百里香、薰衣草、茶樹、佛手柑、檀香、廣藿香等都是不錯的選擇，「薰衣草、茶樹、尤加利等，有助改善呼吸道、鼻塞的症狀；而佛手柑、檀香、廣藿香則有紓壓、放鬆的效果，對免疫力的提升都有不錯的幫助」，許藍方說。
但許藍方也補充，自製精油酒精噴霧時，濃度以50cc酒精搭配50滴精油為上限，若是濃度太高，可能會刺激皮膚，也不建議一次調配太大容量，最好以1～2個月內用完為主。
台灣芳香醫學醫學會理事長、台安醫院家庭醫學科暨社區醫學部主任羅佳琳表示，自製精油酒精噴霧雖不難，但如何挑選好的、純的精油，就又是另外一門學問，例如光是大家熟知的薰衣草，市面上就可能有真正薰衣草、甜醒目薰衣草等不同種類，效果也都不太一樣，因此她建議以下幾點：
1.精油應要用暗色、不透光的玻璃瓶盛裝，不可使用塑膠瓶，以免溶出有毒物質。
2.盡量選成分（有拉丁學名更好）、來源產地、精油萃取部位等標示清楚的產品，且有標註「pure essential oil」的字樣。
3.如果可以試聞或試用，好的精油味道不應太過持久，且用手搓一搓會很快吸收不黏膩。
</t>
  </si>
  <si>
    <t>全台今日再增15例新冠肺炎死亡案例，新北市長侯友宜昨批中央「不要再刁難了，趕快讓疫苗進來最重要」，侯今受訪時再次疾呼，中央若要等到8月才打國產疫苗，先不論品質好壞，「我們還能再等2個月嗎？2個月有多少人會從輕症轉重症？還要有多少人因此而離開？」
侯友宜說，高端疫苗不是不能等，但是要再拖2個月的話，不知道有多少輕症者會轉為重症，又有多少人會因此而離開，他每天在第一線看到離開的重症患者，心真的很痛，拜託中央「疫苗不能等」，把紓困的經費撥一些錢來買疫苗，儘早解決問題。
侯友宜質疑，國人疫苗接種率0點幾％，疫情看似舒緩、數字下降，但你能保證什麼時候會再回來嗎？他實在很不願意講這些重話，但今天已經有很多企業提供採購疫苗的資訊，中央身為政府應該「跳出來做」、「指揮官應該拿出權利排除所有障礙」，而不是讓企業自己慢慢來。
侯友宜說，國產高端疫苗7、8月才能用，先不論品質好壞，我們還能再等2個月嗎？2個月還要走多少人？確診患者每分每秒都在跟時間賽跑，拜託中央能夠現在做、就要趕快做，有沒有刁難，人民都看在眼裡。</t>
  </si>
  <si>
    <t>中央流行疫情指揮中心公布各縣市確診人數，南投縣20日確診人數為零，為南投縣連續10天迎接「嘉玲」，衛生局表示，今日繼續在南投市、草屯鎮、埔里鎮、鹿谷鄉、中寮鄉、魚池鄉、水里鄉、信義鄉仍持續設站接種，上午下大雨，加上各地傳出疫苗接種不良事件，符合接種對象的86歲以上長者及76歲以上原住民長者，影響接種意願。
衛生局指出，中央配撥AZ疫苗，第二批配撥1萬300劑疫苗給南投縣，從19日、20日在13鄉鎮市設置大型疫苗接種站全面接種。
近日全國各地疫苗接種不良反應事件影響，昨日疫苗接種人數不如預期，第二批配撥疫苗1萬300劑，僅接種1445劑，接種率14％，今日繼續在南投市、草屯鎮、埔里鎮、鹿谷鄉、中寮鄉、魚池鄉、水里鄉、信義鄉設站接種。
衛生局也統計，中央撥配南投縣第一批AZ疫苗1萬8000劑，截至19日下午4時第一至第五類分配數6696劑已完成5454劑，接種率81％，仍陸續規畫依序接種中；第六類撥配量為1萬1304劑，完成1萬417劑，接種率92％。
18、19日兩日，南投縣接獲新冠肺炎疫苗接種不良反應死亡事件計4例，衛生局依疾管署規定完成疫苗接種不良反應通報，後續將協助家屬提出「預防接種受害救濟」申請，今日截至中午幸未獲通報有身體不適的接種者。</t>
  </si>
  <si>
    <t>中央流行疫情指揮中心日前宣布13日起微解封，三級警戒則延長至7月26日，對於宗教場所可以有條件開放，但中元普渡則維持不開放。對此，民眾好奇是否代表，即便到了8月的中元節仍無法降級，副指揮官陳宗彥表示，還有1個月的時間，會持續觀察疫情。
陳宗彥表示，今年中元普渡是國曆8月初，距離現在還有將近1個月的時間，我們會持續觀察疫情，再隨時和縣市主管機關討論。對於是否要改為線上進行，找人誦經，開放上網普渡？他表示，去年普渡我們有經驗，會隨著疫情變動讓大家知道。</t>
  </si>
  <si>
    <t xml:space="preserve">新北市今天確診案例新增65例仍居各縣市之冠，但已持續減少到一個月以來最低點。為了阻絕高齡者染疫風險，新北市85歲以上長者疫苗今(15日)開打，侯友宜說，金山區有點特殊，因昨天新增一例確診，但因家庭群聚關係今再新增6例，衛生局已展開精準疫調，擴大匡列接觸者。
侯友宜指出，今日新增65例本土個案，連續三天降至百例以下，新北累積確診總數達5780人，以新店10人、三重9例、中和8例、板橋6例以及金山6例；侯友宜說，金山區6例有點特殊，因1人於昨日確診，但因家族群聚關係，今日再新增6人確診，明天起機動快篩隊也將進駐金山，衛生局已立刻精準疫調匡列接觸者。
侯友宜說，整個接種站目前回報接種率平均近6成左右，還要後續觀察，長者按照分區、分里、分時段的方式接種不會造成群聚，除了在籍者以外，對於不在籍長者，侯友宜表示，「大家放心、一定打得到」，第一波在籍者打完，分析施打率後，會用最快的時間通知不在籍長者接種時間、地點，提早做準備。
侯友宜強調，新北不在籍85歲以上長者一定打得到疫苗，即日起至17日下午5時，可向里辦公室或區公所填寫意願調查表或電話登記，依區公所公布、通知時間及地點前往接種。
</t>
  </si>
  <si>
    <t>日韓新冠肺炎疫情升溫，中央流行疫情指揮中心22日宣布，日本與南韓旅遊警示提升至第二級警示（Alert），旅客到當地應採取加強防護措施。指揮官陳時中並強調，根據疫情進展，不排除對日韓做相關邊境管制。
截至22日，衛福部疾管署將泰國列為「第一級注意（Watch）」，旅客退團退費金額須扣除行政規費、賠償旅行社損失。
日本、南韓、新加坡為旅遊「第二級警示（Alert）」，民眾赴當地應採取加強防護措施，如果要退出旅行團，扣除旅行業者必要費用後，視個案狀況不同，旅客最高可拿回95％的費用。
大陸、港澳地區則列為「第三級警告（Warning）」，建議避免至當地所有非必要旅遊，若旅客退團，扣除旅行社必要費用外，可拿回100％費用。
陳時中指出，日本新冠肺炎確診病例數已達110例，超過七成為當地或疑似當地感染，且多例感染源不明，甚至已發生數起社區及醫院群聚。
而南韓新冠肺炎確診的病例快速增加到346例，且超過七成可能是當地感染，其中五例感染源不明。在日、韓兩國都有多例感染源不明與當地感染情況下，調整其旅遊警示。
至於日本、韓國是否可能升級為「第三級警告」則由中央流行疫情指揮中心視日韓後續疫情發展狀況決定。
另外，鑽石公主號包機19名台灣旅客22日凌晨入住負壓隔離病房，一檢皆為陰性，預計22日晚上11點半將實施二檢，23日即可知道檢驗結果。
至於日前感染源不明的北部新冠肺炎確診者，即第24案60多歲婦女的情況。陳時中指出，第24案掌握接觸者共465人，已採檢181人，162人陰性，其餘檢驗中。指揮中心與醫護單位鎖定第24案婦女入院後接觸的134名醫護人員，進行疫調，目前確定無醫護人員感染，院內感染風險已解除。
截至22日，我國新冠肺炎確診案例數共26名、一名死亡，其餘個案病況穩定。</t>
  </si>
  <si>
    <t>動力科技（6591）受到新冠肺炎影響，2月營收急降，只餘下3,556萬元，一舉創下掛牌以來的新低，在基期夠低下，帶動3月營收回神，來到1.36億元，以歷年同期新高開出月增率281.67％的佳績，惟因1、2月營收不振，今年首季營收仍創下掛牌以來的次低。
動力科技3月營收回神，重回億元關卡，來到1.36億元，較去年同期的1.13億元，年增19.71％，惟因2月受到新冠肺炎影響，再加上工作天數較少，單月營收僅3,556萬元，月增率急升至281.67％。
雖然動力科技3月營收月增率大增，主要是因為2月基期較低所致，但因增幅夠大，市場預期其營運已脫離疫情的干擾，帶動動力科技10日股價以跳空開高開出，一度逼近40元關卡，終場以38.4元作收，上漲4.63％，續創反彈以來的高點。
動力科技指出，3月營收月增率激增，原因有很多，包括三大廠區均於3月份完成人員復工及產線配置更新作業，出貨天數恢復正常，此外，下游系統廠商客戶回補庫存需求回溫，客戶拉貨力道明顯增加，大陸各地交通運輸障礙逐漸排除，以及上游零組件供應鏈恢復正常，整體出貨量較上個月大幅增加，都是3月份營收回神的原因。
展望第二季，動力表示，第二季英特爾將推出新款的第10代Comet Lake桌機處理器，下半年超微及輝達（NVIDIA）也規畫推出7奈米製程的新款繪圖晶片，均具備低功耗及高效能的優化性能，滿足遠端會議辦公、線上學習遊戲等高速運算及傳輸需求，可望迎來新一波的硬體升級需求，亦帶動高效能散熱風扇需求成長，預估隨疫情穩定控制後，今年整體出貨量可望逐步增加。
動力表示，近期部份出貨受新冠肺炎疫情擴散，出現遞延，惟下游需求目前仍維持不變，對今年整體營運展望維持審慎樂觀態度，除了預期高階PC相關散熱產品出貨量可望持續增加，動力與下游客戶積極開發的5G通訊用路由器及伺服器等散熱產品，也預計在下半年進入測試認證階段；此外，AI智能風扇將切入利基型散熱產品市場；再加上，江西新廠現已完成試產，下半年隨著旺季來臨，可望進入量產階段，今年總產能可望增加二成以上。</t>
  </si>
  <si>
    <t xml:space="preserve">新冠疫苗意願登記第三輪，已陸續發送預約簡訊給符合資格的民眾，截自昨日17時，已有逾95萬人預約。一名人妻收到簡訊後又驚又喜，更直呼「婆婆還沒收到我先收到」，她急忙到疫苗登記平台預約，但過程中卻頻頻失敗，查詢後才發現，竟然是有人填寫聯絡電話填成她的號碼，令她崩潰直呼「這麼重要的資料也能打錯啦！到底是誰？」
原PO昨（20）日於臉書社團《爆廢公社》指出，中午收到1922簡訊，內容告知需於20至22日中午12時前，至預約平台完成疫苗接種預約，她既驚訝又納悶，「怎麼這麼快就輪到我？我前天才登記，且婆婆都還沒收到，我就先收到了」，更透露當初填寫意願登記時，僅勾選莫德納，但現在卻是收到AZ預約簡訊。
原PO抱著既然已收到簡訊就去打的想法，開心地至預約登記平台填選接種時段及接種站，豈知，無論她怎麼按都出現錯誤訊息，便上網查詢可能錯誤原因，赫然發現可能是他人填寫意願登記時，誤輸入她的電話號碼，令她崩潰說「這麼重要的資料怎麼會打錯啦？到底是誰，害我高興了0.01秒！」
這段經歷曝光後，意外釣出相似經驗的網友留言，「我也被騙了2次」、「我也是苦主之一，妳不孤單」、「怎麼會有天兵輸錯資料啦」、「繼續和婆婆等通知吧」、「我也是登入很多次都進不去，才發現自己被耍了」等。
★《中時新聞網》提醒您：因應新冠肺炎疫情，疾管署持續加強疫情監測與邊境管制措施， 如有疑似症狀，請撥打：1922專線，或 0800-001922， 並依指示配戴口罩儘速就醫，同時主動告知醫師旅遊史及接觸史，以利及時診斷及通報。
</t>
  </si>
  <si>
    <t>近日傳出美國紐約一家動物園中一隻老虎被檢測出新冠肺炎陽性，農委會防檢局表示，由於不知道檢測方法、檢體來源，所以仍有可能是確診的飼育員飛沬汙染老虎，目前國內動物檢測還是依「新冠肺炎確診個案飼養之共居犬貓檢驗原則」規定，必須是確診者的犬貓、並有症狀經獸醫師通報後才會送檢，目前無採檢案例。
中央流行疫情指揮中心表示，已與農委會聯繫，根據世界動物衛生組織（OIE）和世衛組織的資料，目前沒有證據顯示家禽動物會直接感染新冠病毒，但寵物是沾染到病毒還是真的受到感染，後續會請農委會做更詳盡的評估。
防檢局副局長徐榮彬表示，雖然從香港開始，部分國家開始檢測貓、狗等伴侶動物，並發現陽性，但不知其檢體來源為其口腔、鼻腔或糞便等，目前僅確認檢測為陽性，仍無法排除汙染的情況。
台大獸醫專業學院教授劉振軒則認為，目前看起來該隻老虎有食欲不振等症狀，經檢測為陽性，但應該是從確診新冠肺炎的飼育員傳染給該隻老虎，目前沒有證據病毒會在動物與動物之間傳染，也沒有證據指出會由動物再傳染給人類。
劉振軒提及，2003年的SARS時，也有人懷疑SARS會透過貓傳染，但17年來沒有發生這樣的情況。</t>
  </si>
  <si>
    <t xml:space="preserve">
今日中華長照暨偏鄉醫療基金會舉辦了一場由台俄雙方醫師參與的線上醫學論壇，由榮民總醫院神經醫學部主任鄭宏志醫師發起，結合三軍總醫院臨床醫療團隊分享台灣新冠肺炎的醫療經驗，為將來可能的醫學研究與防疫工作建立基礎。
截至7月6日，俄羅斯共計有68萬人確診新冠肺炎。龐大的病患的壓力，讓許多醫療人員不但身心負荷沉重，更有許多參與台方醫療人道計畫的醫師染上疾病。因此主辦單位希望藉這次會議，為俄羅斯送暖且分享經驗，並持續未來的合作。三軍總醫院方面由林永崇醫師、江宗達醫師、商弘昇醫師專題報告醫院管理、臨床診療與重症處理，全國醫師公會秘書長趙堅醫師也與會。
林永崇指出，因應新冠肺炎疫情，台灣開設負壓隔離病房、運用3d列印技術製造醫療用口罩，而1月21日台灣第一位新冠肺炎確診者消息出來後，當天三總馬上就開會討論如何因應新冠肺炎，根據接觸史、群聚史判斷民眾染疫風險高低，至今三總共送篩檢1552人，驗出了29位新冠肺炎確診者，如今都已康復，住院最長的住了54天。
趙堅表示台灣基層醫師在一月就開始請民眾看診時要戴口罩，且看到民眾有感冒症狀就後送到教學醫院，警覺高，控制得好，所以疫情沒有爆發。
俄羅斯方面在烏里揚諾斯克直屬總統的經濟及公共政策學院院長召集，他表示俄國一度極缺乏防疫物資，之前談好要供應物資的國家和廠商紛紛無預警取消供貨，當時他跟歐洲求援罕有回應，反而獲得遙遠的台灣幫助，讓他覺得只要有心不管距離多遠都可以協助，呼籲俄國人也要有台灣人這種精神，相信一定可以戰勝病毒，去年俄國就有派醫生到台灣受訓，未來將擴大與台灣的醫學合作。不過他坦言因為如今俄國的醫師正忙著防疫，今天無法在線上會議中報告，但他保證，等到疫情趨緩後俄方醫師一定會與台灣分享他們接觸到的眾多患者的情況，絕不藏私。</t>
  </si>
  <si>
    <t>已退役的NBA球員柯林斯，今天自行在推特上宣布確診新冠肺炎。柯林斯是北美四大職業賽會公開同性戀染病的第一人。
柯林斯表示，「我是在月初去紐約參加籃網比賽的時候染病，12日開始頭痛，幾天後發燒、咳嗽，上周六去醫院急診，並且進行新冠肺炎篩檢，檢測結果是陽性。」
柯林斯說，「上周六檢查的時候肺部很乾淨，這是好消息，目前在家中休養，但胸部依舊有些不舒服，本周將再次去醫院檢查。」
柯林斯是一位擁有13年NBA經歷的退役球員，2013年公開自己是同性戀者，是北美四大職業賽會的第一人，2013-14賽季以籃網球員的身分打了22場比賽之後宣布退休。</t>
  </si>
  <si>
    <t xml:space="preserve">大陸正在追蹤新冠肺炎的源起，0號病人還沒確定，仍在追查確切傳染過程，不過，中國科技部社會發展科技司司長吳遠彬在今天（28日）舉行的國務院聯防聯控機制發布會表示，以目前的研究結論顯示，呼吸道飛沫和密切接觸傳播，仍然是新冠病毒的主要傳播路徑。
吳遠彬表示，研究過程中有一些團隊也從新冠病人糞便標本當中檢測到新冠病毒毒株，提示在糞口傳播中是具有一定風險的，但是傳播的能力和條件還需要進一步開展相應的研究證實。
至於中國醫科院實驗動物所開展的氣溶膠傳播實驗，顯示要同時滿足密閉空間、較長時間、高濃度病毒這3個「極端條件」，才有傳播可能性：「在通風條件良好的日常生活環境當中，傳播的可能性是很小的，幾乎沒有氣溶膠感染風險。」
</t>
  </si>
  <si>
    <t xml:space="preserve">因應新冠肺炎在台灣造成「口罩之亂」，行政院訂案，開放健保藥局配合政府發售實名制口罩，為讓更多民眾能夠買到，17日更宣布「加倍銷售」口罩。卻讓基層藥師怒火四起，批「人力沒加倍，工作量卻加倍」。中央疫情指揮中心聽到藥師心聲後，決定替各藥局增添人力，將調撥經費給藥局聘請工讀生協助口罩發放。
疾管署日前指出，今（20日）口罩實名新制將上路，由於原本單間健保藥局配額為每日200片，突然增為400片，而兒童口罩配額也從2片增為4片，基層工作人員大喊吃不消，已經人力不足了，工作量又加倍，灌爆《藥師公會全聯會》粉絲團，喊出口號「我不OK，你來發」。
《中央社》指出，有藥師表示，雖然希望更多民眾能買到口罩，但分裝口罩就要花2小時，今起分裝與讀健保卡時間都要加倍，對人力考驗更大，無奈表示，已經決定不再發放號碼牌，也與民眾溝通取得諒解。
中央流行疫情指揮中心指揮官陳時中，在參加新北市府居家檢疫關懷中心說明會時聽聞藥師人力吃緊近況後，率先慰勞所有在一線工作的同仁，感謝全國藥師、藥劑生，非常辛苦扛起實名制販售口罩責任。
陳時中表示，衛生福利部已研擬一筆經費，讓藥局可聘請工讀生協助包裝口罩，盼能減輕基層藥師壓力。陳時中說，未來居家檢疫人數會愈來愈多，病毒也很狡猾，需要有系統與有步驟地防疫，讓全國一起動起來。
</t>
  </si>
  <si>
    <t>賴姓男子因不滿衛福部長陳時中對新冠肺炎的防疫政策，今年6月在臉書粉絲頁，PO文「阿中部長隱暪疫情，無恥舔美賣台」，陳時中發現後憤而提告。台北地檢署今(29)日依公然侮辱罪起訴賴男；這起案件引發不少網友不滿，轟「陳時中心眼到底多小？」
賴男因不滿衛福部長陳時中對新冠肺炎的防疫政策，於今年6月初在臉書粉絲頁「蘆竹南崁資訊大小事分享團」，PO文「阿中部長隱暪疫情，無恥舔美賣台」，事後陳時中發現有人在臉書上罵他，在6月6日具狀向台北地檢署提告。
賴男坦承PO文，但否認誹謗，表示是因為彰化全民篩檢確診比例和全台確診比例不太一樣，照彰化的比例，全台應該是1萬人確診，且由台灣出國的人都被篩檢到確診，因此他認為有隱暪疫情，他只是陳述事實。但檢方認為，賴男另稱的彰化縣進行新冠肺炎普篩是8月才在媒體披露，與他PO文時間不符，顯與事實不符，依法起訴。
該案件引發網友討論，指出「可是我覺得網友說得對」、「民主政府動不動就要告人民。哈哈！哈哈哈！民主！」「陳時中自己都公開承認做了很多不人道的事情，民眾感受到這些不人道的事，出言批評他自己也承認的錯，卻因他提告就起訴？」「如果照同樣標準，那以前國民黨應該可以告死一堆側翼糞青了吧」、「怕油煙就別進廚房。佔著官位只懂耍官威，要人民如何敬重？」「陳時中心眼也太小」。</t>
  </si>
  <si>
    <t>中央流行疫情指揮中心今(30)日表示，有關第一班定點返台專案航班已於昨(29)日晚間抵台，153名返台者經檢疫均毋須後送就醫，目前已完成採檢並安置在國內一處檢疫所，將進行14天集中檢疫。
指揮中心指出，昨日國內新增867例新型冠狀病毒肺炎相關通報，截至目前累計30,777例(含27,378例排除)，其中306例確診(今日新增案299至306)，分別為261例境外移入及45例本土病例。確診個案中5人死亡，39人解除隔離，其餘持續住院隔離中。
指揮中心表示，針對案268於2月29日下午5點20分至6點55分曾於金山老街，及3月15日下午2點30分至4點50分曾於烏來老街活動，地方政府已安排防疫人員前往完成消毒工作，提醒該時段在此二處之民眾注意身體健康，如有發燒或上呼吸道症狀請即刻就醫並告知可能暴露史，無需過度恐慌。
指揮中心指出，依國際監測資料顯示，全球累計703,185例確診，分布於177個國家/地區；病例數以美國137,294例、義大利97,689例、中國大陸81,470例、西班牙78,797例及德國52,547例為多；病例中33,434例死亡，以義大利10,779例、西班牙6,528例、中國大陸3,304例、伊朗2,640例及法國2,606例為多。
指揮中心再次提醒，民眾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及時診斷通報。</t>
  </si>
  <si>
    <t>去年底通過的《反滲透法》，經過總統選舉民進黨大勝，以及春節前從武漢爆發的新冠肺炎疫情之後，似乎已經被人忘掉了，但是法律擺在那裡，變成是民進黨的尚方寶劍，他們想用可以隨時揮劍砍人，以至於在新冠肺炎疫情中被困在大陸的台胞，即使被民進黨卡住無法回台，也沒有什麼人敢於發聲，這不僅讓台灣的人權倒退，兩岸關係也陷入熱焦慮的局面。
《反滲透法》衝擊在大陸台胞的信心。一名原本每年固定參加兩岸相關主題演講的北京台幹說，今年上半年在大陸的一場演講活動裡，台灣方面的報名及出席人數比往年少了3分之1。他坦言：「大家會擔心活動主辦方的背景，也不知道有什麼人出席」。
反滲透法築起藩籬
而近期受武漢疫情的影響，許多兩岸原定舉行的民間交流活動幾乎全面停擺，《反滲透法》雖暫被忽略，但已在兩岸間築起一道藩籬。
《反滲透法》使得願意挺身推動兩岸交流的善意逐漸在消失，而民進黨在疫情政治的操作下，更讓台灣年輕人出現對大陸的惡感，讓兩岸出現仇怨的情結，尤其是台灣人民也被美國反中氛圍的渲染，變成也越來越歧視大陸。
例如，世界衛生組織已將此次疫情，定為國際緊急公衛事件，也將這個病毒正式定名為「COVID-19」，中文名為「新型冠狀病毒肺炎」，簡稱為「新冠肺炎」。但是，民進黨政府仍然不反對使用「武漢肺炎」的稱呼，致使有些媒體和公眾人物還是以帶有歧視性的字眼，將該病毒簡稱為「武漢肺炎」。
更有甚者，許多人還將滯留在湖北而期盼返台者，冠上「木馬屠城」和「生化武器」的標籤，並且以各種言語行動歧視來自湖北武漢、大陸的人士，包括陸籍配偶及其子女、台商、在大陸工作、就學的台青、在台就讀的陸生等，令人感到遺憾。
歧視是仇恨的起源，仇恨更容易造成衝突的發生，而衝突多是因為民族仇恨所引爆，兩岸同種同族，沒有民族仇恨的問題，但是民進黨刻意操作台灣跟大陸是不同民族，使兩岸人民的仇怨在加深中，這是不好的警訊。
特別是，由於民進黨抗中政策所帶動的仇視大陸的情緒，在台灣已經越來越濃厚，前副總統呂秀蓮對此就深表憂心，她近日在臉書直播上就說：「鄰居失火，你要跟他算什麼帳？你記什麼仇？」
仇中情緒越來越濃
她還說，一不小心，兩岸關係可能烽火連天，若是疫情加上戰爭，那就是人間最悲慘的事，大家一面抗疫，也希望政治人物謹言慎行，不要挑戰、不要刺激，「鄰居失火，我們也可能遭殃」，所以她希望大家用共同的慈悲、共同的力量，謀取兩岸真正的和平。呂秀蓮是看得透兩岸危機的人，也不會像一些綠營人士希望從挑釁大陸來獲取政治利益，這種不道德的行為，在台灣媒體上隨時都可以看到。
對此，大陸國防部也出言警告說，任何煽動兩岸敵意、渲染兩岸對抗的行徑，都只會給台灣同胞帶來災難。大陸出動國防部發出警告，顯見大陸必然認為兩岸形勢已經出現極大的危機，必須做危機預防的動作。如果民進黨政府看不清這種情勢，還是想以大陸所說的「以疫謀獨」，那麼台灣另一次浩劫，恐怕會在疫情之後發生，這是執政者不可不慎之處。（作者為台灣國際戰略學會理事長、教授）</t>
  </si>
  <si>
    <t>總統蔡英文在13日深夜在臉書表示，指揮中心先前採購的500台「高流量氧氣鼻導管全配系統」（HFNC），已經有200台到貨，會用最快的速度提供給醫院。有網友在蔡英文的臉書不滿表示，「真是巧，藝人沒捐都沒有，藝人捐了突然就到貨了」，媒體人指出，蔡英文大概做夢也想不到竟栽在賈永婕手上。
藝人賈永婕13日凌晨在臉書發文：「救命神器HFNC就要來了！請再等我一下」，原來她透過友人輾轉接到醫護界人士告知，現在全台醫院都在搶「救命神器」的「高流量氧氣鼻導管全配系統」（HFNC），HFNC每台全配定價27萬，她的老公王兆杰第一時間就跳出來捐15台（共405萬），她更一一打電話給企業界友人，結果沒有一個人拒絕她，于美人、小S、范瑋琪也捐，「到目前為止我總共募集到了252台（共6804萬），還在持續增加中」！
ICU醫師陳志金表示，一早起來，看到藝人賈永婕募捐252台「救命神器」送到前線支援的消息，讓他眼淚不停的流下來，實在是太感動了，也非常感謝賈永婕一直在為疫情努力付出。
總統蔡英文13日深夜在臉書指出，指揮中心先前採購的500台「高流量氧氣鼻導管全配系統」（HFNC），已經有200台到貨，會用最快的速度提供給醫院。
不過，網友在蔡英文的臉書留言表示，正常人都不好意思再說嘴了，超前部署一年終於到貨了，真是巧，藝人沒捐都沒有，藝人捐了突然就到貨了。民間採購都很快，政府採購都超慢，效率真差！買了一年多，终於到貨了，太感動了！不是超前部屬嗎??怎比不上民間團體阿？
也有網友在其臉書《文翔政論》指出，蔡英文大概做夢也想不到的是竟栽在賈永婕手上！</t>
  </si>
  <si>
    <t xml:space="preserve">自新型冠狀肺炎爆發以來，大眾避之唯恐不及，卻有一群人願意挺身站在第一線，為防疫貢獻。對此，世新大學公共關係暨廣告學系畢業籌備團隊開始尋找社會上那些默默付出不求回報的人們，其中就有從基層醫護人員的角度出發，透過鏡頭了解他們面對工作的心路歷程。
世新公廣畢籌團隊近日在粉專上發起「溫暖的大人」企劃，找尋社會上默默堅守崗位而不求回報的人們，同時也在粉專上募集網友意見，探訪了動保專員、警察、清潔人員等等各自在工作崗位上努力的溫暖大人，並藉由此次機會說出對他們的感謝。
其中，世新公廣畢籌訪問一名在醫院任職護理師四年多的楊姓小姐，她表示醫護人員之於病患的關係不僅止於個人與個人，而是個人與一整個家庭的對話。訪談過程中，提到了最近熱議的新冠肺炎，楊小姐特別分享了被選為照護染病者或是可能染病者的同事更換隔離衣的影片，言談之間透露了醫護人員其實和一般人一樣也會恐懼，不過就如同所有受訪者一樣，使他們毅然堅持的理由便是那使命感！
世新公廣系畢籌期望透過這次企劃讓大眾能夠反思到自己正享受著的一切，都是靠許多人的無私奉獻換來的。同時，世新公廣也藉由這次機會，邀請這些溫暖大人參加將在今年5月於松山文創園區舉辦的畢業展「無恆模式」。
</t>
  </si>
  <si>
    <t>瑞德西韋可望成為治療新冠肺炎的藥物，桃園蘆竹的原料藥廠「台耀化學」宣布已能開發10公克級的瑞德西韋，很快就能到公斤級，但需要的原料量大，且大部分在大陸，希望政府協助。桃園市長鄭文燦26日允做後盾向中央部會反映，支持台耀完成技術。
鄭文燦昨天上午也針對第3批武漢包機將於29、30日晚間返台，前往桃園機場視察防疫車隊，強調站在防疫優先的角度，必要的採檢或隔離措施都必須符合規範。他也宣布清明節連假後，機場捷運直達車將減班，離峰時間減為每30分鐘一班，等疫情過後再恢復正常。
鄭文燦說，台耀化學是國內少數擁有超低溫設備的原料藥公司，具有短時間內量產藥物的潛力，目前已可生產瑞德西韋高純度藥物，正在與時間賽跑，希望至少能夠合成1公斤以上的純化原料藥，提供給新冠肺炎病患治療使用。中央研究院已能夠在實驗室內做出純化程度很高的藥物，但若要量產仍需仰賴民間藥廠配合。
台耀化學執行長楊志平表示，目前台耀化學已經開發10公克級的瑞德西韋，很快就能提升至100公克，再下一步就能到達公斤級量能。
楊志平進一步解釋，台耀化學擁有低溫可控制到零下80度的生產設備，最大生產量可達2公斤，根據估算1公斤可治療1000名病患，強調將以「戰備存糧」的概念投入製藥，也呼籲中央政府盡快專利授權，讓他們生產、製造、使用。</t>
  </si>
  <si>
    <t>波蘭衛生部公布周三新增確診1萬7,260人創去年11月來新高，累計確診數近183萬人，累計死亡4萬5,997人。當局解釋單日新增確診數飆升原因之一，是傳染力更強的英國變種病毒造成，估計3月底到4月初之間是這第三波疫情高峰期。</t>
  </si>
  <si>
    <t>台北酒店女公關日前確診讓各界感到相當擔憂，中央流行疫情指揮中心今天表示，有關案379的疫調目前已完成，總計接觸者共123位，其中有96位是職場接觸者，家屬4位，其他23位，需要進行居家隔離的人數則有65位。
指揮中心發言人莊人祥表示，居家隔離中包含家屬4位，職場接觸者59位，其他2位，目前有採檢的主要為12個，目前陰性者有10位，另外還有2位檢驗中，目前疫調都已完成，以台北市居多，檢驗者都是陰性。</t>
  </si>
  <si>
    <t xml:space="preserve">歐陽靖因為新冠肺炎肆虐，從日本回到台灣待產，兒子「新醬」出生後更與母親譚艾珍「島內移民」到台南，不過如今卻傳出她與分隔兩地的老公RK，不僅IG彼此取消關注，還疑似為了育兒問題起了爭吵，婚姻似乎亮起紅燈。
根據《鏡週刊》報導，歐陽靖10月初還常在老公的每張作品上面按讚，甚至還會在台灣替他宣傳作品，RK也幾乎會在歐陽靖每則貼文留言表示意見，如今夫妻倆卻被爆料退了彼此追蹤，相較過往熱情的公開互動，如今似乎冷卻許多，也讓外界推測夫妻倆感情疑似出現摩擦。
歐陽靖 𝐆𝐢𝐧𝐎𝐲（@imginoy）分享的貼文
歐陽靖曾在IG分享一則育兒貼文，她提到：「我仍很慶幸自己當初選擇回台灣，新醬的爸爸將從此留在日本專心工作，新醬不知道要等到幾歲才見得到爸爸？」更感嘆或許這個孩子存在對老公而言似乎太虛幻，更爆料老公甚至連自己大肚子的樣子都沒看過，直言：「也決定不來台灣探望我們了」，聽起來讓人為之鼻酸，似乎也嗅出感情出現裂痕。
此外，歐陽靖曾透露與老公相識過程，一開始兩人語言不通連溝通都有難度，後來正式交往後，她更為失婚過一次的老公搬到東京，並且以結婚為前提交往，不過交往期間一度吵到離家出走，中間更經歷一次流產和兩度懷孕，兩人才正式辦理登記。
</t>
  </si>
  <si>
    <t>受到國內外新冠肺炎疫情衝擊，航空業及機場各服務業者損失慘重，交通部今（25）日下邀集相關單位討論紓困方案。據與會的官員表示，預估2020年較2019年度的全年客運量平均將減少25％，估算後擬補貼業者各項費用共約42.85億元，再加上防疫用具5.78億元，合計48.63億元。
交通部官員並表示，對於航空公司要求的紓困貸款，亦已納入經濟部對產業融資貸款利息補貼的通案處理，並擬向經濟部提出200億元擔保額度需求。
交通部在航空業者提出各項訴求後即加以匯整協商，最後推出的紓困措施要比2003年SARS期間更加優惠。會議中羅列的補貼項目也不少，包括房屋使用費、土地使用費、權利金，航空公司還補貼降落費、維護機庫使用費等，為期都是1年。
此外，飛航國內線的航空公司和直升機業者，交通部也打算緩收4個月（今年2-6月）場站使用費、噪音補償金、土地使用費、房屋使用費和維護機庫使用費。並且向經濟部爭取振興抵用券可用於航空業，民眾可購買機票、在機場內從事各項消費，以期幫助業者渡過難關。
交通部官員評估，上半年受到新冠肺炎疫情影響，航空業、觀光業受創最大，下半年如果疫情趨緩，應可迅速回升。</t>
  </si>
  <si>
    <t xml:space="preserve">國內COVID-19疫情連續10天單日本土病例破百例，指揮中心指揮官陳時中今天表示，校正回歸後，疫情還在高峰期，研議延長三級警戒。專家預估，這波疫情6月中才可能下降。
台大公衛學院教授陳秀熙分析，這波本土疫情約在15日達最高峰，最高陽性率為10至13%。據指揮中心資料，台北市最新快篩陽性率降至5.9%，新北快篩陽性率維持4%，數據逐漸下降，第一波大流行群聚開始趨緩，但國內可能要等到6月中旬後，才可能漸漸回歸正常生活。
長庚大學新興病毒感染研究中心主任施信如也評估，全台進入疫情警戒第三級，這2週是關鍵期，每天新增確診數若維持數百例，還算是控制中，若全民都遵守防疫規定，照理說3週後疫情可望下降。
「現在不可能回到過去零確診，但也沒什麼可怕，全世界各地都是這樣。」施信如提到，現階段看起來仍在控制範圍，但若每天確診數暴增至千例以上，可能不久後破萬，屆時就真的難以控制，只能苦等疫苗接種。
陳秀熙強調，英國變異株傳播力不容小覷，醫院工作人員確診或長照機構者染疫頻傳，戴口罩、社交距離、不外出等非藥物介入公共衛生手段（NPI）措施，不能只求60分及格，沒做到85分，6月前恐再現第二波大流行。全國升三級首個週末，各景點人潮消失，但在陳秀熙心中，只達到75分標準。
陳秀熙提醒，部分民眾不願配合口罩政策，餐飲店多數取消外帶，但部分店家外帶候餐區民眾無保持社交距離，恐成防疫破口。
台北醫學大學附設醫院胸腔內科主任周百謙也表示，此波疫情最大問題在於老年人重症比率高，包含醫院住院與長照機構的住民長者，未來還有多少未爆彈，可能左右疫情走向，甚至老年人重症多，可能癱瘓醫療體系。
周百謙說明，高齡者病況變化快，去年就有研究顯示，高齡者與吸菸者體內的武漢肺炎受體（ACE-2）較高，且病況變化快，若出現呼吸喘等症狀，年輕人尚可忍耐，但共病較多的老年人，可能會引起心律不整等病變。他也建議，針對醫療與長照機構人員，應提高採檢頻率，不應單次採檢陰性就放心。
施信如最後重申疫苗的重要性，她強調，武漢肺炎疫苗採購不能比照過去採購流感疫苗的模式，等待疫苗廠商來申請議價，必須更積極布局，否則以目前「得疫苗就得天下」的情況，被動可能難以購得疫苗。（編輯：謝雅竹）1100524
</t>
  </si>
  <si>
    <t xml:space="preserve">精選《中時新聞網》5件不可不知的國際大事，帶讀者掌握今天(4月4日)的國際新聞重點。
【1】	紐約州確診破10萬 人數直逼義大利西班牙
紐約州長古莫3日公布全州確診突破10萬例，死亡例來到562例，創疫情爆發以來新高。其中紐約確診人數也直逼義大利、西班牙。
【2】	美防疫大轉彎 川普籲戴口罩
全球新冠肺炎確診病例3日突破100萬大關，其中美國病例逾24.5萬宗，單日死亡人數亦首度破千，皆刷新疫情爆發以來全球最高紀錄。川普總統已計畫派美軍進入紐約協助抗疫，同時證實公衛政策大轉變，將推出佩戴口罩的規定，但不會強制。
【3】	封國前兆？美國務院發推文：美國人快回來！
美國國務院旅遊領事事務局今日在推特發表啟人疑竇的推文，呼籲在海外的美國人儘快回國，不要延後返國日期，「可能很快地所有交通工具將會無法使用。」此一訊息顯示，美國大多數機場可能會在近期停止對外航班往來，滯留國外的美國民眾或因此無法返國。
【4】	加碼讚台！美國務院：將「台灣模式」向世界推廣
自美國國安會在官方推特上感謝台灣人民慷慨捐贈口罩後，美國務院接連公開挺台，表示美國在臺協會以及國務院在3月31日與台灣經濟文化代表處以及外交部高階官員召開虛擬論壇，討論如何擴大台灣在國際舞台的參與。
【5】	並非無理！美艦長求援遭拔官 海軍親解釋關鍵大錯
傳出上百人確診新冠病毒的美海軍「羅斯福號」航空母艦，艦長克勞齊上校因對外流出向國防部求援的信件而遭美國海軍拔除艦長一職。美國代理海軍部長莫德里透過公開信指出，克勞齊以不安全方式求援，不僅造成不必要的混亂與恐慌，更破壞了指揮鏈結構。
</t>
  </si>
  <si>
    <t xml:space="preserve">受到新冠肺炎疫情衝擊，不少勞工被迫放無薪假，甚至面臨失業命運。高市勞工局今（13）日宣布推出「安心即時上工計畫」，釋出1073個公部門防疫相關職缺，時薪158元，1個月時數最高80小時，即起至12月31日受理報名。
勞工局長王秋冬表示，新冠肺炎影響就業市場，高市去年同期1至3月，僅2家企業、通報5人減班休息，但今年截至目前，因疫情影響，放無薪假的事業單位有40家、724人，希望此次提供公部門計時的工作機會，能緩解勞工朋友的壓力外，並即時提供政府防疫人力需求。
王秋冬指出，此次配合中央推動安心即時上工計畫，提供公部門計時工作機會，社會局、衛生局、教育局、勞工局及各區公所等54個機關局處釋出共1073個防疫相關職缺，最長6個月。
勞工局表示，凡符合「向公立就業服務機構申請登記當日前6個月內，勞工保險或就業保險之保險年資合計滿2個月以上，且最近1次之月投保薪資於2萬3800元以下者。」條件的勞工，不限戶籍，歡迎到本市各就業服務站辦理登記，經審核符合資格後馬上分發派工。
詳細的訊息請參考高雄市政府勞工局或所屬訓練就業中心網頁、小勞男孩臉書公告，相關諮詢電話：07-7330823訓練就業中心。
</t>
  </si>
  <si>
    <t>南投縣目前已完成32萬2574人接種作業，全縣人口涵蓋率50.55％，南投縣長林明溱9日到設在慈濟南投連絡處接種站視察時表示，感謝許多默默奉獻在接種站協助接種工作，用愛心支持到底的協力夥伴，抱著多幫民眾接種一劑疫苗就是多保護一個人理念，推動「人人有疫苗，防疫護家園 」。
林明溱說，南投縣自6月15日起擴大施打新冠肺炎AZ疫苗，首批接種對象包含75歲以上長者及65歲以上原住民，並依疫苗配賦情形及年齡層依序接種，南投縣計有80家醫療院所加入新冠疫苗合約院所為縣民提供疫苗接種服務。
截至7日止新冠疫苗接種已達32萬2574劑，其中以AZ疫苗最多，共接種17萬7119劑；莫德納疫苗接種8萬8805劑次之，高端疫苗接種2萬1186劑及BNT疫苗接種3萬5464劑。
林明溱表示，縣府很感謝縣府各局處團隊、衛生局、衛生所及縣內各醫療院所在防疫上的用心努力，更感謝許多默默奉獻在各接種站協助疫苗相關接種工作的協力夥伴，包括各級民意代表、議員、鄉鎮市公所人員、村里幹事、村里鄰長、警察同仁、社區志工、清潔消毒人員等。
醫護相關人員任勞任怨，冒著風雨無阻、頂著烈日豔陽，一接到接種設站指令，二話不說，立即完成裝備及號召人力，到社區及學校為民眾接種疫苗，犧牲奉獻、認真投入的精神令人感佩。
衛生局長陳南松說，南投縣幅員遼闊，人口嚴重老化，偏鄉交通不便，鄉鎮數位落差情形嚴重，加上國內疫苗短缺，配賦量無法足額供應接種需求。
尤其自今年7月開放1922疫苗預約平台進行登記預約接種作業，疫苗來源多需透過平台登記預約始得配賦，南投縣的疫苗接種進度及全縣人口疫苗涵蓋率想要追上全國人口涵蓋率極為困難。
但南投縣政府團隊在中央疫苗尚無法開放地方政府自購疫苗前，仍持續積極向中央爭取疫苗配賦數量，在縣政府、鄉鎮市公所及醫療團隊等通力合作下，南投縣接種疫苗的人口涵蓋率從6月的7.6％，提升到7日的50.55％，涵蓋率已增加42.95％。
「疫苗使用率達到96.92％」，陳南松強調，南投縣沒有多餘庫存疫苗，所有疫苗都充分使用在民眾身上，絕不浪費。
在新冠疫情的防疫管制方面，在縣府各單位落實各項防疫管控措施，加強民眾防疫宣導，嚴密監控社區疫情風險，南投縣自7月21日最後一位確診個案通報至10月9日，已連續80天無南投確診個案通報，各醫療院所在院內感染控制也嚴格把關，並提供充足的醫療服務量能。
陳南松說，南投縣5成以上的民眾均已完成新冠疫苗疫苗的接種，但是南投縣要追趕上全國人口涵蓋率57.80％目標還有需要努力的空間，主要原因還是在疫苗撥配量不足。
在第一劑疫苗接種率部分，縣內50-64歲及30-49歲這兩個年齡族群的疫苗接種率顯著偏低，另外在疫苗第二劑的接種，默德納疫苗還有許多65歲以上長者仍未能獲得疫苗接種。
陳南松呼籲民眾，為了自身的健康及社區防疫安全，尚未接種新冠疫苗者，請務必至1922疫苗預約平台進行登記，南投才有機會獲得到疫苗的配賦量，沒有登記就沒有疫苗。
縣府也籲請中央能在近期113萬劑默德納疫苗送達國內完成封緘後，撥配南投縣足量的疫苗配賦，填補疫苗的缺口，提升涵蓋率，以協助達成全國疫苗涵蓋率「第一劑7成」、「第二劑3成」的全國共同目標，讓南投縣在做好防疫前提下，促進南投的觀光及工商發展，恢復社會經濟榮景。</t>
  </si>
  <si>
    <t>疫情指揮中心日前公布11月將開放AZ混打輝瑞／BNT，傳出不少第12輪符合AZ第二劑預約的民眾想棄打。指揮中心發言人莊人祥表示，這一輪若符合預約資格卻失約，就會被預約系統暫停一輪，直到下一輪才有辦法預約。
自指揮中心宣布11月有望開放AZ混打BNT以來，不少人關注混打計畫，更傳出第12輪有民眾想棄AZ第二劑預約，針對此情形莊人祥指出，整個1922預約系統運作時，雖然沒有辦法直接判斷民眾是不是這一輪未如期施打，或是有爽約的情況，但通常這一輪有預約成功，卻沒有去打，下一輪就會被自動暫停一輪，再到下一輪才能再預約，
莊人祥說，若第二階段沒有預約，想混打的話，也要看下一輪疫苗的量有多少、有多少人符合預約資格，才能決定。
至於何時開放疫苗平台混打意願登記，莊人祥回應，目前1922預約平台正在針對混打做修改、微調，未來要開放的話，要看在哪一輪開放，就會在該輪預約、開打前公布，並請符合資格上網意願登記。</t>
  </si>
  <si>
    <t>新冠肺炎疫情致使國際客斷炊，以銷售鳳梨酥等伴手禮的維格餅家（2733）受此衝擊，2020年上半年每股虧損達5.05元，對此研擬結束3家分公司「瘦身」調整體質，致力度過產業寒冬。興櫃交易的維格今（28）日股價一度下跌3％，但盤中跌幅收斂，現約1.96％，反應淡定。
維格餅家2012年底登錄興櫃交易，2014年合併營收達13.35億元，稅後淨利1.84億元、每股盈餘8元，全數改寫新高。不過，隨著來台陸客銳減衝擊，維格餅家營運受此影響一路衰退，2017年爆發竄改保存期限事件亦重創品牌商譽。
維格餅家對此轉型爭取東南亞及韓國客源，近3年營運已見打底回升，2019年合併營收7.81億元、年增11.26％，站上近3年高點，毛利率64.53％、營益率0.6％，本業轉虧為盈。稅後淨利約777萬元、每股盈餘0.47元，較前年顯著由虧轉盈、亦登近3年高點。
不過，受新冠肺炎疫情衝擊，受國外旅客斷炊衝擊，維格餅家2020年上半年合併營收僅0.86億元、年減達78.81％，營業虧損達0.88億元，稅後虧損0.83億元、每股虧損達5.05元，已賠掉半個股本，均創同期新低。
維格餅家昨晚公告，將授權董事長在適當時間，向主管機關辦理廢止台北成都路二店、復興分公司與台中分公司登記。董事長孫國華對此表示，公司迄今並未裁員，預計待合約結束後結束3處據點營運，盼能度過觀光產業寒冬。
維格餅家表示，疫情對國內入境觀光市場造成巨大衝擊，關閉門市「瘦身」調整體質，是許多公司面臨營運衝擊時必然會做的措施。隨著疫情受控，目前五股、高雄2座觀光工廠已恢復接待國旅團，假日人潮充沛。
面對疫情造成的產業寒冬，維格餅家除透過樽節開支、階段性縮編人事與門市規模，盼維持營運延續外，也聚焦國旅市場、積極朝各方向突圍。其中，去年第四季推出新品牌「HOU Toast &amp; Coffee」品牌插旗輕食市場，目前全台已開出3家店，以拓展市場應戰。</t>
  </si>
  <si>
    <t>因應春節返鄉需求，指揮中心近期宣布於12月14日至2月14日推動「春節期間入境檢疫方案」，允許同住者一起在防疫旅館、集中檢疫所檢疫，檢疫天數都是14天，但若家中環境許可，最後4天也可返家檢疫。10+4方案宣布後，不少民眾向旅館修改入住時間，引發爭議，對此指揮官陳時中今日致歉，表示這是不得已的，需要讓更多人返台相聚，請大家多多包涵。
指揮中心今日說明，在12月14日至2月14日期間將推動「春節期間入境檢疫方案」，允許同日入境的家人、同住者同住防疫旅館或集中檢疫所，但需依民眾意願並配合房型，單人房建議不超過2名成人同住。
春節入境檢疫方案分為A、B兩種，其中A方案是14天都入住防疫旅館或集中檢疫所，入境時需依現行措施進行PCR檢測，檢疫期滿前（第12至14天）需接受PCR檢測，自主健康管理期間的第6至7天需以家用快篩探檢1次；
B方案則是10+4方案，前10天需入住防疫旅館或集中檢疫所，後4天可返家檢疫，但後4天需以1人1戶為原則，不過若是在防疫旅館、檢疫所同住者，返家的4天則可同住1室。另若同戶家人都已完整接種14天，也可1人1室。
檢測措施方面，B方案與A方案略有不同，除入境需要進行PCR檢測外，B方案在檢疫第9-10天，即返家檢疫前，必須進行1次PCR檢測，若檢測陰性才能返家繼續檢疫。另居家檢疫期滿前1天需進行PCR檢測，自主健康管理期間則不需要快篩。
春節方案宣布後，導致民眾修改旅館入住日期，引發爭議。陳時中今對民眾、旅館的困擾表達歉意，他坦言這是不得已的情況，還是要讓更多人返台相聚，也請大家多多包涵、配合。另外，防疫期間因注射疫苗，醫護的工作繁重，行政人員也有額外工作，大家都很辛苦，我們也表達謝意。</t>
  </si>
  <si>
    <t>因應新冠肺炎疫情，各國紛紛管控邊境、限制民間活動，為避免人權遭忽視，世界自由民主聯盟(世盟)一方面呼籲疫情緩和後，各國應使人民生活恢復正常，使自由與人權獲得充分保障，民主機制正常運作，另一方面更呼籲全球共同研發疫苗、藥物 不可以政治立場凌駕大眾健康。
今年疫情爆發後，各國強制人民戴口罩、居家隔離、關閉邊境、封鎖城市、限制集會，導致自由、民主、人權等普世價值受衝擊。世盟也無法再循往例召開國際論壇邀請各國人士推動自由民主與人權，因此轉為在今年6到9月召開四場視訊論壇，繼續為自由民主及人權發聲，提出五點總結建議與呼籲。
世盟於今天舉行記者會說明建議，理事長曾永權指出，首先，我國能成為全球防疫模範生，主因過去對抗SARS所累積的相關經驗，人民有高度公共衛生的危機意識；其次，研發疫苗與要務是全民公共財，處理疫苗與藥物不可以貿易保護主義或市場經濟立場來決定價格，更不可存有私心或以政治立場來凌駕公共衛生或大眾健康。
第三，世盟呼籲各國人民配合戴口罩、保持社交距離、勤洗手等防疫措施；第四，建議各國對新冠肺炎感染受害者予以完善治療；最後呼籲疫情緩和後，各國應使人民生活恢復正常，使自由與人權獲得充分保障，民主機制正常運作。
世盟成立於1954年，每年一月二十三日都在中華民國召開「世界自由日慶祝大會」，八、九月則在相關會員國首都召開「世界自由民主聯盟大會」及「世界自由民主論壇」，邀請各國國會議員、政要、學者專家以及愛好自由民主人士參加。1993年世盟正式成為聯合國非政府組織成員。</t>
  </si>
  <si>
    <t>新冠肺炎疫情延燒，衛福部新營醫院胸腔內科醫師汪政德表示，人類感染冠狀病毒以呼吸道症狀為主，患者大多數能康復，死亡個案多具有糖尿病、慢性肝病等潛在病史，且吸菸者較易感染新型冠狀病毒引發的新冠肺炎。汪政德提醒有吸菸的民眾應儘快戒菸，以對抗病毒，降低引發重症、死亡的風險。
汪政德表示，嚴重特殊傳染性肺炎為2019年底時在中國大陸武漢爆發的一種肺炎，是由一種新發現的冠狀病毒所引起的，命名為2019新型冠狀病毒。
而人類感染冠狀病毒以呼吸道症狀為主，病毒主要透過飛沫傳播，也可透過接觸傳播，罹患新型冠狀病毒感染症狀之臨床表現為發燒、四肢無力，呼吸道症狀以乾咳為主，有些人可能出現呼吸困難，嚴重時可能進展至嚴重肺炎、呼吸道窘迫症候群或多重器官衰竭、休克等。
依據目前的流行病學資訊，患者大多數能康復，但也有死亡病例，死亡個案多具有潛在病史，如糖尿病、慢性肝病、腎功能不全、心血管疾病等，且吸菸者比較容易感染新型冠狀病毒引發的新冠肺炎。
汪政德表示，目前這個病毒感染後尚無特定有效藥物可供治療，預防勝於治療。除了徹底執行防疫4招，咳嗽戴口罩；肥皂勤洗手；少去傳統市場、醫院等人多場所；避免接觸野生動物、禽鳥。汪政德籲有吸菸的民眾應儘快戒菸，以對抗新型冠狀病毒。
汪政德說，有戒菸需求者可至戒菸門診尋求協助，醫院的戒菸服務可適當給予輔助藥物幫助戒菸。</t>
  </si>
  <si>
    <t>Delta變種病毒的亞變異株「AY.4.2」近期已佔英國當地新冠肺炎（COVID-19）確診病例近10%，引發了關注。科學家究竟如何看待比Delta傳播力更強的AY.4.2呢？
《CNBC》報導，有一些人因為AY.4.2因為傳播力比Delta變異株高出至少10%而感到憂心，但是迄今為止還沒有足夠的證據可以證明這一點。
AY.4.2屬於Delta變種病毒的亞變異株，一般認為是在今年夏季在英國首度發現。它具有兩個額外的突變，會影響其棘蛋白，也就是浸潤細胞之病毒結構的一部分。不過這兩個突變是否是會影響AY.4.2傳播速度，仍舊還無法確認。
Here is what the Delta variant of the coronavirus looks like under an electron microscope. The snaps were released by Russia’s Vector Science Centre the first ever photographs to be published of the Covid-19 variant pic.twitter.com/30rZFuijZO
公衛團體Cog-UK統計，過去28天當中，AY.4.2在英國新冠肺炎新增病例中約佔10%。讓它成為了過去四周當中，僅次於Delta以及另一個子譜系的第三大COVID-19感染病毒株。
儘管因感染AY.4.2造成感染新冠肺炎的比例增加，但是英格蘭的公共衛生官員強調，到目前為止，AY.4.2似乎沒有引發更為嚴重的疾病，或是降低現有疫苗的效力。根據英國諾森比亞大學生物學家的說法，這一個亞變異株並沒有在歐洲國家紮根，在德國、愛爾蘭都未受到關注。
倫敦大學臨床運營部主任Christina Pagel向媒體指出，儘管Delta亞變異株在英國以及其他地方的病例數在增長，但大眾並不一定要因此恐慌。因為雖然AY.4.2的傳播力比Delta高出12%~18%並非是個好消息，也會讓事情變得更困難，但是（傳播力）增加的幅度並不大。
她進一步分析，Delta變異株對比Alpha，傳播力超出60%，等於每周都在倍增。相比之下，AY.4.2擴散的速度沒有那麼快。儘管它可能在未來幾個月內取代Delta，但沒有明顯跡象證明AY.4.2有更強抵抗疫苗的力量，這就是她不那麼感到擔憂的緣故。
不過，Pagel還是點出，新變種病毒的出現，仍舊是引發了一些擔憂。因為這些變種病毒在疫苗接種率不高的國家，可能會帶來更多問題；這也顯示新冠肺炎病毒仍舊持續在變異。
她指出，事實上Delta有許多變種，但是AY.4.2是目前唯一一個比它更強的變種。這項事實代表這個病毒仍有很多空間可以進化。過去一直有人說Delta找到了一個最佳位置，但是從目前可以看見，AY.4.2可說是找到了另一個甜蜜點。
因為AY.4.2的出現，Pagel也呼籲英國應該重新實施一些防疫措施。英國在七月取消了幾乎所有與防疫相關的規定，而目前英國是全球新冠肺炎感染率最高的國家之一。
Pagel指出，如果說一個國家的新冠肺炎病例數很多，那就讓病毒存在持續變異的空間。因此他認為AY.4.2在英國被發現，並非巧合，因為英國有很長一段時間確診病例數都相當多。
布里斯托大學病毒學教授David Matthews指出，英國施打加強針（booster dose）以及為孩童接種疫苗的計畫，有可能減緩病毒傳播的速度，但是英國還需要把焦點放在拒絕接種疫苗的10%成年人當中。
他表示「無論是否有接種疫苗，每個人未來某一天都會感染新冠肺炎。所以是要在接種疫苗後，讓免疫系統已被訓練的前提下來對抗病毒，還是在免疫系統未經訓練的情況下對抗這些感染，是需要思考的問題！」</t>
  </si>
  <si>
    <t>湖南省4日召開聯防聯控機制新聞發布會，指出湖南本次疫情是由來張家界市的3名外省（遼寧大連）遊客輸入，這3名遊客7月17日在南京祿口機場短暫停留，藉由酒店內共同早餐、旅遊中聚集性活動等，傳播給張家界市本地導遊和北京市、成都市等地遊客。
北京市新型冠狀病毒肺炎疫情防控工作也在4日召開記者會，北京市疾控中心副主任龐星火公布，8月3日3名確診本土病例活動軌跡，都有湖南省張家界旅遊足跡。
湖南聯防聯控機制新聞發布會指出，成都市遊客7月24日在常德市一封閉遊船上再次傳播給眾多同乘者。這些遊客、導遊再通過密切接觸和聚集性活動引發國內部分省市和湖南省部分市州的傳播。基因測序結果表明，湖南省本土病例感染的新冠病毒屬於Delta變異株，已由中國疾控中心確認與近期江蘇省報送的本土病例新冠病毒基因組序列高度同源。
北京市3日確診3名病例，也與大連3名確診病例，於7月22日一同出現在張家界「魅力湘西」劇場看表演足跡。
北京軌跡：確診病例1：7月22日與家人赴湖南省張家界旅遊，7月28日由湖南省懷化市前往海南省三亞市旅遊，7月30日乘坐南方航空CZ8804航班從三亞機場至北京大興機場。7月31日社區將其作為湖南省張家界市返京人員進行居家醫學觀察，核酸檢測結果為陰性；8月1日作為確診病例密切接觸者進行集中隔離醫學觀察，當日核酸檢測結果為陰性；8月3日再次進行核酸檢測，結果為陽性，轉至定點醫院。綜合流行病史、臨床表現、實驗室檢測和影像學檢查等結果，8月4日診斷為確診病例，臨床分型為普通型。
確診病例2：7月31日社區將其作為湖南省張家界市返京人員進行居家醫學觀察，核酸檢測結果為陰性；8月1日作為密切接觸者進行集中隔離觀察，當日核酸檢測結果為陰性。8月3日再次核酸檢測，結果為陽性，轉至定點醫院。綜合流行病史、臨床表現、實驗室檢測和影像學檢查等結果，8月4日診斷為確診病例，臨床分型為輕型。
確診病例3：7月30日乘坐南方航空CZ8804航班由三亞機場至北京大興機場，與上述確診病例乘同一航班。7月31日，曾前往朝陽區大屯街道博世祥園小區、東湖街道博泰國際商業廣場和望京街道萬科時代中心某餐館；8月1日，按要求進行居家醫學觀察；8月2日，作為密切接觸者進行集中隔離醫學觀察，核酸檢測結果為陰性；8月3日再次進行核酸檢測，結果為陽性，轉至定點醫院。綜合流行病史、臨床表現、實驗室檢測和影像學檢查等結果，8月4日診斷為確診病例，臨床分型為普通型。</t>
  </si>
  <si>
    <t xml:space="preserve">日系外資針對台塑(1301)出具最新報告指出，新冠肺炎衝擊台塑今年營運動能，但隨著今年第二季高成本庫存耗盡之後，低油價優勢將從第三季逐漸顯現，預計2021年起台塑營運將出現明顯增動能，故將台塑評等由減碼到買進、目標價從60元調升到97元。
日系外資表示，近期原油價格下跌，加上新冠肺炎疫情大流行，傷害石化產品的需求和價差，預估台塑在油價下跌的負面影響下，2020年的收益將削減25%，但預計隨著原油價格從低點拉升，將出現「低油價收益」，台塑2021年的收益上調3%，加上台塑有轉投資持股台塑石化(6505)，在台塑化帶來更好的營業利潤和投資收益下，有將有利於台塑，故將台塑評等由減碼到買進、目標價從60元調升到97元。
日系外資表示，受周MSCI下調台塑在權重，從1.90%降至1.63%，自5月29日收盤後生效，恐導致股價疲軟，但就長線來看，預計台塑2021年的營收將恢復強勁增長，在低油價的優勢下，有利於PVC、PE價差，該兩項產品也是台塑最有優勢的產品，預計在今年第二季高成本庫存耗盡之後，低油價優勢將從第三季逐漸顯現，預測台塑2021年、2020年獲利將分別成長47%、21%。
</t>
  </si>
  <si>
    <t>根據大陸各地衛健委通報訊息，大陸已有多地出現大連市輸入病例或大連市疫情關聯病例。自7月22日遼寧大連確診此輪疫情首例新冠肺炎病例以來，已向外傳播至遼寧、吉林、黑龍江、福建、北京5地；鐵嶺、鞍山、四平、長春、白城、鶴崗、綏化、福州、北京9個城市。
大連市衛生健康委副主任趙連表示，大連26日新增14例新冠肺炎本土確診病例中，凱洋海鮮公司員工及家屬8例，大連灣街道居民4例，凱洋海鮮公司員工家屬密接者2例。累計確診病例38例。
冷鮮員工 返鄉須隔離
趙連表示，鑒於目前確診病例中，大部分為大連凱洋世界海鮮股份有限公司員工及家屬，為此從即日起，在解除隔離前，對該公司所有員工實施血清抗體檢測和每3天一次的核酸檢測，通過進一步強化該企業員工檢測，降低疫情傳播風險隱患。
遼寧省27日新增6例本土新冠肺炎確診病例，均為大連市報告的無症狀感染者轉歸確診病例。新增無症狀感染者12例，均為大連市報告病例。全省累計報告確診病例209例（含境外輸入33例），治癒出院160例，死亡2例，在院治療47例。目前，尚有42例無症狀感染者在定點醫院隔離治療。
受大連疫情影響，在大連冷鮮行業工作的返回四平人員，必須第一時間向所在社區村屯報告，並集中隔離14天，落實3次核酸檢測。此外，四平宣布停止採購、銷售進口（海產品）和大連海產品，對現有產品立即下架封存，對所有海產品和從業人員進行採樣檢測，待檢測合格後再啟封銷售。
新疆新增確診達57例
與此同時，大陸31個省（自治區、直轄市）和新疆生產建設兵團，27日報告新增確診病例68例，其中境外輸入病例4例（上海2例，北京1例，雲南1例），本土病例64例（新疆57例，遼寧6例，北京1例）；無新增死亡病例；無新增疑似病例。
此外，北京市27日新增2例確診，包括：境外輸入病例1例、大連市疫情關聯病例1例，無新增疑似病例和無症狀感染者。
吉林省白城市新增1例輸入性無症狀感染者，係大連凱洋世界海鮮股份有限公司員工，通過對大連返吉人員開展主動篩查發現，已對其密切接觸者及相關人員全部採取隔離管控措施。
此外，黑龍江省27日無新冠肺炎確診病例、疑似病例報告，新增無症狀感染者2例為夫妻關係，妻子近期有大連旅居史。截至27日，現有無症狀感染者4例，尚有326人正在接受醫學觀察。
至於福建福州，影響範圍較大。1名大連輸入無症狀感染者接觸超千人，福州市迅速追蹤密切接觸人群並檢驗核酸，但已經出爐的報告幸好都是陰性，尚有檢體待驗中。</t>
  </si>
  <si>
    <t>為確保COVID-19(新冠肺炎)境外確診個案返國時之飛航防疫安全，並降低個案入境後發生社區疫情之風險，中央流行疫情指揮中心今(17)日表示，依據傳染病防治法第58條第1項第2款與第3款，規定境外確診個案須符合下列條件之一，才能搭機返國，違者將依同法第69條規定，處新臺幣1萬元以上15萬元以下罰鍰：
1.發病日至登機日已逾2個月，且症狀已緩解。
2.距發病日已達10天，且取得2次呼吸道檢體檢驗SARS-CoV-2陰性證明(須間隔至少24小時採檢)。
指揮中心指出，境外確診個案搭機返臺時，仍建議全程佩戴口罩。入境時檢疫措施比照旅遊疫情建議第三級地區入境旅客辦理：如有症狀，應於邊境採檢後進行集中檢疫，檢驗結果陰性者，接續完成居家檢疫；無症狀者，入境後應居家檢疫14天。</t>
  </si>
  <si>
    <t>受到新冠病毒疫情延燒，導致店家訂貨趨於保守，拾荒長者可以撿拾的紙箱、鐵罐與寶特瓶的數量屈指可數，許多店家也擔心拾荒者是否會帶來傳染，紛紛暫時取消店內回收，相較過去1天約可獲得上百元，現在的拾荒長輩一天平均回收收入僅有約50元。
如獨居的劉阿嬤平日靠拾荒與賣水餃維生，近期阿嬤得了乳癌，中華民國老人福利關懷協會協助辦理住院與相關手續後，阿嬤卻一直想出院，擔心負擔不了醫療費，協會希望讓阿嬤安心照顧好身體，出院後將提供阿嬤新的推車。
中華民國老人福利關懷協會服務的清寒長輩中有一成是「拾荒者」，他們不同的是肩負著撐起家的重擔，邀請社會大眾一同支持推動「愛食不荒」計畫，讓長輩有一個乾淨、舒適的生活環境與基本的生活必需用品外，也讓長輩們能靠自己與大家的力量，撐起一個家。
捐款可洽：http://www.ewca.org.tw/m/406-1689-89675,r2085.php。</t>
  </si>
  <si>
    <t xml:space="preserve">One mid-June MLB player birthday party in Florida is believed to have led to infections and become a spreader in a spring clubhouse. The question is: Will this episode be repeated or will it become an important cautionary tale?
大聯盟球員有人在6月中在佛州舉辦慶生派對，被傳言是一個「新冠肺炎病毒趴」，造成了疫情擴散。官網記者Jon Heyman報導，這位球員還把病毒帶到自己的球隊，目前所有受害者的姓名都未公開。
佛州是美國最新的疫情爆發點，7月2日當天新增10109人確診，將近是全國新增5.5萬人的五分之一，創下美國疫情最高紀錄。佛州目前累積將近18萬人染病，3686人死亡，是全美第4大疫區。就算沒有那個白目的慶生趴，病毒也可能從任何地方傳入大聯盟的球隊休息室，首輪檢驗1800位球員有31人染病。
至少5位球員拒絕參與復賽，天使隊卓奧特(Mike Trout)本周末也公開表示對復賽有疑慮。「我擔心即將出世的孩子，還有我的妻子，我的家庭。我告訴總管與隊友要兼顧防疫與比賽，這季將會非常辛苦。最重要的是我不能把病傳染給我懷孕的妻子，我很想打球，這是兩難的情況。」
卓奧特有可能退賽嗎？總教練麥登(Joe Maddon)說，無論如何他都會支持卓奧特的決定。「他初為人父，這對他意義重大，他必須保持健康。」
</t>
  </si>
  <si>
    <t>全球重要財經數據聚焦在美國勞動市場相關報告，又以8日出爐的4月非農業就業報告和失業率最受矚目。美國為全球新冠肺炎疫情重災區，封鎖令造成失業人口激增，經濟學家預估，4月非農業就業人口恐銳減2,000萬人，失業率飆升至16％。
美國本周將公布多項就業相關數據，包括4月ADP民間就業人數、Challenger企業裁員報告，以及8日的重頭戲非農業就業報告和失業率。
為防止疫情擴散，美國政府宣布封城，使得失業和無薪假的人口激增。3月非農業就業人口減少70.1萬人，創下11年來最大降幅，財經網站Investing.com預估，4月數據恐銳減2,000萬人。
美國3月失業率升至4.4％後，白宮經濟顧問委員會主席哈塞特（Kevin Hassett）指出，美國4月失業率可能躥升至16％或更高，美國可能重現1930年代大蕭條時期的失業率數字。
在新冠肺炎肆虐全球之前，美國的失業率維持在3.5％的50年低點。在2010年9月至2020年2月之間，美國增加2,200萬份工作，創下史上最長就業榮景。
在4月18日止的五周之間，美國首次請領失業救濟金人口飆升至2,650萬的新高紀錄，短短五周便消去美國長達11年勞動市場榮景所創造的工作。</t>
  </si>
  <si>
    <t>敦睦艦隊磐石艦名官兵確診新冠肺炎，高雄意外成重災區。高雄市長韓國瑜今天下午4點將召開記者會，說明高雄的最新疫期狀況。
韓國瑜指出，對於海軍敦睦艦隊744位軍人的疫調，未能獲得真實答覆，始終有缺口，因此希望中央全力協助。
高雄市衛生局長林立人也表示，由於744位官士兵是由高雄下船，相關活動地點也在高雄；且居住在高雄市的官士兵，部分人員無法在電話中表述，無法確認身分，也不能提供訊息。因此高雄市政府已經以最速件發出電子公文，請中央或各縣市政府協助7個檢疫中心進行疫調。</t>
  </si>
  <si>
    <t>花蓮縣衛生局接獲通報，有1名新冠肺炎防疫須居家隔離自檢的荷蘭人，至27日才能解除，卻擅自離開簡易住所，駕車往台8線中橫公路途經太魯閣國家公園要到花蓮，警方今下午在台8線169.8k稚暉橋攔查到他，連同同行日本籍友人，2人當場被通報由花蓮縣衛生局處理。
目前花蓮衛生局已向中央疫情指揮中心申請強制隔離，並且依規定可裁處1至15萬元，不過衛生局表示，罰則由南投衛生局決定裁罰，目前已派專車將2人送往外縣市檢疫所安置。
花蓮縣衛生局表示，接獲南投通報，有1名荷蘭籍外籍遊客須居家檢疫至27日止，但疑似開車往花蓮方向行駛，下午警方已在中橫攔查到這人，但身旁有一日本籍友人同行，因此2人都須實施居家檢疫，將由南投縣衛生單位決定是否依違反傳染病防治法規定裁罰，此罰則為新台幣1萬元以上、15萬元以下罰鍰。衛生局表示，目前已派專車將2人送往外縣市的檢疫所進行安置。
太魯閣國家公園管理處副處長張登文受訪說，同步接獲通報後，將在辦公廳舍及各管理站的遊客中心進行消毒，請遊客安心。</t>
  </si>
  <si>
    <t xml:space="preserve">德國政府發言人今天表示，總理梅克爾（Angela Merkel）在先前接種阿斯特捷利康（AstraZeneca，AZ）疫苗後，第二劑已接受施打莫德納（Moderna）疫苗。
法新社報導，今年66歲的梅克爾4月時接種AZ疫苗。在那之前逾兩週，德國當局曾建議，AZ疫苗應只適用於60歲以上族群。
梅克爾在執政16年後，即將於今年下台。她2019年曾多次在公開場合出現顫抖狀況，引發對於她健康的關切，但她之後健康狀況看似良好。
德國推動接種疫苗在歷經艱難起步後，近幾週進度大幅加速。截至今天為止，德國已有約1/2或是51.2%的人口接種首劑疫苗。
</t>
  </si>
  <si>
    <t xml:space="preserve">針對外界指控中國大陸正在囤積防疫醫療物資的說法，大陸外交部發言人華春瑩予以反駁稱，完全不同意這種說法，目前中國疫情並未結束，對醫療物資需求也很大，此外中國還積極為有需要的國家提供防疫物資，至少有120個國家和4個國際組織接受了中國的醫療物資援助。
在大陸外交部31日例行記者會上有記者問稱：新冠肺炎疫情在全球迅速蔓延，各國對N95口罩等防疫物資需求很大。有人認為中國正在囤積防疫醫療物資，沒有為其他國家提供及時幫助。請問中方對此有何評論？
華春瑩說，這個說法我完全不同意。當前，中國的疫情並沒有結束，外防輸入、內防反彈的壓力很大，對相關醫療物資的需求也很大。做好國內防控、保護人民群眾身體健康是中國政府的首要責任，「把14億中國人民保護好，本身就是對全球公共衛生安全巨大的貢獻」。
華春瑩還說，中國也積極為有需要的國家提供防疫物資，已向120個國家和4個國際組織提供了包括普通醫用口罩、N95口罩、防護服、核酸檢測試劑、呼吸機等在內的物資援助；另外地方政府也通過國際友好城市等管道向50多個國家捐贈醫療物資；中國企業向100多個國家和國際組織捐贈醫療物資。
她表示，有些國家通過外交管道向中方提出了商業採購協助請求，中方向他們推薦了有資質的出口商。隨著中國企業復工複產，中國企業將為國際社會應對疫情提供更多的物資支持。中國政府也會繼續為各國來華採購提供支持和必要便利。中方也希望和歡迎各國企業加強合作，共同維護全球醫療物資產業鏈的穩定。
華春瑩還提醒，各國對於N95口罩的需求都很大，中國的做法是把N95口罩留給那些身處最危險的崗位、最容易受到感染的廣大醫護人員。
</t>
  </si>
  <si>
    <t>新北市中和警分局今（30）日繼上午傳出2名交通分隊警員染疫，晚間1名南勢派出警員確診，稍早偵查隊2名隊員通知確診，已累計5人染疫。中和分局表示，由於染疫同仁分處在不同駐地，初步研判應非群聚感染，有疑慮者均已居家自我健康管理，分局將持續擴大清消及實施分流、異地辦公等措施，會謹慎嚴肅面對。
據了解，中和分局偵查隊科偵小隊因與確診的刑大徐姓隊員有接觸史，故於本月27日全隊前往快篩兼PCR檢測，當天快篩均呈陰性反應。詎料，今晚邱、陳2員先後接獲衛生局通知PCR採檢陽性，要求2員居家隔離，等候入住集中檢疫所。
中和分局表示，為求謹慎，研議偵查隊全員74人居家自我健康管理，勤、業務由刑警大隊及鄰近分局支援，目前正和警察局、刑警大隊討論中。此外，中和分局今天下午排定內勤人員前往快篩，有1人陽性反應，已居家隔離等候PCR檢測結果。</t>
  </si>
  <si>
    <t>新北市今新增8例確診，新北副市長劉和然表示，三重、板橋、樹林各有2例，新莊、淡水各1例，今日案例都是居家隔離個案，因此新增本土案例是0。
劉和然說，8例確診感染源分析，2位是職場、4位家戶、2位是其他；三重1人確診，為先前家禽合作社移工被同事感染，在自主健康管理期間篩檢陽性，淡水1人也是被同事傳染。
另外，樹林2人是之前華航空儲案例，爸爸傳給小孩；三重1人被媽媽傳染；新莊1人則是小孩確診傳染給家人，板橋2人都被朋友感染。
劉和然表示，目前接觸者19人，PCR篩檢4人有1人陽性，目前有12人居家隔離中。此外，昨日社區篩檢站篩檢3319位，快篩陽性1位，陽性率0.03％，劉和然說，今日是指考第2日，新北市府會持續監控疫情，針對場所開放等措施將採滾動式檢討。</t>
  </si>
  <si>
    <t>台灣一夜新增3起死亡個案，其中案108為奧地利、捷克旅遊團的40多歲男性領隊，19日確診，29日晚間死亡，僅11天，該旅遊團群聚共4人確診，就有3人屬於重症。中央流行指揮中心發言人莊人祥今天揭露，國內確診個案的重症比率，以截至298例的統計來看，累計有15人是接上呼吸器治療的重症個案，比率約為5%。
指揮中心下午揭露案108病情急轉直下，背後原因是因為案108本身的體重較重，心肺功能差，25日病情即開始惡化，出現呼吸窘迫，29日即因嚴重肺炎不治。
中央流行疫情指揮中心發言人莊人祥表示，奧地利、捷克旅遊團另3名確診者，除了案104的40多歲女性為輕症之外，案61的南部50多歲女性亦有高血壓、肥胖問題；案72的南部70多歲女性有糖尿病、高血壓、肥胖問題，目前兩人都以呼吸器治療。
莊人祥進一步揭露國內確診個案的重症比率，以截至298例的統計來看，累計有15人是接上呼吸器治療的重症個案，比率約為5%，目前還靠呼吸器者則有9人；如果依世界衛生組織（WHO）的嚴重個案定義來看，298例中有19例符合嚴重肺炎、呼吸窘迫，比率為6.4%，整體都在5到6%左右。
莊人祥說，感染新冠肺炎後引發重症者，多半為年長者或有肥胖、慢性疾病、抵抗力低下等問題，這類族群需要特別留心，而感染發病後的7天，更是觀察病情走向的重要觀察期。</t>
  </si>
  <si>
    <t>敦睦艦隊28名官兵確診新冠肺炎，敦睦艦隊支隊長陳道輝上午在立院視訊時強調「絕無隱瞞疫情」。針對敦睦支隊長陳道輝將被調離現職，前海軍艦長、戰略研究員張競霸氣說，陳道輝是他的學生，他選擇跟他站在一起、究責算他一份。
張競今發文至「海軍艦隊風雲」臉書社團表示，「陳道輝是我戰院教過的學生，假若他表現不好，是我教的不好，究責算我一份！只有政客背棄下屬，沒有師長拋棄弟子，我選擇跟他站在一起！」
網友認為，「敦支要遠航，非部長說了算。敦支要放假，非支隊長說了算。」、「幫國軍說話，出任務沒問題，該死的是隱匿疫情。」、「同班同學以您為榮，以老師為尊！」、「反對獵巫責難。」</t>
  </si>
  <si>
    <t xml:space="preserve">隨著新冠疫情在全球擴散，美中關係達到建交以來的最低點，已成為觀察家們的共識。歐巴馬政府時期主管中國政策的官員何瑞恩(Ryan Hass)分析稱，美中關係已由競爭關係轉變成敵對關係，這是長期的結構性壓力，即便民主黨拜登當選，能改善的情況也很有限。
何瑞恩曾任美國駐北京外交官，並在歐巴馬時期國安會主管過中國與台灣事務，他在接受《英國廣播公司》(BBC)專訪指出，華盛頓近期的外交策略值得商榷，面對中國大陸聲浪愈高的「戰狼外交」，美國「以牙還牙」的策略損害了政策目標。
何瑞恩說，目前確實是兩國建交以來關係最嚴峻的時候，以前許多外交上的艱困時刻，例如1989年天安門事件後、1996年的台海危機、1998年南斯拉夫大使館轟炸事件，以及2001年的南海撞機事件。但這些危機只要兩國合作共度難關，關係就能持續發展。現在完全不同，兩國關係承受長期累積的結構性壓力，它並非來自於新冠疫情，而是雙方都想在「一山不容二虎」的鬥爭當中獲勝。
他表示，這種關係已不是競爭關係，而是敵對關係。兩者的差別在於在競爭關係中，你嘗試比對方更具競爭力；而在對抗關係中，你會試圖傷害對方，因為對手遭遇的挫敗能相對加強己方的實力。
過去幾個月華盛頓與北京的關係在哪些關鍵時刻沒有處理好？何瑞恩認為，趙立堅式的言論對兩國關係造成了極大的傷害，這種言論極不明智，可以理解這是面向哪些觀眾，但確實在美國激起極大反感。美國政府也同樣有人主張要對中國展開輿論戰，事態發展至此，兩方都有責任。
現在美國鷹派抬頭，中國也是年輕鷹派，但其實都是民族主義抬頭，其背後原因是領導力的缺失。在過去幾年，中美關係曾面臨低盪，在歐巴馬和習近平時期，兩國關係也很複雜困難，但當時有領袖人物，關係氣氛就很不一樣。
何瑞恩認為，雙方現在都利用美中關係滿足其國內政治需要。歐巴馬當年認為，美中關係太重要，不能將它變成政治足球。但如今政治很大程度上操縱了政策，不僅僅是美國一方，在中國也出現了類似的情況。
在面對美國大選的情況下，何瑞恩表示，雙方關係會更進一步激化，至於會有多糟？要看北京如何回應美國的對華表態，這股批評聲浪可能會非常嚴酷，希望北京能眼光放得更遠，短期情勢也許會非常緊張，如果疫情拖到11月大選後，雙方關係下降太多，就很令人遺憾。
至於拜登如果當選，何瑞恩說，這4年發生的事也不會被遺忘，中美關係不會立即回到2016年。因為世界格局、美中關係都已變化，美國的政策也會改變。拜登當選後可能會比2016年更強硬，尤其在經濟方面，因為也需要對其支持者作出交代。
何瑞恩最後說，在後新冠疫情時期，兩國在疫情應對、保護國民和復蘇經濟的有效性都會評判。在預期新冠疫情的意義時，要保持謙遜的態度，以前發生重大事件時就會有很多世界要如何翻天覆地變化的文章出現，事後看來都不怎麼樣，這一次應該也不會例外。
</t>
  </si>
  <si>
    <t xml:space="preserve">據美媒引述美國疾控中心(CDC)資料報導，美國首例新冠死亡病例已由原來認定的2020年2月6日提前至2020年1月9日，提早了將近一個月。而且據其家屬表示，這名最新被確認為首例新冠病毒死亡病例，醫院方面的紀錄顯示，死者是一名婦女，死亡的原因是主動脈剝離，她過去也沒有中國大陸旅行史。而這個首例死亡的時間與中國官方公布大陸首例新冠死者死亡時間竟然很巧合是同一天。
美國《聖荷西信使新聞報》（San Jose Mercury News）報導說，最近有6個州(加州、阿拉巴馬州、喬治亞州、堪薩斯州、奧克拉荷馬州和威斯康辛州）有6份死亡病例進行修改，醫院方面將死亡原因修正為與新冠病毒相關，而其中最早的死亡案例是被提前了數周到2020年1月9日。
在此之前，被認為最早的新冠病毒死亡病例是2020年2月6日，死者是一名聖荷西的婦女。而最新被認定可能是最早新冠病毒死亡案例是來自堪薩斯州萊文沃斯（Leavenworth）的一名婦女，她在死亡17個月後才被診斷為因感染新冠肺炎死亡。
報導指出，目前由於隱私問題和新冠病毒大流行相關政策造成激烈的辯論，這些死亡背後的姓名、確切地點和情況暫時無法公開，這種情況讓很多專家感到非常沮喪。
報導稱，該病例有力地改寫了新冠病毒進入美國的時間線，因為萊文沃斯處在美國腹地，距離東西海岸較遠，且該病例此前無旅行史。
美國家衛生統計中心(NCHS)官員羅伯特．安德森 (Robert Anderson)表示，除非有充分的理由，否則認證機構通常不願意修改死亡證明。美國疾控中心目前已經將這些病例統計進官方資料中，加州大學柏克萊分校的傳染病專家約翰．史瓦茲伯格表示，當時因未沒有大流行，一些死亡病例被認為是一般感冒或流感，疫情追查也沒有針對病人是否去過中國或是與相關人接觸，不過如果當時有血採樣，仍可以對檢體做病毒篩檢。
史瓦茲伯格認為，新的死亡數據表明新冠病毒完全有可能早在12月甚至11月就已經在美國出現。因為這項疾病如果因感染而致死，時間通常約為3週。
報導說，現在確認了這名1月死者的死因與新冠病毒相關，但衛生統計機構仍有些不同的看法，有些專家認為，需要這些早期病例進行更深入的分析，例如要依據現有的證據，檢查6名早期死亡病例的病毒特徵，並確定毒株的來源是否有關聯性。
據大陸國家衛健委2020年1月23日通報，中國最早一例新冠死亡病例為一名61歲曾姓男子，他於北京時間1月9日23時13分去世，按美中部時間為1月9日9點13分，與美國首例新冠死亡病例布朗去世竟相當湊巧地在同一天。
</t>
  </si>
  <si>
    <t>因應開學將至，桃園市教育局已擬定開學前整備的檢核表，市長鄭文燦16日也宣布，將採高標準，1人確診就全校停課14天，家庭成員也要在聯絡簿記錄每日體溫狀況，以便掌握健康狀況。
鄭文燦說，因應9月1日開學，教育局已經制定開學前整備的檢核表，包括成立防疫小組、要做衛教宣導、購足防疫物資、進出管制、制定餐飲和消毒的規範、還有確診的應變等。
鄭文燦說，開學後桃園將採取比較高的標準，假設有1人確診，就全校停課14天。教育局指出，目前中央規定1校有2位以上師生被中央流行疫情指揮中心列為確定病例，該校停課14天，桃園更嚴苛，希望阻絕病毒在校園內傳播。
鄭文燦也特別提到，開學後家庭聯絡簿會增加家庭健康監測資料，鼓勵孩子們把家庭成員的體溫情況記錄下來，便於掌握健康狀況。
鄭文燦說，市府要在開學前完成校園環境消毒，全市306所學校分兩批完成消毒，18至23日針對196所國小，24日到30日針對110所國高中，306所學校務必要在9月1日前完成環境整備。</t>
  </si>
  <si>
    <t>瑞基（4171）雙喜臨門！不僅第一季營收以1.29億元，交出年增近五成的新高佳績，該公司開發的檢測新冠病毒試劑，也領先同業取得衛福部專案核准，未來將有助於擴大海外市場布局，帶動業績持續增溫，今年營運樂觀。
營運表現耀眼的瑞基，3月合併營收5,207萬元，年增113.1％，累計第一季營收1.29億元，年成長49.83％，由於業績逆勢成長，加上新冠肺炎檢測試劑開發報佳音，激勵該股連三日股價大漲，9日以98.1元作收，上漲4.58％，再度逼近百元大關。
新冠肺炎疫情席捲全球，瑞基發的檢測試劑3月已出貨巴拿馬，印尼，阿拉伯聯合大公國及巴基斯坦，歐洲包含英國、義大利、西班牙、德國與中南美洲包含哥倫比亞，烏拉圭，阿根廷等客戶皆積極洽詢中。
另外，衛福部也在4月6日核准瑞基新型冠狀病毒檢測試劑產品專案製造，是國內第一家。根據專案，該產品在台灣僅供衛福部疾管署認可進行嚴重特殊傳染性肺炎檢體檢驗之國內醫學檢驗實驗室使用。
國際方面，瑞基3月9日送件國際組織Foundation for Innovative New Diagnostics（FIND）的新型冠狀病毒分子診斷評測計畫，目前等待評核結果。
瑞基表示，3月營收成長動能主要來自畜產市場，全球非洲豬瘟疫情持續延燒，亞洲檢測需求強。大陸子公司復工良好，畜產檢測產品出貨暢旺；泰國與菲律賓代理商皆下單續訂非洲豬瘟產品，禽流感市場與水產市場亦穩定出貨。
法人認為，隨著新冠肺炎疫情持續蔓延，瑞基在積極擴大產能，因應來自畜產與新冠肺炎病毒檢測需求下，預估第二季將可延續成長力道。</t>
  </si>
  <si>
    <t>本土疫情爆發，1名網友在網路上陳述他一家5口有4人確診的真實故事，他說家中最先染疫的是父親，從18日有感冒症狀，到22日送往急診時血氧僅剩60%逝世，接著他的母親、1歲半的兒子也接連發高燒確診，而他雖然快篩4次皆陰性，但也有確診症狀；離譜的是，直到父親病逝，醫療單位皆未給他確診案號，以至於他每天只能從CDC公布的死亡名單中去猜測哪位是父親，文章公布引發外界譁然。
該網友在PTT發文說，他的父親在5月18日開始有輕微感冒症狀，21日生命跡象開始不隱定、無法自行下床，他詢問過大醫院急診無法再收人，因此緊急帶父親到附近診所，父親堅持不通報篩檢，只拿藥就回家；22日父親狀況急速惡化，嚴重發燒且意識模糊，他叫了救護車送急診後，醫院表示父親血氧僅剩60%，之後並告知父親確診，他也被要求做快篩，結果陰性，於是他與家人先返家準備隔離。
該網友說，23日醫院打電話通知父親血氧過低，已無法醫治，他與母親最後透過對講機和父親說了最後幾句話就天人永隔；隔天，他的母親也開始發燒，送至醫院後同樣確診，之後開始有疫調人員與他聯絡；不幸的是，他1歲半的兒子也確診，他雖然後續再做了3次快篩都驗出陰性，但陸續出現確診症狀，照X光與斷層掃描後，醫師也說他確實罹患肺炎；28日他的母親住進負壓式隔離病房，血氧從原本掉剩80%順利拉回正常值，而他全家則陸續接受隔離指引等。
該網友痛批1922、1999、疾管署、衛生局幾乎是獨立作業，「資料整合不到位，而且各有各的說法以及一套SOP」，他當下接收家人確診時手足無措，完全沒有感受到政府的幫忙；不過也有網友質疑其真實性，要求原PO提供案號，原PO則回覆從沒有人給過他編號，他每天只能追蹤CDC公布的的死亡名單，日前才看到一個很像是他父親的，但也無法確定身分。</t>
  </si>
  <si>
    <t xml:space="preserve">不論從哪個角度看各國在新冠病毒疫情控制上的數字，有一個國家的表現都格外惹人注目：韓國。這不是在外媒報導中找隻言片語來為自已吹噓防疫成就，而是實際對大規模疫情防控的有效措施，從數字上吸引了外國政府直接派員前來討教學習。韓國沒有封城封國、企業不停工，卻能把曾經全球第二嚴重的韓國大規模疫情硬生生地控制下來，很多國家都很羡慕：「韓國怎麼做到的？」
《紐約時報》專題報導指出，在2月下旬和3月初，韓國的新冠病毒感染人數激增，短短數日從數十例激增到幾百，再到幾千例。2月底每日新增近千例，幾乎要壓垮這個擁有5000萬人口的國家。但是不到一周之後，新增病例數減少一半，4天內再減一半，第5天又減半。
到上個周日韓國報告新增病例僅64例，是近一個月來最低。相比其他國家的每日新增感染數以千計，疫情第二嚴重的義大利每天有數百人死亡，而韓國一天的死亡人數則不超過8人。到25日為止，韓國總確診數為9067例，死亡120例，排在中國大陸、意大利、美國、西班牙、德國、法國、伊朗之後。
報導說，韓國是2個發生了大範圍疫情並壓平了新增病例曲線的國家之一，另一個當然是中國大陸。不過韓國沒有像大陸那樣封城封省， 也沒有進行像歐洲和美國那樣對經濟造成破壞的大封鎖。現在各國官員和專家正在仔細研究、總結韓國的經驗，他們的做法雖然不那麼容易，但看起來相對簡單並可承受：迅速的行動、大規模檢測和接觸者追蹤，以及必不可少的民眾支持。
報導表示，有些疫情快速爆發的國家開始對韓國的做法表現出興趣，包括法國總統馬克宏(Emmanuel Macron)和瑞典首相勒文(Stefan Löfven)都致電韓國總統文在寅，請求提供有關該國措施的詳情，世界衛生組織(WHO)總幹事譚德塞(Tedros Adhanom Ghebreyesus)也敦促各國「借鑒韓國和其他地區的經驗」。
不過韓國對此讚譽則謹慎表示，成功是暫時的，死灰復燃的風險仍然存在，尤其是當疫情繼續在國境之外肆虐的時候。
報導說，總結韓國控制疫情的經驗可以歸納為幾項重要措施：1、在變成危機之前迅速干預，快速生產檢測試劑盒；2、開設600個檢測中心密集地進行檢測，受檢過程10分鐘，6小時結果出爐，至今已超過30萬人受檢；3、利用手機App進行隔離、觀察與接觸者追查，以信用卡記錄與手機GPS掌控被監控者行蹤；4、爭取公眾協助進行疫情防控。
韓國模式可以複製嗎？報導認為，很多人都關注韓國的成功，它的方法既不複雜、也不昂貴，使用的技術也很簡單，在疫情比韓國嚴重的7個國家中，有5個都比它更富裕。
專家指出，效仿韓國有3大障礙，都與成本和技術無關。其一是政治意願，在疫情尚未發展成危機之前，許多國家都曾猶豫是否要實施嚴格的措施；其二是公共意志，韓國的社會信任度高於其他許多國家，沒有兩極分化和民粹主義反彈的困擾；其三是學習韓國時間是最大的挑戰，對於陷入疫情深淵的國家來說，要像韓國這樣迅速有效地控制疫情可能已經「太遲了」，就像現在的義大利。
</t>
  </si>
  <si>
    <t xml:space="preserve">海軍敦睦艦隊爆發新冠肺炎群聚感染，高雄市府今再公布14個須注意的地點，網友眼尖發現汽車旅館赫然上榜，笑言案情果然不單純！
海軍染新冠肺炎確診，高雄市府日前初步疫調停留超過半小時以上有漢神巨蛋(海港餐廳、添好運、café del sol)、瑞豐夜市、義大商城、家樂福鼎山店、好市多大順店、四維羽球場及小港郵局；其中漢神巨蛋、義大商城都停留超過2小時以上。
而今天，高雄衛生局再增14地點，包括：麗馨商旅七賢館、玫瑰汽車旅館、赤鬼牛排、新光三越高雄左營店等地方。
不過，眼尖的批踢踢網友發現一個很有意思的地點，就是汽車旅館，停留時間約為兩個半小時，網友紛紛表示，「尷尬了，汽車旅館，內行的都知道吧!」、「放假一定瘋狂作愛的」、「一樓~可以含蓄點嗎？是瘋狂做菜」、「以前收假都要聽小兵講幹砲的事」、「商旅一定是單純睡覺der」、「單純去休息3小時而已啦」！
</t>
  </si>
  <si>
    <t>行政院長蘇貞昌今（9）日在行政院會表示，全球新冠肺炎疫情尚未趨緩，預計全球經濟將續受衝擊，請副院長沈榮津、秘書長李孟諺協同主計長朱澤民協調各部會，即刻盤點受創產業需求，務實籌編追加紓困特別預算，於2周後在院會中提出，送請立法院審議。
蘇貞昌聽取國發會「國內外經濟情勢」報告後表示，台灣自6月7日擴大鬆綁防疫措施以來已滿月，連87天本土零確診。但全球疫情持續升溫，截至昨（8）日確診人數突破1100萬人、逾54萬人死亡，近期許多國家甚至出現第二波疫情，整體國外疫情仍相當嚴峻。
在疫情未趨緩情況下，全球經濟續受衝擊、多數國家陷入負成長，貿易動能持續低迷。各國為挽救經濟與失業問題，紛紛再擴大追加預算救經濟。蘇貞昌表示，台灣因超前部署、紓困措施及時到位，解封後許多內需產業逐漸回溫，但製造業及觀光運輸等產業仍受影響。
蘇貞昌指出，在新冠肺炎疫苗開發出來前，國際人流往來仍具相當風險，經貿情勢也充滿高度不確定性。台灣是高度倚賴出口國家，製造業等以出口導向產業受國際經濟景氣連動密切，人流往來受限亦使觀光運輸等產業持續遭受衝擊。
蘇貞昌表示，政府在此艱困時期仍要顧產業、撐廠商、守就業，協助產業保有基礎、度過難關，對仍受衝擊產業持續進行紓困與協助，除持續納編艱困產業的員工薪資及營運資金補貼，防疫方面亦不可鬆懈，防疫物資、疫苗採購及研發等經費請一併納入。
蘇貞昌強調，國家經費有限，各部會態度非常積極，但政府需把錢用在刀口上。請各部會共體時艱、將預算籌編完善，政府會扛起責任，協助已逐漸好轉的產業轉骨升級，並持續協助仍陷困境的產業度過難關。
國發會表示，政府紓困措施有效減緩疫情衝擊，發揮支持經濟、穩定就業效果。截至1日共發放922億元紓困現金、嘉惠近467萬人。融資貸款已核准1.32兆元、紓困約116萬戶，並協助約579萬個個人、家庭、業者減輕負擔。
受疫情影響，國內外主要機構下修台灣今年經濟展望、介於-4％～1.8％間。不過，主計總處預估，台灣今年首季經濟成長率為1.59％，且防疫規範擴大鬆綁已國內需求逐漸回穩，預期台灣經濟可望在第二季落底、下半年起逐步回升。</t>
  </si>
  <si>
    <t>台股雙王報復反彈接力賽開跑，權值王台積電2日率先開低走高，3日由股王大立光（3008）接棒，野村證券指出，新冠肺炎雖造成供應鏈動盪，卻給了大立光調整產能的好時機，以迎接未來強勁需求，重申「買進」投資評等，激勵股王大漲旋風再起。
台股受到美股道瓊指數大漲逾千點強彈帶動，3日開高走高，終場大漲1.41％、收11,327點，總算稍微扭轉近期跌跌不休頹勢，盤面不少個股全面跌深反彈，然而最具指標意義者，當屬股王大立光接棒上揚4.57％、收4,580元，與權王台積電一前一後為大盤送暖。
野村證券科技產業分析師李佳伶指出，大立光受新冠肺炎疫情衝擊，短線營運表現難免被影響，不過，股價自農曆年以來回檔超過一成以上、幅度比大盤更劇烈，研判近期的供應問題與大陸需求不振利空大致已反映在股價上。
李佳伶提醒，市場沒留意到的是，先前外界擔憂大立光因產能極度吃緊，可能限制營運上檔空間，現在反而因新冠肺炎疫情獲得調整機會，畢竟大立光多數產能位於台灣，較不受武漢肺炎停工影響，這也使得大立光可趁傳統淡季時，更有彈性地去調整產能，迎接未來需求。
大型本土投顧表示，大陸智慧機出貨量雖被新冠肺炎衝擊，然根據Gartner與小米意見，只要疫情獲得控制，智慧機生產將在第二季反彈，帶動智慧機鏡頭需求量未來幾個月內出現明顯回溫。
放眼下半年的蘋果新iPhone商機，大立光除了在鏡頭供應鏈中維持優勢地位外，天風國際證券還看好，大立光將搶食新iPhone的高單價、超廣角鏡頭訂單，比重可能上看四成，打破先前由玉晶光獨家供應局面。
廣發證券執行董事暨海外電子產業首席分析師蒲得宇則指出，短線來看，考量新冠肺炎造成停工因素，iPhone通路庫存已降至低水位，將驅使蘋果積極拉貨零組件，此外，三星發表GS 20機款也會給大立光增添更多動能。
中長線而言，儘管大立光至2023年新增產能極為有限，但整體鏡頭供需情況對大立光有利，也就是產品組合改善加上毛利擴張，是提高大立光獲利的重要引擎。</t>
  </si>
  <si>
    <t xml:space="preserve">成軍18年的台灣天團「5566」，2019年再度合體開唱，以孫協志、王仁甫、許孟哲3人之姿帶著《Since 5566演唱會》，成功唱進台北小巨蛋。3人原訂3月7日移師高雄巨蛋，早已秒殺的萬張門票，售票網站截至今（23）日已有超過640張以上的票卷釋出，完封北、高兩蛋紀錄破功。
5566去年11月宣布揮軍高雄巨蛋，一萬張門票開賣5分鐘全部售罄，北高巨蛋演唱完售紀錄達成；但天團仍不敵天災人禍，「新冠肺炎」疫情持續延燒，疾管局日前宣布大陸人士暫緩入境、港澳人士入境後需居家檢疫14天，主辦單位也於9日宣布演唱會照常舉辦、但全面開放粉絲退票，讓一票難求的演唱會立即釋出600多張的票券。
主辦單位華貴娛樂為了不讓久候的歌迷失望，9日在臉書粉專宣布3月高雄演唱會將如期舉辦，並全面開放退票至17日止、大陸和港澳粉絲則可延至21日退票；屆時現場也會徹底實施防疫措施、請觀眾佩戴口罩入場。
更多 CTWANT 報導
</t>
  </si>
  <si>
    <t>新北歡樂耶誕城將於12月3日開城，有板橋居民在網路上貼文抱怨，為期一個月活動讓板橋陷入交通黑暗期，根本是「撒旦城」，新北市長侯友宜今上午出席「光耀新北-1314就愛你跨河煙火記者會」表示，鼓勵民眾多搭乘大眾運輸系統，他用熱忱的心歡迎大家來走一走，在疫情守住平安度過歲末這一年，用溫馨態度迎接平安幸福的明年。
侯友宜指出，去年有670萬人次造訪歡樂耶誕城，交通狀況順暢，鼓勵民眾搭乘大眾運輸系統到板橋站，下車就可到歡樂耶誕城。
新變種病毒Omicron來勢洶洶，新北歡樂耶誕城是否會加嚴及人流數的限制？侯友宜說，會採取更嚴格的標準來落實執行防疫，不但全區要戴上口罩，管制出入口也採實名制，另量體溫、勤洗手也不可缺，除會遵照中央指示，也會針對人流量與交通運輸來做好防疫管控，一定從嚴以防疫為主辦理。
雖有網友抱怨新北耶誕城變「撒旦城」，不過也有不少網友表示：「今年主題是樂高，我是樂高粉」、「樂高聖誕老人好可愛」、「往年新北耶誕城的燈光秀，都能讓我感受到美好動人又歡心的感動，好期待！」等語。</t>
  </si>
  <si>
    <t>高端疫苗（6547）總經理陳燦堅宣布，已於2／16與美國國衛院（NIH）完成合作合約簽署，美國國衛院將提供其最新研發的新冠肺炎（COVID-19）候選疫苗與相關生物材料，提供高端疫苗在台灣進行動物試驗，以做為評估人體臨床試驗及開發新一代疫苗的重要依據。
目前高端已安排合乎生物安全規範之動物活體實驗室，將開始執行動物試驗。
此次美國NIH所開發的COVID-19候選疫苗，係採用NIH過去針對SARS、MERS-CoV所建立的冠狀病毒抗原製備平台（基因重組棘蛋白表達系統）進行開發，並藉由過去MERS疫苗的開發經驗，快速建立了COVID-19疫苗製備與動物試驗設計。美國NIH也正在同步執行各項臨床前試驗，以準備盡速展開人體臨床試驗，美國NIH評估本項產品有機會在今年第二~三季啟動人體臨床試驗。高端疫苗將積極諮詢官方主管機關，力拚今年上半年完成動物試驗，並規劃執行在台灣的人體臨床試驗，以驗證COVID-19候選疫苗的安全性與療效。
高端疫苗為美國NIH在亞洲地區的重要防疫與研發夥伴，合作項目包含登革熱疫苗、茲卡疫苗等開發案。高端疫苗表示，基於過去長期合作關係，當新疫情爆發後，雙方立即展開協商，短時間內即簽訂合作合約，以推動疫苗早日上市，提升國內防疫能力。</t>
  </si>
  <si>
    <t>新冠肺炎自從去年底在大陸武漢爆發以來，已經感染了超過4萬2千人，造成超過1千人死亡，各項數字都超過了2002-2003年間的SARS。雖然99%的病例都出現在大陸地區，但病毒的擴散範圍和速度都超乎專家的預估，世衛在1月30日宣布新冠肺炎已構成「國際關注公共衛生緊急事件」。
新冠肺炎的疫情嚴峻，造成各國不斷祭出旅遊禁令，也因為越來越多航班取消，亞洲各地已有超過20場大型商展和研討會被迫取消或延期，經濟損失上看數十億美元。
世衛總幹事譚德塞表示:「我們對於新冠病毒的認識有限，必須仰賴各國繼續提供病毒樣本，才能研發疫苗和藥物。如果是對抗恐怖份子，我們都有周全的準備，但比起恐怖攻擊，新冠病毒對於政治、經濟和文化造成的威脅更大，我們需要將之視為頭號敵人，合力研發能與之對抗的武器。」
隨著超級傳播者的案例傳出，許多沒有大陸旅遊史的外國民眾也遭感染新冠病毒，譚德塞用「星火可以燎原」來比喻，認為全球的公共衛生安全確實已經受到極大的威脅，呼籲各國「必須醒過來」，一起對抗頭號敵人。</t>
  </si>
  <si>
    <t>新冠肺炎疫情延燒不退，衝擊餐飲業景氣低迷之際，白手起家的7年級生鄭加成拿出求學當從打工仔的拚勁，勇闖疫關，在嘉義市新開一家火鍋店，他說，朋友都說他「很有勇氣」，他只是相信一分耕耘一分收穫，危機也會是轉機。
鄭加成從小就幫忙父母經營早餐店，養成他喜歡與人打交道的活潑個性，也啟發他想創業的念頭，念虎尾科技大學時打3份工，在連鎖麵食店工作，幫房屋仲介業拿街頭看板，負責補習班招生業務，省吃儉用存錢，畢業後去當兵，一退伍就用所有積蓄創業。
鄭加成說，退伍後他騎摩托車回到打工的麵食店，頂下老闆的店，有3名員工要離職，還嗆他「你騎摩托車，哪有錢發薪水給我們？」這句話激勵他更加勤奮打拚，麵食店生意漸入佳境，由虧轉盈，結果3年後離職的3名員工回頭求職。
鄭加成創業10年陸續在雲嘉地區開4家店，新開幕的「火鍋世家」是第5間店，他說，這家連鎖火鍋店在北部很夯，他首次引進嘉義開店，嘉義的餐飲業很競爭，尤其疫情爆發之際開店是有風險，但一直繳店租不營運也非長久之計，相信努力總會有轉機。
鄭加成說，食材採用頂級海鮮及肉品，還有嘉義在地蔬果，醬料、飲料、冰淇淋都是優質品牌，免費供應，因應疫情有防疫措施，宣導客人勤洗手，為客人帶位會隔桌入座，清明連假有開幕優惠，生意還算平穩。</t>
  </si>
  <si>
    <t>指揮中心指揮官陳時中表示，國光公司從一期臨床試驗結果，無法決定最適劑量，建議重新執行劑量探索臨床試驗。對此，國光生科（4142）表示，政府對國光新冠疫苗臨床試驗的建議，待接獲正式公文通知後再詳細研究內容，持續向二期前進。
國光強調，有無政府補助款從來不影響國光新冠疫苗開發計畫，未來仍將持續進行國內外二、三期臨床試驗規劃，國光全力開發新冠疫苗成功的初衷和決心未曾改變。
國光生新冠肺炎疫苗開發於11月20日送件申請二期臨床試驗，但恐無法趕在12月底前完成第一例收案。
國光生指出，一期臨床主要是安全性實驗，目前看起來安全性沒問題，免疫反應也有，產生抗體量沒有預期的高，二期臨床就會針對此部分進行調整。整體時程不致重大影響，有無補助都會做到底。
國光生技認為，12月底來不及進入二期，希望1月上旬可啟動，預計整體時程不會遞延太久。規劃二期臨床試驗將在台灣與東南亞某國同時進行，海外臨床試驗部分已談妥，但還不能透露地點。
此外，繼成功布局大陸、歐洲、美國等市場後，國光生明年除強化耕耘台灣四價流感疫苗、東南亞四價流感疫苗銷售量、Sanofi專業分工生產（北半球）、大陸天道醫藥專業分工生產（歐洲）、新冠疫苗檢驗試劑銷售（安特羅）外，還將新增大陸四價流感疫苗銷售、Sanofi專業分工生產（南半球）。另與日本sumitomo集團合作開發新一代流感疫苗，蓄勢切入日本市場，國際布局更上層樓。</t>
  </si>
  <si>
    <t>從祕魯返國後在屏東枋山居家檢疫期間確診的祖孫，經基因定序後確定為「印度Delta變異株」，而與其有關的7名確診個案，目前雖未確定病毒株，但屏縣府嚴正以待，不僅點名楓港、善餘2村全面篩檢，縣長潘孟安還趕到當地活動中心進行村里廣播，既要求又拜託地請大家一定要去篩檢。
潘孟安透過村里廣播系統、認真喊話道，「拜託大家，也要求大家，這幾天一定要去快篩站篩檢，雖然現在是農忙期，但一定要找時間去，請大家一定要踴躍篩檢，保護自己、保護家人，也保護鄉親、鄰居」。
他提醒枋山鄉民，快篩站位於善餘村籃球場，篩檢時間至26日中午12點，請大家一定要把握最後時間去篩檢。</t>
  </si>
  <si>
    <t>國內新冠疫情不斷升溫，許多企業期盼能自行購買快篩試劑保護職員安全，不過礙於法規限制上不可行，疫情指揮中心表示，昨(26)日已邀集相關部會討論，會後決議由經濟部提出計畫到指揮中心審查，再決定是否擬定指引。
中央流行疫情指揮中心醫療應變組副組長羅一鈞表示，昨(26)日下午指揮中心邀集經濟部、勞動部、科技部等，以及北、中、南三個科學園區管理局開會，針對篩檢技術面考量如偽陽性、偽陰性問題討論、陽性如何處理等；勞動權益方面，針對是否受雇者一定要篩檢、企業如何和醫界媒合篩檢等進行交換意見，會後決議由經濟部提出計畫到指揮中心審查，之後再核定是否擬定進一步的計畫和實施。
指揮官陳時中指出，近日在專業意見、法規方面討論上基本都有共識，但礙於快篩仍有觀念上的問題，例如偽陰、偽陽的問題，過去快篩做得少，快篩和PCR平行檢測經驗也不多，希望有些本土資料可供大家參考。</t>
  </si>
  <si>
    <t xml:space="preserve">看來NBA想要重新開打的日子仍很遙遠！根據美國塞頓霍爾大學史蒂爾曼商學院做出民調，高達7成2的美國民眾，在還沒開發出新冠疫苗之前，就算體育賽事恢復舉辦，他們也不去現場看球，甚至7成6民眾希望比賽採取閉門方式進行。
甚至針對喜愛現場觀看體育賽事的球迷做民調，也有6成1球迷表態在沒有疫苗之前，不會前往現場觀看球賽，只有大約1成2民眾認為，如果能夠保持一定的社交距離，他們才會考慮前往現場看球，代表新冠疫情仍帶給體育賽事很大打擊。
就算部分體育賽事有望重新開打，只有1成3民眾認為還能安心在現場看球，看起來絕大部分的美國民眾，仍不願意冒著可以感染新冠肺炎的風險現場看球，可是目前醫療專家認為，在2021年之前都不太可能研發出新冠肺炎的有效疫苗。
當前最有可能的折衷方式是閉門比賽，這項提議獲得7成6民眾的支持，也都願意透過電視或網路直播方式收看比賽，且對體育賽事的興趣不會降低，卻有將近4成6的美國民眾悲觀認為，今年所有的體育賽事都會面對無奈取消的命運。
</t>
  </si>
  <si>
    <t>雲朗觀光集團旗下雲品（2748）受新冠肺炎疫情影響住房、宴會訂單遞延，2020年3月自結合併營收0.92億元，月減24.2％、年減55.54％，為近19月低點。累計首季合併營收4.99億元，季減25.41％、年減23.71％，亦為近1年半低點。
雲品表示，短期營運雖見住房、館外餐飲業務訂單遞延情形，但首季合併營收仍有4.99億元水準，再加上公司現金流量充足穩定，評估短期受疫情影響幅度仍在可控制範圍，因此公司亦決定現階段不減薪、不放無薪假，在非常時期建立優質團隊。
雲品指出，觀光飯店及宴會業務受疫情影響首當其衝，考驗公司體質及應變能力。公司去年淨現金流入達6.93億元，年增86.46%，帳上現金及約當現金水位達1.2億元，且日月潭雲品不需承擔租金費用，公司具備良好財務體質健全度，能面對新冠肺炎疫情挑戰。
展望本季營運，雲品維持審慎保守態度，4月受惠清明連假帶動國旅需求增溫，日月潭雲品住房率維持8成水準，並與台北君品同步祭出促銷措施，挹注住房及餐飲表現。公司也透過母公司雲朗統一行銷、採購、人力調配等資源整合，持續強化營業費用管控。
雲朗、老爺及凱撒3大連鎖飯店集團近期首次跨品牌合作，聯合推出「CLR聯合通用券」，給予旗下共1萬名飯店同仁和關係企業員工，平均每人約1萬元，可在三大集團旗下30家飯店住宿抵用，並針對企業公司行號大量銷售通用券，期待能挹注未來營運動能。</t>
  </si>
  <si>
    <t>世界各國頻傳突破性感染的案例，台灣共9人打完2劑AZ後14天仍確診。對此，胸腔科醫師蘇一峰疾呼，只打一劑疫苗真的不夠，大家快去打兩劑，如今還沒打疫苗的人要很小心過日子，讓不少網友看了超崩潰，不是不想打，重點是打不到，連第一劑都沒得打，還去想第二劑。
蘇一峰昨在臉書上分享，台灣9人突破性感染，打完2劑AZ疫苗14天後還是確診，可見面對強悍的變種病毒，只打一劑真的不夠，全民趕快去打兩劑疫苗，現在還沒打疫苗的人要很小心的過日子。美國、以色列與日本都決定要打第三劑加強劑防變種病毒。
蘇一峰表示，以色列大力肯定施打第三劑BNT的療效，當地政府也分享已打第三劑的百萬人的研究發現「保護力增為2.5倍！而且打完一周即可到達免疫高峰。」因此以色列決定繼續接種第三劑疫苗的政策，藉此對抗強勢的變種病毒。
蘇一峰也說，美國政府為了對抗變種病毒，也宣布過去打過2劑BNT和莫德納疫苗的民眾，可以在第二劑打完滿8個月的時候打第三劑加強劑，預計將在九月開始實施，至於前面兩劑打其他廠牌疫苗的人，則暫時沒有機會打第三劑。
不少網友看了崩潰直呼，很多人到現在連第一劑都沒有打到，更不要說第二劑了，其實大家現在已經不是排斥打疫苗，而是真的沒有疫苗可打。「真的不是不打，是打不到，等到天荒地老」、「別說了，我連第一劑都打不到，等不到莫德納，直接改選了AZ，然後還要等前面就選AZ的人先打，才有機會輪到我。天啊！這是懲罰人嗎？」
中央流行疫情指揮中心昨宣布，第六輪高端疫苗符合預約資格者，調整為20歲以上的人都可以預約施打，但仍有不少網友還是希望可以打國際認證的疫苗，「如果除了高端以外沒有其他選擇，我寧可一針不打」、「35歲以下若不預約高端，我之後會有其他疫苗嗎？」</t>
  </si>
  <si>
    <t>行庫主管對於台股進場的「準則」－低於萬點或在萬點附近，就是長線買進點，可以「閉眼買，隨便賺」。台股大盤17日盤中突破10,700點，創近月來新高，老行庫重新統計，手中可加碼的資金還是很多，確定要集中火力，鎖定二大類股票，第一類為新科技的相關股票，第二類是高股息績優股。
合作金庫銀行指出，台股投資一向以穩健為原則，投資標的以大型績優股為主，隨著疫情發展，邊走邊打、謹慎操作，鑒於全球資金仍然寬鬆，而新科技持續發展，因此鎖定第一類股票為5G、物聯網、電動車等新科技方面。第二類股票則是逢低分批布局具產業前景的高股息績優股，並將視市場狀況機動調整部位及操作策略。
合庫銀主管分析，考量新冠肺炎對經濟帶來的不確定性，國際經濟有下行風險，不過台股的高殖利率仍具吸引力，加上台灣疫情相較於大陸、日本、南韓等國輕微，目前並無大規模停工的情形，若台灣疫情持續穩定，預期市場轉單效應及台商回流效應將持續，甚至加速，則未來台灣外銷接單可望逆勢成長，台股長線仍持續看好。
臺灣企銀主管指出，今年全球經濟遭遇新冠肺炎疫情失控黑天鵝的影響，衝擊企業營收，促使投資人重新評估市場風險，考慮消費市場已受到相當嚴重的影響，且恢復時間、恢復力道仍取決於後續全球疫情變化，基本面存在下行風險，全球經濟衰退機率大幅提高，因此今年台股將進入修正格局。
不過，台股平均殖利率今年預計仍有4％，因此現金殖利率概念股仍是進可攻退可守之標的，擬配合金融市場變化，於台股回檔修正時，逢低布局高殖利率且具成長性的中大型績優股票，短線上則選擇具成長前景、受惠新應用，包含網通5G、AI人工智慧等績優公司，列為投資標的，進行價差交易。</t>
  </si>
  <si>
    <t xml:space="preserve">新冠肺炎疫情升溫，全台累計確診達40例，口罩實名制上路後，仍是無法滿足民眾需求，對此，新北市長侯友宜今（2日）上午表示，1周2片口罩事實上是不夠的，中央如果量足，希望也能盡量滿足民眾的需求。
侯友宜提到，中央慢慢在整個口罩的生產線已經大幅度提升；如果提升夠的話，相信中央也會做好調整步伐，希望大家都能配合中央一起來共體時艱，當然數量就盡快提供給很多需要口罩的民眾，這也是很重要的一環。
</t>
  </si>
  <si>
    <t xml:space="preserve">新冠肺炎仍持續在全球各地肆虐，甚至連足球明星C羅也慘遭「毒手」。為防止疫情進一步擴散，世界銀行宣布已批准120億美元(約新台幣3502.8億元)的融資，協助全球111個發展中國家購買並分配安全而可靠的疫苗。
「半島電視台」14日引述世銀聲明，這120億美元是世銀提供的1600億美元(新台幣約4.67兆元)系列計畫中的1個子計畫，其目的為打擊新冠肺炎疫情在發展中國家的擴散。
報導中指出，「世界衛生組織」(WHO)與「新冠肺炎疫苗全球取得機制」（COVAX）將充分運用這筆經費，讓受援國家能夠更多元地取得與分配疫苗。透過挹注大筆資金，「等於向研究單位與製藥工業發出訊號」，進而讓發展中國家可取得安全且有效的新冠肺炎疫苗。
此外，這筆資金也能協助各國進行篩檢與治療，也對疫苗供應鏈的管理與後勤有所裨益。
世銀的「新冠肺炎緊急應變計畫」已協助全球111個國家，新一輪的資金有助於這些發展中國家更穩定的取得安全疫苗。總裁馬爾帕斯（David Malpass）表示，世銀正積極擴展快速取得的方法，以解決新冠肺炎的急迫性，好使發展中國家能公平地取得疫苗。
馬爾帕斯強調，加強運輸系統與疫苗的安全有效性，對於遏阻疫情大流行卓有成效，同時也讓因疫情而陷入災難性經濟與財政危機的國家，重新復甦。
眾所周知，疫苗的開發與投入使用對於阻止新冠病毒的大流行至為關鍵。目前新冠肺炎已造成逾100萬人死亡，3800萬人感染，數百萬人失業。不幸的是，包括嬌生與禮來2家美國藥廠，在研發疫苗過程都極盡顛簸。
</t>
  </si>
  <si>
    <t xml:space="preserve">美國食品暨藥物管理局（FDA）於美東時間22日表示，將批准施打第3劑輝瑞/BNT加強針的緊急使用授權（EUA），不過與拜登政府原先計畫讓全民接種的目標不同，FDA只批准讓65歲以上長者、重症高風險、以及工作有較高染疫風險的3大族群施打。
綜合美國有線電視新聞網（CNN）、路透社報導，加強針將適用於完整接種2劑疫苗後至少6個月的適用族群。
FDA代理局長伍考克（Janet Woodcock）在聲明中表示，在考量所有現有科學證據及諮詢外部專家建議後，FDA批准讓部份族群接種BNT加強針，這些族群包括醫護人員、教師、日托人員、超市工作人員、收容中心、監獄及其他等人員。
拜登政府8月宣布計畫本周讓16歲以上民眾施打加強針，這項計畫一直在等待FDA及美國疾病管制暨預防中心（CDC）批准。
FDA官員表示，CDC專家小組23日將針對FDA的加強針政策投票表決，CDC必須批准，加強針計畫才能正式啟動，CDC預防接種諮詢委員會（Advisory Committee on Immunization Practices）也能進一步建議如何施打第3劑。
路透社指出，FDA未來仍能重新考慮是否擴大施打加強針。FDA內部對於是否要擴大讓全民接種第3劑意見分歧，FDA代理局長伍考克支持這項政策，不過部份資深科學家反對，指出現有科學證據並不支持。
CNN指出，FDA這項決定給了輝瑞（Pfizer）安慰獎，輝瑞先前申請讓16歲以上民眾在接種完2劑疫苗後施打第3劑，他們指出有足夠證據顯示免疫力在6個月後下降，加強針能夠安全地提升免疫力。
FDA的疫苗專家17日才一致建議批准第3劑BNT疫苗的EUA，不過施打範圍僅限65歲以上民眾及重症高風險族群，接種時間點為第2劑疫苗後6個月。
美聯社評論，在專家建議僅讓部份高風險族群接種第3劑後，FDA做出這樣的決定並不令人意外，不過在CDC正式做決定前，加強針計畫還不能正式啟動。CDC專家於昨（22）日起展開為期2天的會議，他們將根據自己的判斷決定是否建議追打疫苗、誰能接種、以及何時開始接種。
美國先前已經批准讓部份免疫低下民眾接種第3劑疫苗，不過並未開放讓全民施打。根據CDC統計，目前全美約有230萬人已經接種第3劑BNT疫苗。
</t>
  </si>
  <si>
    <t xml:space="preserve">新冠肺炎疫情持續全球大爆發，全民積極防疫同時，詐騙集團卻搶搭「防疫」便車，持續詐欺犯罪得逞。根據165反詐騙諮詢專線統計，自1月底政府徵用口罩後，即大量出現民眾因網購口罩遭「假網拍」詐騙案件；而僅今年3月，涉及「額溫槍」之假網拍案件也有20餘件，有民眾花了4400元買2支額溫槍，卻收到一堆保麗龍等垃圾，氣得報警。
台中50歲陳姓男子日前在臉書看到有賣家出售額溫槍訊息，留言表示欲購買，該賣家私訊他，告知額溫槍僅以「甜甜價」新台幣1100元出售，陳見價格便宜立即下訂，並採用貨到付款方式至超商取貨。然而他將貨品開箱後，發現收到的竟然只是普通的電子溫度計，外加1小瓶乙醇消毒液，根本不是原本想要購買的額溫槍；再聯絡該賣家已無回應，臉書帳號也已關閉，驚覺遭詐騙。
另名基隆40多歲林姓民眾更慘，他因擔任社區總幹事，為便於量測進出人員體溫，也是透過臉書，向賣家訂購額溫槍，經line聯繫後，以1支2200元價格，共購入2支。在等待到貨期間，賣家曾告訴林，包裹出現異常，可能被調換，請不要取貨，但林多次詢問到貨時間，該賣家卻又反覆其詞。
最後林終於取得物品，打開一看卻發現竟是一堆廢紙、保麗龍、防撞泡泡紙等廢棄雜物，憤怒之餘向賣家提出詢問，賣家則誆稱林民取到的貨品，應該就是疑似被調換的包裹，可協助辦理退款，但在林民提供個人帳號之後，賣家即不讀不回，也沒收到任何退款，痛批詐騙集團並報案。
警方表示，經分析涉及額溫槍的假網拍案情，發現有高達7成被害人，透過臉書的物品買賣、交流社團，採網路轉帳、ATM轉帳，或貨到付款方式買額溫槍，其餘2成是透過拍賣平台或不明網站購買，1成則是透過友人介紹購買。
警方說，詐騙集團普遍採用「少量現貨」的說詞，利用飢餓行銷手法引起民眾購買興趣，再以「甜甜價出清」的話術，以明顯低於行情的售價，加強購買意願，雖然被騙的金額並不高，仍對民眾的日常生活造成困擾。
</t>
  </si>
  <si>
    <t>國內疫情趨緩，降為二級警戒，恢復正常運作，加速上班族施打疫苗的意願，但有不少人在接種完新冠疫苗後都出現副作用，就有名女性上班族在網路上表示，自己打完AZ後頭爆痛「覺得眼睛掉出來」，不過老闆的一句話讓她相當猶豫到底該不該請假，貼文曝光引發上班族討論，更意外釣出網友分享公司的超讚福利
這位女性上班族說自己打完疫苗後，身體非常不舒服，不過，老闆卻跟她說，他的女兒及兒子打完後都沒有感覺，這也讓原PO非常猶豫詢問，「大家打AZ隔天都有請假嗎？」
文章PO出後網友熱烈回應，「聽說身體越健康反應越大」、「為了不讓妳請假，老闆什麼謊言都說的出來，最好隔天請假」、「我打莫德納，我想上班，可是老闆娘要我們多放兩天…只有手痛，手舉不起來，頭痛而已」、「請假這種事自己決定不就行了」、「隔天起來馬上請，很像昨晚喝了很多很多酒又掉到水溝裡面」、「有請假，第二天有疲倦感」。
網友回應五花八門，但最讓人羨慕的是，竟然有網友分享自己公司不止給2天的疫苗假，薪水也照算，讓大家認證根本幸福企業，由此看出，每家公司對於施打疫苗都有不同的做法。
1111人力銀行發言人黃若薇表示，隨著警戒降至二級，民眾對疫苗的需求急速升高，特別是需要正常工作的上班族，中央流行疫情指揮中心也公布過施打疫苗可以請「疫苗接種假」，依法雇主不能拒絕給假，但可以不支薪，員工在請假後，雇主也不得做出處罰。</t>
  </si>
  <si>
    <t xml:space="preserve">好萊塢除了名人染疫外，大片停拍消息更不間斷，包含名導詹姆斯卡麥隆（James Cameron）的《阿凡達》系列電影、男神基努李維（Keanu Reeves）的《駭客任務4》、「蜘蛛人」湯姆霍蘭德（Tom Holland）改編電玩遊戲的《秘境探險》都也逃不過無限期停機的命運。
據《紐西蘭先驅報》報導，《阿凡達》系列續集已停止原訂4月紐西蘭的拍攝計畫，製片強蘭道（Jon Landau）證實團隊已取消飛往威靈頓的計劃，「在威靈頓總部的Weta Digital會繼續處理視覺效果，其餘全員留在美國洛杉磯。」據悉，續集總成本將達10億美元（305億台幣），目前4部續集確定上映。同樣於紐澳地區停拍的劇組還包含《魔戒》影集、梁朝偉的漫威電影《上氣》、湯姆漢克（Tom Hanks）的《貓王》傳記電影。
而因德國疫情加溫而停拍的《駭客任務4》，原訂本週到當地準備拍攝，不過電影公司考量疫情，加上美國總統川普針對歐洲實施旅行禁令，決定以工作人員安全為優先，宣布停拍。此外，湯姆霍蘭德主演的《秘境探險》改編暢銷電玩遊戲，籌備過程波折不斷，導演一口氣換了7次，好不容易敲定人選，原定下月在柏林開拍，沒想道再次面臨停拍窘境。據《Deadline》報導，湯姆霍蘭德原本7月將進組拍攝《蜘蛛人3》，如今是否受影響仍是未知數。
在全球停拍的電影還有羅伯派汀森（Robert Pattinson）的《蝙蝠俠》、J.K.羅琳《怪獸與牠們的產地3》、威爾史密斯（Will Smith）的《King Richard》、卡蜜拉（Camila Cabello）的真人版《灰姑娘》、凱文哈特（Kevin Hart）的喜劇《多倫多人》、伍迪哈里遜（Woody Harrelson）的恐怖片《Shrine》、，至於印度寶萊塢則到3月底前停止拍攝。
</t>
  </si>
  <si>
    <t>官方「上海發布」微信公眾號消息，上海新增3例本土確診病例，加上之前2例。5例都是浦東機場境外貨機作業人員。上海市衛生健康委21日在市疫情防控工作新聞發布會通報：上海8月2日確診的本土病例20日已治癒出院。8月20日0-24時，上海市報告2例本土新冠肺炎確診病例，目前在市公共衛生臨床中心隔離治療，病情平穩。對20日2例確診病例已實施集中隔離觀察的密切接觸者，連夜排查，21日發現3例新冠肺炎病毒核酸檢測陽性。
經市專家組會診，結合流行病學史、臨床症狀、影像學表現和實驗室核酸檢測結果，3例均被診斷為新冠肺炎確診病例（輕型），目前已轉運至上海市公共衛生臨床中心隔離治療。也就是說，昨天報告的和今天報告的一共5例涉及浦東機場的確診病例，均已在市公共衛生臨床中心隔離治療。
今天3例病例的具體情況如下：
病例3，為浦東機場境外貨機作業人員，男，45歲，居住於浦東新區鹽朝公路798號錦江之星（東海鎮店），是8月20日確診病例2的同事。該病例已全程接種新冠疫苗。
病例4，為浦東機場境外貨機作業人員，男，45歲，家庭地址為浦東新區祝橋鎮千匯路280弄千匯苑一村社區；居住於浦東新區鹽朝公路798號錦江之星（東海鎮店），是8月20日確診病例2的同事。該病例已全程接種新冠疫苗。
病例5，為浦東機場境外貨機作業人員，男，45歲，居住地址為浦東新區祝橋鎮千匯路1000弄祝和苑北區，是確診病例4的密切接觸者。該病例已全程接種新冠疫苗。
上海市、區相關部門立即行動，對上述病例居住地和相關場所及人員全面開展流行病學調查、人員排查、採樣檢測和隔離管控。
截至今天10時，此次浦東本地疫情，已累計排查到在上海市的密切接觸者120人，均已落實集中隔離，其中3人核酸檢測陽性，就是前面介紹的病例3、4、5，其餘117人核酸檢測結果為陰性。
累計排查到在上海市的密接的密接729人，均已落實集中隔離，核酸檢測結果均為陰性。累計排查到在本市的篩查對象74879人，其中74639人核酸檢測結果為陰性，其餘正在檢測中。
目前已完成相關場所的物品、環境樣本檢測939份，其中14份樣本核酸檢測結果為陽性（8份為機場集中居住點房間內的環境樣本，這8份樣本中7份在一名確診者房間、1份在一名密接者房間；其餘6份陽性樣本為一名確診者家中的環境樣本），除上述陽性樣本外，其餘檢測結果均為陰性。
根據大陸國務院聯防聯控機制有關要求，經上海市新冠肺炎疫情防控工作領導小組辦公室研究決定，將浦東新區祝橋鎮千匯路280弄千匯苑一村社區和浦東新區祝橋鎮千匯路1000弄祝和苑北區列為中風險地區，上海市其他區域風險等級不變。
近期發生的本土疫情再次表明，疫情防控不能有絲毫麻痹懈怠和僥倖鬆勁。下一步，將毫不放鬆抓緊抓實抓細「外防輸入、內防反彈」各項措施，發揚「事不過夜」精神，全力做好流調溯源、隔離管控、核酸檢測、醫療救治等工作，進一步發揮發熱門診和發熱哨點診室等「監測哨」作用，嚴格落實「四早」要求，使應急處置跑在病毒傳播擴散前面。</t>
  </si>
  <si>
    <t>中國國民黨力挺縣市政府防疫，鑑於苗栗縣急缺酒精等防疫物資，黨主席江啟臣今（8）日上午致電金門縣長楊鎮浯，楊縣長隨即指示全力支援，金門縣將提供144箱，共3456瓶酒精，讓苗栗用於清消防疫。
鑑於中央政府防疫不力，國民黨結合十四個執政縣市首長組成「抗疫聯盟」，日前召開執政縣市防疫會議，江主席會中指示全體執政縣市團結一心、聯合防疫。黨中央近日亦積極協助各縣市防疫工作，募集各項防疫所需醫療物資，提供給需要的執政縣市政府分配運用，強化各縣市的防疫量能。日前也由李乾龍秘書長募集大量快篩劑致送離島執政縣市運用。
連日來苗栗縣疫情升溫，徐耀昌縣長透過執政縣市平台反映缺乏酒精等防疫物資，江主席上午致電金門縣長楊鎮浯，期盼金酒公司能協助提供大量酒精給苗栗進行大規模清消。楊縣長隨即裁示相關單位全力支援，將提供144箱，共計3456瓶酒精，讓苗栗防疫。
對於楊鎮浯縣長秉持全國一命的精神，明快支援苗栗縣的防疫需求，國民黨中央表達深切謝意，也期盼所有執政縣市持續風雨同行，齊心防疫，讓疫情早日終結。</t>
  </si>
  <si>
    <t>曾參演美劇《超少女》、《海濱帝國》的21歲美國女星奧利維亞尼卡寧 （Olivia Nikkanen）於美國時間31日宣佈自己確診患上新冠肺炎。奧利維亞表示，自己曾要使用吸入器幫助呼吸：「我現在感覺好一點了，我的胸口仍有點緊，這真是很可怕。」
奧利維亞表示自己曾發高燒到攝氏39.1度，之後就失去了味覺和嗅覺，又感到喉嚨痛，「我覺得自己很幸運，可以留在家中，完全康復。」此外，近日在直播節目中和紐約州長哥哥鬥嘴的49歲CNN新聞節目主持人克里斯古莫（Chris Cuomo），宣布確診新冠肺炎，表示已自我隔離，節目都在家中的地下室錄製。
曾為音樂愛情喜劇《K歌情人》製作配樂的亞當史萊辛格（Adam Schlesinger）也確診，52歲的他才華洋溢，曾入圍奧斯卡金像獎及10度入圍艾美獎，並曾獲艾美獎及葛萊美獎的肯定，他的律師向《綜藝報》證實，「他病重且服用大量鎮定劑，和大部分的病人一樣使用呼吸器，但沒有人跟我說過是『昏迷』狀態」，他至今已住院一個多星期，並接受完備的治療，律師透露，醫生不願做出預測，因為關於這種疾病的很多事情仍然未知。</t>
  </si>
  <si>
    <t xml:space="preserve">
日本資深演員千葉真一出道超過50年，演出《古惑仔6勝者為王》、《追殺比爾》、《玩命關頭3：東京甩尾》等多部作品，1998年更憑藉《風雲雄霸天下》中的雄霸一角，榮獲香港金像獎最佳男主角提名。據日本媒體最新報導，千葉真一不幸因新冠肺炎病逝，享壽82歲，令大批影迷聞訊震驚不已。
據日媒報導，實力派演員千葉真一近日因感染新冠肺炎住院，並在今(19日)下午5點26分不幸過世，享壽82歲。才華洋溢的他，不僅身兼演員、導演與歌手多職，還是一位極真派空手道家，兒子新田真劍佑與真榮田鄉敦也繼承其衣缽，以演員身分活躍於日本演藝圈中。
本名前田禎穗的千葉真一出身於日本福岡市，1959年進入東映公司，開啟他演員生涯，憑著電影《柳生家族的陰謀》奠定他一線影星地位，1998年更受邀在香港武俠片《風雲雄霸天下》飾演大反派雄霸一角，成為第一位獲金像獎提名的外國影星。
千葉真一2007年在拍攝NKH大河劇《風林火山》完畢後，宣布退出演藝圈，2個兒子則繼承他的衣缽，以演員身分活躍中。而千葉真一情史也是相當精彩，與前主播野際陽子有過17年婚姻，生下長女真瀨樹里，之後離婚再娶圈外女性，生下2子。
千葉真一2015年更爆出與22歲女大生爺孫戀，雖然他當時極力否認戀情，同時也表示第二段婚姻已沒救，坦言與妻子分居中，最終走上離婚一途。
★《中時新聞網》提醒您：因應新冠肺炎疫情，
疾管署持續加強疫情監測與邊境管制措施， 如有疑似症狀，
請撥打：1922專線，或 0800-001922， 並依指示配戴口罩儘速就醫，
同時主動告知醫師旅遊史及接觸史，以利及時診斷及通報。</t>
  </si>
  <si>
    <t xml:space="preserve">台塑(1301)第一季受到新冠肺炎疫情衝擊，每股虧損0.06元，但虧損幅度依舊低於市場預估，展望第二季開工率下調到84%，恐面臨旺季不旺，但因為PVC新一波庫存循環中銷量及利差皆季增，加上轉投資台塑化虧損減少，單季依舊有機會挑戰轉虧為盈，台塑今股價開高走高，盤中上漲約2%，也扮演支撐台股指數的功臣權值股之一。
台塑第一季合併營業額420億元，季衰退13.5%，主要是因為第一季受新冠肺炎疫情及原油價格暴跌影響，拖累原料乙、丙烯及下游衍生物產品行情，各產品價格都比去年第四季下跌，幅度介於2~12%，累計第一季合併稅後虧損4億元，季減少112.5%，每股虧損為0.06元。
展望第二季，儘管進入亞洲輕油裂解廠密集歲修期，但因現在新冠肺炎疫情在歐美國家失控導致，下游市場需求急降，影響客戶訂單減少，台塑第二季恐旺季不旺，台塑也將開工率調降為84%，與第一季持平，但由於PVC新一波庫存循環中銷量及利差皆季增，加上台塑化轉投資損失縮減、台塑美國已經預先認列第二季歲修的檢驗及修護費，故法人預估，台塑單季有機會轉虧為盈。
</t>
  </si>
  <si>
    <t>國內新冠肺炎本土疫情蔓延，新北市蘆洲警分局今（18日）上午配合蘆洲、五股、八里區公所執行「聯合取締未戴口罩大行動」，69歲呂姓婦人在湧蓮寺市場買菜時將口罩拿在手上，遭警方取締通報衛生局依法開罰3000至1萬5000元罰鍰。
蘆洲警分局指出，上午8時30分至上午11時30出動20名警員，針對蘆洲湧蓮寺市場、中山市場、五股區的五股市場及成州市場、八里區的渡船頭老街等地進行戴口罩宣導。
共勸導18件，並有1件未戴口罩，69歲呂姓婦人在湧蓮寺市場買菜時將口罩拿在手上，由警方通報衛生局開罰，未來將持續加強勸導民眾落實戴口罩之情事。
警方指出，雖大部分民眾防疫觀念良好，偶有發現因天氣炎熱或疏忽導致忘記佩戴口罩民眾，更甚者有無理取鬧暴力相向之少數民眾，引發全民憤慨。若接獲報案發現相關情事，除打擊不法遏制暴力行為外，亦會針對未戴口罩行為，通報衛生局依違反《傳染病防治法》開罰3000元至1萬5000元罰鍰。
蘆洲警分局呼籲，提醒民眾防疫期間落實勤洗手、戴口罩等良好個人衛生習慣，於外出活動時，應維持室內1.5公尺、室外1公尺以上的社交距離；疫情嚴峻當下，配合中央流行疫情指揮中心宣導之各項措施。
居家檢疫期間如有發燒、咳嗽等不適症狀，可主動與當地里長或地方衛生單位連繫，並依指示戴口罩儘速就醫，就醫時請務必告知旅遊史、職業別、接觸史及是否群聚（TOCC）以及時診斷通報。相關資訊可撥打免付費防疫專線1922或0800-001922，或可至疾管署網站查詢。</t>
  </si>
  <si>
    <t xml:space="preserve">網友搶購抗疫大作戰的泡麵餅乾，行政院趁機促銷各類蔬果魚肉。行政院副院長陳其邁也在臉書貼出上賣場採買畫面，但照片不是自己拍的，而是被網友野生捕獲。
新冠肺炎疫情進入新階段，許多網友開始大採買各類物資。陳其邁上賣場採購，戴著口罩還被網友認出，物品還沒買到幾樣，就被硬生補獲。
陳其邁用網友提供的照片PO文，順便促銷農產品。還說，盡量買 貨很多！卯死啊！
陳其邁表示，台灣當季物產豐富，品質又好！物超所值，大家作夥買起來！採購優質的國產農產品，不但是給農漁民加油打氣，也是提升健康防疫的能量。除了民生物資充足外，精打細算的你，當然一定要選擇新鮮又價格公道的米、蔬菜水果、台灣豬肉、魚類等等，千萬別錯過，聰明採購絶對是多買多賺！
</t>
  </si>
  <si>
    <t>蔡琴的「風華絕代」演唱會日前在馬來西亞檳城開唱，受到新冠肺炎影響，主辦單位除了事前進行場內消毒，每位觀眾進場前還必須測量體溫。蔡琴的胞弟蔡大正20日受訪表示，檳城場可能是蔡琴上半年最後一場演唱會，「目前已知7月前，大陸、澳門及海外各地的演唱會都取消了，大概10場活動受影響，商演風險更大、不會接。」
蔡大正透露，蔡琴一向注重身邊所有人的健康，今年2月帶頭打流感疫苗，還要求團隊所有約23人都要打完疫苗才能跟她出國工作；這次遇上新冠肺炎，蔡琴擔心團隊健康受影響，不惜任何損失、主動要求唱完檳城後，取消7月前所有演唱會；蔡大正說：「蔡琴這陣子除了演唱會等工作，其他時間都待在台灣家裡。」也要求高齡86歲的蔡媽媽，除了到醫院拿藥，其餘時間別出門。
不讓團隊冒風險
蔡琴第一次到檳城開演唱會，提起近期肆虐的疫情，她坦言關鍵時期，其實應該避免搭飛機：「畢竟密集空間更容易散播病毒，坦白說，我真捨不得讓團隊冒這個險，但聽聞之前有歌手取消檳城演唱會，擔心影響這邊歌迷信心，於是我跟團隊開會討論，還是決定來唱。」演出照常舉行，蔡琴以經典歌〈恰似你的溫柔〉感謝觀眾，她表示這首歌自已唱了快8萬次，「希望大家戰勝這次疫情，讓我繼續把這首歌唱到9萬次。」</t>
  </si>
  <si>
    <t xml:space="preserve">全台疫苗短缺，政府排定優先施打順序，卻頻頻爆出特權、插隊爭議。日前網路爆料警專生也「插隊」施打疫苗，如今台南市、高雄市通通認了，因為警專生將跟隨外勤員警到第一線實習，因此按照警政署指示，分發台南197名、高雄254名的警專生，通通於今（13日）接種疫苗。
日前有網友在Dcard《台灣警察專科學校》版發文《警專可以打疫苗了！？》，該文不久就刪除，但仍引爆警專生「插隊」打疫苗爭議。據悉，警專校方疑似還透過各群組警告學生，勿在個人社群IG、FB透露可以打疫苗的事，甚至下令「如因此造成新聞事件，絕對嚴懲」，並且強調是警政署特別納入和員警一樣的施打順位，引發爭議可能會取消實習，「不要當害群之馬，務必低調」。
台南市大型疫苗接種站13日啟動，並針對一線防疫人員、高接觸風險工作者及居福單位人員等，第1至第5類對象開放施打，據了解，其中包含警專生共197人。對此，台南市長黃偉哲、市警局長方仰寧表示，一切都按照中央指示辦理。
知情人士透露，這197名警專生7、8月就要到台南市實習，他們需隨同員警執行外勤勤務，經常暴露於風險中；再加上，他們都是從北部下來的學生，大眾對他們難免會產生「疑慮」，因此警政署發文給各縣市警察局，將警專生列入接種名冊，提升自我保護力。
至於高雄市，13日下午的防疫記者會上也被問到這件事，衛生局局長黃志中回應，到目前為止未接獲中央指示要求，若中央有相關指示，將會按照規定執行；但不久衛生局就發出訊息證實此事，並說明高市府警察局接獲警政署交下中央所屬警政人員的列冊名單總計2503人，其中包含台灣警察專科學校254人及高雄港務警察總隊、保五等單位，並由本府衛生局安排於6月13日至15日陸續接種疫苗。
</t>
  </si>
  <si>
    <t>金管會公布國銀對中小企業放款最新狀況，面對新冠肺炎疫情衝擊經濟及產業經營，國銀全力拚紓困力挺。截至2020年5月底，國銀對中小企業放款餘額達7.12兆元，月增711.53億元，累計1～5月對中小企業新增放款達2298.7億元，已達3000億元目標的76.6％。
金管會表示，截至5月底，中小企業放款餘額占全體企業放款餘額63.11％，月增0.38個百分點，占民營企業放款餘額65.48％，月增0.31個百分點。中小企業放款平均逾放率0.4％，月減0.01個百分點。
銀行局統計，截至2020年5月底，國銀對中小企業放款餘額達7.12兆元，月增711.53億元。銀行局副局長黃光熙表示，今年前5月對中小企業新增放款較多的前3強國銀，依序為合庫銀增加339.8億元、永豐銀增加230.4億元、土銀增加226.6億元。
金管會在每年舉辦的國銀總經理業務聯繫會議中，訂定對中小企業全年新增放款目標。2017～2019年分別新增3670億元、3355億元、4599億元，分別超標52.92％、24.28％、70.34％，其中去年新增金額創下歷年次高。
今年考量因應新冠肺炎疫情衝擊，政府祭出多項紓困措施、要求國銀力挺企業，金管會對此訂定今年國銀對中小企業新增放款目標達3000億元，但前5月目標達成率便已達近8成，預期今年國銀對中小企業新增放款應可順利超標、改寫新高。</t>
  </si>
  <si>
    <t>25號開學日將至，究竟校園該如何防堵新冠肺炎？教育部國教署署長彭富源表示，學校清潔消毒希望在開學前3天完成，公立高中以下學校有4000所，室外會由環保署責請各地環保局在2/23前完成，室內的部分由學校接手。
彭富源表示，學校專有交通車部分，388輛也會消毒，按照交通部要求，發車收班都會進行消毒。大專院校部分，教育部已發文，會督導完成所有清潔工作。
環保署補充，開學之前學校都會做清掃工作，2/23前4000所高中以下學校都會消毒，還會特別針對川堂、洗手台、遊憩設施都是消毒重點，目標23前完成消毒工作。
此外，交通部航政司司長葉協隆表示，高鐵台鐵捷運列車每天至少消毒一次，扶手、餐桌每次在列車折反都會消毒，捷運則每八小時消毒，台鐵回廠時也會加強消毒，國道客運發車前、收班、每8小時消毒一次，交通部各方面都做強化，請國人安心。</t>
  </si>
  <si>
    <t xml:space="preserve">
中央流行疫情指揮中心定調7月27日起降二級警戒，暫實施二周，進一步放寬各類指引，不過中原大學副教授、毒理專家招名威卻指出「降級不解封」其實很危險，坦言是種「賭一把」的心態。對此，指揮中心指揮官陳時中今（24日）回應，「什麼叫賭一把？」表示民眾在長期高壓管制下，需要適度放鬆，但一定會滾動式檢討。
招名威日前在臉書表示，在國內疫苗覆蓋率尚低的情況，降級到二級與微解封有異曲同工之妙，雖然考量很多人有生計上的問題，相關限制必須要適度開放，但稍微解封，可能確診數又上漲，不可掉以輕心的太快。建議中央要有一個防火牆備案策略，萬一疫情再度擴散，馬上重新收緊規定，才能做到全面調整。
招名威坦言，就算解封也不會到餐廳、超商內用，更不會去逛夜市。在室內空間用餐，還要去計算每個人用餐社交面積，根本是不可能的事；在人來人往的超商內用，對於沒戴口罩用餐的人，感染的風險很大，「危險性太高了」。招名威說，這其實就是一種賭一把的心態，能否有能力管理確診人數，這都不是說的準的事情。
對此，陳時中反問「什麼叫做賭一把？」表示疫情就是控制在這個範圍，長期用嚴格高壓的手段控制疫情，事實上沒辦法讓民眾配合度提高，一定要有適度的放鬆。
陳時中坦言，目前每日疫情確實也稍有起伏，並不能保證社區完全沒有傳播鏈存在，雖然達到可以降級，但還是要用高強度管理方式，隨時滾動檢討。若觀察世界各國疫情，每一國都用盡各種方式在兩邊取得平衡，沒有一個命令就讓疫情停下來，面對疫情變化，一定是滾動式檢討。
</t>
  </si>
  <si>
    <t>中央流行疫情指揮中心今（22）日公布新增國內323例COVID-19確定病例，分別為321例本土及2例境外移入，另有400例本土個案校正回歸到上周各日，新北市長侯友宜今（22）日下午主持防疫應變會議記者會，侯表示，為防堵疫情加增加機動篩檢站。
侯友宜表示，要採行六大措施，嚴格強化三級警戒，社區熱區防疫中心，另外要設置機動篩檢站；市場、買場嚴格管控人流管控；走動式宣導、高頻率巡邏；熱區全面大清消；非必要的營業場所暫時停業。
侯友宜表示，板橋、中和為高風險區域，落實強化三級管制，三重1站、2機動篩檢站，另外再徵用3旅館，愛心大平台1000萬，醫護人員感染慰問金每人10萬至50萬，醫護休息站可提供64戶、84房。</t>
  </si>
  <si>
    <t>新冠肺炎來勢洶洶，除了在防疫上做好自我防護準備外，也可以藉此機會好好檢視自己手上的保單是否保障足夠全面防護抗肺炎。壽險業者表示，民眾投保規劃應以一個長遠的醫療保障需求來進行考量，而不是針對單一事件，但若就新冠肺炎單一事件就來講，如果比較嚴重住進負壓病房，所需醫療費用可能較高，可透過「日額型」或「實支實付型」醫療險來補足這部分的缺口。
全球人壽商品部副總經理鄭中安指出，一般醫療險包括日額型跟實支實付型這兩大面向，日額型是只要有住院基本上就會理賠，如果以確診新冠肺炎為例，通常會直接在醫院裡接受相關治療或隔離，只要有住院，基本上就會有一般住院費用的理賠。
但若是住進負壓病房，就是會配合主管機關政策從寬認定，同業大致上都是視同「加護病房」的理賠。目前業界加護病房的理賠，大都以一般病房費用的兩倍或三倍來加倍給付，以全球人壽為例就是三倍。所以如果有買一般日額型醫療險或者是日額型加實支實付型醫療險，基本上用在新冠肺炎這個例子上的理賠應該是足夠的。
至於一般民眾在購買醫療險時該投保多少額度，鄭中安建議，日額型至少買日額2千元到3千元，再搭配實支實付險，以新冠肺炎來看，就可以算是一個比較足夠的保障。若是實支實付險的話，通常會分成兩塊，一塊是住院病房費用的限額，一塊是雜費的限額。若是病房費用的限額，一般會建議買2千元到3千元左右的限額。
另一塊雜費的限額，主要提供健保不給付的項目，建議至少10萬元到15萬元左右，但不會跟住加護病房一樣有加倍給付。鄭中安表示，不管日額型或實支實付型，即使只買日額2千元，那加護病房的加倍給付如果是三倍，就有6千塊，其實對於每日住負壓病房來講，是很足夠的。但有些醫院的負壓病房若是以健保身分入住，則不需要支付額外自付費用，因此這時候的日額型醫療險就會發揮功能。
國泰人壽指出，針對住院醫療保障，建議至少規劃3,000元日額才能享有較好的住院醫療品質，以投保國泰人壽兼具住院、手術保障的「安安醫療終身保險」3,000元日額為例，一旦因新冠肺炎入住負壓隔離病房，即可等同加護病房每日給付12,000元，另外還有1,500元的出院療養金，總計每日13,500元的給付金額，可安心養病不怕收入中斷。</t>
  </si>
  <si>
    <t>一名醫大男學生昨上網PO文，稱打第二劑莫德納後的第一天，僅不斷發燒，沒想到第二天卻開始出現心肌炎最常見的胸悶症狀，一連吞了8顆止痛藥仍不見改善，家人將他緊急送醫，目前已沒有大礙，他提醒大家，打完mRNA疫苗後，若出現胸悶、心臟疼痛狀況，一定要儘速去急診。
原PO昨（22）日於論壇《Dcard》透露，目前就讀醫藥大學，本身沒有任何藥物過敏史及心臟疾病，施打第一劑莫德納時，除了接種處腫痛以外，沒有其他副作用，也未出現莫德納手臂，沒想到打第二劑莫德納後，隔天發高燒到他全身熱得醒過來，用完早餐後吞了一顆止痛藥又繼續睡，一整天下來除了發燒，並沒有其他有關心肌炎的症狀出現。
原PO說，接種後的第二天，他回到學校安排的實習單位實習，除了仍有輕微發燒外，竟伴隨胸悶症狀，尤其是起立、蹲下時，心臟還會陣陣抽痛，讓他一天下來共吞了8顆止痛藥，總共500mg，已是一天的最大劑量，但仍不見改善。
一下班他馬上至內科診所看診，醫生替他監測心音及量血壓，僅表示是疫苗副作用，過幾天應該就會好轉，並開立止痛藥要他返家休息，但他返家後午餐及晚餐幾乎吞不下去，他只好又再吞一顆止痛藥，睡了4個小時卻又因胸劇痛醒來，家人趕緊將他送至急診。
原PO接著說，做了X光檢查、抽血及心電圖等檢查後發現，心肌酵素高於正常值很多，接著就被送到內科加護病房裡的負壓隔離病房，透過支持性治療，及一些降低心臟負荷要物，等待心臟自行修復，期間每6小時抽一次血，確保心肌酵素回到正常值，「整隻手臂被抽到沒地方抽血，要從腳跟手背抽」，目前已出院好轉。
最後，原PO提醒，接種mRNA（莫德納及輝瑞／BNT），若出現胸悶、心臟疼痛狀況，一定要去醫院，或是能抽血檢查的醫療院所，因為光靠一般診所聽心音及量測血壓，幾乎不能診斷心肌炎，「這樣會延誤治療，恐讓病情更加嚴重」。
★《中時新聞網》提醒您：因應新冠肺炎疫情，疾管署持續加強疫情監測與邊境管制措施， 如有疑似症狀，請撥打：1922專線，或 0800-001922， 並依指示配戴口罩儘速就醫，同時主動告知醫師旅遊史及接觸史，以利及時診斷及通報。</t>
  </si>
  <si>
    <t>中央流行疫情指揮中心今天宣布單日確診暴增315例，本土是312例，彰化縣增加5例。下午3點，彰化縣政府將召開線上記者會，可以收看彰化縣長王惠美臉書，詳細說明彰化縣新增情況。
陳時中表示，整體疫情仍在高峰中，呼籲仍需小心。並呼籲腳步一致。接下來周末日盡量不要外出。
彰化縣新增5例，彰化縣衛生局今天中已經公布最新足跡，7個點主要在員林熱門商圈還有北斗商店。包括了全國電子北斗中山店、員林NIKE和愛迪達店家等，員林就新增4個足跡。
彰化縣衛生局也呼籲，看足跡也看時間，不要標籤化，期間停留有身體不適，注意身體狀況，做好自我健康管理，強調公布足跡不是獵巫，標籤化，提供怎麼看足跡四大招，1.確認地點、日期和時間。2.計算自主健康管理時間，自足跡接觸日起加14天。3.14天內有狀況立即就醫。4.就醫時，主動告知醫師活動接觸史，配合採檢，等待結果。</t>
  </si>
  <si>
    <t>一名一歲半女嬰，發燒、咳嗽、流鼻水多日，因活動力變差被媽媽緊急抱到醫院就診，經症狀判斷主要是細支氣管發炎所造成，住院治療3天後病情受到控制，未料卻開始有呼吸急促和喘鳴現象，血氧濃度也降低；病毒培養結果出爐，竟是呼吸道融合病毒在作怪。
●呼吸道融合病毒 　咳嗽、飛沫會傳染
林口長庚醫院兒童胸腔科邱志勇醫師表示，呼吸道融合病毒主要是在秋冬季節流行，經由咳嗽、飛沫傳染，大多數感染2歲以下的嬰幼兒。感染初期症狀和一般的感冒極為類似，像是發燒、咳嗽、流鼻水，不同的是這隻病毒會造成下呼吸道上皮細胞的破壞，導致細支氣管水腫、發炎。
不過，由於嬰幼兒的細支氣管比較細小，稍微水腫便會造成呼吸道阻塞，出現類似氣喘發作的喘鳴聲，嚴重時可能導致呼吸急促、困難，甚至發紺及呼吸衰竭。
●氣管擴張劑呼吸治療　與氣喘使用類固醇不同
治療上最重要也是最關鍵的，就是給予嬰幼兒經過溫熱潮濕處理過且足夠的氧氣。邱志勇提及，雖然適時給予氣管擴張劑呼吸治療會有所幫忙，但是跟氣喘急性發作時需要使用到類固醇有很大的不同。
呼吸道融合病毒會不會變成氣喘？邱志勇醫師說，感染期的嬰幼兒大多數會發生類似氣喘的喘鳴呼吸聲，但因為兒童氣喘的發生較為複雜，不僅包含了遺傳基因和環境因素，感染到病毒也是會引起氣喘兒的急性發作。
●呼吸道融合病毒與氣喘無關　戴口罩、勤洗手為預防上策
雖然不能排除感染到呼吸道融合病毒的嬰幼兒，可能是潛在的呼吸道過敏的小朋友，不過目前的研究顯示，嬰幼兒時期感染到呼吸道融合病毒產生喘鳴聲，和之後是否會發生兒童氣喘是沒有相關的，所以這部分家長可以不用過度擔心。
邱志勇提醒，除了新冠病毒因為季節變化再度在國際上捲土重來外，還有呼吸道融合病毒及蠢蠢欲動的流行性感冒病毒必須提高警覺；千萬不能鬆懈，要配合政府防疫政策，戴口罩、勤洗手、保持適當社交距離，以防範新冠病毒的爆發，也保護自家嬰幼兒免遭呼吸道病毒感染。(編輯梁惠明)</t>
  </si>
  <si>
    <t>全台防堵非洲豬瘟，行政院長蘇貞昌5日視察台南市安南區城西廚餘高速發酵廠，肯定是經濟循環典範，對外界關心波蘭贈台40萬劑AZ疫苗，他稱台灣去年捐贈波國100萬片口罩，對方回贈疫苗是善的循環。
台灣不只防堵新冠肺炎，同樣全力防堵非洲豬瘟，全台暫停廚餘養豬1個月，台南市剛在安南區與新化區各興建1座高速發酵廠，可高效轉化廚餘變成有機肥料賣出，解決廚餘過剩問題。
蘇貞昌在台南市長黃偉哲、環保署長張子敬、農委會主委陳吉仲、行政院祕書長李孟諺陪同下，巡視安南城西廠，他表示，非洲豬瘟傳染性強、豬隻感染死亡率高，一定要全力防堵。
外界關心波蘭贈台40萬劑AZ疫苗，蘇貞昌回應台灣去年贈送對方100萬片口罩，波國今年回贈疫苗，是朋友間互相幫忙，看得出台灣被世界看見，是善的循環。
蘇揆4日視察屏東縣時，一度點名潘孟安接下農委會主委，外界關心現任農委會主委陳吉仲是否將遭撤換，蘇貞昌5日在台南卻重新肯定陳吉仲，認為他做的非常好，「不會讓他離開」。
蘇貞昌視察安南廠，見廚餘在機械轉化下，可在10天內變成有機堆肥，認為是循環經濟典範，應推廣到各縣市。
台南市環保局表示，因應防堵非洲豬瘟，台南市全面暫停廚餘養豬，廚餘量一時爆增，平均1天收近150噸，安南區城西高速發酵廠每天可處理30噸廚餘，新化廠可處理15噸，總計每天可處理45噸廚餘，占全市廚餘量3分之1，緩解過剩廚餘量帶來的壓力。</t>
  </si>
  <si>
    <t>日本東京有關人士表示，東京都4日新確診的新型冠狀病毒感染者達110多人。刷新單日確診人數最高紀錄，首次達到3位數。日本神戶大學傳染病學專家岩田健太郎表示，日本需要有勇氣改變，不然東京可能變成下一個紐約。
自從宣布奧運會延期舉辦後，日本首都東京的新冠肺炎疫情開始迅速擴散。曾以YouTube影片控訴「鑽石公主號」郵輪的防疫措施不周的岩田健太郎表示，照目前的趨勢發展下去，東京「前景黯淡」。他一再警告，日本在阻止新冠病毒傳播方面做得不夠。
美國有線電視新聞網（CNN）報導，岩田健太郎警告，「當我們意識到自己走在錯誤的道路上時，需要勇於改變」，否則可能會看到東京變成下一個紐約。
岩田表示，日本需要做更多的篩檢。截至4月3日，東京1350萬人口篩檢數量不到4000人。根據厚生勞動省的，全日本1.25億人口也只有39466人接受了測試。相較於人口比日本少得多的鄰國南韓，已經有44萬人做了篩檢。日本厚生勞動省則表示，對輕症患者進行篩檢會浪費資源，因此要求輕症病人先居家隔離。
另方面，日本也遲遲未作出封城決定。首相安倍晉三表示，封城這種嚴格的措施將會進一步損害因推遲奧運而受影響的經濟。
雖然日本實施嚴格的旅行限制，包括禁止來自70多個國家和地區的外國人入境等政策。但專家們還是越來越擔心，日本動作太慢，可能「為時已晚」。
紐約被視為美國新冠肺炎疫情的「震央」。據CNN統計，紐約的已知病例數每五天翻一倍，截至4月4日已有2900多人死亡。
日本東京都政府稱，過去一周的時間內，東京的新冠肺炎每天增加的確診病例數已經成長一倍，從3月底的每天40例左右增加到了4月4日的89例。</t>
  </si>
  <si>
    <t>台灣民意基金會26日發布520後首份民調，調查結果指出，總統蔡英文聲望達71.2％，創歷史新高；另外此次受疫情影響，認為大陸應對新冠肺炎大流行負起最大責任的民眾也高達76.1％，也因此，某種程度導致認為自己是台灣人並感到驕傲的認同比例高達77.7％。前立委林濁水表示，當國家面臨重大災害，如此次疫情是，會產生「聚旗現象」，民眾會去擁戴領導者，川普就是最好例子，他原本的支持度因疫情而反彈，但是否維持仍有待觀察。
民調指出，總統蔡英文第二任任期已經開始，目前為止，贊成她處理國事的方式，包含人事安排與政策，非常贊同的有26.1％，還算贊同的有45.1％，獲得超過7成台灣人民的肯定與支持，是蔡在總統任內歷史新高。與上次相比，結果相去不遠。台灣民意基金會董事長游盈隆稱，這樣高支持度的結果主因仍是就職後蜜月期的效應。
兩岸部分，認為大陸必須針對新冠肺炎疫情負起最大責任的台灣民眾，多達54.6％認為非常同意，有21.5％的民眾認為還算同意，僅有16.5％的民眾表示大陸不應負責。另外，認為自己是台灣人、不是中國人，並感到驕傲的比例高達77.7％。游盈隆認為，新冠肺炎在大陸大流行一定程度的導致了台灣民眾向對岸切割，大家情感上不會將自己歸到大陸。
而「一國兩區」的民意基礎，在二十歲以上台灣成年人中，有約21％支持「一國兩區，未來統一」，但有66％的人不支持。也就是說，「一國兩區，未來統一」的政治主張和法令規定缺乏台灣民意基礎，違反社會主流民意，這無疑是一個嚴重的問題。
國家政策研究中心研究委員林嘉誠指出，未來蔡英文仍面臨很大挑戰，美中對抗以及接下來的渤海演習要如何因應，以及全球治理體系已發生重大改變，台灣身處其中的挑戰將更加巨大。而大陸除對香港出重手，預料也將會對台出重手，這是蔡政府首當其衝要因應的問題。</t>
  </si>
  <si>
    <t>新冠肺炎疫情延燒，台灣西部剩下嘉義縣沒有確診病例，有網友開玩笑地說是因為嘉義有三寶(火雞肉飯、美乃滋、世界偉人財神總統台灣阿成)。資深媒體人王瑞德驚爆還有第4個原因，那就是「北回歸線」。
王瑞德在談話性節目《驚爆新聞線》表示，網友在PTT問，為何西部僅剩嘉義縣仍零確診？居然有網友回說，是不是因為太窮了，沒有錢出國等等。甚至有人開玩笑地說是因為嘉義有三寶︰分別為火雞肉飯、吃飯都常會加的美乃滋，還有世界偉人財神總統台灣阿成。
王瑞德在《驚爆新聞線》節目中表示，其實還有第4個原因，那就是「北回歸線」。北回歸線通過台灣花蓮、澎湖、嘉義縣，這3個縣市都是零確診，不知是不是跟這一條線有關係。他們發現一件事，從緯度來看，像在不同的緯度，比如在北緯40度災情特別慘，但同屬另外一條緯度，可能都沒有災情，他不知道是不是巧合？</t>
  </si>
  <si>
    <t>漢來美食（1268）受新冠肺炎衝擊宴會訂單及消費者來店消費意願，2020年首季稅後淨利驟降至0.23億元、每股盈餘（EPS）0.64元，雙創歷史新低。不過，隨著疫情趨緩，公司表示，5月餐廳業績已漸回溫，推出的冷凍商品反應亦佳，對未來發展宅經濟商機充滿信心。
漢來美食2020年首季合併營收8.39億元，季減10.68％、年減18.52％，為近5季低點。毛利率42.21％、營益率3.56％，分創近2年半及歷史低點。稅後淨利0.23億元，季減55.27％、年減75.85％，每股盈餘（EPS）0.64元，雙創歷史新低。
漢來美食亦公布2020年4月自結合併營收1.14億元，較3月1.4億元減少16.68％、較去年同期2.49億元減少達54.19％，續創歷史新低。累計1～4月合併營收9.53億元，較去年同期12.79億元減少25.47％，亦續創同期新低。
受新冠肺炎疫情衝擊消費者來店消費意願，漢來美食除了宴會訂單首遭衝擊，主力的「漢來海港」自助餐廳3月初後來客數亦隨著境外病例大爆發而銳減，致使首季各項營運績效指標均出現明顯衰退。海軍敦睦艦隊事件亦使2據點休館消毒，影響4月營收表現。
不過，隨著國內已連26天未出現本土確診新增案例，久悶在家防疫的民眾開始放心出門透氣消費。漢來美食表示，餐廳業績自五一連假起即有回溫現象，母親節訂位情況亦自3日起明顯拉升，營運動能可望逐步回溫。
而疫情亦連帶提升大眾對外帶餐食及宅配需求，漢來美食除強化既有外帶服務、推出便當積極突圍，也抓準消費形態改變的「宅經濟」商機，於官網網購平台上推出「宅美食」系列，將餐廳受歡迎的「台式滷肉豆腐」和「家鄉獅子頭」2道菜色研製成冷凍商品上架。
同時，因應台灣民間閏四月出嫁女兒要送娘家父母豬腳的習俗，漢來美食亦與電商平台聯手推出冷凍豬腳麵線禮盒。公司指出，推出短短不到2個月已售出近2000組，對於未來發展宅經濟市場充滿信心。</t>
  </si>
  <si>
    <t>世界衛生組織(WHO)總幹事譚德塞(Tedros Adhanom Ghebreyesus)本周一表示，上個月親赴大陸，與國家主席習近平和一些部會首長會談，好不容易得到北京當局的同意，世衛可以派遣專家團隊到最前線，深入研究新型冠狀病毒(NPC)。而這支專家團隊的成員，也是經過長達兩周的協調，北京當局才同意這份專家名單。這支團隊將由加拿大權威醫師愛華德(Bruce Aylward)擔任領隊。
譚德塞在記者會上顯得信心滿滿，表示愛華德醫師的團隊，將會與大陸當地的專家合作，聯合研究新型冠狀病毒的特性，藉以回答我們對於新冠肺炎的諸多疑問。
至於名單上的其他成員，譚德塞則沒有透露，僅表示人數介於10到15人間，視狀況調整。
同時，譚德塞也表示新冠肺炎的人傳人威力令人憂心，越來越多的案例顯示，病患完全沒有大陸旅遊史，卻也會罹患新冠肺炎，例如法國和英國這兩天確診的病患都是如此。
世衛擔心新冠病毒會造成大規模人傳人感染，將全力以赴控制疫情的擴散。
愛華德醫師被詢問對於新加坡國際會議「病毒超級傳播者」的看法，僅表示他認為超級傳播者的說法是誇大其實，雖然一共有12名確診病患與該會議有關，但病例分散在法國、新加坡、韓國、馬來西亞、英國，每一國都是個位數，並不能拿來跟SARS的超級傳播者相提並論。</t>
  </si>
  <si>
    <t xml:space="preserve">日本厚生勞動大臣加藤勝信等3位眾議院議員的辦公室，3月23日收到裝著刮鬍刀刀片等的威脅郵件。
富士電視台等日媒報導，厚勞相加藤、眾議院議員武井俊輔、首相輔佐官也是眾議員的秋葉賢等3名自民黨議員3月23日都收到可疑郵件，郵件中放了1片約4.5公分長的刮鬍刀刀片和1張抗議信。
加藤收到的內容是有關疫情中讓外國遊客入境之事；武井的信中寫著有關前秘書酒醉駕車事故；秋葉的信則指出，政府要求民眾避免宴會的當天，秋葉自己卻辦派對。
警視廳指出，信中內容主要是批評日本政府的新冠肺炎對策，有可能是同1人所為，麴町警署已以威脅罪嫌搜查中。
</t>
  </si>
  <si>
    <t>阪神虎投手藤浪晉太郎因為近日出現「嗅覺失靈」症狀，因此在醫生建議下在今日接受新冠肺炎的PCR檢測，結果出爐為陽性，是日職首位確診的球員。
藤浪晉太郎並沒有咳嗽、發燒等症狀，不過因為無法聞到酒和咖啡的氣味而去了耳鼻科，一開始醫生診斷是季節性過敏，隔天仍無法聞到味道，再去另一間醫院才被認為有感染新冠肺炎的可能性，因此在今日做了PCR檢測。
檢測結果晚間出爐，確定為陽性，除了藤浪之外還有2名隊友出現「味覺失靈」症狀，不過尚未有結果。在藤浪傳出有染上新冠肺炎風險時，阪神虎球團就已要求一、二軍球員及職員先回家隔離一周，也先取消與軟銀的二軍比賽，並消毒甲子園及二軍球場。
日職受到新冠肺炎影響，開幕戰二度延期，原本目標4月24日開打，如今隨著藤浪確診，是否能順利開幕再度不明朗。</t>
  </si>
  <si>
    <t>受惠於大陸新冠肺炎疫情趨緩，來自自有品牌EMC及線路保護元件、EMI認證測試等業務營收占比明顯提升挹注，穩得實業（6761）自結3月營收1.34億元，創下單月歷史新高紀錄，月增41.1％、年增28.71％，累計第一季營收3.24億元，較去年同期增長4.51％，在全球經濟停滯衰退環境下，逆勢表現亮眼。
穩得董事會日前通過108年度營業報告書暨財務報表案，108年度營收12.95億元，年減2.67％，但108年度稅後淨利7,615萬元，獲利成長5.74％，EPS 4.13元，仍延續107年度EPS 4元以上的優異獲利表現。
穩得實業表示，108年度穩得調整產品組合，雖然營收略微收縮，但毛利率從前一年度28.69％提升至29.09％，稅後淨利也較前一年度提升。調整產品組合主要在於提高自有品牌線路保護元件及EMI認證業務的銷貨占比，自有品牌銷貨占比自前一年度27.8％提高至31.7％，占比已超過三成，認證業務也較前一年增加28,419千元，自前一年度的5.8％提高至8.1％，符合公司整體預期的改善目標及方向，109年度將持續優化產品結構。
穩得指出，108年度在中美貿易戰不確定因素下，穩得在大陸地區營收略受影響，但隨著EMI認證業務的成長，補足了部分的營收缺口，整體營收僅小幅減少2.67％，稅後淨利較前一年度增加4,132千元，表現符合預期。
從中美貿易戰到新冠疫情衝擊，穩得透過完整的產業布局維持企業成長能量；穩得表示，在市場布局上，持續開發新產品並連結市場新應用，舉凡5G、物聯網、人工智慧、智慧城市、車用電子與電動機車／汽車相關等各類新應用，都是近兩年主要布局方向。產品布局上，著重於高浪湧低殘壓及大功率產品小型化的保護元器件，以符合電子產品之未來趨勢。服務布局上，配合安全規範新法令的適用及新增EMI測試項目，都能帶動認證業績的成長，此外大陸深圳實驗室之建置，將會是穩得另一個成長動能。
今年第一季隨著中國新冠肺炎疫情趨緩，客戶端陸續開工，出貨狀況已大致正常，配合前幾個月的零件銷售訂單發酵，同時認證業務也較去年同期成長約三成以上，帶動3月份營收1.34億元創下歷史新高，逆勢高飛。
針對第二季營運展望，穩得認為在疫情不持續擴大的狀況下，可望延續第一季成長力道，出貨樂觀可期。</t>
  </si>
  <si>
    <t xml:space="preserve">東京奧運昨（8）日在新冠疫情之中結束，當各國選手相繼返國之際，日本接下來還得面對奧運支出、國內疫情升溫等問題，尤其東奧舉辦期間，日本單日確診人數暴增了3倍，雖然收視率開紅盤，但是國際奧會自信滿滿稱「日本人接受東奧」、選手村內外宛如「平行世界」等發言，以及強行舉辦奧運、輕視國民情感的態度仍讓日本人相當反感。
命運多舛的東京奧運昨日終於在疫情中順利落幕，共同社報導，東奧組委會今（9）日宣布，再新增28名奧運相關人員確診，不過當中並沒有運動員，選手中已經連續4天沒有人確診。自7月1日以來，和奧運相關的確診者共計464人，其中有32名選手因為確診退賽。
東奧似乎在控制疫情方面做得相當不錯，不過日本國內疫情卻在這17天內急速升溫，不論是全國還是東京，每日新增確診數都暴增3倍，以日本全境來看，7月23日新增5529例，8日已經暴衝至15753例，東京7月23日新增1359例，昨日暴增4066例。
作為地主國，日本本屆奧運拿下27面金牌創紀錄，另外收穫14枚銀牌、17枚銅牌，總計58面獎牌也刷新紀錄。
由於新冠疫情屢次反撲，一度有高達8成的日本民眾反對舉辦東奧，不過隨著賽事進行，選手屢創佳績，反對東奧的聲浪似乎有所下滑，朝日新聞與日本新聞網（JNN）分別公布的2份民調發現，約6成日本人對於舉辦東奧給予肯定，東奧期間的收視率也開出紅盤，開幕式的收視率高達56.4%。
儘管如此，共同社8日一篇分析文指出，日本人對於國際奧會（IOC）強行舉辦東奧及輕視日本國民情感的態度仍相當反感。國際奧會主席巴赫（Thomas Bach）6日在記者會上自信滿滿地表示，「每10名日本人中就有9人觀看奧運」，他以收視率為基準，得出「日本人支持並接受奧運」的結論，他還強調，「這不是感受而是事實。」
國際奧會發言人亞當斯（Mark Adams）也多次表示，超過7000萬日本人觀看開幕式。
文章指出，以收視率來總結日本人接受了奧運的說法，日本民眾對於國際奧會這樣自信滿滿的姿態相當不滿。
此外，雖然透過接種疫苗、徹底進行病毒檢測、限制行動等措施，成功抑制了選手村內的疫情大暴發，但是同一時間日本國內的疫情卻愈來愈嚴重。巴赫曾讚賞多虧世界衛生組織（WHO）的建議，東奧防疫「才能取得成功」。
7月29日，針對日本疫情惡化，亞當斯曾強調選手生活在「不同的平行世界」，和日本大眾分開，這番言論也被抨擊「事不關己」，亞當斯當時還稱，「我認為不是我們造成東京疫情擴大」。
另外，巴赫也持續被記者逼問艱難提問，包括有人質疑國際奧會為了取得北美地區高額的轉播權利金，而選擇在7至8月間舉辦奧運，認為舉辦時間應該重新考慮，也有人尖銳質疑國際奧會誇耀能安全舉辦東奧，「但這是日本人出的錢，舉辦城市的負擔太大，可能需要更大的變革吧。」
面對這些提問，巴赫要不是皺眉回應「謝謝您的意見」，就是避免明確回答，又或者重申國際奧會的正當性，共同社評論，他的回應中似乎仍看不到日本民眾的身影。
</t>
  </si>
  <si>
    <t>防疫不能鬆懈，台中市7月30日甫在防疫記者會公布本土、境外、快篩陽性「三零」，但中央流行疫情指揮中心指揮官陳時中1日宣布，台中市今日有1人確診，終結台中連日來的「嘉玲」防線。
中央流行疫指揮中心將疫情警戒降為2級，市長盧秀燕表示，觀察這兩周台中的疫情相對和緩，疫情控制下來，更要回歸全力拚經濟、拚建設、拚市政。
另外，台中市議會將在下周開議，市政團隊依法必須到議會備詢，台中流行疫情指揮中心記者會從7月31日起改成不定期舉行。
但因台中市今日新增1例確診，市府下午3時再度舉行防疫記者會，說明新增1例確診者的足跡，提醒民眾注意。</t>
  </si>
  <si>
    <t>雲林縣今（26日）出現第8、第9例確診者，案5884曾載彰化養生會館人員去篩檢染疫，他第一次PCR核酸檢測是陰性，居家隔離3天後轉為陽性，CT值高達23.6。案5885是六輕外包商的員工，老闆（案5083）是雲林的第7例確診者，他迄今仍無症狀，但PCR陽性，CT值30.1。
雲林縣長張麗善指出，案5884是38歲男性，住斗六市嘉東里，在雲林科技工業區斗六二路的一家公司上班，21日曾到彰化養生會館，接朋友去醫院採檢，因該會館有6人確診，他22日被接獲居家隔離通知及需採檢。
衛生局長曾春美表示，案5884在22日下午6點接獲採檢通知，到醫院接受PCR檢測是陰性，返回女友家一人一層樓居隔，但不符合防疫規範，23日下午返回自家，25日開始出現頭痛症狀，安排第二次採檢確診，CT值23.6，匡列居家隔離13人、自我健康監測3人。
案5884的足跡大多在上班地點、女友住家、自己的住家。
第九例是案5885，六輕外包商工程行工作的39歲男員工，老闆是24日確診的案5083（CT值19），他雖然無症狀，24日仍被列為居家隔離，25日PCR檢測確診，目前仍無症狀。他的足跡單純，大多是到麥寮鄉三盛村的公司上班、下班回中興村的家，曾到全聯、7-11。
案5083是雲林縣第7例確診者，麥寮鄉一家工程行老闆，他的妻子（案2776）19日在台北確診，新北市衛生局未通知雲林縣衛生局，以致沒有匡列他居家隔離，直到23日他在麥寮發燒，就醫採檢確診。</t>
  </si>
  <si>
    <t xml:space="preserve">不只美國總統川普，即便新冠肺炎疫情劇烈反撲，部分美國男性仍堅決不戴口罩。科學家指出，這些男性認為戴口罩猶如在臉上戴上保險套，為了守護男子氣概及在男性群體中的地位，他們堅持拒戴口罩，如果突然戴上口罩，等於是讓過去的心血付諸東流。
美國總統川普11日終於順應幕僚心意，在公開場合中戴上口罩，此前他多次和公衛專家唱反調，堅決不戴口罩。美國科學家兼記者葳靈漢（Emily Willingham）在美國《科學人》雜誌（Scientific American）撰文指出，美國社會中有一群人堅決不戴口罩，這群人為數不多，但聲音卻很大且堅定，他們多數是男性，認定戴口罩就是在臉上戴上保險套，必須拿掉，這些人中，最典型的要屬川普的支持者。
葳靈漢指出，這種不戴口罩、讓自己及他人暴露在風險之中的行為，和愛滋病毒流行美國時，官方呼籲戴保險套進行性行為有異曲同工之妙，當時許多美國男性同樣拒絕戴套，科學家究其原因，發現主要和男性意識形態（masculine ideology）有關。
美國心理協會（American Psychological Association）將男性意識形態和冒險、風險、暴力等概念做結合，顯然，在疫情大流行期間，不穿戴防護措施就是一種涉及冒險及風險的行為。這類男性意識形態也經常出現在西方電影中，例如阿諾史瓦辛格（Arnold Schwarzenegger）就代表了西方的典型男子氣概，這類電影角色即便配備各式各樣武器，在面對病毒時卻經常缺乏任何防護措施。
為何這些男性甘冒染病、死亡風險，也不要戴口罩？葳靈漢指出，戴不戴口罩也是一種表演，會傳遞特定社會訊息，尤其要考量這些男性為了維持男性意識形態，投入了多少心血及成本。她說，現實社會中，川普是這種意識型態的最大追隨對象，當他拒戴口罩，他的行為就會被模仿，他的追隨者做出了深刻的承諾，甚至包含自我欺騙，就只為了效忠川普。
對於這些男性追隨者而言，戴上口罩，等於是讓先前的努力、投入、妥協等付諸東流，所以他們選擇不戴，他們認為，唯有這麼做，他們才會持續在男性群體中受到接納及尊重。
</t>
  </si>
  <si>
    <t>一年一度的大甲媽祖遶境3月將登場，預計3月22日抵達嘉義縣新港鄉，外界擔憂可能成為新冠肺炎防疫破口，新港奉天宮24日舉行「大甲媽祖遶境進香臨時籌備會」，邀集相關單位開會研擬防疫措施，並表示今年大甲媽祖遶境照常舉行，廟方會提供酒精消毒液，請民眾自主戴口罩，多注意自己的身體狀況。
遶境照常 召開防疫會議
奉天宮昨於香客大樓召開防疫會議，並邀集新港鄉長林茂盛、大甲鎮瀾宮副董事長鄭銘坤等人參加；新港文教基金會創辦人陳錦煌醫師也出席，他擔憂，台灣發生計程車司機因載客受感染，屆時新港將有十幾萬名信徒，加上大量鞭炮會產生細懸浮微粒，破壞呼吸道黏膜抵抗力，因此，建議廟方應停辦。
各出入口 設置消毒門架
奉天宮董事長何達煌說明，大甲媽祖遶境今年已邁入第33年，在人心惶惶之際，更需要宗教信仰的力量來安定民心，廟方人員會全力配合中央及縣府的防疫政策以迎接信眾。
嘉義縣政府民政處宗教禮俗科長林長連說，縣長翁章梁已指示將全力協助新港鄉進行防疫，擬於各大出入口設置消毒門架，噴灑二氧化氯進行消毒，關於設置數量、地點及形式，將與專家做進一步研議確定。
奉天宮表示，街上20多處的供餐區會由志工幫忙打菜，請民眾自備環保餐具，廟方則會準備紙碗等餐具；另外，新港鄉公所將提供次氯酸水，解決民眾防疫需求，信徒如身體不適，不建議參加遶境，應待在家休養至康復。</t>
  </si>
  <si>
    <t>新冠肺炎持續蔓延，目前相關疫情已經對中國大陸各產業造成不同程度影響。在充滿挑戰的情況下，現在也是陸企快速評估、恢復和應對的時候。安永（EY）會計師事務所指出，在陸台商建立有彈性的供應鏈將是未來幾年的重點。
安永聯合會計師事務所所長傅文芳也建議，陸企可採取積極作法，並建議在陸相關領域經營的台商，應密切留意陸產業情況，並積極建立並保持供應鏈彈性以因應未來發展。</t>
  </si>
  <si>
    <t>新北市長侯友宜今（23日）下午主持防疫應變會議記者會，外傳侯友宜有致電給桃園市長鄭文燦，新北、桃園交界處要多蓋集中檢疫所，侯回應，集中檢疫所由中央統一分配，桃園也有集中檢疫所也是給中央，都會互通討論研究。
侯友宜說，自己跟鄭文燦、台北市長柯文哲及衛福部長陳時中都會經常聯繫，也會互相打電話，都會討論疫情，集中檢疫所由中央統一分配，桃園也有集中檢疫所也是支援中央。
關於陽明山卻出現民眾旅遊群聚的狀況，侯說，拜託民眾別再出門，沒有事情不要趴趴走，今天前往熱區防疫中心民眾都很遵守規定，連風景區都沒有去了。</t>
  </si>
  <si>
    <t xml:space="preserve">NBA名人堂中鋒賈霸(Kareem Abdul-Jabbar)站出來做為表率，他18日於推特宣布擔任聯盟這次公益宣導的代言人，親身示範施打新冠肺炎疫苗，希望美國國民一起來接種，「保護你身邊朋友與家人的健康。」今年73歲的賈霸也受邀參加本周四(美國時間周三)總統就職典禮，他對此表示「非常驕傲」。
賈霸是黑人民權的熱心支持者，美國面臨著黑人民眾對於疫苗接受度不高的問題，像是職棒大聯盟的黑人傳奇漢克阿倫(Hank Aaron)出面示範施打，鼓勵其他黑人跟進。黑人因為環境、教育、經濟多方影響，在美國的新冠疫情下出現比其他種族更高的死亡率。
NBA其實很渴望讓球員施打疫苗，但是人言可畏，先前美國檢測新冠肺炎的能量不足時，NBA就被批評利用特權讓球員可以頻繁檢測，導致形象受損。這次NBA懾於外界議論，不敢動用影響力讓球員優先施打疫苗。不過球員還是可以站出來呼籲其他人去接種，像是底特律活塞的葛瑞芬(Blake Griffin)去年12月就鼓勵大家「等疫苗來了就趕快去打吧。」
NBA內部也有一股反對的聲音，球員工會執行董事米雪兒羅伯茲(Michele Roberts)就對疫苗沒有把握。身為黑人的羅伯茲表示：「黑人孕婦生產的死亡率遠高於白人婦女，因為我們獲得的醫療照顧不同。」「有很多聰明人告訴我不必猶豫，但以我目前所獲得的知識，我不敢建議其他人去施打。」
</t>
  </si>
  <si>
    <t xml:space="preserve">新變種病毒Omicron步步進逼，已快速在多國蔓延，衛福部草屯療養院精神科醫師沈政男警告，Omicron有可能把疫情打回去年三月，從頭開始，而且對手的戰鬥力比之前強上三倍。更指出Omicron的傳染力有可能是Delta的5倍，呼籲指揮中心趕快收回春節7+7檢疫方案，改回14+0，否則沒守好，國內案例恐怕會破千。
沈政男昨天在臉書表示，新變種病毒Omircon可怕的地方在於再感染與突破性感染，由於它棘蛋白突變的地方有32個，連莫德納執行長都坦言，目前疫苗無法有效對付Omicorn，是非常令人憂心的局面，與其現在再繼續推成人打第三劑、青少年打第二劑，還不如先趕快把春節「7+7」檢疫方案收回來，改回「14+0」，「封鎖國門要先做，再來才是要大家打疫苗啦，怎麼反其道而行？」
沈政男表示，如果「7+7」方案導致邊境沒守好，Omicorn跑進台灣，確診案例有可能會破千，既然如此為什麼還要做「7+7」，難道是把社區當成白老鼠嗎？
沈政男表示，等到案例漏進社區，再來調整防疫措施是一種賭博，就像先前爆發幼兒園群聚感染，仍然不取消內用一樣，賭對了當然防疫鬆綁就推進一些，但如果這次賭錯了，「歹勢，Omicron的傳染力有可能是Delta的5倍」，因此這次的賭注，比先前都大。
</t>
  </si>
  <si>
    <t xml:space="preserve">YouTube頻道訂閱117萬的劉沛來自美國加州，2012年為了圓歌手夢飄洋過海到台參加中視《超級星光大道》，因緣際會轉型為YouTuber，去年2月在美國與交往許久的美根結婚，今年3月初宣布懷孕。眼看台灣本土疫情嚴峻，兩人擔心寶寶的健康，決定飛回美國打疫苗、待產。
劉沛9日上架以「我們決定要回美國了...」為題的新片，坦言和美根都有共識，現階段最重要的是肚裡小孩的健康，不過台灣目前還沒有孕婦可以施打的新冠肺炎疫苗，加上兩人都是外國人身分，不確定什麼時候輪到他們接種，聽聞家鄉有一支孕婦也適合注射的疫苗，種種考量之下，決定回到美國。
劉沛和美根完成新冠肺炎核酸檢測，雙雙呈現陰性，並備妥資料一起將愛犬LUNA帶回美國。上了飛機後，發現座位幾乎都滿的，夫妻倆不禁驚呼：「比我想像更多人，怎麼這麼多人啊」美根在飛機上還忍不住落淚，滿臉流露不安的情緒，劉沛為了安撫老婆，緊緊牽住她的手。
平安回到美國第五天，劉沛向美根詢問當天搭飛機的心情，美根感嘆：「最大的原因是因為我懷孕了，所有情緒一下湧上來，我覺得我現在又要哭了…還有不知道能不能回來美國的壓力，就算我可以回來也不知道LUNA能不能回來，終於在我們起飛時，才覺得真的要回家了。」
最後劉沛表示，不確定會待在美國多久，至少要等到寶寶平安出生、見到家人，也認為選在台灣本土疫情嚴重的時候回去，肯定會招來酸民的批評，他坦然接受，「如果不喜歡今天的影片，可以按不喜歡兩次」希望網友們能理解他們的決定。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新北市透過廣篩，確診個案發病日與確診日已達0.344趨近於零，疫情有趨緩趨勢，不過新北市長侯友宜說，目前大家低度活動，但家戶感染比例卻逐漸攀升到60％以上，把居家隔離做得更好，並在解隔離前採檢，就能斬斷家庭傳播鏈。
新北市衛生局長陳潤秋表示，全球疫情持續趨緩，不過確診量仍非常高，全球已有1.7億人確診，以新北發病日趨勢來看，新北有下降趨勢，到28日前的觀察期，仍要持續低度活動、擴大篩檢，並落實各種防疫工作與疫調，才能阻絕傳播鏈。
陳潤秋說，目前確診日與發病日隱藏期中位數已經是0，很多個案在發病日前就被找出來，目前篩檢整體陽性率1.2，社區篩檢站的陽性率持續在0.5％以下。
陳潤秋說，目前專責病床與徵用病床剩餘床數有501床，專責加護病房有76床，醫院收治確診個案620人，重症數76人，重症插管率12％有下降。而集中檢疫所與加強版檢疫旅館收治數則是404人。
陳潤秋說，過去家戶內傳染比例較低，但後面越來越高，6月22日家戶感染比例高達65％，如果家戶內傳染可以控制，疫情會往下走。
侯友宜說，重症病患插管率下降是好現象，感謝新北各大醫院在大型疫情風暴下，雖然無法與台北市比擬，仍擋住這個風暴，因為擴大篩檢加上精準疫調，現在幾乎都能預測每日確診個案數量，但現在疫情還沒過，還有很多社區隱形傳播鏈沒有這麼簡單，要繼續努力。</t>
  </si>
  <si>
    <t>澳門新型冠狀病毒感染應變協調中心(下稱應變協調中心)公佈，澳門第53例新冠肺炎確診病例是於6月17日由台灣來澳的台灣居民，初步檢測結果顯示感染的病毒為Delta變異病毒，該種變異病毒在印度首先發現。
澳門應變協調中心表示，該病患於2020年10月至2021年1月在越南工作，據資料顯示越南亦已存在Delta變異病毒；由於病人的核酸檢測結果病毒量低，血清IgG呈弱陽性，IgM呈陰性，符合復陽的表現，故初步判斷該病例在越南感染機會較大。
應變協調中心表示，Delta變異病毒具有潛伏期短、傳播快的特點，而近期在廣州、佛山出現的病毒亦為該種變異病毒；再呼籲仍未接種的市民應儘快接種疫苗。</t>
  </si>
  <si>
    <t xml:space="preserve">台灣左投陳偉殷27日臉書發文感謝水手隊，他季外以小聯盟合約加盟水手，日前遭球隊釋出，沒能趕上第2次春訓。本季例行賽縮短為60場，球隊不需要安排備用的先發投手，上一季的賽事證明「牛棚車輪戰」足以彌補輪值短缺。
陳偉殷正在台灣自主訓練，如果他願意打中職還要面臨加盟程序和球團預算的問題，但相較於他國新冠疫情，中職是比較安全的地方，況且一整年都只自主訓練也不容易讓國外球隊看到。現在大聯盟因疫情自顧不暇，殷仔若要延續棒球生涯，不必堅持一定要在美國打球。
日職老家中日龍顯然是陳偉殷可考慮的，他原本希望那是做為職業生涯的最後一段路，今年7月他滿35歲，速球還有時速150公里，狀況好的話也還有幾年的時間。去年遭馬林魚釋出時，陳偉殷在台灣記者會說：「至於日本不完全拒絕、也不是走下坡，畢竟日本是我的職棒起頭，回到起頭不會是走下坡、要退休的感覺。」
中華棒球隊的奧運6搶1資格賽因為疫情無限期延後，如果能辦成(主場在台灣)也是陳偉殷登板證明自己的一個機會。
</t>
  </si>
  <si>
    <t>全球新冠肺疫情不斷擴大，大量台灣遊客或留學生從世界各國返台，使得機場的入境檢疫工作量激增。疫情指揮中心今（20）日指出，昨日起桃園機場兩個航廈各增2個檢疫點，合計有4個檢疫點，已支援8位醫師、8位護理師加入檢疫工作。
此外，目前歐洲疫情嚴重，如果旅客有謊報歐洲旅遊史的情形，這是屬於填寫內容不實，可依法裁罰1至15萬元，指揮中心也請旅客不要以身試法，以免受罰；更重要是必須配合防疫需要，協助防堵疫情蔓延。</t>
  </si>
  <si>
    <t>新冠肺炎疫情嚴峻，為了讓心智障礙者、長者、兒童、外籍人士容易獲取防疫資訊，屏東縣政府製作「防疫易讀版手冊」，明瞭大圖配上簡易文字，讓人一看就懂，目前電子書版已上線，本周實體書本亦將出爐，縣長潘孟安也在臉書分享。
屏東縣有4768名心智障礙者，讓他們也能獲得正確的防疫資訊，不但能保護自己也能保護家人。縣府推出的防疫易讀版手冊，特別強調與心智障礙者合作，從所需資訊到產出文本都經過心智障礙者審稿及品管，符合使用者的需求。
易讀版內容透過一名女性智能障礙者角度，介紹台灣現在發生了什麼事，認識新冠肺炎，該如何面對肺炎疫情，如何保護自己和大家等內容。希望讓心智障礙者獲得平等資訊，以公民身分主動參與防疫，並做好自身防護。
手冊也可當成心智障礙者的課程教材，增加了有趣的防疫小學堂，提醒相關防疫重點；並在推出前邀請3位智能障礙者試讀，指出閱讀過程看不懂的地方，該如何修正，讓手冊更能符合使用者的需要。
目前電子書版已經上線，可上網站：https://bit.ly/2VkBVYx下載。本周縣府將加印實體書本，提供屏東縣各身障服務單位、特教學校、特教班、各家庭福利服務中心等單位，希望讓所有人都成為防疫小尖兵。</t>
  </si>
  <si>
    <t>上市櫃指數上周聯袂走強後，興櫃市場也不遑多讓，全周成交值雖較前周大減逾三成，僅34.48億元，但盤面個股卻一掃陰霾，股價紛紛出現旱地拔蔥之姿，尤以生技族群最為亮眼，包括法德藥（4191）等5檔個股周漲幅皆逾三成。
根據統計，興櫃市場上周漲幅逾一成的個股高達45檔，占比17.79％，前十大個股的周漲幅更介於三至四成左右，而生技族群囊括其中7檔，可謂最大贏家，包括法德藥、翔宇、安特羅、景凱、瑩碩、長聖、華安等。
新冠肺炎全球確診案例已突破60萬人大關，且疫情持續擴大，新藥及疫苗的研發緩不濟急，也使得老藥新用的商機得以引爆，特殊學名藥廠法德藥旗下代理的利巴韋林吸入劑，原先是用來治療下呼吸道病毒感染，是美國食品藥物管理局（FDA）唯一核准的學名藥吸入劑型，目前轉而用來作為新冠肺炎的診療用途。
法德藥目前已向大陸國家藥品監督管理局（NMPA）申請緊急註冊，同時也已找好大陸代理商，希望能盡速滿足新冠肺炎的治療需求。利多消息加持下，法德藥上周獲買盤大舉湧入，周漲幅高達39.81％，榮登上周興櫃漲幅王寶座。
老藥新用題材上，近期也傳出使用「奎寧」及「日舒」對治療新冠肺炎成效良好，帶動相關供應鏈強勢表態，瑩碩為國內唯一取得日舒口服懸液的藥證業者，利多激勵下，上周均價強彈29.85％。
此外，擁有保健食品、保養品及美容美體三大產品線的翔宇，以及國光生子公司安特羅、肝炎新藥傳出利多消息的景凱，上周也皆有逾三成漲幅，生技股長聖及華安上周均價則分別大漲28.68％、28.25％。
除生技族群外，航太概念股長亨表現同樣不俗，董事會通過7元的現金股利發放案，以27日均價78元計算，殖利率高達8.97％，激勵上周漲幅高達31.78％。
至於股后穎崴，受惠半導體測試介面需求強勁，訂單滿載，帶動股價自谷底反彈，亞洲藏壽司也因通過上櫃申請案，上演慶祝行情，兩檔個股分別勁揚29.51％、29.39％。</t>
  </si>
  <si>
    <t>交通部放寬大眾運輸場站飲食及恢復高鐵自由座、站票，19日起客運轉運站在候車區可以飲食，海空運場站也可飲食，國際航空站和海港出境部分開放飲食，相關餐飲業也開放，但國際航空入境仍不可飲食。機場餐飲業者表示，已經準備好了。
交通部長王國材18日表示，海空運場站部分，國內場站於19日開放飲食；國際場站出境開放飲食，但入境旅客將嚴格分流管制，循指定動線區域離開場站，不得在場站內飲食外，其餘區域開放。
桃園國際機場產業發展協會理事劉祐崧18日下午在桃機接受媒體聯訪表示，感謝政府在各交通埸站設施有條件開放餐飲內用規定，雖然目前每日出入境人數只有1000多人，但從業人員仍需工作和就業，桃園機場員工有高達95.6％疫苗施打率，出境旅客全部接受PCR檢測，而且和入境動線完全隔離，是國內相對最安全的消費環境之一。
劉祐崧說，桃園機場在禁止內用飲食期間，原有的餐飲業者僅剩三成正常營業，開放後預估可提升至五成，為了內用解禁，大家都忙著全面再加強清潔消毒工作、並依規定加裝塑膠隔板，機場商務貴賓室也將全面開放飲食，為了提供貴賓級的禮遇，除採用一人一座的位置規劃，也已設計好個人套餐方便民眾享用。
劉祐崧指出，今年也配合桃園市政府購物節振興活動，擴大促銷活動希望能引入活水，12月份也將舉行機場商圈憑發票參加大摸彩的感恩回饋。另外也呼籲桃機公司能夠同步開放第二航廈3樓的出境特賣商場，業者會在指揮中心公布的防疫安全規範下，提供民眾舒適安全的消費環境。</t>
  </si>
  <si>
    <t xml:space="preserve">南韓疫情嚴峻，18日發布數據顯示，單日新增確診連續3天破千例，累計達4.75萬。南韓衛生部18日宣布，將在明年11月之前，達到全國8成人口接種新冠疫苗的目標。該部上周曾表示，南韓將從各大研發生產疫苗的藥廠，包括輝瑞、楊森、莫德納和阿斯特捷利康等，進口4400萬劑新冠疫苗。
衛生部官員表示，4400萬劑對8成以上人口已綽綽有餘，屆時可達到群體免疫。
據韓聯社報導，中央災難安全對策本部在同日發布疫苗採購計畫，表示政府目標是，本月與楊森和輝瑞簽署疫苗採購協議，明年1月與莫德納簽約，明年2到3月，則進口已簽約的阿斯特捷利康疫苗。疫苗將優先提供老人、安養長照機構的住民，以及醫護人員注射。
</t>
  </si>
  <si>
    <t>明天是農曆中元節，彰化鹿港地藏王廟每年農曆7月13日至15日舉辦一連3天超渡法會，除了動物與外國往生者蓮位，還出現彰化染疫白牌車司機往生蓮位，廟方指出，希望全台首位染疫過世的亡者和全球染疫亡靈，皆能安息。
鹿港鎮內北有天后宮掌天、南有地藏王廟掌管地，都是當地信仰中心，鹿港地藏王廟主祀地藏王菩薩，配祀境主尊神、註生娘娘及十殿閻君；過去民間一般誤認為地藏王廟屬陰廟，其實地藏王菩薩掌管的是善惡靈魂，並且統帥十殿閻君，視為陽神管理陰間。
有眼尖民眾發現鹿港地藏王廟超度法會上，出現白牌車司機的往生蓮位，對此，廟方總幹事林慧娟指出，地藏王廟信眾遍及全世界，今年廟方特地為新冠肺炎往生的亡者設置往生蓮位，超渡因為疫情死亡的亡靈，盼亡者都能安息。
新冠肺炎全球肆虐，截至目前已造成2530萬人感染、84.8萬餘人死亡。林慧娟說，由於新冠肺炎疫情年初就爆發，有一名自武漢嫁來台灣的新住民，原本過年期間想返鄉探親，特地前來擲筊請示神明，不料擲不出聖杯、神明不准。
原來是該女的父親、姊姊與姊夫，都在武漢市場內擺攤賣雞鴨，陸續染疫住院，她只好設置動物蓮位盼超度雞鴨等市場內的動物，1個月後該名女子高高興興帶了20斗白米答謝，還告知廟方，家人都已陸續康復住院。
除了新冠肺炎亡者蓮位、動物蓮位，還有一名在墨西哥經商的彰化台商，由於長期失眠、睡不安穩，主動前來地藏王廟拜拜、問神，經神明指示須超渡墨西哥當地的十方孤魂，因此法會中也設置有國外墨西哥王靈的往生蓮位。</t>
  </si>
  <si>
    <t xml:space="preserve">今天上海市公共衛生臨床中心有16例新冠肺炎患者痊癒出院，其中一名27歲的韓先生與其妻子，也是痊癒的病人之一，夫妻倆是武漢人，於2月4日確診，被送至上海市公衛中心接受治療，「感謝這裡的醫護人員，也感謝上海市政府和上海人民」，身處異鄉，卻在上海得到了很好的照顧，妻子昨天出院，他也在今天(2/16)痊癒了，讓他們非常感恩。
大陸《澎湃新聞》報導，這對夫妻1/20去日本度蜜月，原定1/31搭機回武漢，但航班取消，機票被改到上海。男子先是在1/30突然出現乾咳，妻子則毫無症狀。
男子說，「飛機一落地，就有人來檢查了，我通報自己有點乾咳，他們就安排了救護車，把我們送到了上海浦東人民醫院。」並在發熱門診做了X光和抽血檢查，發現自己的左肺已經被感染了。他的妻子沒有任何症狀，但X光卻顯示她是雙肺感染。2月4日兩人核酸檢查結果均為陽性，便被移送治療，12天後男子於2/16痊癒出院，妻子則提早一天。
男子說「出院最想做的事，就是去酒店找老婆，一起去吃好吃的東西。」並打算在酒店繼續自行隔離一段時間，為了別人健康，也為了自己的健康。
</t>
  </si>
  <si>
    <t xml:space="preserve">
北市聯醫內科醫師姜冠宇今天上午在臉書發文指出，台北花博為因應民怨，從上午8點提早至7點半開打，工作人員至少6點50分就要集合出發，結果人卻來得零零落落，不禁感嘆提早上班也不會加薪，戰線加開後也不被珍惜，更心痛表示「這樣是存心整我們嗎？」
中央遊行疫情指揮中心指揮官陳時中下午在記者會對此回應，花博怎麼樣做安排，「我想是臨場第一線的人對情況最了解」，他也透露自己昨天上午曾前往花博，看到人數非常龐大，施打流程也井然有序。
陳時中回顧當時花博開打時間比較晚，剛好第一批打的是年長者，他們生理時鐘比較早，就習慣來得比較早，剛好又遇到下雨，戶外的預備等待區就有一點混亂，造成一些抱怨，後來相對年輕的族群來打，對預約時間比較準確，而年長者都習慣早點來，等很久，所以會形成一些混亂。
「這些都是很好的經驗。」陳時中表示，未來一方面也要宣導大家盡量照預約時間前往，太早抵達的效率也不高，按照時間來，秩序會最好；另一方面當時遇到下雨，而昨天他實際參觀花博時，預備等待區就沒有人，裡面場地很夠大，確實已經到了非常上軌道的情況，「當然相信將來會越做越好，我們還是要給他相當的鼓勵」。</t>
  </si>
  <si>
    <t xml:space="preserve">日本、韓國新冠肺炎疫情嚴峻，中央流行疫情指揮中心宣布，將兩國的旅遊警示提升至第二級警示（Alert），許多民眾紛分取消原訂旅遊行程。不過，卻有人還是堅持要出遊，甚至放話：「反正回不來的話，台灣政府也會包機！」讓許多人聽了，相當不以為然。
疫情指揮中心將日本與韓國旅遊警示提升至第二級警示（Alert），旅客需對當地採取加強防護，指揮官陳時中表示，不排除做相關邊境管制。不過，一名網友卻在臉書社團「爆怨公社」抱怨，有同事堅持2月底要去日本旅行。
原PO對同事說日本現在疫情相當嚴重，建議他先取消行程，等疫情控制住了再去。沒想到同事回：「不會這麼衰啦！反正回不來的話，台灣政府也會包機接回來。」原PO忍不住抱怨，公司都已經公告自日、韓返台的員工要自主管理14天、不用進公司上班，「你去玩一星期，回來又放十四天，你的工作要分給其它同事去做，這樣不覺得很自私嗎？」
原PO怒道：「真的覺得國家防疫最大的破口，就是這些人的心態有問題！」網友看後也紛紛表示「真的希望他中標」、「憑什麼用全人民的錢去救他」、「這種台灣鯛就可以出國，醫護人員就要被禁止出國，等著照顧這種想要包機回國的廢物」、「這種同事真的是人渣」、「台灣就是會被某些人給毀滅」。
不過也有網友有不同意見，「為什麼大家都要道德綁架要他們不要去」、「政府覺得安全，讓日韓繼續飛」、「我不覺得去的人有多壞，一直嘴的是會幫忙賠錢嗎」、「日本1.2億人口境內147確診，台灣2300萬28人確診。日本土地又是台灣10倍。台灣好像沒比較安全」。
更多 CTWANT 報導
</t>
  </si>
  <si>
    <t>面對新型非洲變種病毒Omicron在國際延燒，屏縣府擔心農曆春節返鄉人潮會提高社區感染風險，稍早拍板定案從5日起至7日，凡在指定的6站施打莫德納疫苗即加碼送現金500元，外縣市人也可，每站限額300名，送完為止。
屏縣衛生局表示，屏東首創在百貨公司及火車站設站施打莫德納疫苗，每日施打量持續增加，原訂只打到5日，但因成效良好，決定延長至7日，時間也從原先的下午3點或5點開始施打，提早到上午10點30開始，一直到晚上7點止。
而為因應春節返鄉人潮帶來的社區感染危機，在屏東佛教會及東港東隆宮的捐款支持下，決定再加碼，從5日起至7日止，打莫德納疫苗就送500元現金，施打點除原來的屏東火車站、潮州火車站、環球購物中心、太平洋百貨外，又增加東港東隆宮及車城福安宮，共6個施打站。
衛生局表示，民眾可在上午10點30分至12點30分、下午1點分至7點，隨到隨打，每站的前300名送500元現金，請大家邀集親友帶健保卡踴躍前往施打，第二劑要記得帶黃卡。</t>
  </si>
  <si>
    <t>斯洛伐克捐贈的16萬劑AZ疫苗今天上午抵台。蔡英文總統表示，這批16萬劑疫苗，以及昨天日本捐贈抵台的50萬劑AZ疫苗，都會優先提供第二劑接種。她也再次提醒大家，儘早接種、完整接種，讓台灣在防疫上具有最強的戰力！
蔡英文在臉書感謝斯洛伐克「16倍的支持力量！」表示，斯洛伐克先前宣布，將捐贈台灣的1萬劑疫苗，提高數量到16萬劑AZ疫苗。就在今天上午，這批疫苗已經抵達台灣。
她說，在全球疫情依然嚴峻下，斯洛伐克對於台灣真摯的友誼，讓我們倍受感動。她再次感謝斯洛伐克的協助和支持，台灣會繼續和國際夥伴相互扶持，在共同對抗疫情上，創造更多善的循環。
蔡英文強調，接下來，斯洛伐克捐贈的這批16萬劑疫苗，以及昨天日本捐贈抵台的50萬劑AZ疫苗，都會優先提供第二劑接種。疫苗是對抗疫情重要的武器，我們會做最好的接種安排，她也再次提醒大家，儘早接種、完整接種，讓台灣在防疫上具有最強的戰力！</t>
  </si>
  <si>
    <t>1999年開辦的東吳超級馬拉松，今年因為全球受新冠肺（COVID-19）疫情影響，主委會今日宣布停辦。
東吳超馬是台灣最先舉辦的超級馬拉松，尤其是這個賽事是在東吳大學內的田徑場連續跑24個小時，每年吸引了不少世界頂尖超馬好手來台參賽，2012年12月9日日本名將關家良一以261.365公里成績完成七連霸。
東吳超馬過去20年曾停辦兩次，分別為2000年以及2006年。籌備會今天表示，今年多項國際知名大型馬拉松賽事均宣告停辦，近日境外疫情仍持續延燒，原訂於12月4日至5日舉辦的「2020東吳國際超級馬拉松」活動，經過籌備委員會審慎評估活動進行風險與賽事成效，在防疫優先、健康第一的前提下決定停辦。</t>
  </si>
  <si>
    <t>台灣疫情嚴峻，本土確診案例連日暴增，單日從16例、29例、180例，飆升到206例、333例、240例，每天破百例的病毒蔓延速度，叫民眾心慌慌，也引發許多亂象。像是日前一名搬家師傅網友PO文控訴，指稱一位自稱是單親媽媽的客戶百般刁難，質疑已經噴過酒精的傢俱沒充分消毒、有細菌汙染等，話鋒一轉，還委屈的說自己工作受疫情影響，非常不穩定，因此想砍價，讓原PO不禁無奈表示「又做白工了」，引發網友熱議。
昨（18）日臉書社團「爆怨2公社」一名搬家師傅網友發文指出，近日他替一名女子搬家時不停被找碴，就算他已做到全面防疫，穿戴口罩和2層手套，用膠膜包覆傢俱，以免沾染病毒，甚至還把整罐酒精噴完，但對方仍處處為難，質問為何傢俱不消毒、人沒消毒、傢俱裡有細菌等。
不僅如此，原PO還提到，為了將該女子各個要價上萬的傢俱搬樓梯上6樓，考量到安全，才無法在搬運時噴灑酒精，但他萬萬沒想到，顧客瘋狂殺價，不僅聲稱自己是單親媽媽，要帶小孩，工作遭疫情波很不穩定，聽到原價4500元減到3000元，還是一直嫌貴，讓從早上忙到晚上的原PO實在受不了，最後拿2000元就走人，並上網PO文直呼「請問我這樣是在做善事嗎？又做白工了」。
此文一出，不少網友看了也覺得該名女顧客太超過，簡直吃人夠夠，紛紛留言聲援「辛苦錢也要凹，這種人真是夠了」、「有本事買名貴的傢俱，卻計較這點小錢，嫌貴！讓他自己搬啊！」「尊重專業，搬家師父絕對不止這工錢，客人太過分了」、「價錢不是事先談好價的嗎？」、「真倒楣遇到這劣性人」。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新冠肺炎疫情燒不停，各行各業均遭受嚴重衝擊，金門縣府今（6）日成立「失業及無薪假勞工諮詢櫃台」，希望協助勞工朋友度過難關。
這也是金門縣府繼日前成立「觀光產業紓困諮詢辦公室」，吸引相關業者前往，連酒店業者也登門諮詢後，基於擴大服務層面，再成立具針對性的服務櫃台。
縣府指出，在這波延燒不斷的疫情中，相關產業如觀光旅遊業營運已受明顯影響外，已有業者已透過勞雇協商，採取減少工時方式因應衝擊。楊鎮浯縣長指示社會處設立「失業及無薪假勞工諮詢櫃台」，針對各項勞工權益資訊與諮詢服務，提供失業或放無薪假勞勞工適時協助。
「失業及無薪假勞工諮詢櫃台」設置於金門縣政府社會處，服務時間為每周一至周五上班時間，專線：（082）373291。
社會處長董燊表示，勞工權益法令複雜，若無特別研究，往往無法主張攸關自身之權益，尤其現階段受疫情影響之勞工人數眾多，為維護其權益及協助失業者度過難關，特別設置「失業及無薪假勞工諮詢櫃台」。若有疑問也可電洽082-318823＃62537方先生。
</t>
  </si>
  <si>
    <t xml:space="preserve">就在美國面臨新冠肺炎疫情反撲之際，美國媒體報導，白宮已開始對首席傳染病專家佛奇（Anthony Fauci）發動攻擊，白宮內部流傳一長串清單，上頭羅列佛奇對疫情的各項錯誤判斷及評論，民主黨議員痛批，佛奇是說真話的人，卻遭川普邊緣化，白宮此舉根本是因為川普眼紅佛奇的高人氣，想要摧毀他。
美國國家過敏與傳染病研究院（NIAID）主任佛奇（Anthony Fauci）與總統川普的關係惡化，佛奇飯碗可能不保？綜合美國有線電視新聞網（CNN）、美國國家廣播公司新聞網（NBC News）報導，白宮已開始針對佛奇展開攻擊，試圖降低他的聲譽。
11日，一名白宮官員透露，好幾名白宮官員正在關注佛奇犯錯的次數，這名官員甚至亮出「一長串清單」，上頭羅列疫情爆發初期，佛奇的評論以及過往相關訪談內容，當中包含佛奇在1月時曾表示「新冠病毒不是重大威脅」、「無症狀感染者不會傳染」，以及3月時，佛奇指出「民眾不需要戴口罩」等語。
CNN形容，白宮對佛奇發動的攻擊，猶如政治人物針對對手展開的「敵情研究」（opposition research）。
另一名資深官員指出，部分白宮人士並不信任川普，他們認為佛奇的言論並不符合川普的最大利益；一名政府官員則指出，儘管對於佛奇提出的防疫措施意見分歧，他們並不懷疑佛奇的動機，相信他只關心公眾健康。
另外據《紐約郵報》（New York Post）報導，美國首席病毒檢測官員、衛生及公共服務部（HHS）助理部長賈諾（Brett Giroir）昨（12）日接受NBC節目「會晤新聞界」（Meet the Press）專訪時明白指出，儘管他個人相當尊敬佛奇，但也認為佛奇「並非百分之百正確」，尤其對於佛奇暫緩解封的建議，直言佛奇對疫情的看法相當狹隘，「只從非常狹隘的公衛角度看事情。」
佛奇多次公開在報章雜誌及電視專訪中反駁川普對疫情的看法。他曾說，和其他國家相比，美國真的不能說自己做得很好，「我們真的沒有」；他更打臉川普在國慶演說中提及「美國99%的感染病例完全無害」的說法，稱不曉得川普哪來的資訊，直言川普的說法和事實完全不符。川普則在上周公開反擊，批評佛奇是個好人，「但犯了很多錯。」
民主黨籍的美國眾議院情報委員會（House Intelligence Committee）主席謝安達（Adam Schiff）周日痛批白宮對佛奇的圍剿行動相當「差勁」，他稱這種行為非常有「川式作風」，「他（川普）沒辦法接受美國人信賴佛奇卻不信任他的事實，因此要摧毀他（指佛奇）。」
謝安達說，美國比以往任何時候都需要一位「說真話」的人，以便讓美國人了解到現在面臨的是什麼樣的疫情、以及如何應對，「這就佛奇一直試圖在做的事，但卻遭到川普干預、邊緣化。」
</t>
  </si>
  <si>
    <t>苗栗縣12日新增確診病例9例，7例為外籍移工、本國籍2例，其中，京元電子有6例、智邦科技2例、京鼎1例；其中1例無症狀，目前確診個案都已收治隔離中，相關足跡則公告於苗栗縣政府網站。
苗栗縣長徐耀昌表示，新增的9例中，男性有5例、女性4例，2位本國籍病例分別是23歲女性，家住竹南鎮，以及33歲男性，家住後龍鎮，累計苗栗縣至目前確診病例共計444例，其中，外籍移工有362例，占82％。
至於京元電昨天有30位快篩轉陽者，經PCR採檢都陽性確診，詳細確診案例由中央流行疫情指揮中心公布。
此外，前源科技公司全廠快篩60人、微矽電子公司全廠快篩579人、頂埔里社區快篩245人，全數陰性。
針對此波日本捐贈AZ疫苗開打衍生的亂象，徐耀昌說，苗栗縣此次依中央規畫對75歲以上長者施打的疫苗劑數只有獲配9000劑，但全縣75歲以上長者就有4萬3000人，縣府決定採越高齡年長者優先施打，不過85歲以上長者也有超過1萬2000多人，中央分配疫苗有限，只能慢慢依續接種。
其中85歲以上長者及原住民75歲以上長者部分由衛生所負責施打，首打時間訂於6月15日， 並將透過村里長造冊、通知施打時間及地點。
此外，縣府也特別將長照、身心障礙、精神復健、老福等機構的住民及照護者、洗腎優先提列同步於第1階段來施打，由各機構合作的醫療院所進入機構來施打，後續視疫苗劑量陸續開放接種對象。
而對於縣府原本公布12日要以網路表單報名預約施打，今天又緊時改變，不僅造成網友上午塞爆網路，縣府則是昨天深夜臨時喊卡「暫緩」報名，讓來不及獲取訊息的民眾氣的跳腳，並在網路大罵縣府朝令夕改的政策。
對此，苗栗縣衛生局長張蕊仙則表示，縣府是想以最快方式快速的時間打完，才會想採用網路方式報名，加上接種率提高，中央下次撥補疫苗數也會提高，因此才有之前的網路報名規畫。
而中央昨晚通知統一6月15日開打，縣府也緊急修正施打方式，改以造冊、里鄰長通知方式施打，長者施打免預約。</t>
  </si>
  <si>
    <t xml:space="preserve">海軍敦睦艦隊染疫，支隊長陳道輝少將遭調職，外界質疑他成了代罪羔羊。本報對此舉辦網路投票「請問，陳道輝遭調職，你認為是否公平？」截稿為止，竟有高達92.40%的網友回答，「不公平，顯然高層長官想卸責給他」。
《中時新聞網》23日針對此進行網路投票，「請問，陳道輝遭調職，你認為是否公平？」截稿為止，已有1千多名網友投票，高達92.40%(1118票)的網友回答「不公平，顯然高層長官想卸責給他」；7.19%(87票)則回答「公平，他本來就該負責」；另0.41%(5票)的網友則表示不知道/無意見。
陳道輝接受立院電話備詢時一度哽咽，表示「我在此我用生命保證，我絕對沒有隱瞞任何疫情，因為如果我知道已經有人感染，我一定會遵照國防部的命令立刻返航。」如今陳道輝少將遭調職，外界質疑其成了這起事件的代罪羔羊。
</t>
  </si>
  <si>
    <t xml:space="preserve">新冠肺炎疫情趨緩，今本土新增55例，其中北市新增22例。對此，台北市長柯文哲表示，現在有70％的感染是家戶感染，像是北投區昨4例感染全都是家戶感染，呼籲民眾在家吃飯的時間、空間都錯開。
柯文哲表示，北市今新增22例確診，隔離人數從3000人降至1000人左右，依據台北市20家專責醫院的快篩數據，近日確診數下降緩慢，發現因新增案例約7成都是家戶感染。
柯文哲指出，從統計案例來看，70％屬於家戶感染，真的在社區感染不多，畢竟人很難回到家裡後還戴口罩，前台北市感染最主要理由是家戶感染，偶而1、2個社區感染，回家一傳染就4個，「北投區昨天有4例感染，全部都是家戶感染」。
柯文哲指出，現在主力感染是家戶感染，要讓台北案例再少一點，家戶感染一定要有更好的控制，儘管家裏戴口罩不容易，但盡量維持社交距離，重要是吃飯必須時間或空間隔開，因為脫下口罩最容易成為重要口沫感染源。
★《中時新聞網》提醒您：因應新冠肺炎疫情，疾管署持續加強疫情監測與邊境管制措施， 如有疑似症狀，請撥打：1922專線，或0800-001922，並依指示配戴口罩儘速就醫，同時主動告知醫師旅遊史及接觸史，以利及時診斷及通報。
</t>
  </si>
  <si>
    <t xml:space="preserve">新冠肺炎疫情使得國際金融市場行情波動，帶動期權市場交易熱絡，元大期(6023)啟動人才招募計畫，提供專業訓練課程及輪調實習，讓年輕學子快速進入企業掌握業務核心，此外也進行業務前鋒與後勤人才擴大招募，相較去年增加了四成比重，針對轉職的跨領域人才，也提供了完整的金融專業培訓輔導機制，讓多元人才的職涯發展順利接軌。
元大期貨總經理周筱玲表示，身為台灣期貨業龍頭，培育期權產業人才是公司重要使命，2019年獲得有金融業奧斯卡獎之稱的金彝獎傑出「人才培育」、「期貨人才」大獎。公司相信唯有堅強的團隊才能引領公司邁向卓越，深知培育人才、鞏固核心人才的重要性，將員工視為公司最重要的資產，提供員工定期專業培訓課程、學習講座，鼓勵同仁在主管帶領下從實務中學習，藉由專案執行累積經驗打穩基礎，並建構健全的升遷與輪調制度，提高職涯能見度及格局視野，以期公司與員工共存共榮，創造多贏綜效。
此外，元大期貨也提供員工海外出差、參與國際論壇、金融科技考察或派駐海外據點的各項機會，不僅是因應公司國際化佈局，更是提升員工國際觀與國外學習經驗。除了業務人才之外，今年度更擴大招募儲備菁英及後勤單位人才，透過專業紮實的實務操作課程，建構組織接班梯隊，師徒制的帶領下將經驗完整傳承，不僅讓工作職能發揮更具效率，也讓每位員工清楚自我的職涯發展道路。
</t>
  </si>
  <si>
    <t xml:space="preserve">
明明是放假前的星期五，上午十點到達九份老街，沒想到卻一片冷清，許多店家沒開門，觀光客人潮不復平日，比以前早上七點來時，人還要少。只要一有人走過去，有開的店面，服務人員遞茶的遞茶、拿出試吃品的一堆，莫不打起萬分精神，吸引遊客的注意。在伴手禮店打工的阿芳，迎來工作四年多來最寒冷的春天。
我是瑞芳人，每天就坐先生的車來上班，之前在帶小孩，一直到小孩上學後才出來二度就業，在九份老街工作也四年多了，工作很穩定，反正每天觀光客都會自己上門來。
農曆春節時還好，雖然陸客減少了，但台灣人自己很捧場。可是隨著新冠肺炎的疫情愈來愈嚴重，人潮也愈來愈少，最近還有一些日本人過來，但都是散客比較多，韓國人和香港人則幾乎沒有，從2月中開始，常常唱空城計。
我們的業績大概剩2成左右，所有店的店員人數加起來，說不定比一個早上的觀光客還要多，所以很多店現在中午才開門，以減少成本支出，疫情只能靠政府把關，我們也只能一天過一天，不然能怎麼辦。
聽在百貨公司上班的同事說，他們也一樣慘，因為沒有觀光客去買就算了，本國人也不去買，因為不能出國，自然減少買伴手禮的需求，真是歹年冬的感覺，希望疫情趕快過去，不然說不定就得休無薪假了，唉！
更多 CTWANT 報導
</t>
  </si>
  <si>
    <t>中央流行疫情指揮中心19日宣布，衛福部核准高端COVID-19疫苗專案製造，最快8月可以少量供應，對此，新北市副市長劉和然說，疫苗研發有一定程序，尤其是臨床試驗，這部分專業評估與建議我們都很尊重，高端通過EUA緊急授權可以專案製造，這是國家專業審查後給的資格。
劉和然表示，國家發展疫苗無人反對，但前陣子風風雨雨，高端已拿到緊急授權可以專案製造，未來要用更大努力證明，特別要提醒一定要符合國際標準，通過國際認證，因未來疫苗注射證明，可能是各國必要通行證，且疫苗施打有自願性，國人有無信心才是最重要的。</t>
  </si>
  <si>
    <t>中央流行疫情指揮中心2周前放寬宴席規定，不須再採取隔板、梅花座，但民間仍有不少人誤解，指揮官陳時中今日再度說明，室內場地夠大，就沒有80人的限制，但要注意每2.25平方公尺1人的限制，室外辦桌則沒有規定。
陳時中指出，室內大型宴客要注意2.25平方米1人的容留限制，至於梅花座、隔板限制已經取消，只要留意盡量不要太壅擠。流水席以中南部較多，許多民眾租借場地時，還以為有梅花座、隔板的要求，陳強調，室內外辦桌、流水席與餐飲規定一致，只要注意總人流限制。
隨著年底尾牙季即將到來，大型企業員工動輒數千人，外界好奇會不會有特殊限制。陳時中回應，目前沒有特別要求，但有多少人就要確保有夠大的空間。</t>
  </si>
  <si>
    <t>新冠肺炎肆虐全世界，不少賽事或產業也因此中止，日前台灣體育電視台因沒賽事，因此改播動漫《灌籃高手》造成熱議，而近日香港旅遊節目，原本要至國外拍攝，也因此次疫情延宕，選擇在境內出外景介紹旅行景點，豈料由於女主持人僅穿泳衣爬山，也意外吸引觀眾注意。
香港電視頻道《ViuTV》釋出旅遊節目「美女郊遊遊」預告，主打「首個只著三點式行山節目」，只見兩名正妹主持人，紮起馬尾、穿上熱褲，而上衣則是搭配比基尼，露出凹凸有致的身材曲線，露出燦笑讓人忍不住多看幾眼，預告推出後吸引14萬人觀看。
而這兩位正妹主持人，分別是「Shirley Sham沈殷怡」及「Shirley Chan陳欣妍」。不少人看完後直呼「這旅遊節目好兇狠啊！」、「山峰好美！讓人也想一起爬」，但也有人認為不妥「這樣爬山不怕被蚊子叮嗎？」、「到底是做旅遊節目，還是賣肉的啊！」、「這樣爬山，很容易曬到脫皮喔！」，主持人事後也解釋，其實這一支預告是愚人節企劃，更分享最新一集的專業爬山節目。</t>
  </si>
  <si>
    <t xml:space="preserve">許書豪今（12日）迎接33歲生日，暖心許願新冠肺炎疫情早日結束，所有人平安健康；他將按原訂規劃7月與未婚妻舉辦海外婚禮、不會延期，並選在婚禮前後完婚結婚登記，好奇另一半送他「死會」前的最後一個生日禮物？許書豪笑說兩人照往年慣例簡單吃個飯，且他日前已整修錄音室送自己，「除了採購木材那些時間外，連續三天日以繼夜大改造」。
許書豪與圈外女友Amy愛情長跑13年，他去年在夏威夷包下一艘帆船向Amy求婚成功，對於兩人維持感情秘訣，許書豪說：「常常很多人喜歡去評斷一對情侶是不適合在一起，不管是長相還是事業，其實只有正在戀愛的人知道彼此最適合的地方在哪。」他趁14日白色情人節推出新單曲〈BUT SHE LIKES〉，MV刻意用對比的男女主角來呈現，「希望在情人節當天祝福每一對情侶」。
他的粉絲近日集資包下公車廣告為他慶生，許書豪不捨大家花錢，心疼地說：「這個禮物太張揚了吧！謝謝你們..其實我很容易滿足的，下次錢包留著吃好吃的拍給我看就好！」體恤粉絲；日前有媒體指他的海外婚禮將延期，許書豪今透過經紀人澄清，評估婚禮地點的疫情狀況後決定一切照舊。
</t>
  </si>
  <si>
    <t xml:space="preserve">本土疫情趨緩，自11月16日起放寬部分防疫措施，其中包括室內外運動時，民眾可不戴口罩，沒想到，才過一天就有健身房宣布暫停營業。對此，中央流行疫情指揮中心醫療應變組副組長羅一均表示，印度返國的境外移入案，8月20日就返台，但直到11月16日為了出國自費採檢才被驗出來，個案又到社區裡面，所以肯定有社區的足跡。不過，個案Ct值高，應是舊案。
知名健身房「World Gym」在官網公告，因新冠病毒疫情影響，台北南京店配合台北市政府防疫規定，今天下午2點起至明天（18日）暫停營業，會員可至北區他館使用。
今天新增5例境外移入個案，其中一人為40多歲台女（案16614），個案於8月20日自印度返台，沒有任何症狀，且入境後4次採檢都未檢出，直到有出國需求，在11月16日自費採檢確診，已經匡列相關接觸者2人，但個案的Ct值為35，二採陰性，因此推估是舊案。
今日外傳有健身房關閉，媒體詢問是否與此案有關？羅一鈞對此表示，因個案確實是在社區確診，應會有足跡，若有場所緊急清消，應與此案有關。
</t>
  </si>
  <si>
    <t xml:space="preserve">
新冠肺炎（COVID-19）疫情席捲全球，我國至今（27日）確診累積267例，帶頭防疫的中央流行疫情指揮中心指揮官陳時中這段期間不斷加強邊境防疫與篩檢，確保不讓疫情擴散，守護國人健康。讓他在最近的民調中獲得高達9成的支持度，對此，他僅笑著用台語回應說「這段時間都是這樣啦」！
根據《TVBS》最新民調顯示，民眾對於陳時中防疫表現滿意度高達91%，僅3%不滿意、6%民眾未表示意見，較上月調查上升9個百分點，不滿意度則下降3個百分點。
陳時中身兼衛福部長與疫情指揮中心指揮官2大要職，在本次台灣對抗新冠肺炎疫情期間聲量大漲，民眾紛紛讚賞指揮官認真防疫的態度。今（27）陳時中赴桃園時被記者問及，他對自己的最新民調滿意度高達9成有何看法？陳時中只笑笑地用台語回說「這段時間都是這樣啦」。
</t>
  </si>
  <si>
    <t>新冠病毒Omicron變異株截至11月底已入侵43個國家地區，亞洲包含日本、香港、韓國、印度、新加坡、馬來西亞及斯里蘭卡7國，但台灣仍有超過500萬人連第一劑疫苗都還沒打，民眾黨團立委賴香伶和副總召高虹安今日召開記者會，呼籲政府增加誘因鼓勵民眾接種，並有計畫的規劃下一階段的防疫戰略。
賴香伶表示，國內有近千萬人尚未接種第二劑疫苗，醫護長照人員與年長者等高風險族群也有50萬人尚未接種第二劑，資料顯示，台東縣是全台疫苗施打進度最慢的縣市，第一、第二劑接種率分別為69.0％、47.4％（截至11月29日)，花東地區65歲以上長輩施打狀況也墊底。
賴香伶指出，不想打疫苗的民眾，或許不會因為施打點變多就願意打疫苗，部分地方政府因此祭出送禮券、現金、白米、蔬果或麵包等誘因，指揮中心也應針對疫苗接種率較低的縣市，提出明確且有效的補助方案，增加接種疫苗的誘因，尤其失聯移工與逾期居留外國人難以掌握，有鑑於過去有超過8成非法居留移工不願自行出面採檢，政府應要求仲介或雇主，主動聯絡疫苗施打站。
賴香伶表示，很多民間企業不願提供疫苗接種假，導致勞工須自行承擔接種後的風險及傷害，有一位新竹民眾陳情，丈夫因公司沒有依法規提供疫苗接種假，強忍身體不適前往上班，最後在上班期間不幸身亡，這些「公司不合理的潛規則」造成的憾事，其實都能由政府事前充分宣導預防。
高虹安表示，指揮中心擬在百貨公司、賣場設置接種站，但其通常位於人口密集的市中心，原本就不乏醫療診所，再設新站未必能有效提升施打率，如此一國多制、一週數變，導致資源重複投入，應先參照既有的施打站地點，進行更具計畫性與針對性的拓點。
另外，高虹安提出疑問，已經啟用5個月的疫苗預約平台，目前的用量如何？為何光是「租用」的委外費用就要將近2億？政府可曾想過平台的進退場規劃？
民眾黨團認為，全台歷經三級警戒，民生經濟受創，至今還在療傷，接下來進入疫情關鍵期，四大公投、春節返鄉潮都是可能的疫情破口，台灣禁不起再一次疫情警戒升級，政府應妥善分配防疫資源，提供明確且有效的疫苗施打誘因，勿將公帑浪費在防疫大內宣，避免Omicron變異株突破我國防疫安全網。</t>
  </si>
  <si>
    <t xml:space="preserve">AZ疫苗15日起開放高齡長者施打，2天傳出13名長者接種疫苗後猝逝，震驚外界，不少民眾猶豫該不該讓家中長輩打疫苗，台大知名感染科權威教授李秉穎表示，從數據上來看，其實沒有出現危險訊號。
台大兒童醫院感染科醫師李秉穎今上周玉蔻電台節目時被問及，AZ大規模開打後頻傳長者猝死，是不是顯示AZ疫苗不適合長者施打？李秉穎表示，打疫苗出現任何不良反應、甚至死亡，不一定有因果關係，可能是時間關係，因為老人猝死都與心血管疾病或腦中風有關，因此這個問題要用科學態度來解釋，他表示，以民國109年統計，75歲以上老人有140萬人，死亡人數為9萬5千多人，等於每天有260個75歲以上長者過世。
李秉穎指出，現在每天7、8萬名長者接種疫苗，與109年平均死亡率相比，「可預期7、8萬個長者中，一天會有14人過世，但以昨天死亡人數11位來說，沒有超過預期值。」所以李秉穎指出，疫苗不良反應或死亡率並未高於未打疫苗者，「沒有發現危險訊號」。
同時，李秉穎表示，以學理上來看，疫苗會讓一個人突然死亡的原因，就是過敏性休克，往往在接種30分鐘內發生，但以昨天案例的情況，都不像是過敏性休克。
外界質疑，老人身體虛弱，是否能承受的了AZ副作用？李秉穎表示，這也就表示老人家更禁不起新冠病毒，由於長者免疫系統老化，抗體生成性不佳，不良反應反而更少，較不容易出現副作用。
</t>
  </si>
  <si>
    <t>爆發移工群聚感染的京元電子竹南廠，緊急大規模快篩，截至3日晚上11時，共篩檢1915人，快篩陽性51人，陽性率達2.58％，已於隔離宿舍隔離並採檢PCR。
封裝測試廠京元電竹南廠爆發員工群聚感染，累積確診者高達45人，該公司3日啟動自費快篩，京元電準備將旗下新竹及銅鑼等廠區共約7300名員工，分批載到竹南廠接受快篩，不過截至3日深夜，僅完成1915人快篩，其中51人快篩陽性。
不少京元電子員工眷屬紛紛在縣長徐耀昌臉書留言，希望縣長能到京元電子辦公室、產線看一下工作環境、傾聽員工的心聲，擔心疫情擴展下，去苗栗恐成萬華第二。也有網友反應請縣長強制執行京元電子居家辦公、分流，同時停工消毒避免疫情擴散。
此外，為穩定疫情，新竹市政府4日緊急在新竹科學園區拖吊場空地成立專案大型快篩站，將以園區廠商為單位替移工進行篩檢，目前已派大批國軍進駐協助。</t>
  </si>
  <si>
    <t xml:space="preserve">內湖壹電視電視台傳出攝影師猝死陳屍廁所，採檢結果出爐是確診新冠肺炎，電視台連忙全面清消內部，北市府也立刻設置快篩站，對166名員工進行篩檢，目前11人快篩呈陽性，所幸PCR檢測都是陰性，對此，美女主播許耀云也公佈自己的快篩結果，「從來沒想過，有一天會戴著口罩播新聞」。
主播許耀云知道快篩結果呈陰性之後，立刻返回工作崗位，戴上口罩繼續播報新聞，事後她也感慨在臉書發文，「從來沒想過，有一天會戴著口罩播新聞，更不用說每天播新聞，沒有想到，有一天疫情就在你身邊」，她也向粉絲們報平安，透露第一階段快篩結果是陰性，暫時可以鬆一口氣。
許耀云感謝親朋好友的關心，「也希望所有同事平安無事，身體健康才是王道」，粉絲們也紛紛留言為她加油打氣，「沒事就好」、「希望全體主播都沒事」、「一切平安吉祥，我們一起加油」、「健康才是一切的根本，耀云加油」、「祝福全體同仁平安健康」、「平安就是福」。
但也有網友提醒許耀云，「快篩陰性不一定是安全唷！最好還要做PCR~確定是陰還是陽！」、「等待，等待，要多驗幾次才安全」，對此，許耀云回覆，「快篩、PCR都會做哦！現在只是暫時鬆口氣～謝謝」，更有人暖心祈禱，「新聞從業人員很辛苦，外表光鮮下，收入其實也不算高，期待所有新聞人都健健康康，平安度過這次疫情」。
</t>
  </si>
  <si>
    <t>美國總統川普表示，支持強勢美元，加上近期美國公布的製造業指數、非製造業指數及非農就業數據，皆表現優於市場預期，其中，非農就業人數減少2,050萬人，此外，美國各州正逐步推進復工進度，經濟數據表現有望逐步開始回溫。
目前新興市場疫情仍然嚴峻，二次感染風險偏高，市場避險情緒仍維持相對高檔之下，有利於美元維持相對強勢。
台灣期交所上市匯率期貨方面，英鎊兌美元期貨，受到復工進度相對緩慢，英鎊兌美元維持疲弱；歐元兌美元期貨部分，美元指數維持相對強勢，加以川普表示支持強勢美元，歐元兌美元期貨走勢偏弱；美元兌日圓部分，海外市場二次感染風險逐步升溫，市場避險情緒升溫，近期美元兌日圓走勢呈現偏弱。
後市若新冠肺炎疫情緩解，製造業補庫效應帶動下，將有望推升製造業活動回溫，積壓訂單將有望出貨，此外，全球央行紛紛降息因應新冠肺炎疫情，市場流動性轉趨充裕，屆時若搭配新冠肺炎疫情降溫，將有利於資金回流風險性資產及新興市場國家。
在資金回流風險資產效應下，美元指數回檔機率將大幅上升，加以歐、日央行降息幅度相對偏低，政策擴張幅度有限，投資人仍宜留意美元指數大幅回檔風險。
整體而言，製造業數據有望於新冠肺炎疫情緩解後回升，聯準會維持擴張性貨幣政策，長線上，仍可留意期交所上市澳幣兌美元、歐元兌美元期貨行情走勢。</t>
  </si>
  <si>
    <t>新冠肺炎肆虐全球已過一年，全球8600多萬人染疫，近200萬人死亡，美國災情最嚴重至今死亡35萬人，染疫人數兩千萬人。加州病情最嚴重，部分醫院甚至達到140%收治率，而部分醫院因為忙不過來，亟需輸氧的重症病患甚至得等上18小時，更有不少醫院乾脆暫停救護車進入。很多殯葬業者喪禮已經排到今年4月了。
我剛從台灣到美國，在此耶誕節及新年期間，這裡沒有華麗，只有滄桑。僝僽故事聽不完，道不盡。我的朋友和同事都有人中標，留下嚴重後遺症。在芝加哥的布魯諾一家人先後確診新冠肺炎，年邁雙親更不敵病毒摧殘，10天內相繼過世。染疫原因是姊姊帶著爸媽來家幫他理髮，順便來看看弟弟及兒子，但2、3天後，結婚59年的父母雙雙染疫身亡，染病後倖存的兒子悔恨地說，「如果我懂得節制，做出小小犧牲，沒有和我媽媽相處那幾十分鐘，他們現在都還會活著。」
去年11月感恩節帶來的惡果，社會還沒有消耗完畢，現在又來一個耶誕節及新年。預估全美逾8450萬人擬在年終耶誕假期期間出遊，等於美國1/3的人口都要出遊，白宮公衛專家說，新年以後的兩周將是新冠肺炎高潮，估計死亡人數將達40萬人，真可說是「死亡新年」。
此次美國疫情失控，很多學者都開始檢討西方價值觀對這次疫情蔓延的因素。其實也不是西方價值觀皆非，而是西方價值觀裡某些元素如個人主義及其衍生的集體行為不足取。
這次美國新冠肺炎蔓延最主要是剛開始大家都不戴口罩，台灣和亞洲人深受SARS的恐懼，很早就戴上，美籍亞洲人也很早就戴上，還頻遭騷擾，甚至暴力相向，西方一向認為只有生病的人才戴口罩，到了去年6月有些地方才規定在室內要戴口罩。但川普卻一直要表現英雄主義，各種場合還是不戴口罩，上行下效。
這些人認為戴口罩是私人行為，自己應該有權利決定，也成為大選的議題之一，殊不知雙方都戴口罩，可以避免傳染85%，絕對不是個人行為，而是公眾行為，況且不戴口罩引發新冠肺炎，必須用到公共健康資源，也不是個人的事。
其實美國歷史上並不崇尚個人主義，清教徒移民美國，在英國出發之前就已設下嚴格規範，有紀律過團隊生活才能抵抗印第安人。個人主義長久以來在歐美意味著自力更生，不靠政府，不靠父母，這種精神擴展延續到第二次世界大戰，60年代才開始步入自私的個人主義，一如台灣的「只要我喜歡，有什麼不可以」。
而這種自私的個人主義後來演變成西方文化的種種缺陷，例如崇尚離經叛道，摧毀傳統價值觀，解構各種事務。甚至現今的贏者全拿，導致國家分裂、財富分配不均，也是去年美國無窮無盡的示威最關鍵的源頭。
這次假期，美國人就不願犧牲血拚、出遊、與親友相聚的機會，一定要及時行樂，其實等明年大家都打了疫苗，再來狂歡也不遲，最悲哀的是青壯年人士在外面狂歡後，把病原帶回家，感染了父母及祖父母，老人家體弱，死亡率高，縱使倖存，身體健康也大打折扣，造成一家的困擾。這種自私的個人主義，台灣更應該避免。</t>
  </si>
  <si>
    <t xml:space="preserve">日商Macnica集團旗下專業IC通路商茂(6227)今日公告5月合併營收7億元，月增3.4％，年增9.1％，主要在於資料中心及雲端服務相關應用產品出貨量持續成長，加上東南亞國家陸續解封，客戶拉貨力道明顯回溫。
茂綸表示，近期全球新冠肺炎疫情延燒，推升遠距辦公會議、線上教學及家庭娛樂等雲端服務市場快速成長，帶動資料中心、雲端伺服器及高效能運算系統(HPC)需求持續增溫，公司相關產品線在雲端運算及網路傳輸相關的高階解決方案出貨量均有明顯提升。
根據Cisco預估，2016-2021年全球資料中心流量的年複合成長率可達25％，而全球超大型資料中心數量建置明年將可達到628座，年成長率約15%，可見全球資料中心軟硬體市場成長動能十分強勁，茂綸深耕網路通訊傳輸及資料中心運算等領域超過10年，將可望持續受惠此波全球雲端服務商機。
茂綸進一步表示，5月合併營收月增率及年增率均維持正成長，除了資料中心需求強勁外，亦受惠越南、馬來西亞、泰國等東南亞國家逐步解除封城令，上下游產業供應鏈逐步恢復正常，以目前訂單狀況來看，下游系統大廠客戶的拉貨力道持續回溫，上半年營運可望維持穩健成長。
此外，茂綸第2季開始推出的大型商用AI自動清潔機器人，預估今年內可望貢獻營收獲利表現，將持續與其他軟硬體及系統整合廠廠商合作開發人臉辨識、AI機器人、智慧監控、物聯網、自駕車等高階終端應用產品，期逐步從IC通路商轉型為軟硬體及服務全方位整合方案供應商。
</t>
  </si>
  <si>
    <t>台灣昨再度0確診，本土病例連續第28天沒有疫情，中央流行疫情指揮中心表示，代表台灣社區已經安全。不過指揮官陳時中指出，國外疫情仍然嚴峻但若國內疫情持續穩定，他會建議520總統就職大典放寬參加人數。
台灣維持440例新冠肺炎確診，包括349例境外移入、55例本土病例、36例敦睦艦隊，艦隊成員目前還未全體出院。指揮中心專家小組召集人張上淳說，雖然官兵都很年輕，但因仍需三採陰才能解除隔離，還需要一點時間。
陳時中表示，新冠肺炎在全球的康復率僅34％，台灣維持440例、康復率高達83％，都要感謝醫界努力，但有鑒於國際還是有大規模流行，邊境管理要持續加強，台灣應該發起「樂活防疫」，高高興興來抗疫。
台灣連續28天沒有新冠肺炎本土確診案例，是否比照過去登革熱及SRAS，經過2周潛伏期無確診，就宣布解除本土疫情警示？陳時中說，因為登革熱不是全世界發生，目前疫情境外情況仍然嚴峻，因此仍要嚴守相關規範，暫不會解除本土疫情警示，但會持續放寬相關活動人數。
陳時中強調，2個潛伏期過後代表台灣是一個安全的社區，但還不需要全面篩檢高風險社區或是場所，例如醫護人員，他強調目前高風險的醫療人員若有症狀都會篩檢。
520總統就職大典即將到來，陳時中表示，如果疫情更穩定，會建議總統就職典禮可以放寬參加人數。</t>
  </si>
  <si>
    <t>新冠肺炎嚴重影響觀光產業，旅客紛紛擔憂入住隔離者下榻的旅館，旅館業者自製標籤區隔防疫旅館，對此中央流行疫情指揮中心指揮官陳時中表示並沒有必要。
台北市旅館商業同業公會宣布自製分流標章自救，以綠標代表不接受居家檢疫或隔離者入住，紅標代表是防疫旅館，貼在大門及櫃檯處，讓一般旅客可以清楚分辨。
稍早台北市長柯文哲表示，將一般旅客與有隔離需求的旅客分開是為了讓消費者安心入住，但沒有綠標的旅館客流將受到嚴重影響，甚至有標籤化的疑慮。
對此，表示，陳時中隔離者都在適當的安置場所，並沒有公開防疫旅館的必要。</t>
  </si>
  <si>
    <t>疫情指揮中心昨日公布新增1本土個案，不過衛福部草屯療養院醫師沈政男表示，該案是舊案，對社區並沒有影響，且台灣實質上已有34天零確診，接下來的疫情發展會跟去年下半年一樣緩和，並認為「不用急著搶打第二劑疫苗」。
沈政男昨（19）日於個人臉書分析，新增的本土也是舊案，因此台灣實質上已有連續34天沒有新增確診個案，疫情緩和程度等同於去年5月中旬，接下來會持續穩定和去年下半年一樣，「既然如此，為什麼你要急著預約打第二劑？弄得網頁當機，疫苗站大排長龍」，疫苗一定打得到，不必急到連幾天都不能等。
沈政男分享，美國前國務卿鮑爾年紀高達80多歲，曾打過兩劑BNT，但仍確診新冠肺炎，算突破性感染，且重症死亡。美國在今年7月的研究顯示，打兩劑BNT幾個月後保護力雖然僅剩下42%，但預防重症還是相當有效，但感染輕症的機會並不低。
沈政男呼籲，若家中有長輩，更應該讓他們去打保護力最好的疫苗，因為這族群是突破性感染重症高危險群，沈政男日前也在臉書分享疫苗保護力最高的組合，依序為兩劑莫德納、AZ加莫德納、兩劑BNT、AZ加BNT，最後才是兩劑AZ。
先前指揮中心也說，不排除11月開放疫苗混打，沈政男認為，若莫德納到貨量夠的話，也應該開放莫德納供民眾混打，好讓民眾取得最好的保護力，因為選擇保護力好的疫苗，不僅僅是保護自己，也是一種社會責任的展現。</t>
  </si>
  <si>
    <t>又是喝咖啡染疫！台北市旅行社日前公告，公司內某主管（案335）4月2日確診新冠肺炎，中央流行疫情指揮中心證實他曾與案291曾一同喝了1小時的咖啡，疑似因此中招。旅行社指出，該員雖沒有業務也無與其他同事互動，但3月30日曾短暫到會議室介紹講課老師，公司得知他確診後已進行全面消毒，更宣布暫停營業至4月13日，14日才恢復上班。
根據旅行社公告，經台北市衛生局通報，4月2日有同仁確診新冠肺炎，經查此同仁為代理部主管，因屬新成立部門，該部僅該員1人，該部完全沒業務，與其餘同事更無互動，但3月30日早上10時30分，他有在會議室介紹講課老師約8分鐘後離開，當時未有發燒症狀且全程配戴口罩。
衛生局也已於4月3日到旅行社場勘與了解，初步認定被感染的風險很低，公司也在2日實施辦公室全區消毒。該旅行社宣布，暫停開放辦公室及實施人員健康管理至4月13日，4月14日恢復上班。
疫情指揮中心昨亦證實，案335為50多歲男性，因多日腹瀉不適，曾至診所及醫院就醫，3月20日與案291喝了1小時的咖啡，3月23日發病，曾2度就診未緩解，因得知案291確診，於31日再度就醫，當天即收治負壓隔離病房採檢、4月2日確診，相關接觸者居家隔離中。
外傳案335多次進出外交部，可能與工作內容有關，疫情指揮中心發言人莊人祥說，經了解案335說與外交部「沒有什麼關係」。
交通部觀光局主祕的兒子（案277）日前從國外返台，駐桃園機場主管帶著下屬（案269）前往接待，等待時間也喝了半小時的咖啡，導致下屬被傳染新冠肺炎，還牽連到5歲的兒子。這回案335是此波疫情當中，第二例因喝咖啡中鏢。</t>
  </si>
  <si>
    <t>新冠肺炎疫情趨緩，中央流行疫情指揮中心今公布國內新增4例確定病例，均為境外移入個案，其中3人為突破性感染，1人曾在印尼確診後復陽。復陽個案雙十連假曾有過北市某百貨公司足跡，該百貨公司也為此進行清消，不過由於Ct值32，指揮中心研判對社區的影響低。另今日國內無新增染疫死亡案例。
今日新增4例境外移入個案，為3男、1女，介於20多歲至50多歲，分別自菲律賓(案16420)、美國(2例，案16421、案16422)及印尼(案16423)入境，入境日介於今年9月17日至10月11日，皆持有搭機前3日內檢驗陰性報告。
醫療應變組副組長羅一鈞表示，4名境外移入個案都曾接種疫苗，其中的案16420、16421、16422屬於突破性感染，分別接種嬌生、BNT和嬌生，都是接種後滿14天才確診。第4位案16423曾接種過2劑AZ，但是中間都已經在印尼確診，因此不屬於突破性感染。
對於今日有媒體報導，北市明耀百貨宣布停業1天進行消毒。羅一鈞表示，案16423因工作需求自費採檢確診，雙十連假去過北市的百貨公司，因此需消毒，不過從檢驗結果看來，因個案7月曾確診，屬於復陽，Ct值32，病毒量低，IgM陰性、IgG陽性，依照SOP還是需要清消。目前研判個案對社區的影響低，但是相關的匡列仍會進行。
截至目前，國內累計1萬6313例確診，分別為1676例境外移入，1萬4583例本土病例，36例敦睦艦隊、3例航空器感染、1例不明及14例調查中；另累計110例移除為空號。去年至今累計846死，其中834例本土，居住縣市分布為新北市412例、台北市319例、基隆市29例、桃園市27例、彰化縣15例、新竹縣13例、台中市5例、苗栗縣3例、宜蘭縣及花蓮縣各2例，新竹市、南投縣、雲林縣、台南市、高雄市、屏東縣及台東縣各1例；另12例為境外移入。
指揮中心呼籲民眾，應落實手部衛生、咳嗽禮節及佩戴口罩等個人防護措施，減少不必要移動、活動或集會，避免出入人多擁擠的場所，或高感染傳播風險場域，並主動積極配合各項防疫措施，共同嚴守社區防線。</t>
  </si>
  <si>
    <t xml:space="preserve">海軍敦睦艦隊24位官兵原本拒絕疫調，高雄市長韓國瑜下最後通牒才終於配合。如今海軍「轉彎」願意配調的關鍵內容也跟著曝光，原來是高市府請來海軍軍官「坐鎮」，直接到疫調中心幫忙打電話引導，這才讓拒絕疫調官兵卸下心防，這回終於「接獲上方指示」乖乖服從配合疫調。
海軍敦睦艦隊高雄有12人染疫，市府後續疫調追蹤，第一時間有92人拒絕疫調，事後降低為24人，這些人拒絕疫調的理由竟是「未接獲上級指示」。衛生局強硬表示，若拒絕疫調，可依傳染病防治法，罰6萬至30萬，直到今天下午近4時，才確定這24人願意接受疫調。
是什麼原因讓這24名改變心意？衛生局透露，主要是透過中央流行疫情指揮中心協助與國防部溝通後，今天海軍司令部立即派了兩名軍官到高市府，1人留在市府疫調中心，協助打電話循循善誘引導，除了確認電話疫調真實性外，也告知這24人事關重大及利害關係，必須要配合疫調，這才讓這些人卸下心防，願意吐實。
衛生局指出，其實電話疫調有制定SOP，講話過程必須全程錄音存檔備查，衛生局在疫調時，會表明CDC已提供疫調資料或可請對方回撥電話，增加可信度。另對話會引述，「您好，我是OO區衛生所OOO護理師，請問你是OOO嗎？身分證字號ＸＸＸＸＸＸＸＸＸＸ嗎？」
疫調人員致電時也必須提到「因敦睦艦隊事件要向您進行疫情調查，過程中您的陳述依行政程序法可進行錄音，如有不實、拒絕或規避，高市衛生局依傳染病防治法第36條或第43條開罰」。結束後，才會開始進行疫調。
</t>
  </si>
  <si>
    <t>蘋果17日美股盤後發布營收預警，稱新型冠狀病毒肺炎疫情將影響iPhone生產，導致供貨不足，且抑制大陸對蘋果產品的需求，本季（1到3月）營收財測目標可能無法達標。這也是美國首家將受新冠肺炎影響而公告獲利預警的重量級大型企業。
受此利空摜壓，全球股市周二倒成一片，亞股幾乎全面大跌，日股收盤重挫1.4％，韓股挫低1.5％，港股下滑1.54％。新加坡股市跌勢較微緩和，收跌0.51％，而上證收盤則微漲0.05％。
歐洲股市也是慘綠。英股盤中下跌0.9％，德股下挫0.7％，法股下滑0.4％，泛歐STOXX 600指數下跌0.5％。
18日美股早盤，三大指數開黑，蘋果股價下滑2.4％，報317.1美元，台積電ADR挫跌3.21％，報56.36美元。
蘋果於1月底公布業績時，預估本季營收將介於630億至670億美元之間，該公司17日並未更新財測數字，僅說原財測營收目標恐難達成，且大陸的情勢不斷變化，將在4月發布業績時公布更多消息。
蘋果指出，代工廠回復生產的速度「比預期更慢」，iPhone可能出現供貨吃緊，暫時影響全球銷售。
此外，大陸的蘋果商店和合作夥伴的門市關閉，也將對產品銷售帶來衝擊。許多商店縮短營業時間，而且客流量非常低。
不過蘋果亦表示，公司將逐步重啟門市，儘快回復營業，而大陸以外市場對蘋果產品和服務的需求依然旺盛，並且符合預期。
蘋果發布獲利預警凸顯新冠肺炎疫情對全球企業和市場引起連鎖反應，衝擊手機銷售和大宗商品價格，並造成各產業生產延誤。
此外，蘋果示警營收無法達標，意味著大陸是蘋果昔日的優勢，如今也成為最大的挑戰之一。蘋果一方面倚重大陸充足、低成本的勞工，一方面受惠於大陸消費者購買蘋果產品。新冠肺炎重創大陸，蘋果對大陸的雙重依賴也讓公司面臨考驗。</t>
  </si>
  <si>
    <t xml:space="preserve">利機(3444)通過上半年財報，累計上半年稅後盈餘5877萬元，每股稅後盈餘1.5元，較去年同期成長16%，毛利率達31%，已連續五個半年度保持成長趨勢，再次刷新歷史新高點，表現優於市場預期。
利機第二季單季營業毛利6940萬元，較去年同期成長11%，相較第一季成長4%，第二季受到台幣升值影響，評價認列兌換損失884萬元，單季每股稅後盈餘0.72元。
利機表示，今年上半年新冠肺炎蔓延全球，除了對全球經濟帶來重大衝擊外，也催化醫療、宅經濟、遠距辦公等商機發酵，帶來強勁相關零組件及材料需求，而宅經濟商機，有助於推升筆電、伺服器、WIFI、遊戲網卡等需求，利機的記憶體相關產品如FCCSP、SiP、eMMC/eMCP，封測相關的QFN導線架、散熱片以及驅動IC相關的Chip Tray等產品，下半年如穩定出貨，今年逐季成長的趨勢仍然可期。利機7月單月合併營收7603萬元，月增加7%，年增加6%。
利機指出，7月成長動能主要來自封測相關產品，相較去年同期及6月成長23%及9%，其中散熱片(Heat sink)成長動能最為強勁，逐月成長跡象明顯，利機兩年前開始佈局散熱片市場，憑藉原廠擁有精密沖壓、電鍍等技術，正積極開發較高階產品，可廣泛運用3C個人裝置及資料中心等相關產業。
</t>
  </si>
  <si>
    <t>為分散產能、擴大全球業務接單布局，石塑地板廠美喆-KY（8466）投資25億元的台南新廠12日舉行動土典禮，董事長陳本源指出，新廠2021年第一季可量產，預估每月可貢獻營收超過3億元，並有助公司強化全球接單布局。
美喆2019年合併營收34.68億元，年增16.4％，稅後淨利4.02億元，年增29.6％，EPS 6.09元。董事會已在日前決議，2020年每股將配發4.1元現金股利。
不過，由於大陸市場的營收占比達11.97％，受到新冠肺炎疫情影響，美喆2020年累計1～2月營收3.39億元，年減36.81％，其中2月營收僅0.67億元，大減71.4％。
美喆指出，2月雖因疫情因素導致營收大減，但訂單不但沒有縮減，還在增加中，預期3月出口成長幅度會很大，全年營收還是會比2019年成長。
投資台南新廠，陳本源指出，早在數年前，美喆已啟動投資大陸以外產能的評估，2018年中美貿易戰開打後，高額的關稅及中美兩強角力帶來市場高度不確定性，更加堅定美喆分散產能的腳步和決心。2020年初，新冠肺炎疫情蔓延，引發大陸供應鏈一夕間斷鏈之風險，更突顯分散產能實已刻不容緩。
陳本源表示，台南新廠量產之後，除了可以分散產能外，也希望能夠分散市場。目前美喆的市場集中在歐洲，未來希望加重力道在北美市場，因此台南新廠很大的功能在於強化全球接單布局。
美喆指出，未來台南新廠量產後，將可搭配大陸東莞廠調配產能及彈性接單，有望推升SPC石塑地磚營收，占比也將同步提升，進而優化產品銷售結構，並創造整體營運獲利的提升。</t>
  </si>
  <si>
    <t xml:space="preserve">南韓新冠肺炎疫情升溫，首爾市政府日前宣布禁止在市區內舉辦示威集會，但前牧師、韓國基督教總聯合會代表會長全光勳竟無視規定，在光化門前舉辦集會，甚至口出狂言表示，「我們就算參加集會而被感染也無所謂，有病都會痊癒」，之後在24日被逮捕。
綜合韓媒報導，全光勳在22、23日不甩首爾市市長朴元淳的禁令，在光化門舉行示威抗議，還聲稱到場人數達8000人，且全光勳甚至在舞台上表示，「感染（新冠肺炎）也沒關係，參加集會的話，病會好」。
不過，首爾市政府已向警方舉報全光勳，24日全光勳因為違反《選舉法》而遭到逮捕。
為了防止新冠肺炎擴散，首爾市長朴元淳在日前才宣布，禁止在光化門、清溪川等廣場舉行集會遊行，但全光勳卻領導「文在寅下台泛國民鬥爭本部」強行在光化門廣場舉辦集會。而事實上，全光勳過去就有不當言論紀錄，早在韓國引起不少爭議。
</t>
  </si>
  <si>
    <t>新冠肺炎疫情擴散，歐美成為重災區，影響全球經濟甚劇。為因應疫情對台各產業的衝擊，政府相關部會陸續推出紓困振興方案，華南銀行為落實辦理各項紓困振興貸款，要求各分行加強研讀相關規定，更對各分行舉辦測驗，以了解第一線同仁是否足以專業妥善應對。
此外，該行製作貸款措施「懶人包」置於官網「新冠肺炎紓困專區」，詳列總行與分行諮詢窗口，以即時協助客戶辦理相關貸款事宜。近日已接到不少詢問，並以同理心誠懇關懷答覆客戶、協助快速申請。
總行企金部門也比照主管機關扮演「神祕客」，抽查分行是否有拒絕受理客戶申請紓困貸款之情形。
為了落實加速辦理各項紓困振興貸款，該行董事長張雲鵬要求各分行全力配合政府各部會所訂紓困振興方案，並遵循「從寬、從速、從簡」原則辦理相關貸款，成立「因應受新冠病毒疫情影響之企業紓困振興貸款處理小組」，由總經理張振芳擔任召集人，除了研議華南銀行推動企業紓困振興貸款業務之策略方向外，並追蹤檢視全行辦理相關貸款的成效，以有效協助受疫情影響之企業及民眾及時取得資金協助。</t>
  </si>
  <si>
    <t xml:space="preserve">長聖(6712)特管辦法細胞製備委託訂單排到明年3月，今日股價開高後，多空開始交戰，股價在平盤附近游移。
長聖中特管辦法的細胞委託製造業務持續增加，訂單已排程至明年3月，6月單月營收3690萬元，再創下新高，年增加884.53%，營收大爆發，上半年度自結營收達1.4億元，已超越了去年全年度的營收，在營收持續加溫之下，今年營收及獲利表現受到法人期待。
今年5月台灣新冠疫情爆發時，中國醫藥大學附設醫院即向衛福部申請對緊急重症新冠病患提供恩慈療法，並獲衛福部核准使用，以長聖新藥UMSC01治療四位病情非常嚴重的新冠肺炎的病患，現今其中3位病患已成功出院，1位病患肺部情況穩定，此新藥可望成為治療重症新冠肺炎的明星藥物之一。
長聖目前在特管辦法中項目件數、核准件數、收案人數及合作醫院都領先同業，在特管辦法的療效中，DC治療第四期病患可達70%腫瘤控制率，國內唯一通過的DC-CIK的細胞治療，可達78.6%腫瘤控制率。長聖已向衛福部申請其他特管辦法，癌症部分不需要取腫瘤組織有Gamma-Delta T(GDT)治療8種癌、DC-CIK (WT-1)治療大腸直腸癌與乳癌等新的細胞療法項目；另外在自體脂肪幹細胞ADSC治療慢性傷口主要族群為糖尿病的病患，公司也預計今年第4季會通過這些產品。
</t>
  </si>
  <si>
    <t>台北市快篩陽性者數攀升，台北市副市長黃珊珊今宣布，市府將成立專責計程車隊，後送快篩陽性、無症狀患者返家隔離，以及協助檢測後Ct值仍小於30的確診病人至集中檢疫所，由於風險較過往高，因此司機裝備會有所升級，現有40位運將報名，訓練後即可上線。
黃珊珊指出，過往的防疫計程車，是接送居家檢疫者去就醫或到其他住所，無須太高規格的防護和訓練，但新成立的專責計程車，將載送恐為快篩陽性，但不需要住院、去集中檢疫所的無症狀患者回家隔離，因為市府不放心民眾獨自搭乘公共運輸。
黃指出，今天開始只要是快篩陽性、沒症狀患者，中央同意他們回家，但要附上電子圍籬和居家隔離通知書，讓民眾能在家裡隔離，這段路程由計程車協助運送。
此外，黃表示，專責病房內的患者已有解隔離的條件，只要是輕症、狀況不多，即可參加後續檢測，若Ct值大於30便可返家，小於30則要送至集中檢疫所，由於此種狀況的病人無須再使用救護車後送，因此會由專責計程車協助。
黃承諾，行駛途中，計程車司機將著高級防護衣，裝備比過往的防疫計程車更高級，現已徵用40名勇敢的計程車司機，接下來會進行訓練，期望能在最近上線，以便因應許多快篩陽性患者的陸續出現。</t>
  </si>
  <si>
    <t xml:space="preserve">華視主播林彥汝上月底在臉書透露自己、老公和6歲兒子確診新冠肺炎，所幸一家三口目前已返家，不過林彥汝昨（19日）卻在網上透露，她的婆婆、媽媽經歷了31天折磨，雖然戰勝新冠病毒，但卻因細菌進入血液引起敗血症，最後接上葉克膜維生，讓林彥汝自責不孝：「媽 對不起，是我們輕忽」。
林彥汝心痛發文表示，她的婆婆、媽媽，歷經31天的折磨，現在還在台大加護病房和病魔奮戰「媽 對不起，是我們輕忽，我們沒想到小小的咳嗽、腹瀉，竟會演變成插管治療，昨天醫生說妳已經擊敗新冠病毒了，Ct值通過檢驗，但細菌卻進入血液引起敗血症，最後得接上葉克膜維生」。
林彥汝心繫長輩的病情，她自責說：「我們真的很不孝，讓妳獨自面對這些苦難，拜託妳快點好起來 好嗎？」雖然林彥汝不能到醫院探視，但她每天都為媽媽祈禱唸經，也為所有的重症患者祈禱唸經。
同時，林彥汝也寫下：「我真心的建議什麼樣的患者該送醫、誰該送檢疫所、誰該送防疫旅館，政府必須更仔細的篩檢分配。尤其是有慢性病的老人家」，林彥汝透露，媽媽原本被送到防疫旅館隔離，一早卻昏倒在門口，還好被開門取餐的爸爸發現，緊急送醫，林彥汝回想當時情況，仍心有餘悸「還有多少確診者在隔離房裡，度過生死難關不得而知，提醒所有的確診者家屬，要多關心、多關注家人的情況」。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新冠肺炎疫情衝擊各產業，行政院研擬待疫情趨緩後發放酷碰券，刺激內需消費，遭外界質疑誘因不足。立法院法制局研究報告提出3點建議，包括應搭配其他補助措施或提高補助比例，促進消費意願；同時考慮放寬適用店家及產業限制；並於政策實施前先評估現行電子支付普及率，設計對消費者較友善便利的使用方式。
經濟部規畫，酷碰券將以行動支付為主，搭配實體之敬老卡回饋，鼓勵民眾使用行動支付工具至特定店家消費，可獲得25％優惠，即民眾消費4千元，優惠1千元。每人每月在每個電子支付平台之優惠上限1千元，最多可使用4個電子支付平台。不過，經濟部方案出爐後遭質疑，受到疫情衝擊民眾及店家收入縮減，卻要民眾先掏錢才能享有折扣，與民意期待發放現金有落差。
立院法制局研究報告指出，消費者使用酷碰券，需要自行負擔購物金額的四分之三，如果消費者連基本費用都難以支付，根本無意願再支付額外的消費費用，建議酷碰券設計必須適度搭配其他補助措施或考慮針對特殊弱勢民眾，提高補助比例至超過四分之一，促進民眾消費意願。
此外，酷碰券需以電子支付工具，使用越多不同電子支付平台支付，優惠金額越高，最高每月達4千元，但對於不習慣電子支付的人而言，折扣優惠看的到吃不到，法制局建議，政策實施前應先評估現行電子支付普及率及民眾使用習慣，以利設計對消費者較為便利的使用方式。
強制使用電子支付是酷碰券令人詬病之處，主要是因為必須要到與指定行動支付平台簽約合作店家消費才能使用，但目前許多傳統攤商、店面不支援行動支付。而且，經濟部規畫把電商、外送、與超市賣場等因疫情受惠產業，排除適用酷碰券，導致實際可以使用酷碰券店家或產業有限。
該報告認為，疫情期間，經濟低迷、消費不振，此時應把酷碰券的目的反客為主，以民眾使用的便利性為出發點；至於趁機鼓勵消費者及店家使用電子支付工具，是否有振興電子支付產業急迫性有待商榷。</t>
  </si>
  <si>
    <t>新冠肺炎在今年重創國際體壇，為了防疫無法出國開會、旅行，代表台灣運動協會和國際體育單位溝通出國比賽事宜的中華奧會，克服無法面對面交流的障礙，透過開辦線上會議、研討會及網路線上課程，受到國際奧會（IOC）肯定，未來會繼續辦理更多活動，增加台灣在國際體壇能見度。
今年4月1日上任的中華奧會秘書長李玉芳表示，雖然一上任就碰到新冠肺炎大流行，中華奧會除了發函國際奧會、亞奧會、國家奧會聯合會及全球各國家奧會慰問，期待團結度過難關，也持續強化與國際及其他國家奧會的聯結，例如邀請外賓以拍攝致詞影片、預錄課程影片及邀請參與中華奧會所主辦之線上課程等不同方式，參與今年國內舉行的各項研習活動，鞏固國際友誼及關係。
李玉芳表示，中華奧會辦理奧林匹克研討會有成，收到希臘奧會邀請，獲頒對奧運教育活動有所貢獻的雅典娜獎，「中華奧會是第5個獲獎的國家奧會，也是第4個成立國家奧林匹克學院的奧會。」
李玉芳補充，中華奧會也協助將國內體育活動訊息，例如8月初的模擬東京奧運對抗賽、運動產業博覽會等成果，獲各國際組織刊登相關新聞達25篇，增加台灣能見度，今年10月的東京奧運籌委會總領隊線上會議，也預計邀請更多國內體育人士參與，繼續為台灣宣傳。</t>
  </si>
  <si>
    <t>台灣近日疫苗施打速度超快，指揮中心27日重新開放民眾登記疫苗接種意願，並新增國產高端疫苗的選項，截至28日下午五點，共有866萬多人完成意願登記，其中仍有811萬人偏好打進口疫苗，但如今我國僅剩AZ約144.7萬劑、莫德納71.8萬劑，引人擔憂是否會打不到第二劑。
根據中央流行疫情指揮中心公布的數據，截至28日下午5點，總共有866萬多人完成疫苗意願登記，其中有150.9萬人是27日再度開放民眾登記意願後所新增的；第四輪預約接種疫苗的部分，符合預約資格者約有138萬人，目前有101萬人預約打疫苗，佔符合預約資格人數73.52%。
民眾登記疫苗意願的狀況，只想打AZ的人佔5.02%、約43.5萬人；只選莫德納的人佔39.93%、約346萬人；只選高端的人有1.06%、約9.2萬人；AZ與莫德納皆可的人則佔48.68%、約422萬人；選AZ和高端的人佔0.19%，約有1.6萬人；選擇莫德納和高端的佔0.82%，約7萬人左右；最後三種疫苗都選的人則佔4.3%，有37.2萬人左右。
從上述的數據中可見，雖然這次有新增國產疫苗的選項，但多數民眾仍偏好打國外進口的疫苗，意願登記選擇AZ、莫德納或兩者皆可的人就佔了近九成，大約有811萬人，但國內目前只剩下71.8萬劑的莫德納與144.7萬劑的AZ疫苗。感覺疫苗的進貨量好像跟不上民眾想快點打疫苗的心願。
而部分縣市也傳出疫苗數量不足，宣布停打或暫停預約的狀況，像是新北市宣布8月1日至4日暫停施打疫苗；苗栗縣自 28日中午起暫停預約登記，7月31日至8月4日暫停施打；雲林縣自 28日中午起暫停預約登記，7月31日至8月4日暫停施打；嘉義市自28日中午暫停預約；屏東縣也宣布自28日起暫停平台登記預約。
針對這樣的狀況，指揮中心指揮官陳時中昨在記者會上表示，第四輪疫苗預約的狀況較踴躍，但先前就已經配送較多的疫苗到各縣市去，但顯然現在的施打速度很快，先前到貨的58.2萬劑AZ疫苗，一周內會檢驗完畢，分送至各地。
陳時中昨也表示，目標十月底全台覆蓋率要達到六成來看，可能會遇到三大難題，分別是民眾施打疫苗的意願，接種能力和疫苗數量夠不夠。而目前看來疫苗進貨量比較會是問題，不過他們會努力掌握進貨的速度，避免接種速度變慢。</t>
  </si>
  <si>
    <t xml:space="preserve">「世界衛生組織」（WHO）25日舉行記者會，會中WHO秘書長譚德賽警告，隨著在印度發現的Delta變種病毒於全球快速傳播，非洲因缺乏疫苗而岌岌可危。光上週新增確診數與死亡人數，就較前1週增加近40%。相較於世界上最貧窮的國家正缺乏疫苗，富裕國卻開放社會並為低風險的年輕人接種疫苗，正因為已開發國家錯誤的政策，才導致全球防疫失敗。
譚德賽表示，富有國家選擇為自己年輕族群施打疫苗，卻不願提供疫苗給發展中國家，這導致窮國手上根本沒有疫苗可以分配。「我們的世界正失敗，作為全球社群，我們正失敗中」
他以愛滋病與H1N1為例。當高收入國家爆發愛滋病的十多年後，貧窮國才拿到抗人體免疫缺損病毒的藥物。2009年H10N1大流行，這樣的事又重演一次，「難道我們要重蹈覆轍」。
甚至，當時還有人認為就算提供抗人體免疫缺損病毒的藥物，非洲國家也沒有技術可以使用如此複雜的治療方式。「我的意思是這種態度必須成為過去式。目前防疫的關鍵就是供應問題，給我們疫苗。窮人與富人之間的差距，完全暴露我們世界的不公平、不公正與不平等，讓我們面對他」。
WHO公共衛生緊急計畫執行主任萊恩（Michael Ryan）則解釋，如果認為貧窮國家沒有技術接種疫苗，那就大錯特錯了；事實上，許多發展國家在大規模接種霍亂、小兒麻痺等傳染病疫苗上，成果比工業化國家更好。
他強調，「父權作風與殖民者的心態，認為這東西我們不能給你，因為害怕你不能更好的使用他；但我認真的問一句，在大流行期間還要這樣？」
由WHO與全球疫苗免疫聯盟（GAVI）聯合運作的疫苗全球取得機制（COVAX），自2021年2月以來已提供132個國家9000萬劑的新冠疫苗；不過，隨著印度陷入疫情高峰，由於印度為疫苗生產大國，導致供應成為重大問題。
世界衛生組織（WHO）高級顧問艾沃德（Bruce Aylward）證實，「不論是AZ疫苗、輝瑞疫苗、嬌生疫苗，我們這個月(指6月)1劑疫苗都沒拿到。每家供應商都表示無法提供現貨，因為其他家廠商也同樣訂購這些產品，還有部分供應商為低風險的年輕人接種疫苗。情況相當糟」。
</t>
  </si>
  <si>
    <t>美商默沙東藥廠（MSD）周一宣布停止研發兩款實驗中的新冠肺炎疫苗，因為初期臨床實驗顯示其防護力不佳。目前全球疫情持續擴散，但已被批准使用的疫苗數量仍無法滿足大量接種需求，因此默沙東退出疫苗研發，讓人擔心疫苗不足問題更難解決。
默沙東表示該兩款疫苗注入人體後所產生的免疫反應，不如新冠肺炎的康復者，或已被多國批准使用疫苗的接種者。
默沙東是全球重要疫苗生產商之一，因此原先有許多科學家和公共衛生專家，對其疫苗寄予厚望。
但默沙東退出疫苗研發後，代表能合符使用資格的潛在疫苗更少，更無法解決目前龐大的接種需求來控制疫情。
根據世界衛生組織（WHO）資料，目前約六十款新冠肺炎疫苗正進行人體實驗，但只有包括輝瑞和莫德納等研發的少數疫苗，獲得多國主管機關授權使用，因此令疫苗供應量大受限制。
輝瑞和莫德納的疫苗，在後期臨床階段實驗結果顯示防護力逾94％。阿斯特捷利康的疫苗，在部份最後階段實驗結果顯示防護力至少62％。
默沙東停止研發疫苗後，未來數周將等待兩款治療新冠肺炎藥物的試驗結果。若結果屬正面，就會向各國主管機關申請使用的批准。
默沙東已跟美國政府簽下3.56億美元合約，只要其治療藥物被批准使用，就會向美國政府出貨。</t>
  </si>
  <si>
    <t xml:space="preserve">自美國新冠疫情惡化以來，華府與北京雙邊關係齟齬加深，美方除了不斷指責陸方隱瞞疫情，更暗示病毒正是出於大陸實驗室，加上最近因陸通過港版國安法而拉攏各國譴責北京。不過正當普遍認為雙邊關係惡化之際，美方突然宣佈將重啟美駐武漢總領事館，格外引人關注，但美國仍陷於疫情泥淖，讓許多陸網民對此決定不太歡迎。
據美國有線電視新聞網報導，主管立法事務的助理國務卿泰勒（Mary Elizabeth Taylor）向國會通知表示，美國國務院計畫於22日左右重開美駐武漢總領事館，但實際時間扔須根據具體情況決定。該通知也指出，在美陸關係的關鍵時刻，「美國在陸外交人員就位至關重要」。
1月新冠疫情於武漢擴散至陸全境時，國務院下令非緊急人員與其家屬從武漢離境，當時有上百名美國外交官與其家屬在包機之下，從武漢返回美國。而根據給國會的通知中，國務院指出，「當強大陸疫情已改善至一定程度，特別是武漢，此時重啟總領館會是合適的」。
報導指出，國務院準備重啟武漢總領事館的決定，正值美方準備讓原先從世界各地撤回的外交人員重返原駐點。根據國務院發言人指出，美國在全球的使領館都相繼進入復工階段，97個城市處於復工第一階段（恢復40%工作人員）；35個城市處於第二階段（恢復40%-80%）。
美方要重啟武漢總領事館的消息也很快在陸傳開，在陸社群網站微博已有850萬點閱，不過多為網友吐槽的聲音，如「我們不歡迎你們」、「從美國來大陸之前要先隔離兩周」、「武漢好不容易恢復了正常秩序，他們又想把病毒送回武漢嗎？等自己好了再來吧？」。
</t>
  </si>
  <si>
    <t>台灣疫情爆發，昨激增206例本土病例，加上前天增加180例，兩天內全台就增加386人確診。疾管署今日更新「本土病例地理分布」，以新北市217例佔最多、台北市193例居次，另外，有3縣市因確診人數增加，警示燈號一夜變色，包括基隆市、台中市及新竹縣。
據疾管署網站「本土病例地理分布」顯示，今年截至5月16日為止，已累計493人確診，以新北市217人佔最多，接著依序是台北市193人、桃園市44人、彰化縣15人、基隆市4人、台中市2人，高雄市及新竹縣各1人。
指揮中心昨日公布單日新增本土病例206例，3縣市也在一夜之間「變色」，基隆市確診人數從2人，增加至4人，警示燈號從黃色升至橘色；台中市確診人數從1人來到2人，警示燈號也從淺綠轉為黃色；另外，新竹縣原本維持0確診，昨日也新增1人確診，燈號從深綠轉至淺綠，不過昨日指揮中心在記者會上表示，新竹縣新增3人確診，地理分布數據並不相符，仍有待查核。
★《中時新聞網》提醒您：因應新冠肺炎疫情，疾管署持續加強疫情監測與邊境管制措施， 如有疑似症狀，請撥打：1922專線，或 0800-001922， 並依指示配戴口罩儘速就醫，同時主動告知醫師旅遊史及接觸史，以利及時診斷及通報。</t>
  </si>
  <si>
    <t>美國勞工部周五公布2020年12月就業數據較市場預期差，非農就業人數中止連續七個月增加走勢，顯示就業市場仍然疲弱。主要是嚴寒氣候、新冠肺炎疫情嚴重和防疫限制等傷害商業活動，加上政府未及時推出新振興措施，使勞動市場受衝擊。
12月失業率跟11月一樣維持於6.7％不變，中斷連續七個月下降走勢。雖略低於市場預估6.8％，但仍高於疫前的約3.5％。
12月非農業就業人數意外減少14萬人，市場原先預估增加5萬人，是2020年5月以來人數首次減少。12月整體非農業就業人數，跟疫前的2月相較仍低約980萬人。
11月非農業就業人數從原先公布增加24.5萬人，往上修正為增加33.6萬人。
12月勞動參與率跟11月一樣維持在61.5％。12月平均每周工時，從11月34.8個小時，減少至34.7個小時。
就業數據被用來觀察美國經濟復甦情況。外界認為12月數據不佳是受至少三大因素影響，除了新冠肺炎確診人數飆高，引發美國各地實施包括宵禁與店家停止營業等新防疫限制外，嚴寒氣候限制商業活動，和新振興措施來不及推出。娛樂與飯店業最受衝擊，12月裁員49.8萬人。
2020年全年失業人數940萬人，是1939年開始記錄以來最差。外界憂慮美國經濟繼續失去復甦動能，但專家仍樂觀踏入2021年後，經濟將結束停滯局面，並開始出現回升。
巴克萊經濟師史利蘭（Pooja Sriram）認為有理由寄望疫情對經濟衝擊只是一次性，只要疫情受控制，美國經濟就會復甦。
外界認為疫苗接種人數愈來愈多，能令疫情受控制外，規模約9,000億美元新振興措施開始產生效果，和拜登上台後可望推出更多振興措施等將增加民眾消費，有助活絡經濟而增加就業人數。</t>
  </si>
  <si>
    <t>川普上台後陸美對峙急遽升高，加上新冠肺炎疫情催化，維持逾70年的陸美台戰略三角結構面臨崩解，前海基會副董長馬紹章出書提醒大家及早正視，勿視兩岸和平為理所當然，並提出5種崩潰模式，希望台灣能在大國博奕的環境中，選擇對自身最有利的位置。
馬紹章擁有美國政治學博士學位，曾任海基會副董事長兼副祕書長，並參與規劃國民黨前主席連戰的兩岸和平之旅，繼之前的《走兩岸鋼索》，最近又出版《大崩潰：一次看懂美中台戰略三角》，剖析他對兩岸前景的看法，基本上馬紹章認為陸美台三角戰略必然崩潰，民進黨正把自身的困境變成台灣的困局，要跳脫當前的困境就必須先跳脫民進黨的困局。
他認為陸美台三角戰略必然崩潰，並提出五種崩潰模式，分別是一、抽身模式：美國出走；二、圓桌模式：兩岸簽署和平協定；三、蟒蛇模式：逐步窒息；四、烽火模式：武力統一；五、修昔底德模式：陸美軍事衝突。
抽身模式，代表美國從戰略三角中抽身而出，也可以說是美國出走，說白一點就是棄台論。棄台論不時有人提出，但並非美國的主流，棄台論者認為大陸快速崛起，取得台灣是早晚的事，美國又不願為台灣與大陸兵戎相見，與其被迫棄台，不如趁還可以討價還價的時候棄台。
圓桌模式，就是兩岸透過政治談判，簽署和平協定，但最困難的是兩岸彼此的定位問題，也就是一個中國原則，從李登輝、陳水扁，到馬英九都曾提過，但都是口頭說說，從未進入實質協商。
蟒蛇模式，大陸對台灣採取封鎖擠壓的戰略，讓台灣逐步窒息，也可以稱之為窒息模式。蟒蛇模式為兩岸關係的現在進行式，外交封鎖、軍機繞台、縮減觀光客赴台都是對岸採取的窒息手段之一。
烽火模式：大陸以武力統一台灣，簡單說就是武統，雖然發生機率不高，但不不代表不會發生，特別是兩岸關係緊繃之際，任何稍一不慎的擦槍走火都可能一發不可收拾。
修昔底德模式：陸美軍事衝突，希臘史學家修昔底德曾如此寫道：「使戰爭不可避免的原因，是雅典勢力的增長，與其所造成斯巴達的恐懼。」這一句話，只要把雅典換成中國大陸，斯巴達換成美國，即為近年來全球關切的陸美兩大強權的直接碰撞。</t>
  </si>
  <si>
    <t>南韓政府超佛心，表示將全額負擔新冠確診患者的新冠口服藥費用，據推測每人平均藥費將超過90萬韓元（約新台幣21230元）。
南韓防疫單位「中央應急處置本部」社會戰略組長孫映萊表示，進口口服新冠藥物的經費將由國家全額承擔。孫映萊指出，救治新冠患者的費用目前由國家全額報銷，個人不需要承擔任何費用。今後引進口服藥時也將適用同樣的原則。
根據韓聯社報導，南韓政府今年用於購買口服新冠藥物的預算為168億韓元，明年預算規模增為194億韓元。據疾病管理廳公布的數據，今年的追加預算中包含了可供1.8萬人使用的新冠口服藥採購費，明年預算中包含可供2000萬人使用的藥物採購費。據此推算，政府為每人負擔的平均口服藥費約為90萬韓元。
南韓將在首劑疫苗覆蓋率達7成之後，轉為「與病毒共存」的防疫模式，口服新冠治療藥物成為疫苗之外，防疫的重要利器，因此南韓政府正積極與各大製藥廠洽談採購適宜。目前進入三期臨床試驗的三種口服新冠藥分別是美國默克藥廠的Molnupiravir、瑞士羅氏製藥的AT-527、輝瑞藥廠的PF-07321332。其中美商默沙東藥廠已搶先於6月與美國政府簽訂預購合約，外傳一顆定價700多美元，另外還計畫最快10月前通過美國食藥局（FDA）緊急使用授權。</t>
  </si>
  <si>
    <t>新冠肺炎疫情嚴峻，有感台灣許多社福團體面臨募款不易、資源捐助中斷，但仍持續堅守崗位照顧弱勢族群，台新銀行公益慈善基金會發起「防疫期間愛心不打烊」活動，展開對社福團體的關懷不間斷、物資不停送、認購不缺席及學習不中斷等行動。
台新集團常年號召同仁擔任愛心志工，因應疫情問題，台新志工近期雖無法實地探視社福團體，但不斷透過各種關懷方式，了解社福團體目前概況。
台新銀行公益慈善基金會日前依社福團體所需，除積極媒合各界提供各種物資外，亦發動台新員工參與各種關懷行動，以利紓解社福團體困境。如提供抗疫物資，抗菌皂、兒童口罩、醫療口罩及額溫槍，以及募集兒童繪本、玩具、米糧及二手休旅車等，讓物資不停送，緩解燃眉之急。
有鑒於許多社福團體生產或製作的公益商品滯銷，台新志工除內部定期發起團購外，也邀請客戶及員工，購買社福團體種植的有機無毒蔬菜及水果宅配到府，讓愛心認購不缺席，除幫助社福團體及農民外，也能在家吃得健康，安心防疫，達到共好的公益循環。
為避免群聚，素有口碑的微光課程則改以線上影音進行，並輔以天使團資源，定期於台新銀行公益慈善基金會的臉書粉絲團及YouTube影音頻道，進行直播或錄影播出。
首波邀集陳永泰公益信託傳善獎、感恩社會福利基金會、萬海航運社會福利慈善基金會、安麗希望工場慈善基金會及度度客區塊鏈群眾募資，分享各輔助型機構對社福團體徵件的重點，之後也將陸續推出防疫心靈療育短片，如瑜珈紓壓，與台新銀行文化藝術基金會共同推出線上音樂會等主題，讓社福團體能持續進修、精進，學習不中斷，而在身心靈部分，也能充分得到慰藉。</t>
  </si>
  <si>
    <t xml:space="preserve">美國食品藥物管理局（FDA）尚未批准讓民眾施打追加疫苗（booster shot），不過當地已經爆發追打疫苗之亂，超過900人已經完成第3劑疫苗接種，有人只是告知沒打過疫苗，就闖關成功。
美聯社調查美國疾病管制暨預防中心（CDC）的數據庫，發現至今全美已經有超過900人完成接種第3劑疫苗。由於CDC的這項數據是由各醫療院所「自願」申報，因此難以看出全美究竟有多少民眾已經接種第3劑疫苗。
目前也不清楚這些民眾是否都是自己主動要求接種第3劑疫苗。
報導指出，這些民眾主要利用美國疫苗過剩及政府追蹤接種狀況的鬆散之便，試圖追打疫苗。
CDC數據庫的一項紀錄顯示，一名52歲加州男子7月中旬到藥局提供護照、而非駕照作為施打疫苗的身份認證，他聲稱自己從未接種過疫苗，最終闖關成功，當藥局後續聯繫保險業者時，才發現男子已經接種過2劑疫苗。
科羅拉多州州長波利斯（Jared Polis）近期在記者會上透露，聽說有人用假名接種第3劑疫苗，不過他並未提出證據。
患有氣喘及肝臟疾病的26歲緬因州化學工程系研究生威爾希（Gina Welch）坦承自己已經接種第3劑疫苗，她成功闖關的方式更簡單：她就只是走進診所告訴對方自己沒打過疫苗。
威爾希說自己一直很關注新冠病毒進展的相關研究，也追蹤了多名支持追打疫苗的學者專家的社群帳號，「我要遵循這些專家的建議，我要自己保護自己，我才不要等上6個月到1年，等他們（指美國FDA）建議接種第3劑疫苗。」
67歲的密蘇里州醫院員工克拉爾特（Will Clart）5月接種了第3劑疫苗，他說自己只是去藥局提供所有相關資訊，一直到打完了，藥劑師才在系統裡發現他打過了。
因應Delta變種病毒，美國大藥廠輝瑞（Pfizer）正在尋求向FDA申請批准施打追加疫苗，不過除了可能讓免疫功能低下的民眾追打第3劑以外，美國政府指出，目前尚未看到讓普羅大眾追打疫苗的必要性，因此尚未批准輝瑞的申請。
不甩聯邦政府尚未批准追打疫苗，舊金山公衛人員3日表示，將額外提供只接種單劑嬌生疫苗（Johnson &amp; Johnson）的民眾1劑輝瑞/BNT或莫德納疫苗，他們刻意強調是「補充」（supplement）疫苗，而非追加疫苗。
</t>
  </si>
  <si>
    <t xml:space="preserve">
新型冠狀病毒被懷疑源自蝙蝠，國立台灣師範大學生命科學學院教授吳忠信近日發表的跨國研究也顯示，與新型冠狀病毒相似度高達96％的蝙蝠冠狀病毒，引發動物感染腦心肌炎病毒後的臨床症狀，跟新冠病毒引發人類的症狀有很多相似之處。由於蝙蝠可以跨物種將病毒感染給人類及其他動物，他呼籲民眾應注意蝙蝠引發的人畜共通傳染疾病與農牧業損害。
吳忠信去年與日本名古屋大學教授本道榮一共同在《病毒學》國際期刊發表論文，指出在台灣北部蝙蝠洞內採樣的東亞摺翅蝠糞便，含有腦心肌炎病毒、腸道病毒F株、兔病毒、西班牙綿羊腦炎病毒等多種病毒核酸。其中腦心肌炎病毒主要宿主是老鼠，且老鼠感染後沒有明顯病徵，但老鼠或蝙蝠糞便若污染豬隻飼料，可能造成豬隻繁殖障礙或腦心肌炎。
研究指出，新冠病毒引發人類腦與心臟發炎的症狀，與動物感染腦心肌炎病毒的臨床症狀類似。
研究也發現，許多仔豬在生長過程中，會因為罹患肺炎而導致肺部積水浸潤，終致引發敗血休克死亡，其症狀與死亡情形與新冠病毒肺炎有許多相似之處。
研究指出，蝙蝠遍布各大洲（僅南極洲沒有），可以跨物種傳播病毒與傳染病給人類及其他脊椎動物，因此很容易引發人畜共通傳染病。奇怪的是身上感染了許多病毒的蝙蝠，卻能無症狀與病毒和平共存？有研究推論，蝙蝠在演化過程中可能發展出超強的DNA修復能力，還能抑制病毒複製；蝙蝠體內的RNA病毒有很高的重組率，因此容易造成人畜共通疾病。
雖然從蝙蝠體內可以分離或檢測到近千種病毒，其中除狂犬病病毒、伊波拉病毒、SARS冠狀病毒、MERS冠狀病毒及最新爆發的新冠狀病毒被認為可能源自蝙蝠並引起人類和其他脊椎動物疾病外，其他大多數蝙蝠身上的病毒，目前證據並未顯示會引起人類和其他脊椎動物疾病。
不過吳忠信也強調，大規模撲殺蝙蝠並非智舉。蝙蝠是陸地生態系的重要一環，可幫助人類控制昆蟲數目，讓人類減少使用化學殺蟲劑，還可幫助植物授粉；蝙蝠的唾液或血液也可提取抗凝血藥物或特殊疾病抗體。</t>
  </si>
  <si>
    <t>中央流行疫情指揮中心12日表示，11日國內新增53例武漢肺炎（COVID-19，大陸稱新冠肺炎）通報個案，目前累計通報1668例，其中1505例已排除，確診人數則維持18例。
指揮中心表示，目前除了首例確診個案已解除隔離，其餘17名個案病況穩定，持續住院隔離。其中狀況好轉的有10例，醫師覺得需做準備計畫，出院時間尚未確定。
確診個案的接觸者尚有409人持續居家隔離，其中15人有症狀已通報（12人已排除、3人檢驗中）。另3日晚間自武漢返台的台商團，除了4日確診個案外，尚有2人在隔離住院，其他244人仍在集中檢疫場所密切健康監測。醫福會執行長王必勝表示，接受集中檢疫者目前狀況穩定。
除兩岸外，國際間累計496例確診病例，分布於26個國家／地區，病例數以國際運輸工具（日本鑽石公主號）174例、香港49例、新加坡47例、泰國33例及南韓28例為多；病例中2例死亡，分別為香港及菲律賓各1例。全球已有72國實施大陸旅遊限制措施。
指揮中心強調，民眾若經衛生單位通知為個案接觸者，或自陸港澳入境，都需依規定落實居家隔離或居家檢疫措施。違反居家隔離規定者，可罰30萬元，違反居家檢疫規定者，可罰15萬元。
指揮中心提醒民眾，應落實肥皂勤洗手、避免觸摸眼鼻口，及做好咳嗽禮節。自國外入境時如有發燒、咳嗽等不適症狀，應主動通報機場及港口檢疫人員並配合各項防疫措施；返國後14天內如出現疑似症狀，可撥打免付費防疫專線1922，戴口罩盡速就醫。</t>
  </si>
  <si>
    <t>嘉義縣10日起開放65至70歲民眾接種新冠肺炎疫苗，共29場擴大接種站應戰，縣府指出，相較1至5波逐齡調整接種，第6波人口3萬8611人大幅提升，因此自10日起除大埔、阿里山鄉外，16鄉鎮市有29場疫苗擴大接種站，提醒民眾依通知接種，並鼓勵下一波第9及10類對象，盡速上COVID-19疫苗預約系統意願登記。
縣長翁章梁說，自6月15日疫苗開打以來，10日將進入第6波接種，服務對象是65至70歲鄉親，原住民為50至60歲，全縣開設29場次的疫苗擴大接種站，依年齡分流通知，也提醒鄉親記得多喝水，充分休息，下一波接種族群，中央已開放預約制度，提醒鄉親上疫苗施打意願登記系統登記。
衛生局長趙紋華表示，全國COVID-19疫苗預約系統已於8日正式啟用，供全國第9類及第10類對象意願登記，至12日下午5時止，嘉義縣也同步規畫18鄉鎮接種點，因應上班族需求，除假日場外，也增設夜間接種站，16日開始接種。</t>
  </si>
  <si>
    <t>新冠肺炎疫情讓壽險包租公快收不到租金，新光人壽決定自救，已啟動「以物易物救租戶」行動，即向承租的飯店等購買餐券或預訂大量外送餐點，協助房客度過今年的難關。
全台擁有數百棟大樓及房產的壽險業者，今年要跟租客一起共度難關。據壽險業者公布，其帳上投資性不動產到去年底共達1兆1,793億元，比前年增加13.6％，而去年全年租金收入近273億元，增幅僅7.9％，其中還含去年完工出租的南山廣場及新光人壽幾棟大樓，今年又遇上新冠肺炎，不少飯店承租戶快承受不住，租金收益堪慮。
國泰人壽、富邦人壽、南山人壽及宏泰人壽透過壽險公會，向金管會建議調整不動產租金收益率門檻及二年即時利用規定，以降租金紓困，金管會火速討論中，預計清明假期後即有定論。
全台最大壽險包租公依舊是國泰人壽，因為其不動產已採用市價開帳及列帳，即真實反應其大樓、房產的價值，所以國壽去年底計算租金的投資性不動產達4,513億元，全年租金收入104億元，二項都是壽險業最高，租金收入比2018年增加3.65億元。
去年租金增加最多的還是南山人壽，因為其信義區南山廣場啟用，租金收入比2018年增加12.53億元，南山人壽計算租金的投資性不動產有1,550億元，排名業界第三高，全年租金收入39.2億元，則是業界第四名。
租金收入第二名是新光人壽的42.26億元，因為新壽投資性不動產只有部分以市價開帳，很多都用投資成本列帳，因此新壽計算租金的不動產金額僅1,330億元，排名市場第四，但實際棟數或加計市價後，應可排名第二，且近年有多棟陸續完工、開始收租，去年租金即增2.95億元。
富邦人壽計算租金的投資性不動產有1,890億元，排名第二大，去年租金收益40.55億元，排名第三，富邦人壽還有許多地上權仍在開發中，尚未有收益。
金管會正在評估如何調降壽險業投資性不動產最低收益率要求，目前是中華郵政二年定儲機動利率加5碼，即2.095％，壽險業者建議降2碼，即降到1.595％，但金管會認為不是所有租戶都受新冠肺炎影響，應限制範圍。
新壽雖是第二大地主，但沒有參與「紓困」建議，而採取自救方式，以向承租戶以物易物，訂餐、買餐券等方式，變相降租。</t>
  </si>
  <si>
    <t>新冠肺炎疫情延燒，全球醫學界加速尋找解決之道，也針對中草藥在新冠肺炎的治療上進行研究。福建中醫藥研究院在本月中旬發表的「中西醫結合治療新型冠狀病毒肺炎經驗總結」研究報告中，首度將台灣特有的牛樟芝列為實驗材料之一，並以中西醫合併治療的方式進行，在該案所收治的11位新冠肺炎患者，均順利康復出院。
該研究報告指出，現代藥理研究認為，牛樟芝具有益胃整腸、強化免疫、抗過敏、抗癌、保護肝功能作用。醫院有五例新冠肺炎患者因使用多種抗病毒藥物出現肝損害，配合牛樟芝在複方中使用，可以產生預防肝損害，調節免疫機能的作用。
康力生技副總經理孫中曾博士提醒消費者，此份研究報告並非單一使用牛樟芝做為治療材料，且僅11人的案例尚不足以證明其效果，民眾若有疑似症狀應立即就醫，切勿聽信坊間謠言或偏方，勤洗手、戴口罩，隨時做好防疫措施，避免出入擁擠或密閉的公共場所，降低被感染的風險。
長期與福建省中醫藥研究院進行牛樟芝產學合作的康力生技研發長、前國家中醫藥研究所長陳介甫博士指出，已有多篇論文證實，牛樟芝對於肝功能的活化及抗病毒，均有良好的效果，未來有望成為研究抗新型冠狀病毒極具潛力的材料。
孫中曾指出，康力生技成立以來，專注於牛樟芝產品的研究開發，也獲得經濟部核定為生技新藥廠商；康力生技所使用的皿培式牛樟芝，取得台灣、中國、美國、日本四地專利的牛樟芝萃取方法，具有品質均一、成本合理、產量穩定的優點，能將牛樟芝的有效成份提高二至六倍，是做為牛樟芝植物新藥研發極具潛力的材料與技術。
康力生技現與福建中藥藥研究院進行合作，也分別與工研院、中國中醫科學院進行牛樟芝植物的合作開發，在初期階段均取得令人滿意的成果。</t>
  </si>
  <si>
    <t xml:space="preserve">人稱中華電(2412)小金雞的是方(6561)，目前中華電持股56%，日前董事會通過未來幾年將砸重金投資逾20億元，在內湖打造第四座機房，預計2023年就會上線服務，除看好市場潛在的成長力道外，是方也希望將自身的基本功鍛鍊的更紮實，吸引更多的國際客戶進駐，總經理劉耀元也訂下10年後終極目標，「躍升東亞電訊中心、AI商務中心」，挾台灣地理位置之便，取代香港的核心地位，不僅如此，是方也看準人口結構的老年化，「健康」大餅可觀，預計後續3~5年可以達到有效規模經濟，成為是方另一股營運新血。
問：是方四大產品線，包括國際IDC機房服務、數據網路服務、語音通信服務、雲端應用服務，未來這四大區塊5年內的發展曲線，占比公司營收貢獻比重的變化？
是方IDC在2020年佔比營收29%、網路佔比營收47%、語音佔比10%，至於雲端服務則佔比14%，展望未來，劉耀元預估，IDC、雲端會持續往上成長，網路持平，語音則會往下走，語音部分主要是受到現在人的通話習慣，採用通訊軟體的網路電話比例攀升，是方語音這塊獲利不佳是不可避免的，在是方的定義上，各產品都是一個「搭配」的概念，客戶有需求就會搭配在產品組合中，所以語音會持續存在，但比例會是一個下滑的趨勢，未來佔比滑落至個位數是可預見的；至於IDC、數據網路、雲端則是都會繼續成長，其中又以IDC、雲端的成長動能最強，各產品線存在相對關係，在IDC做越好帶動網路、雲端做越好就帶動網路、IDC等，彼此間相輔相成。
是方雲端產品在2019年、2020年成長幅度均達30%，今年估計會有20%的成長，IDC產品則維持和前兩年相同的成長幅度，即約10%。
問：是方過去幾年以來營收、毛利率、獲利等呈現逐年來的穩定成長，2020年每股獲利為8.67元、毛利率站上43.7%，對於2021年營收、毛利率、獲利的設定目標、成長幅度？
劉耀元表示，預估後續是方每年營收會維持歷史軌跡6~8%的成長、獲利約10%成長，毛利率則穩定成長1~2%成長，是方背後有堅強的團隊，隨著規模經濟擴大，單位成本降低，就可以有效拉升毛利率。
問：是方為中立的國際電信中心，挾著平台經濟、會員經濟打造出成功的經營範疇以及穩健獲利，客戶的群聚也形成「黑洞效應」，後續計畫如何延伸更廣的產品線、爭取更多目標客戶？
劉耀元表示，是方服務和一般業者不一樣，國際客戶約佔50%、國內約50%，FAMG四大科技巨頭(Facebook+Amazon+Microsoft+Google)都是是方客戶，而這些大型企業業務規模穩定成長，想當然爾對是方有利，且當國外業者來台灣發展，是方也可以幫助其推廣台灣業務，提供在地的幫助。
劉耀元表示，是方終極目標就是成為東亞電訊中心、AI商務中心，也因此，所有的布局都往這塊邁進，希望未來10年可以達陣，當然，三年後是方就會和現在有明顯不同，透過東協串聯、第四棟機房的加入，將會吸引更多國際、海纜客戶，有機會慢慢取代香港。
</t>
  </si>
  <si>
    <t>為了防疫，已一段時間無法外出的大陸民眾快被憋壞，紛紛趁著清明連假出外透氣；受到免門票政策刺激，安徽黃山風景區出現報復性旅遊人潮，4、5兩日迅速達到2萬人流上限，當地管委會不得不採緊急限流措施，要求民眾擇期再訪或更改行程。對此，有多位民眾表示，未採預約制，將大大降低遊客的滿意度，未能達到刺激景區觀光、消費的政策美意。
為了盡快恢復景區的熱度，大陸多地在三月底就陸續推出了一連串的觀光刺激政策；以黃山市來說，分別於3月21日至4月3日和4月1日至14日分別推出了「大徽州串門遊」、「江淮大地串門遊」兩項旅遊方案，而黃山風景區剛好重疊於兩個方案中，因此，連假期間，前往黃山的遊客趨之若鶩。
黃山風景區管委會原於3日表示，安徽省居民均享受包含黃山風景區在內的黃山市31個A級以上景區門票免費政策，省內游客出行意願較高，4月3日進山遊客數量較前期有所增長；不過，黃山風景區全天共接待遊客1萬0708人，未達到2萬人的限制量。
不過，管委會4日上午9時30分在景區網站和官方微信公眾號、微博即發出公告稱，「景區進山人數已達到遊客流量限制2萬人的80％，即將採取限流措施。」隨後，在10時30分公布「景區進山人數已達到遊客流量限制兩萬人，停止售票。請遊客選擇其他旅遊路線，或改日進山。」而這個公告一直持續到5日。
黃山導遊焦先生表示，免門票，再加上天氣好，吸引了不少安徽省內游客自駕而來，黃山以前五一、十一、春節等高峰期接待4萬至5萬人都沒問題，而疫情已讓遊客數大幅下滑。
他指出，主要景點如迎客松、鰲魚峰等附近確實比較擁擠，另外就是排隊等交通車、纜車時間相對較長，「沒有預約制、黃山景區只開放了一個南大門，這些因素使遊客得排隊兩三小時，造成很多遊客滿意度大大降低。」
不過，也有網友認為，「留得青山在，不怕沒柴燒，等有空還可以出去玩，還是老實待在家中為妙，別自找煩惱」；另有網友稱，「雖然清明想來是踏青好時節，但是疫情還有個尾巴沒結束，希望大家不要馬虎，提前預訂，安排好日程，不要一窩蜂地出去遊玩。」
上海社會科學院研究員王泠一指出，四月和五月是最好的春遊時節，目前安徽省境內已無新冠肺炎確診人員，黃山又是世界級的旅遊景點，在缺乏國際遊客的前提下，安徽旅遊部門激發消費和扶持產業的心情可以理解；但是人員如此高密度集聚，疫情傳播的風險仍高；當局應明確預約制和更精確的限流措施，來兼顧防疫與觀光。</t>
  </si>
  <si>
    <t>一場新冠肺炎，年前年後兩樣情！觀光產業從航空、旅遊到飯店等都大受影響，飯店業者更不得不提早備戰因應突如其來的變局。位於宜蘭五結鄉的「宜蘭綠舞觀光飯店」，剛迎來兩周年，面對疫情帶來的衝擊，執行長藍心瑩表示，2020年預估比2019年衰退兩成，政府可利用這次機會正視觀光業稅負及利率調降，在紓困之餘也幫助地方改造，推動精緻旅遊文化以強化旅遊體質。
3月一般是度假飯店的淡季，碰上疫情影響更雪上加霜，綠舞的年度計畫與行銷策略是否改變，目標客層又如何調整。
綠舞執行長藍心瑩表示，2020年遇到疫情後主要是於品牌中建立安全意識，要讓旅客知道綠舞用心做好防範新冠肺炎的基本功，務必使同仁與顧客都獲得最安全保障，能在綠舞引以為傲的日式庭園區感受大口深呼吸的暢快感，這點是與City飯店完全不同。並藉由周年慶推出「2週年慶．有你真好」、平日最高住房專案折抵2,000元，及搭配園區暢銷商品推399 DIY自由配等多元活動，強化「一日遊」市場，設計更多適合全家大小都有感的內容。
藍心瑩指出，目前雖無法明確預估，但如果疫情能在2020年6月獲得控制，相信有助於提升第三季、暑假及第四季ITF的業績，另也因上半年民眾受疫情影響無法出國，國旅市場成了此時最好的選擇，不過也得大家跟著政府腳步用心防疫，才有機會漸入佳境。
觀光業受新冠肺炎疫情影響是不爭的現實，現在影響層面更擴及全球，台灣積極抗疫，目前疫情仍控制在一定範圍。
藍心瑩表示，基於業者的一分子，希望政府能盡快擬定策略以利觀光振興，可提供國內飯店、旅行社、餐廳、遊覽公司等營業稅緩繳或減稅等優惠補助措施等紓困，以減少疫情對業者的衝擊。同時，在此非常時期業者也應團結對內（國內旅遊），激活市場提振消費者信心，也鼓勵民眾多走出戶外接觸大自然，綠舞飯店也會持續推更多住房及餐飲優惠，讓我們一起養精蓄銳、迎接除疫後的觀光爆發反彈期！</t>
  </si>
  <si>
    <t>台微體（4152）14日宣布，其治療新冠肺炎（COVID-19）新方案-TLC19羥氯喹寧微脂體吸入懸浮劑第一期臨床試驗，納入第一位受試者。
TLC19為台微體獨家微脂體技術配方之微量羥氯喹寧（hydroxychloroquine, HCQ）吸入式藥物。Kavanagh, Oisin等人所發表的科學報告指出，吸入式HCQ可能會改善治療新冠肺炎的效果並減少傷害，而微脂體劑型則於多年前就證明具有將藥物直接有效遞送至疾病部位並且持續釋放、延長藥物滯留時間的優勢。
非臨床科學報告顯示，與口服HCQ和非微脂體HCQ相較，TLC19能夠增加肺暴露量達30倍以上，並有較低的血液與心臟暴露量。因此，停留在呼吸道和肺部的TLC19有機會成為阻止SARS-CoV-2感染的第一道防線，即使感染也可以透過抑制病毒複製減輕症狀、並防止其隨後對大腦神經入侵。
此臨床一期、隨機、安慰劑對照之盲性試驗將評估單一劑量遞增的吸入式TLC19於30位健康受試者中的安全性、耐受性和藥動學。4毫克、8毫克及12毫克三種劑量將以連續隊列評估。每個隊列群組中，將以8：2的比例納入約10名可評估受試者並將其隨機分組，其中8名受試者接受TLC19，2名受試者接受TLC19載體安慰劑（相同的微脂體劑型，但未包裹活性藥物HCQ）。研究藥物採用台灣微邦科技（興櫃：3184）市售的便攜式振動篩網霧化器進行吸入式給藥；所有受試者將接受為期4週的追蹤訪視。
台微體總經理葉志鴻表示，近日美國藥廠禮來的單株抗體、嬌生的疫苗都暫停臨床試驗；兩個進入最後階段的COVID-19臨床試驗相繼停擺，突顯出台微體提供防禦此致命病毒的使命之重要性。隨著在台灣和澳洲的臨床進展，台微體在GMP製造方面也進展的相當順利，為TLC19的大規模商業生產在台灣和美國做準備。
國際氣霧劑醫學學會（International Society for Aerosols in Medicine, ISAM）於學術文刊中發表聲明，懇求法規單位在新冠肺炎非常狀況時，利用現有的安全性數據來加快已過專利期、老藥新用於吸入途徑的藥物之開發。就需要達到肺部高藥物濃度的情況而言，吸入式劑型每日所需劑量通常比其他投與途徑低許多。TLC19正是抗瘧疾老藥HCQ用於新吸入途徑之藥物，因此可利用此一期藥動數據透過生理學基礎的藥動模型運算，快速轉化為後續應用於新冠肺炎患者的臨床試驗劑量；台微體計劃在遭受新冠肺炎影響最大的地區進行該試驗。</t>
  </si>
  <si>
    <t>本土疫情大爆發，新北市市長侯友宜積極又鐵腕的作風，成全台矚目焦點，短時間內竄升成「藍營新希望」。桃園市議員謝美英表示，從衛福部部長陳時中與民進黨立委羅致政的言語，就可見民進黨帶風向、轉移焦點的能力，對待政敵絕不會手軟，疫情過後侯能否如此「神勇」，就必須看侯能否挺過這關。
謝美英21日接受香港媒體《中評社》訪問表示，雙北疫情大爆發，侯友宜率先喊出「該封城就封城」、「準第四級警戒部署」、「建方艙醫院」，霸氣的表現讓藍營看見希望，陳時中則表示尚無升第四級必要，羅致政甚至不客氣質疑，新北市過去一年到底超前部署了什麼？侯「是瞎忙還是裝忙？」綠營的言論，點燃政治煙硝。
謝美英直言，防疫等同作戰，這次本土疫情大作戰，可以視為2024的前哨戰；現在政壇有幾支「紅牌」，像是侯友宜、台北市市長柯文哲、桃園市市長鄭文燦等人，鄭礙於身為執政黨一員，很多疫情政策也只能護航，侯、柯兩人則擁有更多發揮的空間。她觀察，目前政壇侯的戰鬥力最強，侯提的建議就看陳時中怎麼接招，一方面「地方領導中央」是陳所不樂見的，一方面，陳未來會不會選台北市或新北市長，也是值得思考的事。
面對侯友宜聲勢看漲，謝美英警告，國民黨不要因為看到侯這個新希望、新寄託，就忘記民進黨擁有執政優勢，他們很有辦法、很懂媒體操作、轉移焦點功力深厚，先帶風向轉移，接著整個覆蓋，然後塗抹掉選民記憶，這是慣用手法，像現在大家緊盯疫情，缺水、停電跟三階就都淡忘了。此外，藍營內部尚有蠢蠢欲動者，因此除了防外，黨內也須謹慎以對。</t>
  </si>
  <si>
    <t>受到新冠肺炎衝擊，消息人士表示，過去一個月來，共享辦公室服務業者WeWork數千家客戶不是停付租金，就是有意終止合約。在此同時，WeWork正與大型房東洽談調降房租，最高降低三成，試圖減輕財務壓力。
熟知內情人士透露，不分大型或小型客戶，要求解約或停付租金的電話和郵件讓WeWork接到手軟。新冠肺炎疫情造成商業活動停滯，WeWork的客戶盡力保留現金，也加重該公司的資金壓力。
受此影響，WeWork的辦公空間出租率由2019年9月底的79％，下滑至4月初的64％。消息人士警告，出租率數據尚未完全反映新冠肺炎危機，WeWork正面臨客戶取消租約壓力。
WeWork允許客戶延後繳交租金，或是與客戶協商租賃條件，希望盡量留住逾66萬名會員。然而許多企業無意和WeWork協商，逕自將信用卡資料從付款系統中移除，或是拒絕匯款。消息人士透露，WeWork至少流失數百萬美元租金收入。
舉例來說，皇家加勒比國際郵輪（Royal Caribbean）是近日知會WeWork，將停付邁阿密辦公室租金的客戶之一。該郵輪業者向媒體表示，公司採取「果斷的行動來保護財務和流動性部位。」
另一方面，消息人士表示，WeWork執行長馬斯拉尼（Sandeep Mathrani），與該公司在全球各地的大型房東洽商調降租金，並提供營收共享等交換計畫。
WeWork以分享未來的成長機會為號召，向房東表示，若是願意將現行的租約換成合作協議，未來可望獲得更高的收入。但房東對WeWork的提議意興闌珊。
截至2019年6月底，WeWork的租賃負債至少達470億美元。那時WeWork為了上市，積極擴張業務，如今新冠肺炎病毒來襲，WeWork陷入營收萎縮和現金短缺難關。</t>
  </si>
  <si>
    <t xml:space="preserve">自動駕駛、車聯網、電動車商機大好，工研院預估，2030年全球汽車電子與車聯網市場規模將達到8000億美元，台系ICT業者也競相搶進，包括台積電、聯發科、台達電以及鴻海等一線大廠也均名列其中，也顯示出相關商機的誘人程度。
工研院分析指出，在5G的大頻寬、低延遲也助長車載多媒體發展，工研院預估2023年全球汽車電子與車聯網預估達4511億美元，預估2030年全球汽車電子與車聯網市場規模將達到8000億美元，2050年將出現7兆美元的搭乘者經濟。
台灣今年首度進入全球自動駕駛國際準備度排名第13名，在法規與政策支持下，2018年通過無人載具科技創新實驗條例，2019年經濟部成立無人載具科技創新實驗辦公室，2020年提供實證上路研發補助計畫，不囿於現有法規的框架，進行新創或自駕車在level 3以上的測試驗證與營運者服務驗證，開發下世代智慧交通運輸自駕車的發展應用，在2020年台灣通過7案申請沙盒科技創新，例如在夜間自動接駁公車、觀光旅遊的區域共生、無人運輸物流小區域測試等。
工研院觀察指出，環顧台灣車電產品導航、多媒體與車用影像項目發展居多，隨著國際發展趨勢、政府政策支持下，聯網、自動與電動車輛將帶出汽車電子成長動能，預估2020年車電產值約為2590億元，2025年台灣汽車電子產值接近3100億元，帶動資通訊和車電零組件對車輛新興科技應用。
在大趨勢帶動下，台灣ICT業者競相搶進電動車領域，包括台積電(2330)、華邦(2344)、聯發科(2454)、凌陽(2401)、光寶(2301)、鴻海(2317)、為升(2231)、台達電(2308)、國際航電、勤崴(6516)、中華電(2412)等都已進入車電領域，相較於國際廠商利用新創或併購儘速取得市場位置，建議台灣發展車輛電子產品從點線面的合作模式，運用法人研究單位與國內外業者建構其平台，讓不同層次的業者發展車電產品以應用到自動、聯網、電動、與運輸服務來建立自身優勢，具備進入國際市場之發展潛力。
</t>
  </si>
  <si>
    <t xml:space="preserve">
衛福部長陳時中日前公布混打政策，外界擔心第12輪出現棄打潮，中央流行疫情指揮中心發言人莊人祥列舉第12輪第一階段3種疫苗預約接種率，並澄清「沒有大家所想的情況」，AZ第2劑從開打當天到現在接種率分別為96％、95.8％、94.1％、92.9％，皆超過9成；BNT接種率則分別是92.5％、90.8％、87.7％、87.2％。
第12輪第二階段陸續開放預約，其中BNT第1劑和莫德納第2劑預約已於昨天上午開放，而AZ第2劑於今天上午10點開放。今天下午1點為止，共約195.5萬人完成預約；3種疫苗預約都將在27日中午12點截止。
指揮中心統計，今天下午1點前，已有61.2萬人完成BNT預約；26.1萬人完成莫德納預約，41.2萬人完成AZ預約。由於BNT第1劑尚有名額，指揮中心今天宣布加開「10月26日中午12點前意願登記的30歲以上民眾」可於本輪預約接種，預約時間為今天下午4點至10月27日中午12時止。
昨（25日）全國接種41萬169劑，目前國內疫苗人口涵蓋率68.73％，劑次人口比為97.24（劑／每百人），意即2劑覆蓋率28.51％。目前國內仍有3成民眾尚未接種第1劑，莊人祥表示，指揮中心正在思考如何提升民眾接種意願，針對75歲以上長者，通常需要子女或親友協助預約，的確有比較不便，另外像是移工族群，讓他們能夠有便利的接種方式。
莊人祥舉例，可能是在特定場所設置接種站，隨到隨接種，像過去雙北過去施打流感疫苗時，常常在捷運站前面設接種站，民眾只要在附近或搭車經過就可以打；另外像是一些優惠摸彩等措施，的確都是可以往這方面思考。</t>
  </si>
  <si>
    <t xml:space="preserve">美國海軍2艘醫療船前往洛杉磯港口協助救治新冠病患，但一名加州火車駕駛員卻懷疑美軍準備接管洛杉磯，竟故意讓火車脫軌意圖撞擊停在港口邊的醫療船。
據《美聯社》報導，美國司法部在一份新聞稿中說，這輛火車頭周二於港口邊脫軌衝出圍欄與數列障礙物後，在距美海軍醫療船慈悲號(Mercy)230公尺處停下來後。事件沒有造成任何人受傷。
報導稱，這位火車駕駛員莫雷諾(Eduardo Moreno)以破壞火車罪名遭到檢察官起訴，司法文件中指出，莫雷諾在偵訊中坦承他是故意讓火車脫軌去撞醫療船，目的在引起全世界人們注意到這裡正在發生什麼事。
莫雷諾說，他懷疑仁慈號是因為新冠病毒疫情要接管洛杉磯或其他類似目的，他並且，此事他獨自行動，且是臨時起意，非預謀行事。
洛杉磯港發言人桑菲爾德（Phillip Sanfield）表示，該火車機車頭沒有靠慈悲號醫療船。機車頭與醫療船之間隔著一個大型停車場，還要跨過一條水道才可能接近慈悲號。
桑菲爾德說，火車駕駛並非受雇於洛杉磯港，可能是處理貨運的太平洋港灣公司的工作人員。目前撞壞的機車頭有少部份燃油洩漏，港口運作未受影響。
莫雷諾在肇事後逃離現場，但遭加公路警察逮捕，由於事出突然，美聯邦調查局反恐小組和洛杉磯港警察局正聯合進行調查。
慈悲組織本週抵達洛杉磯港，它將提供一千張病床，協助處理快速增加的新冠病毒患者醫療工作。
</t>
  </si>
  <si>
    <t>美國近期經濟數據及企業財報表現不俗，帶動美股持續走高，S&amp;P500與Nasdaq均再創新高，今年來創新高次數均達到兩位數，雖然新冠肺炎疫情持續延燒，市場陸續反應後，恐慌情緒趨緩，美股基本面穩健且通膨平緩，聯準會（Fed）維持寬鬆基調，資金行情續提供美股動能，美股基金後市表現不看淡。
群益美國新創亮點基金經理人徐煒庠表示，美國最新1月ISM製造業指數上升至50.9榮枯線之上，製造業新訂單及新出口訂單回升，1月非農新增就業表現優於預期，顯示市場續穩，支持內需經濟動能。
至於通膨表現則是溫和可控，Fed鴿派貨幣政策仍有空間，加上去年第四季企業財報多優於預期，基本面、政策面、獲利面都正向，為美股提供支撐，後市不看淡。
台新智慧生活基金經理人蘇聖峰分析，美股後市觀察四大重點，首先若疫情若得到緩解，相對穩健的美股將快速反彈。其次為中美貨幣政策寬鬆低利環境延續，股市仍具強勁支撐。再者是S&amp;P500獲利營收表現，指標股多優於預期且展望穩定。最後即受疫情影響大的零售、餐飲、旅館、航空等消費股，恐慌性殺盤後將有顯著反彈機會。
宏利投資管理首席經濟學家唐納德認為，目前主要央行面對不對稱的政策風險，Fed別無選擇只能採取溫和立場，免於金融轉向緊縮，且肺炎疫情影響全球復甦進程，短期投資組合佈局宜採較防守性策略，但策略性投資組合，卻提供進場好機會，預期年底美股續收高的機率仍大。
徐煒庠建議，美股產業布局重點為科技、醫藥、消費股，以軟體網路、FinTech、消費、國防工業等可持續關注，尤其看好具創新能力和關鍵競爭力，同時具產業影響力個股，近期財報公布，獲利表現及股價趨勢均佳個股，也可擇優布局。</t>
  </si>
  <si>
    <t>中央流行疫情指揮中心12日公布國內新增16例本土病例，其中兩例在台北市萬華區的茶藝館工作，「萬華茶藝館」瞬間成為網路熱搜。根據台北市前市議員童仲彥提供的YouTube影片，完整揭露茶室超嗨玩法，身材火辣的小姐只穿一條丁字褲，直接坐在男客身上磨蹭、熱舞。
指揮中心公布，萬華兩例確診者的工作地點，分別在三水街的「鴻達茶藝館」及西園路一段的「楓香清茶館」。外界好奇，俗稱「阿公店」的茶室到底長怎麼樣？裡面真的在賣茶嗎？童仲彥提供一段影片，揭露茶室秘辛。
影片中清楚可見，昏暗的包廂內霓虹燈閃爍，一名身材火辣的小姐只穿一條丁字褲，穿梭在多名男客間，不僅勁歌熱舞、喝酒玩遊戲、坐在男客身上磨蹭，甚至抓著客人的手在自己身上游移，畫面令人血脈賁張。
童仲彥向網友表示，「你們認為茶室都在泡老人茶嗎？茶室、阿公店可以怎麼玩？阿童為什麼一再主張成立合法性專區，因為對防疫很重要，希望確診的女子沒有像影片中玩成這樣。」</t>
  </si>
  <si>
    <t xml:space="preserve">專注以黏膜免疫調節技術平台開發新藥的昱厚生技(6709)今日舉行股東會，由董事長陳璧榮主持。由於旗下新藥尚處於研發與臨床試驗階段，董事長陳璧榮在股東會上感謝董事及所有股東的支持，承諾各項臨床試驗進度將依序進行，並積極推動商務發展，爭取與國內外大廠洽談授權或合作開發，盼在最短時間內將目前開發藥品推上市，引領公司營運邁向新里程碑。
陳璧榮表示，在商務發展策略上，昱厚採取雙軌策略，一則與具銷售通路或擁有豐沛資金的大藥廠結盟，以最有效的方式將藥品開發至上市；一則透過技術移轉將尚在開發中的產品進行授權，收取授權金與權利金等。由於昱厚專注藥物開發與臨床試驗，相關生產事宜則採與符合供貨地區法規代工廠進行合作，以完善供應鏈。
總經理徐悠深進一步說明，昱厚自行開發的黏膜免疫治療技術平台，擁有11國的專利布局保護並可廣泛用於多項適應症，具有龐大的開發潛力與商化價值，是公司的核心競爭力，目前以此平台開發出的流感疫苗AD07030、過敏性鼻炎AD17002-AI、新冠免疫治療藥AD17002-SC等三大主力產品皆獲CDE納入專案指標性案件，取得政策支持與肯定，近一年並取得重大臨床進展。
其中，鼻噴劑型流感疫苗在向CDE及TFDA諮詢與規劃III期臨床設計後，獲得TFDA的鼓勵發展，包括協助轉為四價抗原、受試對象擴展到全年齡層以及臨床試驗終點疫苗保護率不須與現行疫苗對照等，接下來將伺機啟動三期臨床試驗。過敏性鼻炎黏膜免疫調節蛋白藥Ib/IIa期臨床試驗亦獲TFDA同意結案備查，將繼續推進下一階段呼吸道過敏治療臨床試驗規劃。
據統計，台灣有四分之一成人與三分之一孩童有過敏性鼻炎，而過敏性鼻炎患者罹患氣喘的風險又比常人高出3-4倍，流感則因傳染力強又易突變，造成每年的反覆性流行，這二項疾病皆具有長期且季節性的的藥物需求，昱厚開發的產品皆為鼻噴劑型，提升給藥方便性且無須處理廢棄針頭，特別是在鼻腔投予藥物後能有效提升人體血清和黏膜免疫反應，在口鼻腔或眼睛上形成保護，可有效阻擋病毒在人體的進一步發展，針對新冠病毒的預防感染更是如此，具有龐大的藥物發展競爭力。
目前鼻噴新冠肺炎治療藥的動物攻毒試驗之組織切片結果顯示，可明顯改善受新冠病毒感染動物之肺炎狀況，並於7月獲TFDA核准執行AD17002-SC用於治療新冠病毒感染輕症患者IIa期人體臨床試驗，預計收治30位新冠病毒感染輕症患者，以噴鼻方式內給予3次或5次劑量的藥物治療，而後進行五週的追蹤觀察。另也提供AD17002-SC予教學醫院進行新冠肺炎輕、中症患者之恩慈治療。
</t>
  </si>
  <si>
    <t>大陸本輪疫情進入清零收尾階段，北京已經連續8天無本土病例，上海、河北、黑龍江也傳好消息。疫情最嚴重的黑龍江省6日宣告無新冠肺炎確診病例、無症狀感染者也無新增情況，首度實現「雙零」之餘，專家也預告，本輪黑龍江疫情處於一個收尾的階段；吉林省疾控中心副主任姚來順更表示，目前，當地疫情已進入「收尾清零」階段。
大陸31省區市6日新增確診病例11例，其中境外輸入病例10例（上海3例，北京2例，江蘇2例，廣東2例，湖南1例），本土病例1例（在吉林）；無新增死亡病例；新增疑似病例2例，均為境外輸入病例（均在上海）。
作為大陸首都，北京疫情備受關注。據「健康北京」微信公眾號7日消息，6日北京無新增本地確診、疑似病例和無症狀感染者；新增2例境外輸入確診病例，無新增疑似病例，治癒出院3例。上海、河北、黑龍江6日均無本土新增。
黑龍江省新冠肺炎救治中心6日也將最後4名新冠肺炎重型患者轉為普通型，目前該省重症患者全部清零。黑龍江本輪疫情從1月10日第1個病例出現，截至目前確診病例和無症狀感染者總數超過千人。到目前為止，沒有一例死亡的病例。
黑龍江省疫情防控救治組組長、哈爾濱醫科大學附屬第一院院長于凱江表示，按照流行病學的發展和一般的新冠肺炎疫情局部散發的特點來看，本輪黑龍江疫情處於一個收尾的階段。如果說沒有一些其他的新的變化，應該在未來一周左右有可能就會沒有新增的病例出現。
目前，河北省在院治療的192名確診病例中，普通型156例、輕型36例，也已經沒有危重型和重型病例。
雖然各地相繼傳出無新增本土確診好消息，但截至7日15時，大陸現有高風險等級地區還有10個，中風險地區也有40個。高風險地區中，北京1個、河北1個、吉林1個、黑龍江7個。中風險地區中，河北4個、吉林1個、黑龍江34個及上海1個。</t>
  </si>
  <si>
    <t xml:space="preserve">新冠肺炎疫情延燒，旅宿、餐飲業一片愁雲慘霧，桃園28家觀光工廠來客數和營業額平均少3成以上，僅有桃園酒廠受惠於酒精，營業額幾乎翻倍成長，市府除會向中央反映，將觀光工廠納入紓困方案，也輔導籌備疫情後的千人手作、萬人DIY等行銷活動，吸引遊客再度上門。
經發局長郭裕信指出，工研院推估，全台已有97家觀光工廠，8成以上團體參觀被取消。桃園現有28家觀光工廠和產業文化館，去年共有250萬人次參訪、創造近7億元產值。
但受疫情衝擊，桃園前5大觀光工廠：桃園酒廠、雅聞魅力博覽館、義美食品觀光工廠、宏亞巧克力共和國、以及郭元益糕餅博物館，來客數普遍少3至4成、營業額減少1至3成，唯一僅有桃園酒廠，受惠疫情增產酒精，雖然來客數較去年同期少4成，但營收卻幾乎翻倍成長、增加99％、約850萬元，義美食品則有餐廳維持，營業額僅略為下滑8％。
郭裕信說，目前業者多將觀光工廠員工業務調整，如從導覽員轉為生產線作業，並改善設備設施等因應，各觀光工廠也加強環境消毒、員工配戴口罩、工作人員與遊客體溫管控。
郭裕信提到，經濟部振興抵用券政策和交通部的紓困方案，都未將觀光工廠納入，將函請中央補助，經發局將在疫情後，與桃園市觀光工廠協會、各家觀光工廠研擬促銷方案如千人手作、萬人DIY等體驗活動，並請各級學校戶外參觀教學、社區團體觀摩活動，多多選擇到觀光工廠參訪，振興觀光工廠營運。
</t>
  </si>
  <si>
    <t xml:space="preserve">
新冠肺炎疫情持續在全球肆虐，中國宣稱已掌握疫情，且確診人數不斷在下修，世界衛生組織（WHO）還曾讚美中國政府的處理方式，還要其他國家多學習。對此，南韓傳染病專家、高麗大學九老醫院內科教授金宇周（音譯）卻直言，從南韓和其他國家的數據看來，WHO的「舔中」資訊完全不可信。
根據《醫師新聞》報導，日前金宇周利用網路影像，發表對新冠肺炎疫情的看法，他指出南韓地區的確診病例是直線往上攀升，平均每天都以500例以上的數字在增加，如果按照這個增長率持續發展下去的話，金宇周預估，到了3月時，南韓的確診人數恐將突破1萬人。
話鋒一轉，金宇周在另外一段影片中，不諱言批評起WHO為中國背書的行為，先前WHO大讚中國處理疫情的方式，且中國也宣稱疫情已進入「安定期」，但放眼全球多國都還在預防新冠肺炎大流行，且南韓的確診數字仍持續增長，這讓金宇周直呼，「根本不能相信WHO的說法！」
金宇周認為，南韓無法像中國一樣選擇封城，因此目前保護國人最有效的方法，就是徹底落實衛生條件、人與人之間保持2公尺以上的距離、盡量不要參加大型集會。此外，南韓中央事故處理本部副本部長金剛立也表示，在未來這幾天內，大邱地區的確診病例應該會持續增加。
更多 CTWANT 報導
</t>
  </si>
  <si>
    <t>嘉義縣某校1名家住彰化縣的男學生，日前返鄉時接觸從桃園市返鄉的親人， 3天前採檢確診，今26日陸續傳出兩名同住室友也無症狀確診，其中1人就是中央流行疫情指揮中心今天公布，戶籍在嘉義市的案6104，嘉義市長黃敏惠稍早也透過直播公布這名男學生足跡。
校方表示，第1位確診男學生15、16日周末返回彰化住家，曾與從桃園返鄉的親戚同住2天，16日男學生返回宿舍，17日因學校宣布遠距教學，當晚多數學生皆返家，因桃園親戚22日確診，男學生和家人被彰化縣衛生局要求採檢，23日被通報確診，當天學校馬上啟動因應，並調查男學生接觸者，包括教職員共通報70人名單給嘉義縣衛生局，其中51人居家隔離、6人自主健康管理。
校方強調，學校防疫工作落實，學生返回宿舍都會手部消毒、量體溫，並要求除了睡覺都要戴口罩，接獲消息後第一時間學校也緊急開防疫會議，並對全校發布防疫通報，告知相關作業、通報流程，至於目前傳確診學生同寢室共住5人，已有3人確診，但都沒有相關症狀。
黃敏惠稍早也在直播中公布其中1名確診學生案6104的足跡，指該名男性大專院校生，在外縣市學校就讀，因疫情關係該校停止實體課程，個案17日返回家中遠距教學，衛生局24日晚間接獲其他縣市衛生局通報，案6104因同寢室室友確診，列為居家隔離個案，衛生局評估個案感染風險較高，25日上午緊急安排採檢，經檢驗為陽性，目前已住院收治，至今個案未出現症狀，同時匡列4名同住家人進行居家隔離。
黃敏惠說，案6104於 18日下午5點到5點半與家人到大潤發購物，19日下午3點40分到4點至家樂福北門店購物，21日晚上7點46分至8點到台灣之星垂楊店繳費，22日早上9點到9點05分至至垂楊路天茂農產行買菜，所經範圍都有戴口罩。
而接到衛生局緊急通知的店家，大潤發及家樂福均於25日結束營業進行全面消毒，天茂農產行於當日完成總消毒後，今26日店休一天，台灣之星垂楊店也決定店休3天進行全面總消毒。</t>
  </si>
  <si>
    <t>立法院今（31）日修正「新冠肺炎紓困振興特別條例」提高預算上限至8,400億元及延長時限至明年6月30日，立法委員傅崐萁於朝野協商時，提案爭取政府編列300億元採購BNT輝瑞疫苗及莫德納疫苗並於一個月內完成，獲協商通過並於今日下午與特別條例修正一起完成三讀。
立委傅崐萁表示，近日國內疫情嚴重，每日都有數百例確診，並有十數位國人同胞罹病死去，累積已有一百二十餘同胞死於新冠肺炎，全國民眾都在殷殷期盼有WHO認證的國外優良疫苗施打，政府雖對外宣稱已購買將近3,000萬劑新冠肺炎疫苗，然迄今僅有87萬餘劑到貨，眼看疫苗嚴重不足，到貨進度緩慢，加上疫苗品質疑慮，百姓已經快對政府疫苗採購失去耐心及信心，民怨已達沸騰！
傅崐萁強調，目前國際上最優秀的新冠肺炎疫苗德國BNT輝瑞疫苗及美國莫德納疫苗，保護力分別達95%及94.1%，遠勝其他廠牌疫苗。政府為了民眾健康及戰勝疫情，本應優先採購，但因為政治考量及種種因素，造成先前採購BNT輝瑞疫苗破局，而莫德納疫苗又採購數量不夠，現COVAX因印度供應商被限制出口，加上國產疫苗尚未完成二期實驗且不進行三期實驗，短期內我國將面臨無疫苗可施打的窘境，民眾每天活在病毒威脅的恐懼之下。
傅崐萁指出，現政府要追加紓困特別預算至8,400億，他於朝野協商時具體提案爭取政府在一個月內編列300億，並完成採購4,000萬劑保護力最佳的「莫德納」與「輝瑞」疫苗，將可儘速解決疫情，保障民眾健康，更將帶動國內上兆元經濟成長及經濟效益收入，很高興得到朝野黨團支持，並於今日隨著特別條例修正三讀通過，他將持續監督政府落實，期盼讓民眾能有最佳疫苗施打，免於病毒恐懼，儘速回歸正常生活。</t>
  </si>
  <si>
    <t xml:space="preserve">西班牙是歐洲遭新冠肺炎蹂躪最慘的國家之一，但因執行3個多月的嚴格封鎖令，疫情終於緩和下來，該國也在上月21日解封。不過隨著解封，疫情也蠢蠢欲動，
近1個月來，西班牙已爆發170起群聚感染，16日更通報新增580確診，創下2個多月以來新高，令人憂心是否第二波疫情將捲土重來。該國迄今已有超過2萬8千人死於新冠肺炎。
人口160萬的西國第二大城巴塞隆納，上周起確診案例持續上升。為避免病毒擴散，在不執行強制封城的情況下，加泰隆尼亞自治區的衛生部長維加斯呼籲民眾，最好待在家裡，若無必要，不要到處趴趴走；政府也將禁止10人以上的群聚，「這是避免封城最好的方式。」
政府也呼籲民眾，盡量透過線上購物，另外，文化與體育活動也將受限。
</t>
  </si>
  <si>
    <t>近日本土新冠疫情趨緩，但卻因中研院確診事件，讓疫調人員再度忙了起來，就是要確保病毒不會進入社區，而面對來勢洶洶的Omicron變異株，台北市副市長黃珊珊深夜有感而發，指出今（14）日開始入境者可選用10+4與7+7專案，讓她直言「不知道這個無法挽回的決策，會讓台灣付出多大的代價！天佑台灣！」
黃珊珊深夜在臉書表示，這次中研院事件，最讓人擔心的是國家級的高階實驗室，發生嚴重管理危機，工作人員沒有按照SOP穿脫防護裝備，造成環境污染。北市衛生局人員為了確認狀況前往實驗室做環境採檢，結果發現環境呈陽性反應，黃珊珊也要求同仁先做預防性隔離，以免影響到家人與同事。
黃珊珊表示，一個小小的疏忽，付出如此大的社會成本，我相信沒有人是故意染疫的，但是處理如此高風險的專業人員，真的容不得出一點差錯，所以還是那句話，「SOP很重要，差一點點差很多！」
此外，黃珊珊也提到今日入境者適用10+4或7+7專案，但這兩個專案都是在Omicron肆虐前做的決策，如今全世界被Omicron燒得頭昏腦脹，我們的考驗才正要開始，「因為防疫旅館都已經訂滿了，再也轉不回14天了，只是不知道這個無法挽回的決策，會讓台灣付出多大的代價！天佑台灣！」</t>
  </si>
  <si>
    <t>世界衛生組織（WHO）最近派員前往中國調查新冠病毒起源，且已結束在中國的查訪。該調查小組發現，2019年12月於武漢爆發的新冠肺炎，其疫情範圍恐較先前想像得更為廣泛，傳播時間也可能更早。目前WHO調查團隊正急著尋找管道，試圖獲得大量武漢居民的血液樣本以進一步檢驗，並希望數月後有機會再去中國實地考察。然而，北京迄今卻仍不願配合提供。
首度確認 13種病毒株出現
美國有線電視新聞網（CNN）14日獨家披露，中國─世衛組織新冠溯源研究聯合專家組外國專家組長的班恩巴瑞（Peter Ben Embarek）表示，經廣泛調查，他們發現一些2019年新冠肺炎傳播範圍更廣泛的跡象；如首度確認武漢在2019年12月已出現13種病毒株。調查團也有機會與首位確診病患談話，該名病患年約40歲，沒有出國旅遊史，確診日期為12月8日。
隨著詳細數據與報告遲遲未能取得，更讓調查團隊對於新冠肺炎起源感到憂慮，認為此一疾病可能在12月中旬正式出現以前，就已在大陸大流行。班恩巴瑞表示，「新冠病毒恐怕於12月前就已在武漢廣泛流行了。」
調查團隊指出，中國科學家向研究人員簡介2019年武漢的174例病例。其中，約100人為實驗室檢測確診，另74人是透過症狀的臨床診斷而確診。但班恩巴瑞擔心，實際上的病例數字恐更高，甚至可能存在重症病例，這意味武漢可能在2019年12月就有逾1000人確診。
班恩巴瑞表示，「雖然我們還沒建立任何模式；但我們知道在感染人數外可能還有龐大的感染數字，15％可能是重症，而大多數為輕症。」他進一步說明，調查團隊已收集到2019年12月首波13種不同基因測序。如果能檢測更多2019年中國病患數據，就能對12月之前疫情爆發地與時間提供更有價值的線索。
未見群聚 難稱與新冠相關
CNN報導指出，正如先前多位病毒學家警告，發現多種病毒變異代表這種病毒的傳播更早更久，而調查團發現的遺傳物質恐是國際上首項實證，足以證實前述假設。
班恩巴瑞還提到，中國科學家提供給調查團92名在2019年10月至11月，疑似感染新冠肺炎病例的分析報告。這92名病患症狀與新冠肺炎類似，且屬重症病患。
WHO向這92人要求於2021年1月進行抗體測試；其中，67人同意檢測，且全數為陰性。不過，仍需要進一步的檢測才能定案。因為不確定時隔1年，先前染疫的人是否還存在抗體。此外，這92例在10月與11月內分布於湖北各地，無群聚出現，故不能確定是否與新冠病毒有關。
盼血液樣本 北京不願配合
班恩巴瑞希望能盡快重返武漢展開調查，更呼籲中國方面能提供首次調查所沒有的生物樣本，特別是數千份武漢居民的血液樣本。
對於美方抨擊中國應提供更早期的原始數據，北京除承諾對調查團更透明外，中國駐美大使更回斥「美國近年的所作所為，已嚴重破壞包括WHO在內的多邊機構，也影響關於新冠病毒的國際合作」，「美國還將矛頭指向忠實支持WHO的國家與該組織本身」。</t>
  </si>
  <si>
    <t>新冠肺炎本土病例在宜蘭縣至昨天已累計有16例，也讓採檢量倍增，宜蘭企業家郭子成捐贈10萬元給宜蘭市公所，由公所協助慰勞醫護人員，今天（17日）宜蘭市長江聰淵表示，感謝郭子成的善款，10萬元將用來購買飲品等餐點，分送給3家醫院的醫護人員，感謝他們對城市、對國家的付出。
江聰淵表示，醫護人員冒著風險守護國家，看到有其他縣市的醫護人員，在訂購飲料、餐點時，有被拒絕的情形，對此感到相當不捨，郭子成因此與市公所接洽、轉交10萬元，盼能鼓勵縣內3家醫護人員。
3家醫院分別是陽明交通大學附設醫院、羅東博愛醫院、羅東聖母醫院，將由3家業者與醫院連繫，配合院方的時間再送餐，負責陽明交通大學附設醫院的85度C新月店，也響應市公所再加碼5000元等值餐點贈送給醫院，盼能給醫護人員最直接的肯定與支持。</t>
  </si>
  <si>
    <t>行政院長蘇貞昌本周四罕見地親自主持記者會，笑容可掬、非常親切地對1萬元紓困金發放亂象道歉，接著周五一大早，總統蔡英文就打破慣例，火速宣布蘇貞昌留任繼續組閣，這樣的政治戲碼要做給誰看？背後還有什麼盤算？頗值得玩味。
民眾可能看不懂，但是民進黨內一定懂這齣政治戲碼背後的意義。就是520在即，但疫情尚未過去，正值防疫紓困當頭，且即將進入振興階段，陣前換將不是好事。據側面了解，防疫團隊暗自設下8月15日為解除疫情一級開設的關鍵時點，若疫情安全，全面解封邁向拚經濟就此開展，一切以防疫為優先考量，因此現階段欽點由蘇揆領導防疫國家隊，清理疫情戰場，自有其必要性。
蔡英文去年力拚選舉逆轉勝，讓有「酷吏」形象的蘇貞昌打理內政。今年1月蔡英文以817萬票創下歷史紀錄勝選後，立刻宣布還會由蘇貞昌繼續組閣，蔡蘇之間的關係，完全不似過去兩人有心結時期。
這次新冠肺炎疫情期間，蔡英文把疫情交給副總統陳建仁主導、紓困與振興交給行政院，但兼具醫生與前行政院長資格的準副總統賴清德，卻沒有空間發揮。520後會不會出現賴清德身在總統府，心卻不能與蔡英文在同一陣線的情況？外界都在看。
另除了新冠肺炎疫情外，目前政治上最大關鍵時間點不是520總統就職，而是6月6日罷免高雄市長韓國瑜。如果罷免案不通過，就繼續維持內閣微調，但假使真的出現超過57萬張罷免票，韓國瑜下台後，就要在9月13日前完成高雄市長補選，行政院副院長陳其邁勢必返回高雄參選。
因此這次內閣改組粽子頭是陳其邁，而不是蘇貞昌，罷韓案若成功，空出的行政院副院長會是由誰接任，更關係到民進黨派系平衡與下次縣市長選舉布局，是更為重要的角力目標。</t>
  </si>
  <si>
    <t>新冠肺炎疫情一直燒不停，國民黨金門縣議會黨團在今（16）日的「紓困發現金、防疫要口罩」記者會中，呼籲執政黨不要再打腫臉充胖子，應先讓國內人人有口罩可用，再去搞口罩外交，並主張直接發放現金，才能紓解各行各業的困境。
這場上午10時在縣黨部登場，與全台22縣市議會黨團同步舉辦的記者會，由黨團書記長歐陽儀雄主持，邀請黨籍議員周子傑、洪成發、李應文、張雲德和許玉昭等人出席，無黨籍議員唐麗輝也到場參加，一起關心攸關民生經濟與百姓健康的重大議題。
歐陽儀雄指出，立法院國民黨團在14日朝野協商行政院「嚴重特殊傳染性肺炎防治及紓困振興特別條例第9條之1及第11條條文修正草案」時，要求在第2階段紓困的1500億元預算外，再增列約1000億元預算發放現金給民眾，但未被接受而協商破局，讓人十分遺憾。
歐陽儀雄表示，目前民眾最需要的紓困，發放現金才是最好的方式。原因是已有很多勞工被迫放無薪假和遭到裁員，生活陷入困境，各行各業哀鴻遍野，而政府發放「酷碰券」刺激消費，鼓勵民眾上餐廳、旅遊，均屬「振興」方案性質，需待疫情趨緩後才能做到，所以金門縣議會黨團一致主張，發放現金才是當務之急。
縣黨部主委石兆（王民日）也指出，「紓困」是指民眾現在沒錢可用，政府要發錢救難，「振興」則是指政府鼓勵消費來促進產業復甦。台灣現在最亟需的是紓困，讓百姓日常生計得以維持，繳得出孩子的學費、付得出水電瓦斯費。例如美國現在採行史上最大筆、兩兆美元救全民的紓困案，重點便在發現金，只要年收入低於7萬5000美元的個人，均將獲得每人1200元美金的直接補助。
議會黨團也指出，衛福部公布口罩實名制為14天可領取9片，但口罩上會吸附細菌，與其教大家去蒸口罩，不如讓每個人不管是成人還是兒童，每天有口罩可以用，自已有餘力，再去幫助他人，否則「打腫臉充胖子」搞口罩外交，實在不是明智之舉。
黨團也呼籲中央疫情指揮中心公開詳細數據，說明政府是如何「擠」出這千萬片口罩來援助外國？同時希望民進黨政府放下成見，苦民所苦，理性討論，提出更好的排富機制，繼續協商，讓受影響的廣大百姓能早日受惠。</t>
  </si>
  <si>
    <t>美國電動車廠特斯拉2019年第四季公布財報相當亮眼，帶動股價一路大漲，2月4日最高衝上968美元，等於是短短1個月以來暴漲逾112%，但隨著新冠肺炎疫情爆發，特斯拉股價劇烈震盪，27日更是暴跌近百美元，4天來股價大砍逾24%。
特斯拉股價飆漲，以被外界形容為「妖股」、「有輪子的比特幣」，不少分析師也紛紛調高該公司目標價，投資管理公司ARK Investment本月初更是發佈估值模型預測，到了2024年，特斯拉股價會漲到7,000美元，若美股持續牛市態勢，甚至將達到15,000美元。
特斯拉受財報及軋空效應帶動，摩根士丹利分析師Adam Jonas當時認為，特斯拉估值將從每股約650美元調至1200美元，漲幅達 80%，然而，Adam Jonas卻指出，正式目標價只從360美元提高到500美元，仍給予「賣出」評級。
特斯拉「大空頭」Vertical 研究集團分析師Gordon Johnson也曾警告，新冠肺炎將帶來災難，拖累大陸車市需求，特斯拉崛起只是個泡沫。據外國財經媒體報導指出，最新消息來看，特斯拉1月在大陸的新車註冊量較月減46%，這與特斯拉上海超級工廠1月才剛交付新車的景象，形成強烈對比。
特斯拉股價本周也跟著美股直直下墜，從上周五收收盤價901美元至本周四的收盤價679美元，短短4日重挫222美元或24.63%，特斯拉這兩個月來締造的華爾街神話幾乎破滅。</t>
  </si>
  <si>
    <t>台灣新冠肺炎疫情17日一口氣新增10例，國內累積達77例，其中到德國拜訪教授8日返台的第75例南部某國立大學大四男大生，自動向校方報告旅遊史後在家自主健康管理，13日嗅覺喪失曾3度到診所就醫。校方17日晚間於臉書粉專主動且公開「防疫紀實」，寫下該名學生出國、回國後防疫篩檢時間軸，還用標籤(hashtag)寫出：「來一波守一波」。PO文一出來後讓網友暴動了，4小時之內立刻吸引近4千人按讚、近8百人分享。
中央疫情指揮中心17日指出，案75為南部20多歲男性，之後傳出該案為南部某國立大學，因傳出因校內發生疑似病例，校方17日凌晨發出簡訊請部分學生自17日起勿到學校上課，課程改由同步、非同步線上學習，受影響學生約超過500名學生改線上教學，勿到校上課。
根據這所大學的臉書官方粉絲專頁上的PO文，校方主動揭露學生篩檢至確診時間軸「防疫紀實」，該校指出某系一名學生2/23-3/8陪同到德國交換學生一起至德國，3/8回台後先回家，3/10回到台南租屋處，同時致電該系辦公室詢問是否須進行自主健康管理？經系辦詳盡告知，隨即在租屋處進行自主健康管理，至今完全未進入校園。
該校說，該同學於3/11因有鼻部症狀，曾於私人診所看診，因症狀未有改善，乃於3/16至大醫院掛號，因有旅遊史，直接將其轉至篩檢站進行篩檢，發現有肺炎跡象，立即收至負壓隔離病房，於16日深夜確診。
校方經比對各項刷卡門禁及課程上課相關資料，確認學生回到台南以來，遵守自主健康管理，不曾進入校園。
不過，該個案在自主健康管理期間，曾與2名同班同學同桌共餐，因此校方緊急通知2生進行居家隔離，同時也立即調出兩生所修習之課程，共7門課，約570多名學生，為提前部署，以達最大保護原則，校方於昨日深夜先行通知將相關課程改為遠距線上教學，以避免衍生任何可能接觸。
17日上午再經正式疫調後，確認兩位同學在接觸確診個案後僅到校上過兩門課，總計約110人。今日中午再發出通知，請一起上課之110名學生，進行自主健康監測，所涉課程則採線上教學。
至於進行居家隔離2生，該校表示，已送到大醫院篩檢，待篩檢結果出爐，再進行後續處理。唯2生目前胸部X光檢查均正常。若經3次採檢均為陰性，將解除列管。
該校表示，考量防疫需求，已完成遠距教學設備添購及建置，未來將視疫情發展、佐以完整的建築與健康管理數據，再適時彈性或全面實施，以維持大學教育的最大可能。最後，校方還用標籤(hashtag)寫出：「來一波守一波」、「提前部署」。
校方主動揭露處理過程也讓許多網友超驚訝，紛紛留言「資訊公開且透明是最棒的做法！祝願一切平安！」、「公開反而更放心」、「自主健康管理還敢約同學共餐...」。還有人敲碗說想要知道更多資訊，「公開聚餐的地點時間才能保護更多人」、「聚餐時間跟地點是否應該公告一下比較安全呢？」、「租屋處在哪也需公佈一下」、「可以知道是那家診所嗎？身為南部人感覺怕」、「可以曝光行蹤路線嗎？」</t>
  </si>
  <si>
    <t>頂級手套的馬來西亞廠因大量工人感染新冠肺炎而影響生產，公司預期供應短缺可能推升醫用手套價格上漲。
■Top Glove expects some supply shortages that could push up prices of medical rubber gloves.
全球最大醫用手套製造商頂級手套（Top Glove）11月中因馬來西亞工廠出現數千工人感染新冠肺炎而被迫關閉部分廠房。儘管這導致手套供應受影響，但由於其占全球供應量約四分之一而難被取代，不但訂單沒有被取消，甚至手套價格可能因供應減少而上漲。
馬來西亞的頂級手套自11月17日來，在吉隆坡外圍地區巴生的20座工廠，因將近3,000名工人接受檢驗結果為陽性而分階段暫時關閉，同地區的另外八座廠房仍然運作，但產能持續低於20％，工人被嚴密監控和隔離。
頂級手套在馬國、泰國、越南和中國合計有47座工廠，雇用約1.6萬名工人。其中36座工廠專門生產橡膠手套，每年共生產約900億雙，供應195個國家逾2,000個客戶。這次在巴生受影響的28座廠房占頂級手套整體橡膠手套產量約一半。
公司表示約6,000名工人受監控，並有數千工人持續接受檢驗。
頂級手套在巴生的廠房和工人宿舍所在地，是馬國新冠肺炎疫情重災區之一。頂級手套在11月25日透過視訊會議方式舉行記者會當天，巴生累計確診4,036例，當中大部分病例為頂級手套的工人。當天全國累計確診5萬9,817例。
馬國疫情持續擴散
馬國單日新增確診數在11月24日達2,188例創新高，雖然到25日時已大減至970例，但接下來馬國疫情仍持續擴散，迄12月6日止累計確診數已上升至7萬2,694例，累計死亡382人。
頂級手套執行董事長林偉財在25日記者會上表示，其公司做為全球重大醫用手套供應商，供應情況將肯定會受到一定影響，但這也可能令手套價格因供應減少而上漲。
該公司總經理李金謀在同一記者會上強調，迄11月25日止沒有客戶取消訂單。在這段供應短缺的期間內，公司會優先出貨給醫院和必須運作的政府部門。他有信心供應短缺問題將很快得到解決。
公司估計其部分訂單的出貨時間會延後兩周到四周之間，其迄2021年8月底止會計年度銷售目標會因此減少3％。
林偉財強調，就算有客戶取消訂單，占公司整體訂單量也只會是很少數。之前在全球需求持續增加的帶動下，該公司的橡膠手套出口金額，過去十年來複合年均增長率9.4％。
由於巴生疫情嚴重，讓人擔心該公司的當地廠房持續運作下，所生產的醫用手套可能有污染問題。
對於外界的憂慮，林偉財強調當地廠房的生產線完全自動化，手套會經過高溫殺死新冠病毒，而且工廠裡的工人不會直接接觸到所生產的手套。
頂級手套 股價自高檔重摔
儘管頂級手套高層不斷對外信心喊話，但市場對其前景仍有疑慮，其股價在12月7日收6.6馬幣。從10月19日收9.6馬幣創新高後開始拉回到現在，已累計下跌逾三成。光11月份就下跌約17％。
由於輝瑞等多家藥廠陸續宣布其新冠肺炎疫苗有效性達九成或以上，並可望短期內就能陸續上市，讓外界看好能控制疫情，使各國醫療系統壓力將持續下降，從而減少包括橡膠手套等醫療物資需求，勢必影響頂級手套的業績表現。
專家認為頂級手套迄明年8月底的本年度業績表現是好是壞，全視乎疫情的變化而定。</t>
  </si>
  <si>
    <t>普生（4117）受惠陸續完成印度、印尼等地區訂單出貨貢獻，帶動旗下PCR核酸試劑、VTM病毒採集組、核酸萃取劑檢測產品需求，1月營收5,420.8萬元，改寫歷史同期新高水準，並較2020年的1,330.1萬元大幅年增逾三倍。
此外，普生於新冠肺炎試劑產品線布局再下一城，可同時檢測新冠肺炎與A/B型流感病毒之三合一PCR核酸檢測試劑（GB SARS-CoV-2Influenza A/B Multiplex PCR）產品已順利獲得歐盟體外診斷醫療器材（CE-IVD）認證，有助加速於歐盟CE認證之國家中展開銷售推廣，並持續積極進行台灣、美國等地相關認證申請。
普生表示，全球受新冠肺炎疫情肆虐，各國加大疫情監管，新冠肺炎系列產品出貨保持良好動能。目前各國已陸續施打新冠肺炎疫苗，為追蹤抗體保護強弱程度，勢必帶動抗體試劑檢測需求，旗下GB SARS-CoV-2 Ab ELISA新冠肺炎抗體試劑已於1月取得台灣衛福部食藥署（TFDA）專案製造許可，並已著手進行量產階段，有助於創造新一波銷售動能。
普生強調，新竹科學園區廠房面積約1,100坪，已開發完成80多種產品，目前銷售至全球40多國。將持續投入新款試劑產品研發，強化新冠肺炎試劑多元產品線之競爭優勢，並積極針對旗下肺炎試劑產品完善多國國際相關認證申請，拉升旗下竹科廠生產產能。</t>
  </si>
  <si>
    <t>美國新冠肺炎疫情快速升溫，美國總統川普下令禁止由歐洲入境30天，再度引爆全球市場恐慌情緒，加上歐洲央行（ECB）意外未宣布降息，增添全球經濟急凍陷入衰退的可能性，全球股市周四殺聲震天全面倒地，歐股一度暴跌逾10％，美股開盤崩挫破7％，再次啟動熔斷機制，而亞股則延續前一日的恐慌，日股、台股跌逾4％，全球主要股市全數摔入熊市。
美股周四一開盤就躺平，並觸及7％跌幅的熔斷機制，重新交易跌勢又擴大，道瓊工業指數暴跌逾2,000點或8％，下探21,433點，標普5百與那斯達克指數均重挫約7.0％。
受到美股周三又崩跌的拖累，亞洲股市周四血流成河，泰國股市跌最慘，一度狂瀉逾11％，菲律賓大盤收盤也下殺近10％的長黑，澳洲股市重挫7.4％，日本股市日經指數重挫4.4％，跟進其他主要國家股市，跌入空頭市場。
歐洲央行（ECB）召開例會雖祭出一連串刺激方案，但卻未採取降息，引發市場憂心歐央利率工具已失效，恐難阻止經濟走下坡的疑慮，更加重歐美股市跌勢。
英國富時100指數暴跌逾10％，德國大盤重挫近10％，法國股市更跳水超過10％，Stoxx 600泛歐股市指數重跌10％。
美國新冠肺炎疫情升溫之際，川普宣布對歐洲入境實施30天的旅遊禁令，此舉恐造成企業營運停擺，甚至引發企業倒閉潮的疑慮，全球經濟前景有急速惡化之虞。首當其衝的航空公司如聯航、美國航空盤中跌逾10％以上。
Brooks Macdonald公司副投資長帕克(Edward Park)表示，「市場不清楚新冠肺炎疫情究竟會對經濟帶來多大的衝擊，我們預估第一季與第二季全球經濟成長會下滑，所有的財政振興方案都無法扭轉此一頹勢。」
衡量市場恐慌情緒的美股波動率指數周四暴漲30％，來到61.59點，改寫2018年12月以來新高。
另一個投資人因恐慌搶避險的指標美國10年公債殖利率大跌逾15個基點，來到0.67％。
投資人同時也對川普的救市行動感到失望，由於川普仍未公布其經濟振興方案的具體內容，市場認為光靠Fed降息還不夠，經濟振興方案太晚出爐，恐失去為經濟與市場止血的契機。
全球金融機構紛紛調降全球經濟成長預測，IHS Markit本周將今年全球成長率下修至1.7％，其中更預估歐元區將零成長，日本陷入經濟衰退，中國大陸全年成長率則僅4.3％。
許多經濟學家還憂心，疫情短期若無法控制，對全球經濟將帶來長遠的傷害，貝倫堡銀行經濟學家漢斯（Florian Hense）指出，「衝擊勢必巨大無比，現在光是要提出一個具體的參考數據都是一項很艱難的挑戰。」</t>
  </si>
  <si>
    <t>陸委會11日對陸配子女能否來台政策一日三變，昨疫情中心直接宣布撤回陸配來台的政策，堪稱「四度髮夾彎」。民進黨立委高嘉瑜不僅指控，整個事件源頭是國民黨立委林奕華開的一場記者會，並為閣揆蘇貞昌、副閣揆陳其邁撇清責任。此說法隨後遭林打臉，網友也對高作法不領情，質疑莫非是在為自己2022台北市長鋪路？
高嘉瑜在政論節目《新聞面對面》表示，「小明的故事」整個源頭的開始，就是從林奕華年後開了一場記者會。高更強調，陸委會的決定不僅完全未經疫情指揮中心，就連蘇貞昌、陳其邁等人都完全不知情，就直接宣布了這個政策。
林奕華嚴正駁斥高嘉瑜說法，反問：「哪場記者會？」直言自己根本從未開過記者會，也從未提到「小明」這個人，更沒有聯繫過陸委會，自己只有接到民眾陳情陸配子女現況，本民代職責向移民署反映而已。痛批高所言是為執政黨護航在轉移焦點，相關指控根本不正確，最好出來說清楚、講明白。
雙方隔空交火，網路討論熱烈。網友紛紛回應：「民進黨完全執政，在野黨完全負責，台灣價值！」「原來陸委會是林奕華下屬機關，了解！」「第一天認識民進黨？」「髮夾再髮夾，給我夾到麻花捲！」「看來1450真的相信陸委會可以自行暴衝」；也有網友質疑高嘉瑜：「已經急著在為2022年台北市長選舉鋪路了？」</t>
  </si>
  <si>
    <t>高雄市政府教育局19日在路竹區蔡文國小舉辦國中、國小校長防疫會議，教育局長吳榕峯說，為了防疫，在1月就做了一個校園防疫平台，請校長們上網吸收新資訊，包含解惑等，由業務單位與副局長透過平台做說明；防疫就是要分攤風險，高雄教育局分6場舉辦防疫會議就是一例。
19日上午的會議共有大岡山區的國中、國小等55位校長參加，由教育局做簡報，宣導開學前後的防疫措施與注意事項。
吳榕峯表示，防疫原則包含量體溫、戴口罩，要進入校園的不特定對象需要戴上口罩，避免感染。其次，暫停3月底前的大型活動，以及落實校園環境消毒工作。根據中央規定，只要跟確診病例相處在距離兩公尺內，超過15分鐘就得隔離，請校長們要辦活動時要考慮這些因素。
他舉例，像是舉辦宣導防疫會議，分散6場舉辦，就是降低風險，每場約50人上下，而東京馬拉松又是一例，該馬拉松的主辦單位嚴格控管人數，勸退去過大陸的日本或大陸的1800名跑者參加，降低防疫風險。
吳榕峯笑稱，至於畢業旅行，也請校長們三思，思考是否舉辦的必要性，30幾個人做一台遊覽車，「你不怕，遊覽車司機還會怕呢」。</t>
  </si>
  <si>
    <t>獨派的台灣社、台灣北社等社團昨（1）日發表共同聲明，呼籲政府即刻下令暫時停飛所有與中國大陸的往返班機。對此，作家洛杉基也呼籲，兩岸必須立刻斷航，禁止兩岸人民來往，如果不配合獨派的要求，只能說這個政府是小孬孬！
新冠肺炎疫情延燒，根據中國時報記者報導，獨派的台灣社、台灣北社等社團昨（1）日發表共同聲明，呼籲政府即刻下令暫時停飛所有與中國大陸的往返班機。
台灣社、台灣北社、台灣中社、台灣南社、台灣東社(花蓮)、台灣東社(台東)、台灣客社在聲明中指出，新冠肺炎自2019年12月爆發以來，中國大陸已有近8萬名確診及近3千人死亡。
聲明中指出，台灣在這波疫情中是站在第一線，對病毒傳播的各項政策應以最為嚴謹的角度來思考。目前台灣與中國大陸北京、上海浦東、上海虹橋、廈門、成都等5處，每周仍有班機往返。
本土社團呼籲政府應即刻下令暫時停飛所有與中國大陸之往返班機，確實把來自中國大陸的新冠肺炎病毒最大傳播途徑與風險阻絕於境外。對於滯留中國大陸經第三地轉進台灣的台商，也應予以嚴密追蹤與註記，確保台灣疫情的可控性。
對此，作家洛杉基也呼籲，兩岸必須立刻斷航，禁止兩岸人民來往，以遏止新冠肺炎疫情擴散！既然民進黨已經完全執政、國會過半，蔡英文又得到817萬人支持，如果這時候再不配合獨派的要求，只能說這個政府是小孬孬！</t>
  </si>
  <si>
    <t xml:space="preserve">新冠肺炎(COVID-19)疫情擴大，瑞基海洋(4171)由美國國家生物資訊中心及全球共享禽流感數據倡議組織基因庫取得新型冠狀病毒的基因序列，並積極著手進行適用於POCKIT技術平台相關檢測試劑的研發。
因應非洲豬瘟與禽流感疫情持續延燒，亞洲各國積極動物防疫，帶動畜產檢測試劑銷售，瑞基海洋1月合併營收再創新高。2020年瑞基除鞏固水產疾病檢測市場領導地位外，將持續深耕畜產市場，以亞洲地區為起點，全面拓展非洲豬瘟檢測市場，同時強化佈局PCR在雞禽市場應用；伴侶動物方面，將持續朝新增代理通路前進。
瑞基說，大陸豬瘟檢測相關訂單持續成長，菲律賓與柬埔寨亦下單訂購非洲豬瘟產品；國際糧農組織(FAO)泰國分部持續訂購禽流感試劑，沙國代理商亦續下單禽流感試劑。
</t>
  </si>
  <si>
    <t>國政基金會1日舉辦座談會談重啟邊境，專家表示最快本月底，最慢耶誕節前有7成民眾打完2劑，現在正是談邊境開放的好時機；台灣應該緩步開放邊境管制，「與病毒共存，不是一昧追求加零！」
國政基金會產業暨新創中心召集人簡榮宗表示，目前台灣規定持居留證的外籍人士才能來台，且來台之後還要在防疫旅館關14天。從邊境管制光譜來說，台灣是最嚴格的禁止外國人入境，全球只有7％國家如此；次嚴的是開放低風險國家入境，打完2劑免檢疫，泰國今天起實施；接著是不限國家，打完2劑5到14天檢疫就可入境；最寬鬆是像美國，不限國家，打完2劑加上核酸檢測就可免隔離。
簡榮宗說，台灣的邊境管制造成觀光旅遊停擺、工廠缺工、外國專家來不了。像法國在台協會就表示，無法引進外國專家，延宕離岸風電進程；歐盟認為會阻礙來台投資商機；新加坡駐台北商務辦事處憂心會停止雙向交流。此外目前看來科技業接國外訂單，情況大好，但是內需服務業卻慘兮兮，根據主計處統計8月薪資，展場、遊樂園、健身中心等減薪1成以上。
簡榮宗說，基金會的訴求是台灣緩步開放邊境管制，「與病毒共存，不是一昧追求加零！」很多國家已經這麼做：除了前述泰國之外，新加坡10月已允許一些國家入境免隔離，總量管制每天不超過3000人；南韓10月上旬、美國11月上旬，外國人打完2劑就可入境免隔離。
台灣預防醫學學會理事長陳宜民說，去年台灣防疫做得好，很多外籍藝術人士來台表演，台灣也引以為傲；今年情況翻轉，台灣不准外籍人士入境，所以今年獲得蕭邦音樂大賽首獎的加拿大華裔鋼琴家劉曉禹選擇去日本表演而不來台灣，因為日本防疫泡泡只要隔離3天，台灣還是14＋7。 美國媒體彭博日前公布最新「全球防疫韌性排名」，台灣節節敗退。外國人進不來，需要出國學術或商務活動的民眾，一想到回來要關14天，也不想出去。
陳宜民推估疫苗第2劑普及率，以最佳速度每天打30萬劑來算，11月29日可達7成；另有其他網站以最近7天每天打22萬劑來算，12月10日可達7成；就算最悲觀的最近30天每天打16萬劑來算，12月23日可達7成。換句話說，最快本月底，最慢耶誕節前有7成民眾打完2劑，耶誕節有很多商機，春節很多民眾想返鄉，因此現在正是談邊境開放的好時機。雖然有突破性感染，但民眾也比較不會擔心，因為台灣準備了單株抗體，也訂購了默克口服藥物。</t>
  </si>
  <si>
    <t>台北市今日確診個案重回2位數，台北市長柯文哲表示，北市個案比想像中還不嚴重，因為個案在社區感染的不多，反倒是回家後傳染給他人。北市副市長黃珊珊也舉1家9口全確診的個案為例，強調家族有人確診後，相關家人都會被匡列，不會與外界接觸，因此沒有擴散問題。
北市疫調策略近來屢成外界焦點，黃珊珊表示，大家每天都在看數字，但北市是專注在個案上，因為每個個案都是人，因此今日會說明疫調狀況。同時也強調北市確診數字雖然乍看之下很多，但很大部分皆為家戶感染。
黃舉例，這個大家族共有9人，一般來說都是有最先發病者，像這案就是兄弟同住、於同公司上班，各自有老婆和孩子，但兄弟倆的媽媽是與另名兒子同住，當家族一發生有人確診後，家人陸續被居家隔離、採檢，確診後會被認定為「居隔陽」，這段時間也不會與外界接觸，沒有擴散問題。
黃認為，若能提早知道個案是居隔陽性，就可以提早匡列職場、其他接觸者，也就是做第2圈的匡列。此案可證實，1人確診後若家戶沒做好防護措施，仍可能互相傳染，且居隔陽性者也必須清楚說明，這並非新傳染源，而是屬於家戶感染範圍。
「我們的案例比想像的還不嚴重。」柯也補充，個案真正在社區感染的不多，是回家後在家族傳染一堆，也因為這樣，北市才可以在一個程度下慢慢解封，但從韓國、日本案例可看出，一放開確診數就會飆回去，因此要慢慢放，反正這禮拜已到最後階段，是否能殲滅疫情看這禮拜就知道，會維持小心謹慎的態度。</t>
  </si>
  <si>
    <t>據日本媒體報導，琉球沖繩美軍基地爆發群聚感染，已經有超過60人確診感染新冠病毒。其中，普天間基地有38人確診。
據《沖繩時報》報導，沖繩縣知事玉城丹尼11日表示，已經要求關閉出現多人感染的普天間基地和漢森基地，要求美軍提供詳細信息，公佈基地感染新冠病毒的人數，並採取措施控制病毒擴散。
位於沖繩縣宜野灣市的美軍普天間基地在7日就發現多人感染新冠病毒，包括士兵及軍屬。普天間基地是駐沖繩美國海軍陸戰隊的基地，普天間機場是美海軍陸戰隊在日本最大規模的武裝直升機機場。</t>
  </si>
  <si>
    <t>南韓新冠肺炎疫情不斷擴散，南韓總統文在寅將預警級別提升至最高的「嚴重」。距離南韓最近的山東省，威海、青島、煙台等地政府今天（2月25日）都公布最嚴格的防疫措施。
距南韓直航僅534 公里的威海市，透過公眾號「威海發布」宣布，即日起對於從日本、南韓等國家來威海的入境人員，包括外籍人員和中方人員，全部統一接到賓館免費集中居住，隔離14天後才能自由活動。在機場、港口、車站以及進出威海的交通卡口，也要嚴格落實來威人員體溫檢測、登記等措施，發現發熱人員一律由疾控人員送專門的發熱門診進行專業處置。
另外，針對2月10日至今已從日、韓入境的人員，全部進行電話隨訪，了解每個人的身體狀況，對發熱人員和密切接觸者迅速進行專業處置。
煙臺部署防控境外疫情輸入工作
煙台市更為嚴格，除了針對入境人員的檢疫、隔離外，對貨物、行李等也要求進行嚴格規範的消毒、殺菌檢疫。
新冠肺炎,疫情,山東,檢疫,隔離,青島,威海,煙台,</t>
  </si>
  <si>
    <t xml:space="preserve">新冠肺炎疫情肆虐，不少公司行號受到牽連，職場健康更加受到重視。高市府與經濟部工業局合作，結合民生醫院、國軍總醫院左營分院及企業力量，以高雄加工區為示範場域，提供勞工、企業、醫療三方完整健康方案，打造出職場健康管理平台、健康物聯網環境、健檢巡檢作業智能化，預計1萬名勞工受惠。
高雄市長韓國瑜提到，今年度向經濟部工業局提出「智慧職場健康共照應用服務計畫」地方創新提案，並由華電聯網公司團隊申請計畫執行，以勞工的全人健康、健康促進及預防醫學為目標，政府與企業共同照護勞工健康。
韓國瑜指出，該計畫勞工可運用個人化健康資訊APP，接收到健康狀況分析和個別化專業的建議，提升勞工對自我健康管理的重視。廠醫職護透過職場健康管理服務導入，健檢作業智能系統化，取代以往紙本文件，有效管理健檢資料並結合醫療資訊，提供完整的健康照護方案。
韓國瑜表示，企業雇主藉由職場健康管理平台，彙整健檢數據及日常生活量測紀錄，針對慢性疾病與高風險者及早介入關懷，更有效追蹤與掌握員工健康狀況。
衛生局長林立人說，未來可望擴大辦理，與多家醫療院所共同合作，初步以逾30家企業、1萬人以上勞工參與、設備服務量10萬人次以上的服務應用為目標，並串連社區基層醫療及延伸長期照護等服務，助力高雄職場健康照護走向科技化，建構永續經營的友善職場。
先進醫資公司總經理黃兆聖說明，新冠肺炎影響全球經濟，企業可以體會到健康是很重要的議題，如果沒辦法處理好，恐危及企業經濟命脈，這次計畫將防疫元素融入，打造智慧檢疫站透過雲端蒐集大數據，組織企業聯合防疫網，另也整合到醫院端物聯網，分析及管理健檢數據，透過虛實整合共同照護員工健康。
</t>
  </si>
  <si>
    <t>新冠肺炎爆發以來，政府一連串的防疫措施備受爭議，從針對陸生與大陸旅客採取關門措施，到武漢包機問題等，仇陸氣氛到達了高峰。為了減緩仇恨，台灣各界學者發起「救無別類，應物無傷」連署，呼籲社會對抗歧視，不該放縱歧視的言論與政策，讓台灣恢復「良善有禮」的風氣。
為讓台灣恢復平靜，多位學者合力發起連署，呼籲政府勿以防疫包裝歧視、正視台灣對兩岸四地的責任。發起人與連署人包括中研院歐美所副研究員王智明、政治大學法學院副教授廖元豪、淡江大學中文系副教授黃文倩、作家楊渡等。
有戶籍者回台是權利
連署發起人之一廖元豪表示，在大陸工作的台灣人也是在為自己的家園打拚，是我們的同胞，而且依照台灣憲法跟大法官的解釋，只要是在台灣有戶籍的人，回台灣是不需要許可的，這是一個絕對的權利，既然不需要許可又憑什麼去限制他們，雖然兩岸存在一些問題，但政府還是應該想辦法，盡可能的讓滯留湖北的台人回來。
他續指，大部分的陸配將來都會拿台灣的身分證，他們的孩子也有可能在台灣繼續工作。他們原是促進兩岸和平、民間交流最好的資產，結果台灣政府讓這一批人心裡懷著怨恨，覺得不被尊重受到歧視，是非常不好的。
有關台灣當局至今仍直呼新冠病毒為「武漢肺炎」，廖元豪表示，世界各國普遍都使用正式名稱「新型冠狀病毒」，武漢肺炎是最早期的粗淺直覺的稱呼，有關人士想汙名化大陸，對台灣完全沒有幫助，不必要製造這種敵對。兩岸現在關係不好，現在更應該是把握契機，展現相互合作的態度，才能化解掉緊張的關係。
滯鄂台人應盡力接回
廖元豪強調，接受包機是最好的方式，政府現在要面子、擺架子，害滯留湖北台人無法回來，如果政府沒辦法派檢疫人員過去，那就在包機抵台時加強檢疫工作，不應該用技術問題卡住真正需要救援的人，飛機從大陸出發當然須尊重大陸主權跟權力，政府應該要盡最大的努力將滯留湖北台人接回。</t>
  </si>
  <si>
    <t>新冠肺炎疫情連帶使得許多活動、行程紛紛取消，每年吸引上萬人報名的國際古都馬則宣布如期舉行。台南市政府指出，台灣目前尚無社區群聚感染，經徵詢衛生專業單位意見後，3日1日如期辦理古都馬，鼓勵全民走出戶外強身健體抗疫，不要放棄安全戶外活動，但鑒於仍有參賽者可能未能參賽，2月16日前受理退賽民眾全額退費申請。
古都國際半程馬拉松為台南市一年一度的重要體育賽事，今年古都國際半程馬拉松賽事共有2萬119人報名參賽，其中298名為外籍人士，有104名為境外選手，為落實阻絕傳染風險於境外的防疫目標，已婉退所有境外中港澳籍及預計2月15日後自中港澳入境（包括由各國家經中港澳轉機）選手。主辦單位也密切留意中央疫情指揮中心資訊辦理各項防疫措施，邀請所有參賽選手及民眾共同配合，齊力打造安全運動賽事。
教育局表示，2月5日已通知所有選手填報自主健康調查表，拒絕須居家隔離、居家檢疫者、有被衛生單位健康追蹤或要求自主健康管理之民眾參賽，主辦單位會全額退費；對2月16日前已報名選手如果欲申請退賽，主辦單位也會全額退費，如果已事先申請退費的選手，大會將主動補匯差額。
有參賽的選手，參賽物資將在2月17日開始寄送；已繳費但當天未能前來者，主辦單位也會於賽後2周寄送完賽物資給當事人，相關郵寄費用由大會負擔。
教育局重申，為落實防疫工作，確保參賽選手的健康，當日活動現場將取消起跑前健康操，改由選手自行暖身，並於活動現場規畫管制動線及實施體溫量測、手部清潔消毒、填寫健康聲明卡等防疫措施，落實防疫阻絕傳染風險於境外的目標，同時，對賽會工作人員也會強化防疫衛教宣導訓練。
為顧及跑友健康及共同防疫，主辦單位已依中央疫情指揮中心提供之各項防疫參考措施，審慎規劃相關防疫作為，並提醒跑友及親屬若有身體不適，也請勿勉強參賽，敬請跑友共同響應配合。主辦單位後續將持續關注疫情發展，相關賽事及退費等資訊，請密切留意活動粉絲專頁「台南古都國際半程馬拉松」。</t>
  </si>
  <si>
    <t xml:space="preserve">行政院長蘇貞昌昨（9）日在立法院以雞腿沒出貨難道要罵自己，回應立委質詢疫苗到貨時間跳票的質疑。對此，吳子嘉不滿表示，雞腿跟疫苗有什麼關係？不務正業，每天查假新聞。劉寶傑驚訝說，又要查假新聞？
國民黨立委楊瓊瓔昨（9）日質詢表示，蘇貞昌在今年2月說已採購AZ疫苗1000萬劑、莫德納505萬劑，會在第2季前到貨，結果自購部分到現在只取得26萬劑，又改口8月底前會有1000萬劑，「蘇貞昌騙了神明，不要又騙人民。」蘇揆在備詢台看完影片，面無表情。楊瓊瓔說，全台灣的民眾每天都在問何時能打到疫苗，是蔡總統、蘇揆或衛福部長陳時中要負責？
蘇揆說，「這就像訂冷凍雞腿，廠商跟你說何時到貨，結果沒生產出來，要罵訂貨的人嗎？我們也急得不得了，我們要罵自己嗎？
美麗島電子報董事長吳子嘉昨（9）日在政論節目《關鍵時刻》表示，台灣疫情現在天天有人過世，政府有沒有良心？徐國勇還叫警政署追查假新聞，這是什麼國家？蘇貞昌講這些話都沒有用，只要告訴人民，「疫苗甚麼時候來？」一句話就好。
劉寶傑也質疑，又要查假新聞？蘇貞昌有講疫苗什麼時候來嗎？就像他講的，雞腿也要包裝運輸，包裝運送有問題，能怪自己嗎？
吳子嘉不滿表示，雞腿跟疫苗什麼關係？當他解決不了問題、不能面對問題，他就開始扯，疫苗扯到雞腿，疫苗跟雞腿什麼關係？
劉寶傑恍然大悟說，疫苗跟雞腿沒關係嗎？「我被唬了」！
吳子嘉直言，當然被唬了，這個行政院長，有本事就跟立委說有多少疫苗到貨，或是說很不好意思，沒疫苗、對不起台灣老百姓，可不可以？
</t>
  </si>
  <si>
    <t>華航諾富特群聚感染事件擴大，但在2月就有民眾檢舉諾富特飯店一館「混住」，指揮官陳時中坦言，公文確實不會跑得比病毒快。對此，台北市長柯文哲酸，公文跑得比病毒慢，「是我們的錯嗎？」
柯文哲今前往北投農禪寺出席法鼓山舉辦的心靈環保家庭日活動，致詞時提及，現在新冠肺炎疫情相當嚴重，用聖嚴法師的話，面對它、接受它、處理它、放下它，希望疫情早點過去，讓大家恢復正常生活。
中央流行疫情指揮中心日前自行揭露，早在2月就有民眾檢舉，諾富特飯店一館有混住，衛福部發文給桃園市府，桃園再行文給民航局、民航局再行文給諾富特，公文旅行過程中就爆發疫情。
專家批評，公文往來拖了將近2個多月，讓諾富特這個這顆不定時炸彈釀出疫情，陳時中則稱，公文確實不會跑得比病毒快。柯文哲回酸，「公文跑得比病毒慢這是我們的錯的嗎？」
針對指揮中心表示，AZ疫苗打1劑就有8成6的保護力，柯文哲認為，疫苗不夠就打一次，但要看疫苗夠不夠，8成6的保護力但有效期會縮短，而打第二劑效期比較長。
此外，北市觀傳局原定開齋節活動的防疫將比照跨年晚會，會設置舞台管制區，上限900人，而疫情持續延燒，北市府開齋節活動是否停辦，柯文哲強調，將在周三、周四再決定。</t>
  </si>
  <si>
    <t>受到二次疫情擔憂，經濟前景仍不明朗，美國各州延後復工，密西根大學消費者信心指數自高點滑落，且市場情緒受到財報陸續公布所牽引，消費信心疲軟，不確定性支撐黃金站上1,810美元。
從已公布部分數據來看，全球經濟似乎開始復甦，但很明顯的是，受新冠肺炎疫情影響，第二季全球經濟大幅衰退。經濟復甦力道取決於各國控制疫情的成效，在疫苗研發成功普及之前，國際經濟復甦之路仍充滿變數。
歐洲央行利率決策會議，維持目前利率不變，歐洲經濟研究中心公布專家預測經濟成長由前期的58.6，上升至7月份的59.6。另外，在南海及香港問題上美國展開行動，大陸也祭出相關反制措施，中美關係再度緊張升溫。
然而，疫情在全球尚未受到控制，全球新冠肺炎延燒不斷，依據美國約翰霍普金斯大學即時統計數據顯示，全球確診數已飆破1,229萬例，死亡數突破55.5萬例，美國單日確診超過6.3萬，迄今累計確診數超過311萬，死亡人數至少13.3萬。
佛州、德州、加州、亞利桑那州死亡數增加，牽動市場悲觀情緒走揚，需要疫苗研發傳出好消息激勵市場信心；美元指數持續震盪走弱來到96元下方，台灣期貨交易所的人民幣期貨在6.99元附近震盪，歐元期貨走強走揚來到1.453，相對走強。
後市外匯市場關注焦點在於，新冠肺炎感染人數、續領失業救濟金人數、歐洲及日本央行利率決議。當前變數未定宜小部位操作分批布局，不宜冒然追價或加碼放大部位，建議謹慎操作注意適度避險。（富邦期貨提供，李娟萍整理）</t>
  </si>
  <si>
    <t xml:space="preserve">橋頭地檢署日前接獲警方情資，指有業者仿冒知名口罩品牌，對外販賣口罩。檢警循線到高雄市阿蓮區與台南市新市區等地搜查，查獲一批口罩與標籤等證物。檢方訊後，向橋頭地院聲請羈押黃姓負責人獲准。
檢方9日說，目前是防疫期間，為避免仿冒口罩影響民眾健康，造成防疫破口，因此，接獲情資後，高雄與台南檢警、保二總隊、衛生局等單位組成專案小組，全力偵辦。
專案小組於9月8日搜索高雄市阿蓮區、大社區2處販售據點後，查出疑似仿冒口罩是由台南市新市區一家材料行供貨，因此前往該處搜索，在該住倉庫內起出仿冒台灣製醫用口罩1.5萬片、仿冒口罩盒500盒，以及標籤貼紙2000張等證物，並通知黃姓負責人到案說明。
專案小組調查，黃姓負責人從今年上半年陸續從大陸與越南等地取得非醫用口罩，分別仿冒知名品牌的台灣製醫療口罩，以及自行印製三層防塵口罩字樣，裝入非台灣製的一般非醫用口罩，對外販售。
經專案小組初步清查仿冒的知名口罩，已經約有200餘盒流入市面。檢察官訊問後，認為黃姓負責人違反商標法、刑法詐欺罪，且有滅證之虞，因此向法院聲請羈押禁見獲准。檢警將擴大追查仿冒口罩的來源與流向。
</t>
  </si>
  <si>
    <t xml:space="preserve">新冠肺炎蔓延全球，歐洲各國相繼祭出封城令，此一措施也催生出大批逃難潮，當中一部分是城市好野人，他們趕在封城令生效前打包行李，驅車前往郊區別墅，不過他們不待在家中，行徑猶如渡假，甚至無意間將病毒帶至當地，惹毛在地人，痛罵他們「自私」。
《紐約時報》（New York Times）報導，歐洲各國祭出封城令前夕，多個國家都出現了城市人湧入郊區渡假別墅的情形，由於政府呼籲在家辦公、甚至頒出禁足令，城市好野人受不了被關在自家狹窄的空間，才決定連夜打包行李，坐上末班火車或自行開車，往山邊、海邊渡假勝地逃難去。
以距離巴黎5小時車程的大西洋小島努瓦爾穆蒂耶島（Noirmoutier）為例，法國封城前夕，大批巴黎人擠上火車，使的小島總人口一夜倍增，成長至2萬人。不過就在封城後2周，努瓦爾穆蒂耶島的新冠疑似病例也激增至70例。
來到這裡的部分巴黎人更被目擊，沒有待在家中，反而直奔海邊，他們野餐、放風箏、慢跑、騎腳踏車，行徑猶如渡假。
當地居民氣炸了，47歲的布夏（Frédéric Boucard）表示，無法接受他們的行徑，看起來就好像來渡假一樣。島上醫生瓦塔尼（Dr. Cyrille Vartanian）痛批巴黎人「不負責任」和「自私」，當地努瓦爾穆蒂耶島市長佛謝（Noël Faucher）則指「被入侵了」。
當地居民的擔憂是有道理的，除了可能帶來病毒，島上醫療資源相當匱乏，僅有6名內科醫生，也沒有可以處理嚴重情況的設施，最近的急診室在25英里（約40公里）外。
除了法國，歐洲其他國家也都有類似情形。義大利疫情最嚴峻的義北地區封城前夕，大批居民逃往南部，西西里島議員拉札（Ruggero Razza）日前公開表示，當地病例激增，主要和其他城市的人湧入有關。在希臘，數千城市人無視政府「待在家中」的建議，紛紛前往鄉下和海島，逼得總理米佐塔基斯（Kyriakos Mitsotakis）宣布全國封城。
</t>
  </si>
  <si>
    <t xml:space="preserve">東京奧運今年大概辦不成了，繼美國奧會、澳洲政府發聲之後，英國奧會也要向國際奧會(IOC)請求延期。上屆奧運3國總和超過200面獎牌了，這些指標性的會員國足以壓迫IOC放棄7月續辦的選項，但是已無退路的IOC為何要拖這麼久？
英媒BBC指出，IOC起初在等待主辦方日本的態度，雖然決定權不在日本，但承受損失的是日本政府，光是處理旅館退房就夠麻煩了，場館與選手村建設的成本也無法在時程內回收。因此IOC還是有所顧忌。
其次是世界衛生組織(WHO)目前對此還沒有指示，以及東奧運背後牽扯的諸多贊助商。例如「可口可樂」就表明了希望IOC自己衡量後做出決定，不要輕易屈服於國際壓力。
再來是延後1年會卡到其他國際賽事，例如世界田徑錦標賽是在奇數年夏季舉辦，頭一個就會撞期。如果改到今年秋季或冬季，又會輪到歐洲足球、美國籃球跳出來抗議。
其實1964年東京奧運、1968年墨西哥城奧運都是在10月舉行的，而且當時世界沒有重大災變，只是因為夏天太熱了。現今職業賽事愈來愈多，奧運改動時程的難度也更大，但是面對肆虐全球的疫情，IOC不該再猶豫下去。
</t>
  </si>
  <si>
    <t xml:space="preserve">雖然新冠肺炎的疫情仍然持續肆虐，但在歐洲各國似乎已經出現了疫情趨緩的情況。就統計數字來看，原本疫情最嚴重的義大利，死亡人數的曲線也進入「高原期」，也就是累積總數雖多，但每天增長的幅度逐漸趨緩。美國雖然目前是全球疫情最危急的國家，不過在4月8日，白宮醫療顧問、國家過敏與傳染病研究院院長佛奇也指出，美國的新冠肺炎死亡病例持續下降，並說這是美國人民共同努力的成果。
既然疫情逐漸趨緩，現在各國政府馬上要面臨的下一個挑戰，就是怎麼復甦經濟，並讓老百姓的生活回歸正軌。在歐洲疫情比較樂觀的奧地利和丹麥，就宣布要有限度地解除封城。雖然現階段還是禁止大型集會，而且出門還是要保持社交距離，但至少會讓一部分的小商家陸續開業，並分階段解除管制。
奧地利在這次的疫情表現是個有趣的例子。雖然一開始確實比較後知後覺，但開始動起來時，全國上下很快進入狀態。就拿口罩這件事來說，奧地利因為有防堵恐怖分子和恐攻的《反蒙面法》，所以不是想不想戴口罩的問題，是根本不准戴，戴了犯法會被罰。疫情大爆發後，3月30日在總理一聲令下政策大轉彎，全國百姓如果要出門都必須戴口罩。這些所謂「西方先進國家」，雖然一開始好像慢半拍，但他們回過神來處理公共行政事務時，確實知道該注意的細節是什麼。
台灣因為17年前SARS的慘痛經驗，所以初新冠肺炎爆發至今，在防疫方面的工作都做得很好。但是當疫情趨緩，現在坐在疫情指揮中心這一群，以公衛、醫學為專業的長官們，有沒有讓經濟復甦、百姓生活回歸常軌的因應措施？
經濟復甦和防堵疫情應該是兩條不衝突可並行的道路。在疫情初期，我們將重心放在圍堵疫情，所以犧牲了經濟，無可厚非。但是當全世界都在為疫情過去的經濟活絡做準備，我們依然只專注在防疫，而忽略其他民生消費的現實壓力，對比其他國家反而是「先發後至」了。
武漢封城76天後終於解封。大陸官方隨即宣布，五一假期連休5天，是近十年來最長的勞動節假期，原因就是要「促進國內旅遊業復甦，並拉動消費」。大家在疫情期間被限制、被悶了這麼久，肯定有許多社會壓力要宣洩。就像台灣剛過去的清明連假，為什麼會有這麼多人出遊？不也是一種「報復性觀光」嗎？防疫雖然還是大事、不能鬆懈，但老百姓在防疫之外的其他生活層面，尤其是經濟，目前台灣的主事者有沒有能力，延續防疫時的精準表現，繼續為我們好好把關、好好規畫，不要「開高走低」？
套一句川普想要放寬防疫限制救經濟的一條推特：「我們的防疫政策不能比新冠肺炎造成的影響更糟糕。」當時的美國社會，能不能套用這句話不好說，但現在的台灣社會，可能就要好好思考了。
（作者為口譯工作者）
</t>
  </si>
  <si>
    <t>基隆市今增14例土本確診個案，其中5例護理之家、8例家庭群聚、1例仁愛市場攤商，目前基隆累計262例，此外，市長林右昌表示，昨天確診仁愛市場賣魚攤商5月28日至6月9日早上6點半到7點曾到成功陸橋下擺攤。
林右昌指出，5例護理之家確診，其中1工作人員、4住民，6月3日PCR採檢陰性，執行護理機構加強版管理準則，12日定期監測採檢確診，個案皆無症狀，並已收治醫院；8例家庭群聚來自4個家庭，皆為居家隔離者，採檢確診；1例仁愛市場賣菜攤商，擴大篩檢確診，無症狀，已收治醫院。
林右昌進一步公布確診者足跡，案12859仁愛市場賣魚攤商5月28日至6月9日早上6點半到7點曾到成功陸橋下擺攤；案12858與案11708是親戚關係，6月9日下午2點至3點，至安樂區安和一街4巷2號的好康蘇果行採購，他呼籲，民眾若與確診者足跡重疊，需特別注意健康狀況，也鼓勵至篩檢站聯絡進行採檢。
林右昌說，目前成功市場密切接觸者均已匡列，仁愛市場則採檢188人，其中7人確診，包括攤商、家人等，目前疫調認為成功、仁愛市場之間關聯性不強，感染源可能來自社區或家庭群聚延伸，相關單位正與感控專家持續釐清中。</t>
  </si>
  <si>
    <t>因應新冠肺炎，行政院會27日將通過600億元特別預算案，目前規模600億元朝野多數支持，明天（24日）將在立院朝野協商可望取得共識。至於振興抵用券會外加藝文展演範疇，經費逾22億元。而防疫隔離假補償金額衛福部初步構想每人每日約800元，總經費不到10億元，但仍待蘇揆最後拍板。
行政院主計長朱澤民表示，特別預算細目將待25日立法院通過特別條例後，最後盤點，27日院會通過後才對外公布。至於防疫隔離假補償對象、金額也仍待特別條例通過後再確認，但會溯及既往，也會高於SARS時的每日500元。
知情人士說，以基本工資23,800元換算為日薪，每天也不到1,000元，因此傾向低於千元，並與勞保脫勾，不限身份、職業及年齡。衛福部規劃構想，每人每日約給800元防疫隔離補償，以被政府認定應居家或集中隔離、檢疫者為對象，並放寬至照顧者都給予防疫隔離補償，若寬列7萬人次，隔離14天計，經費不到10億元。官員說，補償額度、人數等，仍有待蘇揆拍板。
行政院會27日將通過600億元的特別預算案，至於細節，經濟部規劃包含服務業、製造業200.76億元，交通部規劃觀光旅遊業196.8億元，農委會規劃農業3、40億元。
另文化部提出短期電影娛樂、藝文展演等紓困、振興經費20億，但部分將改列中長期計畫，因此政院核給紓困及振興規模約10億上下，而衛福部提出防疫採購及隔離假補償經費約187億。
知情官員說，這些額度已逾600億元，屆時經濟部及交通部經費動支特別預算經費會再下修，以容納文化部及衛福部預算，至於振興抵用券外加文化表演範疇逾22億元。
至於工商團體訴求減免稅費，官員說，特別條例已納防疫假支薪寬列營所稅加倍減除，其餘企業虧損可分十年攤提營所稅，虧損營業稅也可少繳。據悉，財政部擔心明年稅收恐受疫情衝擊不小，不贊成特別條例再新增其他稅費減免項目。</t>
  </si>
  <si>
    <t xml:space="preserve">新冠肺炎（COVID-19）疫情日益嚴峻，抗疫已成為國際社會主流。但疫情之下的政治鬥爭並未停止，其他國家之間爆發的大都是互相截留物資的事務性糾紛，而中美之間上演的爭鬥，話題則豐富到了令人眼花撩亂的地步。蔡英文政府在這場爭鬥中立場明確，然這場爭鬥的本質及其將會給台灣帶來的命運，蔡英文本人或許也未認清。
「中美開戰」陰雲濃
從病毒來源中國大陸、大陸數據造假到中國大陸援助他國動機不純，從中國大陸拒絕美國專家、中國大陸與世界衛生組織（WHO）勾結，到大陸歧視虐待在陸非洲人，國際輿論少不了和中國大陸相關的爭議事件，且幾乎都由美國挑起。
大陸方面，其因對也是空前的。在美歐成為全球疫情新的震央，自顧不暇時，中國大陸迅速轉變姿態，準備擔當公共衛生領域的全球領導者角色。截至4月10日，中國大陸已經或正在向127個國家和4個國際組織提供物資援助，累計向包括義大利在內的11國派出13批醫療專家組，和150多個國家以及國際組織舉行了70多場專家視頻會分享經驗。這使得美國持續大力抨擊中國大陸「藉疫情伸政治黑手」，更加深與中方的對立情結。【數據更新】
事實上，中美對立之勢並不始於疫情。過去一兩年的貿易戰，雙方互有攻守退讓，並於1月份簽署妥協協議。但在公共衛生領域，中美一開始就打了一場遭遇戰，局勢膠著。
美國為什麼頻頻發聲？不難猜測。要論證中國大陸不行，除了否定中方的抗疫成果，連稱讚中方成果的人和組織，也要一併否定。因為這是自從中國崛起後，歐美就有的疑問：當專制被證明有用，那麼民主要如何捍衛自己？若中國大陸防疫和「反觀美國防疫失敗」這種論調蔓延，會成為支持「中國制度」的另一佐證?
當然，中共對此的看法是：疫情防控關鍵還在於各國，是否成功最終還要每個國家的政府自己買單。誰能夠迅速走出疫情，迅速在危局中站起來，就贏得了主動。中國大陸一方面認為，真正犯錯誤的國家，等疫情結束之後自然會見分曉，「潮水退了就知道誰沒穿褲子」，另一方面也自信自己已經先一步控制住疫情，掌握了先機。而去除國際輿論對於「中國大陸瞞報」的質疑未消之外，當前局面就算不利於中國大陸，但亦不利於美國：美國深陷疫情，其大國雄心只能體現在口頭。美國此次給了世界什麼幫助？這種質疑在西方媒體上一直存在。
令人擔憂的並非中美針對疫情的鬥爭。而是從貿易戰、科技戰，到公共衛生領域爭奪戰，雙方矛盾正在以前所未有的速度大爆發，鬥爭已全面公開化。這是中美結構性矛盾日益尖銳的必然結果。台灣蔡政府在「選邊美國」的同時，並非不瞭解這個局面，所以蔡政府此刻最憂慮的是：這是否也意味著中美矛盾很快會延燒到軍事領域？
若中美矛盾蔓延到軍事領域，台海就會成為首當其衝的引爆點。
明顯可見的是，中美都在加速戰備。建成世界一流軍隊已是解放軍公開的目標，而川普（Donald Trump）上台後，實施「美國歷史上最大規模的一次強軍」，2018年軍費總額提升至近7,000億美元，2019財年國防預算總額進一步上漲至7,160億美元。中美軍艦戰機在台海、南海、東海同時同地現身的頻率不斷上升。
中美之間的平靜，已非一紙貿易協議可以維持。因為中國大陸的國際影響力仍會增強，而美國也會盡全力維持住老大地位。世界各國恐怕都已有了心理準備，未來數十年將要面對左右拉鋸的局面。
「戰鬥心切」華盛頓
對於如何因應後起者的挑戰，美國並不陌生，並有著成功的經驗。
美蘇爭霸時，軍事競賽、政治對抗、經濟封鎖輪番上陣，最終冷戰以蘇聯解體美國勝利宣告結束。20世紀80年代日本經濟發展迅速，美國以簽署廣場協議（Plaza Accord）徹底搞垮日本的追趕。再往前看，兩次世界大戰就是新崛起的大國挑戰現有大國的典型案例。為了爭奪海上霸權，17世紀至18世紀，英荷之間斷斷續續打了四場仗。美國所代表的的西方社會，處理矛盾衝突的典型手法，便是戰鬥。
在如何處理同中國的矛盾上，美國逐漸形成的答案是全面圍堵打壓中國大陸。貿易戰是一環。以封殺華為中興為代表的科技戰是一環。以新疆、西藏、香港問題，煽動意識形態戰是一環。以斷絕雙方關係為威脅的脫?方案是一環。否定中國抗疫成果又是一環。他們認定，中國大陸國強必霸。先出重拳，則是美國的應急反應。這很大程度上是歷史文化的慣性使然。
一言以蔽之，美國給出的處理中美結構性矛盾的方案，還是西方傳統幾百年來的老一套，其結果必然是無休止的矛盾與衝突。
過去中國大陸飛速發展，西方及台灣等東亞民主地區都認為「待中國大陸經濟起飛，老百姓會要求民主，中國大陸會往西方化」，結果並不如此。中國大陸「不西化」、更未因此崩潰，這加重了歐美及台灣社會的焦慮。選舉政治則逼著政客們言必稱對華強硬，美國仍太難接受需與中國大陸平等交談之現實。川普利用對華強硬的標籤助選，民主黨人僅剩的對華理性在選舉利益面前不堪一擊，美國兩黨在對華強硬上漸趨一致，現階段，美國國內的政治機制已經失去了理性決策的空間。在美國軍方的案頭，對於如何與中國大陸開戰，恐怕早有過無數次沙盤推演出的現成方案。
但另一面，美國近年來從伊拉克、阿富汗、敘利亞撤軍，正在進行全球戰略收縮，早已不再是那個隨心所欲、指哪打哪的帝國。這些都是要對華鋌而走險必須先考慮的現實原因。
「力求避戰」的北京
至於北京政府這一頭，早期也曾想「逃避」兩強相爭的修昔底德陷阱（Thucydides Trap）。但如今也明白，「中國崛起」是國際皆知的，中美之爭更是。就算不想戰，也躲不過中美必然的衝突。
2012年2月，習近平以大陸國家副主席身份訪美期間，提出要構建「前無古人，但後啟來者」的新型大國關係。歐巴馬（Barack Obama）執政期間，他也多次表示，中國的崛起有利於美國，正如美國的繁榮有利於中國。彼時美國雖然提出亞太再平衡政策來圍堵中國大陸，但中美矛盾處於整體可控的範圍。
川普上台以來所發動的貿易戰，提前將中美矛盾推向了前台。歐巴馬所代表的民主黨建制派能夠聽懂新型大國關係，但川普代表的共和黨人對於新型大國關係不感興趣。如何找到一條從根本上管控中美矛盾的新路，是北京面臨的難題。
戰略上，北京已經設法重申和平崛起的戰略意圖。中共黨代會報告、政府報告、習近平在聯合國的演講，任何宣示外交的機會中，中國大陸都稱奉行和平外交政策，和平崛起不稱霸。
此外，北京還反覆重申，沒有挑戰美國的意圖。2019年9月大陸官方發佈的《新時代的中國與世界》白皮書說，中國大陸無意挑戰美國，也不想取代美國。習近平也多次在公開場合提到「現行國際秩序並不完美，但不必推倒重來，也不需另起爐灶，而是應在悉心維護的基礎上改革完善」。
北京為國際秩序和中美關係勾畫的藍圖是「構建人類命運共同體」。2017年10月，「構建人類命運共同體」寫入中共黨章。2018年3月11日，寫入大陸憲法序言。「構建人類命運共同體」一詞其實正是中國文化中的「天下觀」，這一詞有歷史及文化傳承在其中，與西方長久以來的價值體系完全不同。因此，儘管中共多次強調「中國要做什麼」，西方仍無法理解。
北京曾認為，在美國磨刀霍霍之際，「構建人類命運共同體」是中美兩強國避免開戰的關鍵。畢竟孤掌難鳴，美國遇到的是不願意針鋒相對的北京，它與以往新興大國試圖充當挑戰者迥然不同。北京認為，自身的和平崛起，是穩定中美關係的定海神針。
但越來越明顯的結構性矛盾，也讓北京意識到：和平崛起不能靠避戰來確保，如果戰事無法避免，那就迎刃而上，確保打贏。
中國大陸正在進行中共建軍以來最大的一次改革，包括軍事政策制度、指揮體制、規模結構和力量編成等各方面。這項雄心勃勃的改革，目標直指確保發展進程不因外力而中斷，經濟與社會發展的成果「不被外力竊取、破壞」。
「合則兩利」有契機
綜合以上所述，對北京來說，確保中美不衝突的目標非常明確，中共正在進行的策略主要有四個層面。
首先，集中力量發展自己，力圖保證經濟社會穩定發展。中共嘗試向世界展示：一個發展的中國、一個持續前進的中國大陸不僅沒有必要挑戰現有國際秩序，還會從側面敦促美國反思打壓中國大陸的思路是否必要、是否可行、是否要持續。只要中國大陸不倒，中美就有避免衝突的可能，一旦中國大陸垮了，接下來的就只有被美國教訓了。
其次，中國大陸正積極改善與歐洲、日本、印度等各大國的關係，致力於將中美矛盾從中西矛盾中剝離，分化瓦解美國的對華戰線。
第三，攻心為上，動搖美國現任領導人的開戰決心。習近平前往美國與川普進行莊園會晤，川普訪華期間習近平夫婦陪同其參觀故宮，中美達成第一階段協議後北京開啟對美「買買買」模式，這些都是忍讓策略。北京需要持續以能忍則忍、該緩則緩、避免觸怒美國為要點來管控中美矛盾。
自然，隨著國力的持續增強，大陸內部亦有強烈的民族主義情緒，中共態度稍微放軟，就會被民意解讀為「屈辱」和「丟臉」。但是習近平政府明白，所有政策的出發點和落腳點是長遠的崛起，一時的得與失無須過於看重。忍讓不是因為忌憚，所以並不丟臉。當然，要讓人民瞭解這點，還需要一些技巧與時間。
第四，忍讓的同時不可缺少的是震懾。不能有效震懾就不足以談合作。中共認為，中國大陸必須展現能夠制衡美國的實力，讓美國在一些「鬥爭」中吃些苦頭，意識到「與中開戰」可能有的重大苦果，如此才可能避免更嚴重的衝突。
就整體中美關係來看，中國的國家實力正處在不斷上升逼近美國的狀態，短時間內，中美關係持續膠著不會改變。而台灣是中共的核心利益，中國大陸上下願意為台灣問題所付出的代價，遠比美國多太多。更甚者，儘管美國現下懷抱強烈遏制中國崛起的意圖，但對於開戰並無意願，這又該如何想像，美國會為了台灣而與中國大陸挑起直接軍事衝突？
然而當前，台灣的立場不知會被美國帶到何處，而台灣也只能被中美被動影響，台海局勢的未來與中美衝突一樣，是國際上難測的變數。
美國何時能真正認識到管理中美關係的重要性，很難預料，短期內看不到變化。現階段，美國政治被民意綁架，政客則利用民意持續煽動；而北京的政治決定很少受國內政治情緒的影響，相對穩定。中美能否避免陷入修昔底德陷阱，關鍵還要看北京如何管理雙邊關係。從某種程度上說，北京恐怕才是中美關係穩定的主要維護者。
</t>
  </si>
  <si>
    <t xml:space="preserve">美國疾病管制暨預防中心（U.S. Centers for Disease Control and Prevention，CDC）及全球各大學專家2月預估，若新冠肺炎疫情席捲美國，最慘的情況是，超過2.1億美國人會感染，當中170萬人可能病死。
《紐約時報》（New York Times）報導，美國CDC及全球各大學專家2月召開視訊會議，預估新冠肺炎如果席捲美國，將對美國造成什麼樣的後果。
CDC流行病學家畢格斯塔夫（Matthew Biggerstaff）在會議上對在場50位專家展示4種可能的疫情發展，如果美國不實施任何措施減緩病毒擴散，綜合這4種發展，最慘屆時將有1.6億至2.14億美國人感染新冠肺炎，20萬至170萬美國人可能病死。預估模型還指出，感染情況恐將持續數月、甚至超過1年，全美不同社區將在短時間內接連爆發疫情。
此外，令人擔心的是，上億患者中，將有240萬至2,100萬人需要住院治療，恐將癱瘓美國醫療體系，因為全美現階段僅有約92.5萬張病床配有足夠醫療人員。
不過專家強調，如果各級政府、企業、個人開始採取措施減緩病毒傳播，未來新冠肺炎的感染人數將會趨緩，CDC也正在研究，如果將防疫措施等因素考慮在內，美國最慘的疫情預估情形將為如何。參與製作疫情模型的約翰霍普金斯大學土木暨系統工程系副教授賈德納（Lauren Gardner）表示，如果人們開始改變行為，這些模型將不再適用，「如果我們採取適當行動，情況將會有很大的改善空間。」
這些能減緩疫情的行動包含檢測病毒、追蹤接觸者、減少人際互動等。
CDC的這份預估數據並對對外公告，同時也未上承給擔任美國防疫防疫指揮官 的副總統彭斯（Mike Pence），同樣參與會議的佛羅里達大學（University of Florida）專家隆吉尼（Ira Longini）表示，該份研究仍有幾個關鍵問題存在不確定性，因此並未對外公開內容，包括無症狀者及輕症者的病毒傳染程度。
</t>
  </si>
  <si>
    <t>從1月中下旬新冠肺炎疫情爆發，原本欣欣向榮的電影行業被按下暫停鍵。據大陸啟信寶數據顯示，1月至今已有近1.2萬家影視類企業被註銷。影院復工情形持續不樂觀，進而轉向到影音平台播放上，也讓線上放映成為新常態選擇。
據《每日經濟新聞》報導，今年1月、4月大陸市場和好萊塢分別出現首部院線電影轉到線上首發新片。全球已有超過10部影片轉到線上進行放映。從喜劇動作電影《肥龍過江》到動畫電影《魔法精靈2》等。
例如5月的文藝電影《春潮》上線愛奇藝，首周即進入豆瓣熱門電影榜Top 3獲得大量好評，《春潮》總出品人、製片人，愛美影視CEO李亞平表示，《春潮》相對大成本電影更好調頭，愛奇藝模式緩解投資人的壓力，團隊普遍持支持態度，某種程度上也撫慰了主創的遺憾。
而根據中國電影協會測算，全國影院如果在8月復工，全年票房預計為128億元（人民幣，下同），年減約80％；如果10月復工，全年票房預計在60億元左右，年減91％，也讓大量片方不僅面臨生存問題，也有後續上片的空間壓縮問題。</t>
  </si>
  <si>
    <t>大陸國家主席習近平於21日晚上在北京以視訊方式出席全球健康峰會並發表題為《攜手共建人類衛生健康共同體》的講話。他在會上強調，搞政治操弄絲毫無助抗疫，只會給世界各國人民帶來更大傷害。習近平並同時宣布了中方繼續支持全球團結抗疫的五項新舉措，將向發展中國家提供30億美元的國際援助及疫苗技術移轉。
習近平在會上表示，這場疫情再次昭示，人類榮辱與共、命運相連。我們要秉持人類衛生健康共同體理念，團結合作、共克時艱，堅決反對各種政治化、標籤化、污名化的企圖。搞政治操弄絲毫無助於本國抗疫，只會擾亂國際抗疫合作，給世界各國人民帶來更大傷害。
習近平強調，要堅持公平合理，彌合免疫鴻溝。當前，疫苗接種不平衡問題更加突出，要摒棄「疫苗民族主義」，增強發展中國家的可及性和可負擔性。大國要負起責任，多提供一些疫苗給有急需的發展中國家。
習近平宣布中方繼續支持全球團結抗疫的五項新舉措。第一，中國將在未來3年內再提供30億美元國際援助，用於支持發展中國家抗疫和恢復經濟社會發展；第二，中國已向全球供應3億劑疫苗，將盡己所能對外提供更多疫苗。
第三，中國支持本國疫苗企業向發展中國家進行技術轉讓，開展合作生產；第四，中國已宣佈支持新冠肺炎疫苗知識產權豁免，也支持世界貿易組織等國際機構早日就此作出決定；第五，中國倡議設立疫苗合作國際論壇，由疫苗生產研發國家、企業、利益攸關方一道探討如何推進全球疫苗公平合理分配。</t>
  </si>
  <si>
    <t xml:space="preserve">台灣新冠疫苗接種突破千萬人次，至昨天(21日)為止覆蓋率達39.56％，疫苗品牌除了AZ與莫德納外，明天(23日)將開打國產高端疫苗，另輝瑞/BNT也有望中秋節前到貨，但到底哪支疫苗在全球最多國家使用？奇美醫院加護病房重症醫師陳志金指出，第一名是AZ，全球有183個國使用，其次是輝瑞/BNT有114國，以歐美為主，第三名才是莫德納，66個國家使用。
陳志金日前在臉書分析全球疫苗施打情況，根據紐約時報報導，AZ是最多國家施打的新冠疫苗，總共有183國，除了大陸跟美國以外，遍佈各大洲，第二名是輝瑞/BNT有114國，歐美為主，非洲和亞洲相對較少，莫德納則是排第三，有66國施打，歐美為主，而大陸的國藥疫苗緊追在莫德納之後，有65國使用，以亞洲、非洲、南美洲為主。
陳志金表示，俄羅斯衛星5號有49國施打，以亞洲為主；嬌生則有44國使用，集中在美洲、歐洲、非洲；大陸科興有39國，大多是亞洲、非洲、南美洲國家使用。
至於疫苗打完2劑，完整施打率最高的前三名國家，第一名是馬爾他81%、第二是阿聯酋74%、第三名是新加坡73%，而大陸的完整施打率也達到了56%。並指出國家貧富和疫苗的施打率，有很懸殊的對比，以每100人接種劑數來看，歐洲接種最多，每100人中有94人接種過疫苗，北美洲則為90人，南北洲72人，接著是亞洲67人、大洋洲44人，非洲最低僅6.2人接種。
對此，網友紛紛留言：「怎麼可能，明明有人一直宣傳AZ被許多國家禁止」、「看來大陸的疫苗很偉大，專門供應給後段國家最多，如非洲南美等，厲害」，但也有人表示「看疫苗前幾名國家的疫情控制，唉」。
</t>
  </si>
  <si>
    <t>澎湖宣布1日起機場全面強制快篩，中央流行疫情指揮中心打臉要求撤銷公告，縣府痛陳「如果中央不能保護澎湖，請不要阻礙澎湖自我保護」，澎湖機場仍將全面快篩。
縣府表示，5月31日立法院三讀通過《嚴重特殊傳染性肺炎防治及紓困振興特別條例》修正案並附帶決議，中央有責任協助離島阻絕疫情入侵金馬澎，要求中央於1周內在台灣本島的機場及港口設置快篩站，針對入境離島所有民眾進行全面篩檢。
縣府強調，台灣本島機場全面快篩是金馬澎離島3縣共同主張，中央應尊重離島訴求，並落實立法院附帶決議，而非撤銷澎湖縣政府的防疫措施。
尤其澎湖醫療資源有限，經不起確診者一再進入，縣府有責任保護澎湖民眾，將持續執行入境旅客全面強制快篩。
縣府強調，離島醫療量能遠不如台灣本島，如果沒有全面快篩，一旦感染者侵入澎湖擴散蔓延，屆時勢不可擋將嚴重癱瘓離島醫療，縣府嚴守高強度的全面快篩防疫，絕不能讓澎湖失守。
縣府重申，1日起入境澎湖全面強制快篩，同時填寫健康聲明書，拒絕配合者將依法重罰3000元以上至1萬5000元以下罰鍰。</t>
  </si>
  <si>
    <t>陸美關係緊張之際，美國國務院周一（14日）更新對大陸及香港的旅遊警示，指因應新冠肺炎疫情和肆意執法情況，將兩地同列為第3級「重新考慮是否前往」（Reconsider Travel）。
據報導，美國對上一次對香港更新旅遊警示為今年6月初，當時香港被列為第2級「提高警惕」（Exercise Increased Caution），今次則上調至第3級。
警示內容提到，自今年7月1日實施《香港國安法》以來（註：該法實際上是6月30日深夜11時生效），大陸政府單方面及任意地在香港行使警方和國安人員的權力，並意圖利用這權力，針對一些被視為分裂國家、顛覆國家、恐怖主義及勾結外國勢力的活動，涵蓋範圍包括身在香港以外的非香港居民或團體，增加了曾公開批評大陸的美國人被拘捕、拘留、驅逐及檢控的風險。
大陸方面，就由原本第4級「切勿前往」下調至第3級。警示內容提到中國的新冠肺炎疫情有所改善，因此下調級別，惟亦指中國政府會任意地利用法律令美國及其他國家公民不能離境或被錯誤拘禁。</t>
  </si>
  <si>
    <t>由台灣管理學會主辦及崇越科技（5434）贊助的「崇越論文大賞」，素有「管理學界奧斯卡」美譽，也是國內管理學界最具公信力及規模最大的碩博士論文競賽，9日於圓山大飯店舉行第13屆頒獎典禮，副總統賴清德也受邀出席。
賴清德於開幕致詞表示，人才培育是台灣經濟發展的基礎，崇越論文大賞功不可沒，尤其在政治圈近期傳出抄襲風波下更彌足珍貴。當全球環境快速變遷，無論個人或企業都必須「唯快不敗」、「唯創新不敗」，讓創新成為台灣經濟發展的動能引擎，以因應新時代的考驗。
參賽踴躍 量、質皆增
今年參賽論文總數達832件，較去年足足多出75件，參賽比往年更加熱烈，台灣管理學會秘書長汪志堅指出，今年論文在數量與質量上同步成長，832位同學來自19個國家，經過四輪嚴謹的書面與口頭報告審查，過五關斬六將，最終篩選出107篇論文，再自其中精選6篇特優論文，而特優組同學13日也將接受總統府接見。
特優論文
呼應產業趨勢
崇越論文大賞為因應快速的產業變遷，歷年皆因應時勢調整競賽主題，讓學術論文更貼近實務，成為企業營運管理的解決方案，今年獲頒特優的6篇論文同樣呼應產業趨勢，面向包含純網銀、直播拍賣、線上評論、Bank 4.0等。
其中在「外籍生學位論文」組裡，來自印尼的依丁默（Muhammad Izharuddin），因研究環境變動及輿論對於健康資訊系統的漸進優化模式，被評審團一致認為在新冠肺炎尚未獲得有效控制之前，該研究極具實務參考價值，最終榮獲特優殊榮。
崇越集團董事長郭智輝認為，崇越集團成立至今適逢30周年，恰好遭幾十年難得一見的新冠肺炎大疫情，儘管嚴重衝擊全球景氣，但在全球產經情勢快速變動下，也為台灣帶來發展機遇。
郭智輝表示，透過辦理崇越論文大賞，積極鼓勵產學合作，讓碩博士生在研究期間便培養獨立思考、研究的能力，不僅能發現問題，更有預防問題、解決問題，以及問題發生後的處理能力，在快速變遷的新時代裡具有舉足輕重的作用。</t>
  </si>
  <si>
    <t xml:space="preserve">新冠疫情肆虐全球，出國玩變得遙不可及，振興醫院急診重症醫學部主治醫師蔡賢龍認為，要一直到2023年疫情過後，才可以放心出國旅遊，不用提心吊膽提防病毒。
日前日本政府贈與的第二批113萬劑AZ疫苗8日抵達台灣，加上次送的124萬劑AZ，已經捐給台灣237萬劑疫苗，比台灣自購的疫苗到貨數量還多，讓台灣有疫苗度過疫情爆發的時刻，為了報答恩情，許多人發願要在解封後玩爆日本。
蔡賢龍日前在臉書發文，感謝日本捐贈疫苗，但他個人認為可以放心出國旅遊，至少都要等到2023年，才不用提心吊膽處處提防，「有些朋友說要解封爆刷日本，還是覺得減少接觸比較好」。目前日本疫情回升，連日確診破2000例，12日起將實施第四次緊急事態宣言，同時奧運不開放觀眾入場。
與其等待遙遙無期的出國玩來感謝日本，蔡賢龍表示，其實可利用無接觸的醫療項目開始互相幫忙，像是從全球捐贈網「global giving」實質回饋日本相關新冠肺炎的醫療項目，透過小額捐款馬上回報日本恩情，也是不錯選擇。
</t>
  </si>
  <si>
    <t>「台灣輸出」新冠肺炎昨天一口氣增加19例，再創單次新高！中央流行疫情指揮中心昨天表示，近期又分別接獲18名菲律賓、1名日本民眾，自台灣返該國後確診新冠肺炎，指揮官陳時中表示，菲律賓對台陽性率異常的高，應該是檢驗的問題，同時今起也調整自菲國入境旅客的採檢策略，取消無症狀者於機場篩檢，改為集中檢疫14天後進行全採。
陳時中指出，自6月以來從台灣返菲的確診人數累積達25人，雖然可能是菲國當地的檢驗問題，但仍視為本土確診看待並進行疫調，目前在台灣的接觸者共匡列372人，初步採檢202人，核酸與血清抗體皆是陰性。
陳時中認為檢驗有問題
至於新增日本籍個案，則是在入境日本時抗原採檢呈陽性，因而通知我國，但後來接獲通知，該個案日本政府於9月20日及21日以核酸檢測複驗結果為陰性，其在台接觸者匡列1人，經核酸及血清抗體檢驗結果均為陰性。
至於菲律賓自台輸出新冠肺炎部分則是一口氣再增18人，其中有13人搭乘9月11日同班機返回菲律賓，另有4例則是9月10日同班機返菲旅客。發言人莊人祥表示，該2班機，陽性率異常偏高，雖然之前台灣也有「最毒班機」，同班機就有12人確診，但旅客都是來自高風險的紐約，台灣並非高風險國家，陽性率這麼高不太可能發生。
已向菲國詢問了解細節
莊人祥說，從6月1日至9月20日自我國出境至鄰近國家檢驗陽性率，菲律賓累計檢出25例，陽性率0.48％，明顯高於其他國家如大陸0.005％及日本0.055％，為何陽性率這麼高？指揮中心已透過正式管道向菲國了解細節。
至於自菲律賓入境旅客的採檢策略，陳時中表示，原本都是入境時在機場全面採檢，但經一段期間實施後，發現只能抓出0.7％的無症狀感染者，效益偏低，因此改為集中檢疫14天期滿前進行採檢，但機場仍會針對有症狀者進行採檢。</t>
  </si>
  <si>
    <t>《紐約時報》今刊登台灣民眾募資的廣告，文中為台灣被WHO拒於門外抱屈。WHO立即發表13點聲明，強調數十年來一直與台灣衛生部門保持技術交流。對WHO的13點聲明，林靜儀醫師在臉書一一註解打臉WHO。
林靜儀醫師表示，WHO提了13個例子回覆中央社，說他們「一直有跟台灣聯絡」，看完笑了。並一一註解打臉WHO的聲明：
1. 台灣成立2005年國際衛生條例（IHR, 2005）聯繫窗口，透過它接收IHR的通訊，向WHO總部直接提供IHR相關更新資訊，並可進入IHR活動資訊網站（EIS）系統。
12. 為支援IHR的工作，一位台灣的專家已被列入IHR專家名單。
林靜儀指出，我們2019年12月31日透過IHR提醒你們中國有奇怪疫情可能人傳人要注意哦，如果有資料拜託給我們喔，結果你們 已讀未回啊
2. WHO在2020年1月成立多個支援WHO在全球因應COVID-19工作的重要網路，台灣的衛生專家參加了其中兩個。
3. 兩位台灣的專家參與了WHO在2020年2月11日至12日主辦的全球研究與創新論壇
林靜儀指出，當時全球疫情已經延燒，讓我們參加討論不合理嗎？啊嗯丟金多謝哦
4. 台灣的衛生調查訓練班是流行病學與公共衛生防治訓練網（簡稱TEPHINET）的成員。WHO會與TEPHINET分享全球疫情警報與因應。
5. WHO透過技術領導單位曾向台灣衛生當局提供簡報。
林靜儀指出，「我有叫別人給你講義哦。」
6. 台灣的專家與當局可自由前往WHO官網及其他數位平台取得最新發展、指引及其他材料。他們也可以進入網站平台，那裡有提供給全球決策官員及疫情因應人員的公開線上課程。
林靜儀指出，我覺得這個最扯。「你們自己可以上網看啊。」
7. 對台灣駐日內瓦辦事處有指定的聯絡窗口。透過這個管道可處理一般性的問題，
林靜儀指出，大概是「我有給你客服電話號碼」的意思。
8. WHO透過歐洲疾病預防暨管制中心與台灣衛生當局互動。
林靜儀指出，「我有叫我朋友跟你一起玩啊。」
9. 在2019年全年，台灣專家獲得9場WHO技術會議的邀請。他們參加了其中8場
林靜儀指出，可是2009至2019年間我們申請參與187場技術性會議，最後只准出席57場誒。
10. 在流感方面，台灣的疫苗製造廠國光生技對WHO流感全球大流行因應準備架構（PIP Framework）做出貢獻。
林靜儀指出，呃，所以？
11. 在對抗癌症方面，台灣的專家曾供稿給WHO國際癌症研究署出版的重要刊物。
林靜儀指出，呃，不然咧？
13.在許多其他議題方面，從WHO藥廠產品檢驗合格之前的做法到瘧疾，我們在各種做法與技術問題上也有交流。
林靜儀指出，同學你已經在湊字數了吧。</t>
  </si>
  <si>
    <t>衛福部第3批進口的40餘萬劑AZ疫苗，其中苗栗縣獲發1800劑，苗栗縣長徐耀昌為考量第1線員警執勤防護需求，特別撥發其中部分疫苗給苗栗縣警局外勤警力300人次施打，由於疫苗數量有限，所以剩餘警局人員將待日後疫苗撥發下來後再安排施打。
31日上午縣警局外勤員警開始分赴部立苗栗醫院以及各地衛生所接受疫苗注射，首日共有90餘名員警施打完畢，包括有北苗、後龍、銅鑼、獅潭、三灣、公館、竹南等分駐所、派出所員警。縣警局長周煥興特別帶著咖啡到部立苗栗醫院，感謝醫護人員為外勤員警施打疫苗辛勞，並關心同仁施打的情形，院長李明輝也給予同仁正確的疫苗施打觀念及關懷指引，讓基層執勤時無後顧之憂！
縣警局表示，員警每日在外執行治安及協助防疫稽查等相關勤務，接觸外界的不確定因素及風險較高，縣警局所屬外勤員警約有805人，第一梯次300人接受施打後，可達外勤警力的3分之1強，後續待有新疫苗發下時，再持續擴大施打範圍。</t>
  </si>
  <si>
    <t>儘管新冠肺炎肆虐，但智邦科技首季業績卻不受影響，3月及首季營收同創歷年同期新高，且單季營收也再度站上百億關卡，等於連七季營收守穩百億水準。
智邦7日公布3月營收46.52億元，創下歷年同期新高，除較去年同期的43.6億元增加6.69％，也較2月的33.98億元，上揚36.9％。合計今年首季營收為117.24億元，較去年同期的111.2億元成長5.44％，連七季營收守穩百億關卡。智邦在疫情陰霾罩頂下，營運步伐顯得相對穩健。
智邦成功搭上超大型數據中心搶蓋的特快車，去年繳出亮麗的成績，全年營收554.01億元，年增29％；稅後純益49.5億元，年增68％，每股稅後淨利（EPS）8.91元，三項均創下歷史新高。
由於去年的成績不錯，為了讓獲利更上一層樓，智邦決定在今年投入研發測試大樓的興建及做相關設備的投資。此外，由於現有的竹南廠五條產線都已滿，為了預備產能，智邦在既有的一樓及五樓廠房之外，又新租了四樓做預備。
至於新租的四樓，要規劃多少產線？智邦董事長郭飛龍在年初受訪時曾提及 「產線的擴充，智邦一直都在做準備，就等適當時機到來。」
由於今年有資本支出需求，雖然智邦去年EPS以8.91元，創下歷史新高，但董事會最終決議僅配發現金股利6.2元，股利派發率近7成，相較於前一年度的75％，縮減了5個百分點。法人指出，雖然派發率不若往年，但6.2元的現金股利仍創下歷史新高，且較上一年度的4元，增加了逾5成，市場認為，如果預留的現金是用來繼續投資，只要智邦今年業績可以維持在高檔，為了公司的再成長，近7成的股利派發率仍算是可以接受。</t>
  </si>
  <si>
    <t>依立法院三讀通過的「嚴重特殊傳染性肺炎防治及紓困振興特別條例」明定，接受居家隔離、居家檢疫、集中隔離或集中檢疫受僱者，可以請不強制雇主給薪的防疫隔離假，並領取「防疫補償」，但若遇到全班停課或全校停課14天，家長可請假並領取補償嗎？
勞動部官員表示，已與教育部向中央流行疫情指揮中心反映，希望如果遇到全班停課或全校停課，未領有「居家隔離通知書」的家長可以請「防疫照顧假」，如同日前勞動部部長許銘春在立法院所提「不排除有第二波的防疫照顧假」，但防疫照顧假不強制雇主給薪，依特別條例也無法領取防疫補償。
但勞動部官員說，但如果有學生收到「居家隔離通知書」，則家長可以請「居家隔離假」來照顧生活不能自理的受隔離者，事後可以申請「防疫補償」。
台灣家長聯盟理事長謝國清表示，如果之後全校停課或全班停課採先前的不強制給薪的「防疫照顧假」，一定會對家長造成生計上的困難，畢竟等於半個月沒有薪水，勞動部應該釋出一些利多鼓勵雇主給薪；至於全校停課時，如果還要區分誰可以領防疫補償、誰不能領防疫補償，「的確有點怪怪的」。</t>
  </si>
  <si>
    <t xml:space="preserve">海軍敦睦艦隊染疫30人，國防部為釋眾疑每天開記者會，最新進度是認定沒隱匿、只有回報問題，同時支隊長陳道輝也改口說，沒有回報有人員發燒，且是他下令放行下船。對此，宅神朱學恒說，既然當事人已扛責，他本已不想多講，但處罰艦隊長竟是因為沒回報發燒，他怒嗆他✕✕要笑死解放軍嗎？
朱學恒在臉書上說，一想到人家人家遼寧號跟六艘護衛艦繞台示威，人民解放軍回去可能還會有功有賞，結果我們敦睦艦隊都還沒休息就又出去監視遼寧艦，任務成功圓滿達成。最後中華民國的艦隊長被懲處，你處罰艦隊長的原因是沒回報發燒。是他✕✕要笑死解放軍嗎?
他在文中引述一位感染科醫師的說法，「只以回報這點來說，是表格設計的問題比較大，不是醫官也不是支隊長的問題。」
一位網友則認為，其實三方有責任，一個是誰准出船？這是行政院以上要扛；一個是設定海軍沒照鑽石公主號規格，這是防疫指揮官的問題；一個是下船放人，這是海軍責任。
</t>
  </si>
  <si>
    <t xml:space="preserve">台灣新冠肺炎疫情控管有成，國家口罩隊功不可沒，一手規劃口罩國家隊的經濟部長沈榮津，今(29)日表示，經濟部將會編列5000萬，投入重症呼吸器原型機開發，可說是打造「呼吸器國家隊」的第一步。
經濟部長沈榮津今出席立院財委會特別預算報告，他表示，經濟部將編列5000萬預算，投入研發重症呼吸器原型機開發，也會整合國內相關業者，預計將會先將開發100台原型機，進行測試，可說是打造「呼吸器國家隊」的第一步。
有鑑於本次新冠肺炎爆發，全球急重症呼吸器告急，只是因為相關重症呼吸器的生產多由歐美大廠所掌握，故經濟部本次特別編列5000萬預算，投入研發重症呼吸器原型機開發，預計先開發100台原型機。
</t>
  </si>
  <si>
    <t>林俊傑（JJ）下月27、28日將在新加坡舉辦實體演唱會，是他繼2019年12月在新加坡國家體育館後，相隔736天再辦大型實體個唱；由於新加坡防疫規範，每場演唱會僅能容納1000位觀眾入場，為了讓更多人共襄盛舉，JJ這2天演出將採現場與線上直播同步進行，門票等收益全數捐助慈善團體。
他日前錄製新加坡節目，受訪時坦言疫情爆發以來最想念的就是演唱會，當場請一同上節目的新加坡衛生部長幫忙籌辦演出。對於台灣近來疫情趨緩、大型演唱會陸續開放，JJ明年上半年有機會來台舉辦實體演唱會？他的經紀人徐佩雲25日未置可否表示：「目前都還沒有定耶，計劃趕不上變化，所以我們靜待。」
JJ飛返新加坡已3個半月，即便上個月已完成第二劑疫苗接種，心裡仍害怕新冠肺炎，他說：「身為創作人最怕沒靈感，我很清楚自己的靈感來自於自由狀態，飛到各地工作、生活點滴累積而來，疫情讓我覺得創作被綑綁住，很怕這種感覺。」開玩笑如果疫情持續下去，自己會忘了怎麼唱歌。
JJ認為疫情重創各行各業經濟，生意不能做、演唱會不能辦等，雖然損失慘重，但另一個沒被看見的層面，是疫情對大眾身心靈的影響，包括辛苦的醫護人員，也是他籌辦下個月公益演唱會的原因之一。</t>
  </si>
  <si>
    <t xml:space="preserve">台灣至今未對COVID-19（新冠肺炎、一稱武漢肺炎）採取普篩政策，不過包括南韓、德國都成功以普篩趨緩病例新增速度、降低死亡率，就連一度採取「佛系抗疫」的英國也大轉彎，宣布要在4月底前每日篩檢10萬例，推出像驗孕一樣簡便的居家檢測。而台灣清明連假各景區遊客爆增，台大公衛學院院長詹長權再次呼籲擴大檢測範圍。
一個月前，英國還說找出每起病例不是第一要務，但在英國新冠肺炎病例超過4萬例、首相強森都確診，還得入院檢查之際，強森改口：「篩檢很重要。」承諾要達到每日檢測10萬例的遠大目標，對比目前日檢1萬例，足足擴大10倍。
官方態度急轉彎，關鍵原因之一是連醫療人員都無法確定自己是否染病，而不敢輕易踏進醫院，導致人手大缺。英國官方已購入1,750萬份居家抗體檢測，這種像驗孕棒的試劑，標榜只要15分鐘、從手指取一滴血滴入試劑就知道結果，不需要任何專業訓練。一旦測出血液中有抗體，就能恢復上班、回歸正常生活。
居家檢測像驗孕一樣簡便，可靠嗎？
其實早在3月初，就有科學家發表這類驗孕棒式試劑的研究成果，預計上市後每份售價將低於1英鎊（約台幣37元）。但當時表示仍在早期研發階段，至少需要6個月才能正式使用。現在英國政府卻急著要用，準確度立刻遭到英國媒體質疑，《衛報（The Guardian）》引述參與試劑效果驗證的科學家說法表示，市面上販售的居家試劑，還沒有任何一種完全可靠，即使有90％的準確度，也是在醫院針對有明顯症狀的病人使用，才這麼有效。
英國官方一度信心滿滿表示，民眾幾天內就能在網路和實體藥妝店買到這些試劑，但衛生大臣漢考克（Matt Hancock）隨後坦承驗孕棒式試劑「還不夠好」，淡化驗孕棒式試劑的重要性。其實英國民眾現在能自費購買的試劑不只於此，但恐怕所費不貲。
倫敦企業Rightangled研發出的居家試劑可直接寄送到府，採用的是傳統的咽喉擦拭液採檢，使用者跟著影片示範將棉棒深入咽喉，再將檢體放入滅菌袋中寄回，3天後就能知道檢測結果。
只是每份要價200英鎊（約台幣7,400元），即使以半價提供給醫護人員，也要台幣3,000多元，恐怕不是人人負擔得起，但CEO賽博亞（Abdullah Sabyah）表示，短短一週內就有數千份訂單湧入。
另一家Diagnostics for the Real World則研發了檢測機器森巴2號（Samba II），研發人Helen Lee強調使用方式「像煮飯一樣簡單」，同樣以棉棒採檢，90分鐘就能知道結果，收費38美元（約台幣1,100元）。但Helen Lee表示大量生產仍有困難，並不是資金不夠，而是原物料不足。
她直言目前全球都受限於試劑原物料的供應，「就好像海嘯侵襲全世界，但不是人人有救生衣。」
除了原物料不夠，普篩也要和時間賽跑。根據《紐約時報》報導，德國一週可篩35萬例，尤其感染風險最高的醫護人員更進行常規性篩檢，為了簡化流程，有些醫院將醫護每10人分為一組，進行「區塊篩檢」。
方法是將10份檢體都混合在同一份保存液中，再檢驗這份保存液中是否帶有新冠病毒，一旦發現病毒，就表示10人中至少1人確診。接著一個一個採檢、確定到底是誰染病即可。反過來說，只要這份保存液不帶新冠病毒，一次就能排除10人的染病可能，等於瞬間將檢驗量能擴大10倍。
新冠肺炎目前在德國的致死率只有1.4％，遠低於義大利的12％，以及英、法的10％，及美國的2.5％。即使是同樣實行普篩的南韓，1.7％的致死率仍略高於德國。
清明連假後恐出現破口，台灣需要普篩嗎？
至於台灣，中央流行疫情指揮中心指揮官陳時中仍表示以居家檢疫優先，表示只有當疫情到「社區個案人數暴增」和「感染源不明者」如雨後春筍般出現時，才會考慮普篩。
不過清明連假期間各景區遊客爆增，各界都擔心已出現破口。台大公衛學院院長詹長權再次建議擴大檢測範圍，他認為政府目前採用被動檢測方式，無法有效掌握人群中誰是感染者、誰是未感染者，建議優先檢測3類人員：
1.醫院重症病人、長照機構長者
2.廣泛接觸群眾的超商店員、送貨員、司機
3.確診個案的所有接觸者，以及所在地區的抽樣民眾
詹長權也呼籲政府對入境者採取全面檢測。台灣能不能像德國一樣超前部署、維持抗疫成果，清明連假後或許就是分野。
資料來源：CNN、Daily Mail、The Guardian、New York Times
</t>
  </si>
  <si>
    <t xml:space="preserve">英國新冠肺炎疫情趨緩，原本全面關閉的麥當勞近期重新開放部分店家得來速服務，開店後大批車潮湧入，長長排隊車潮看不到盡頭，擾亂當地交通，路人笑稱為了區區幾個雞塊排隊2小時，許多網友看到畫面後，直呼太可悲，也有網友表示，「難怪英國人有肥胖問題」。
英國《太陽報》（The Sun）報導，英國疫情趨緩，開始分階段解封，麥當勞也宣布重新開放部分、共39間分店的得來速服務，重新營業後，英國各地麥當勞湧入大量排隊車潮。
一名路人就提供一段開車經過麥當勞時看到的驚人畫面，長長的車龍自麥當勞得來速車道綿延下去，看不到盡頭，這名路人邊看邊驚呼，「這是為了幾塊雞塊排隊2小時啊！」
排隊車潮甚至影響到當地交通，逼得麥當勞出面表示，如果車潮繼續，他們可能會考慮重新關閉部分分店。
影片曝光後，也引發英國網友一面倒回應，許多人評論這些人「真可悲」、「真是個笑話」，「真不敢相信居然還有人吃這東西」，也有人說，「難怪英國人有肥胖問題」。
</t>
  </si>
  <si>
    <t>新冠肺炎的疫情持續升溫，讓民眾十分憂心，許多店家也有積極配合戴口罩和勤消毒、洗手等防疫措施，沒想到一名超商店員日前在幫客人結帳的時候，竟然被對方嫌手髒，還口氣很差的大喊：「不要碰我！」讓該名店員傻眼之餘也忍不住生氣直呼「你當我也會死亡之握是不是」。
一名在超商工作的網友在臉書社團「爆怨公社」發文，表示日前遇到一個結帳的客人，找錢的時候對方突然口氣很差的說：「不要碰我！」讓該名網友瞬間傻眼，客人接著說：「一直收錢一直收錢，你的手很髒。」網友聽了趕緊回說他剛剛有用酒精消毒雙手，沒想到客人聽了還是怒嗆：「一樣啦！碰到然後確診你要付我醫藥費是不是？」最後網友只好將找零的錢放在櫃台，客人竟然還得理不饒人的質疑他態度很差。
種種行徑讓該名網友無奈表示「難道你要我用筷子夾給你你才滿意嗎，我無時無刻都在洗手消毒，手都裂了。原來被我碰過的人都一定確診？你當我也會死亡之握是不是」。文章引起熱議，不少網友都留言回應「他的意思是不用找了」、「他其實想給你小費，但是又不好意思說」、「死亡之握整個笑出來」、「直接客人說：你的錢比我的手還髒。。。」、「你應該問他：那要找給你的錢我都摸過了，你還要嗎?」也有網友建議「現在很多地方都利用小盤子放錢交易。」、「放個盤子讓客人放錢 跟放找的錢 ~」。</t>
  </si>
  <si>
    <t>受到新冠肺炎疫情不斷惡化的影響，全球股市一片恐慌，投資人對近期經濟回暖失去信心，繼黑色星期一血洗美股，道瓊指數單日狂瀉1000多點之後，星期二開盤短暫出現了一點反彈力道，卻又再次墜入深淵，周二收盤時再跌3.15%，以27,081點作收。這已經是連續第四天下跌，道瓊累計跌幅6.6%，相較上周已經跌了超過1900點。
美股的其他指數也都慘綠收場，S&amp;P 500指數以3,128點作收，跌了97點，跌幅3.03%；科技類股那斯達克綜合指數收在8,965點，相較周一跌了256點，跌幅2.77%。
本周一的全球股災中，市值總共蒸發了1.7兆美元。安聯經濟顧問認為這次受到全球重大疫情的影響，造成的經濟停擺，完全復甦需要很長一段時間。
美股中受創嚴重的個股遍及製造業及零售業，連電子商務也都受創。萬事達卡(Master Card)曾警告新冠疫情將會全面影響境內及境外的消費，周二股價重跌6.76%，損失慘重。</t>
  </si>
  <si>
    <t>英國首都倫敦12日出現新冠肺炎第一起確診病例，也是全英第9起。這名患者是來自大陸的女性，數天前搭機抵達倫敦，在希斯羅機場降落後出現症狀，隨後確診。
英格蘭首席醫療官惠提表示，病患在大陸感染，目前已經被送往倫敦市中心聖托馬斯醫院治療。英國公共衛生部門柯斯福德教授表示，英國「極有可能」出現更多感染病例，其率領的團隊正盡最大努力控制疫情蔓延。
華瑞克大學流行病學教授提爾茲利表示，這名患者從大陸把病毒帶到倫敦，但尚未發現人傳人的案例。英國南安普敦大學全球衛生專家海德表示，倫敦人口多達1000萬人，還有多個主要國際機場，因此出現首起病例不意外。不僅是倫敦，英國未來都可能出現更多病例，只能希望是零星個案。
此外，新加坡2月11日公布一例新冠肺炎確診個案，為聖淘沙名勝世界賭場（Resorts World Sentosa Casino）員工。中央流行疫情指揮中心表示，該員工2月5日發病，2月9日就醫隔離。台灣民眾若2月4日至9日造訪該賭場，2周內出現疑似症狀請撥打1922協助就醫，就醫時應告知醫師相關旅遊史。</t>
  </si>
  <si>
    <t xml:space="preserve">
中央流行疫情指揮中心指揮官陳時中指出，日本疫情算是比較平穩，雙方往來比較密切，將加強邊境，日本返國者，請醫師特別加強，若有症狀就要去醫院採檢。團客部分，要加重領隊責任，把該團自主健康管理做確實，每天量體溫、戴口罩、手部清潔、環境衛生等。
鑽石公主號一名70歲女性在日本確診，轉陰性出院後，返台又驗出陽性，加上案33有日本大阪旅遊史，各界都很好奇什麼時候會提高日本旅遊警示到第三級？
陳時中提出過去一個月的各國確診案例數圖表指出， 為什麼有些單位（國家）升級，有些單位沒有升？統計圖表尾巴翹越快越高的會升級，表示出現內部無法控制的情形。
陳時中強調，日本是很平穩的線，拉很長，依據人口數比例來看，跟台灣現況差不多，沒有特殊變化，持續觀察中。
不過因為與日本交流比較密切，會加強邊境管理，自日本返國者，請醫師特別加強，若有症狀就要去醫院採檢。團客，要加重領隊責任，把該團自主健康管理做確實，每天量體溫、戴口罩、手部清潔、環境衛生等。</t>
  </si>
  <si>
    <t xml:space="preserve">包含大陸與南韓的軍方部隊近來已經傳出多起新冠肺炎群聚感染事件，國防部長嚴德發已做好做壞打算，下達「防疫視同作戰」命令，除了要求部隊做好區隔管理外，有媒體報導也將比照國軍SARS期間做法，擬全面停止官兵休假，避免營外感染後造成群聚感染，國防部表示，目前並無此規劃，但會因應疫情發展有相關作為。
國防部軍事發言人史順文表示，防疫視同作戰，國防部以如臨深淵，如履薄冰的態度，以最壞的打算，完成最好的準備，維護部隊戰力與國防安全。國軍會隨著疫情的發展，採取相關因應措施，惟目前並沒有要求官兵全面停止休假。
嚴德發表示，周邊國家已有肇生部隊內感染案例，國軍必須引以為鑑，尤其面對疫情可能肇生的影響，戰備任務絕對不能有空窗與罅隙，包括高山站台、外離島、海軍艦艇等各部隊戰備任務，都必須進行完善的規劃，用「最壞的打算與最好的準備」，密切分工、相互支援。
嚴德發強調，「國軍任何單位、營區絕對不能發生群聚感染事件，防疫就是作戰」面對疫情愈來愈嚴峻，當前最重要的就是部隊的防疫工作，因為部隊是群聚的團體，稍有不慎就可能造成群聚感染，傷害部隊整體戰力。
嚴德發要求，各部隊應事先研擬「肇生案例後」的營區防疫應變辦法，除針對個案進行應處、區隔管理及醫療處置等措施外，營區內也必須進行區隔管理措施，包括獨棟營舍、獨立樓層的安排，以及部隊生活管理動線安排、訓場分配等，避免交叉感染，以維繫部隊戰力，讓民眾放心，也讓國人對國軍有信心。
</t>
  </si>
  <si>
    <t xml:space="preserve">由於口罩嚴重短缺，美國從上個月開始進口一度引起爭議的KN95口罩，但是美國食品藥物管理局(FDA)發出新的禁令稱，有66家正在向美國出售醫療用口罩的中國大陸口罩製造商已被禁止在美國銷售，因為專家稱這些口罩品質不佳。
據《美國之音》指出，醫生、護士和醫院非常需要N95口罩，因為它比常規的外科口罩或布制口罩更加有效。在實驗室測試中，口罩對非油性微粒（包括新冠病毒等微生物）的過濾效率需達到95%以上。
不過，美國食品藥品監督管理局（FDA）周四表示，中國大陸生產的名為KN95的口罩只能過濾掉24%的非油性顆粒物，其中有一批口罩僅阻擋了1%的顆粒物。由於口罩品質不佳，已有66家大陸口罩生產商被禁止在美國銷售醫用口罩，此一禁令使獲准向美國醫務工作者提供口罩的大陸企業從80家減少到14家。
報導說，由於供應短缺，美國從上個月開始從中國大陸購買N95口罩，而大陸製N95口罩曾在美國引發品質不佳的爭議。
FDA還提醒，已經向涉嫌兜售假冒甚至是危險的新冠治療方案的公司發出了42封警告信。警告信涉及了數百種假冒的新冠治療藥物、檢測工具和防護設備。
FDA表示，美國聯邦法院已經介入並阻止一款危險產品的銷售，此項名為「神奇礦物溶液」（Miracle Mineral Solution）的產品無視FDA警告仍持續銷售。FDA說，這種產品不過是一種類似工業強度漂白劑的溶液。
</t>
  </si>
  <si>
    <t xml:space="preserve">我國出訪帛琉敦睦艦隊中的磐石艦已有24人確診新冠肺炎，傳出在16日放行下船前已有人先偷跑，還被高雄巿抓包到過超商，對此海軍司令部副司令梅家樹今天在中央流行疫情指揮中心記者會上，坦言14日就解除針對出訪艦艇的人員上下艦管制，如今正清查相關人員上下艦情況中。
梅家樹表示4月13日晚上三艘出訪軍艦已完成出訪起算30天日期，14日早上由支隊部下達統一船舶與碼頭梯口搭設，架設後實施人員梯口管制，早上七點半派人登艦實施檢疫，八點半檢疫小組完成檢疫工作，包括體溫量測、病史詢問等，隨即解除人員上下船管制，所以14日後人員登艦離艦情況，正針對出訪七百多人的足跡調查，希望能完整查出。中央流行疫情指揮中心指揮官陳時中也表示要對三艘出訪艦艇的七百多人以外的接觸者高度注意。
對於傳出14日就有艦上官兵下船買東西，梅家樹坦言14日就有實施人員放假，而對於傳出15日就有人員被召回，他強調是在17號起因應確診疫情才將人員加以召回。
另外國防部副部長張哲平今天說出訪前有根據指揮中心指導做必要調整，但昨天指揮中心卻說艦隊只有回程時才有請教指揮中心入港時程相關規定，對此梅家樹解釋，任務出航前並未向指揮中心請教，但一定會參考國際疫情狀況，回程時有評估也請教指揮中心過。
對於艦隊傳出於4月9日到14日間靠港隔離期間，曾有包商登艦，海軍司令部副司令梅家樹表示，14日之前絕對沒有任何檢疫以外人員上船。
梅家樹說，如果有人能提供更精準的包商上船人事時地相信對於疫調有幫助，希望能提供。另外政戰學院有兩人確診，卻未全校停課，對此國防部發言人史順文表示，因為確診者都在生活區活動，請了台北市衛生局人員去現場評估後，認為交叉感染機率較低，學校也經過消毒。
</t>
  </si>
  <si>
    <t xml:space="preserve">中央流行疫情指揮中心今(9)日公布最新疫苗接種順序，第七類的「維持國家安全及社會機能正常運作者」從原本的5萬人左右，變成86萬人，有網友不滿表示，爸媽不停被插隊，不知道何時才能打到，想詢問大家對第七類施打對象暴增有何看法，引起網友熱議。
原PO在網路論壇《PTT》表示，第七類施打對象從5萬暴增到86萬，質疑運輸、倉儲、幼兒園老師人數會爆增嗎？有比65歲長者、嚴重疾病人員還重要？不解突然多了81萬的名額是在掩蓋什麼？
貼文一出引起眾多討論，有網友不滿表示，明明60歲以上的老人死最多，但爸媽卻不停被插隊，不知道何時才能打到。網友則紛紛回應「問陳時中」、「我排在第12類，要等多久？」、「爸媽都打不到，何況我們年輕人」、「我們全家大概年底才打得到了」。
根據指揮中心今公布的前七類優先接種人員累積共353.5萬人，其中第五類人員除了原有的機構、社福照顧系統之外，還納入洗腎患者，更新增第六類的75歲以上長者；第七類人員也將未執行防疫相關任務的警察、運輸及倉儲業者、高中職以下學校教職員工與校內工作人員、幼兒園托育人員及托育機構專業人員納入，不過都需經過指揮中心同意。
</t>
  </si>
  <si>
    <t>旅遊業者雄獅（2731）股東常會通過配息2元，今（1）日進行除息交易，每股參考價76元。面對疫情寒冬，集團啟動世代交替計畫力拚轉型突圍，今日股價開高穩揚，最高上漲1.96％至78元，填息率達75％，盤中維持逾1％漲幅，在填息路上穩健前行。
雄獅2019年合併營收創301.6億元新高，年增1.82％，惟遭逢國際局勢動盪、航空業罷工等亂流干擾，毛利率10.66％、營益率0.44％雙創新低。歸屬母公司稅後淨利2.19億元，年減14.26％，每股盈餘（EPS）3.14元，雙創近7年低點。
面對新冠肺炎疫情自春節起延燒全球，重創觀光旅遊業營運，雄獅2020年1～5月自結合併營收46.14億元，年減63.08％，續創同期新低。由於全球疫情未見緩和、再度出現復燃跡象，觀光局已4度延長旅行團出入境禁令至7月底，嚴峻考驗公司持續經營能耐。
面對疫情寒冬，雄獅率先成立防疫指揮中心、啟動異地上班，並積極與供應商協商成本及費用條件，配合政府紓困振興方案爭取補助。董事長王文傑認為，今年將是雄獅上市以來最具挑戰、也是最有機會順勢轉型的一年。
王文傑表示，旅遊產業預期最快2022年、甚至可能2024年才會復甦，今年將是雄獅上市以來最具挑戰、也是最有機會順勢轉型的一年。集團將由旅遊產業轉型生活產業，儲備實力等待產業復甦，目標將集團每年內需市場營收自20億元倍增至60億元。
而雄獅在交通部推動下，攜手基隆市府及雲頂遊輪集團，推出星夢遊輪「探索夢號」國內跳島4天行程，成為全球首艘復航的國際郵輪。5航次行程昨（30）日下午於官網上線後，不到2小時已有6千人報名，可望為嚴峻營運注入活水。
此外，雄獅也公告任職達30年的總經理暨發言人裴信祐屆齡退休，未來將專任公司董事，總經理職務由王文傑暫代。裴信祐在集團內部刊物中，以「一粒芥菜種子的美好」發表退休感言，表示欣見壯青一代已準備就緒，因此在此時主動提出退休。
裴信祐表示，雖然目前黑暗滿布、愁雲環伺，但反向思考，在力拚集團轉型應戰之時，也是個讓新世代接棒、打美好一仗的契機。雖然從日常營運的職務退休，但未來仍將繼續擔任公司董事，參與董事會重大決策、財務規劃、薪酬審計等公司治理事項，協助代代相傳。</t>
  </si>
  <si>
    <t xml:space="preserve">八貫(1342)8月營收月成長18.49%，創下今年單月新高。八貫表示下半年因疫情受益的產業訂單會持續成長，看好全年營運審慎樂觀以待。
八貫8月營收1.49億元，月增18.49%、年減14.42%；累計前8月營收9.97億元，年增2.66%。
八貫表示，公司深耕高端醫療之機能性布料與成品，今年因新冠疫情肆虐，歐美醫療資源需求持續強勁，推升公司醫療產品出貨向上成長；另一方面，隨各國疫情解封對戶外休閒管制開放，歐美民眾崇尚戶外休閒活動而逐漸回復常態，亦帶動戶外產品訂單逐步回溫；8月份在醫療及戶外兩大產品線出貨暢旺下，推升8月營收1.49億元，創下今年單月新高，以目前的市場狀態來看，預期下半年因疫情受益的產業訂單會持續成長，加上部分遞延出貨的訂單漸恢復出貨，看好全年營運審慎樂觀以待。
此外，八貫為全球少數擁有TPU研發、並具有二次/三次加工的技術能力，專攻與醫療、救生、戶外有關之高階產品，客戶多為歐美知名一線品牌大廠，所研發之逃生滑梯布料歷經2年通過原廠嚴格驗證，上月已接獲正式訂單，將於第四季陸續出貨，對下半年業績將有明顯挹注。
另外，八貫產品全在台灣宜蘭製造，TPU機能性布料應用愈來愈廣泛，因應市場規模及應用領域持續成長，已斥資近4億元在宜蘭龍德工業區興建占地3千坪新廠區，並已取得經濟部「根留台灣企業」資格核定及ISO 14001認證，規劃導入智慧化高周波產線，預計明年第二季量產，將為公司中長期營運再添動能。
</t>
  </si>
  <si>
    <t>資誠（PwC）會計師事務所9日發布《新冠時代資誠臺灣企業領袖調查報告》，調查發現，83％台灣企業深恐疫情將帶來全球性經濟衰退，但只要確定疫情影響程度與範圍，台灣企業具有高度應變能力可快速復甦。
資誠聯合會計師事務所所長暨聯盟事業執行長周建宏指出，「彈性」、「快速應變」向來為台灣企業的強項，再加上台灣疫情防範得宜，讓台灣企業不僅有機會早於其他國家恢復常規營運，在全球供應鏈大幅洗牌之際率先卡位、爭取轉單契機。
周建宏認為，經過疫情洗禮，多數台灣企業增加「技術創新與研發」投資以厚植中長期競爭力，並在中、美之外尋求更多元的市場或生產基地布局，同時也看到更多台灣企業領袖願意張開雙臂與新創企業或創業家合作，尋求外部創新。
雖然中國大陸、美國向來被台灣企業視為影響整體成長最重要的前兩大國家，但其重要性持續呈下滑趨勢，這說明台灣企業在中美兩強之間找出更多的替代道路，擺脫選邊站的風險。
而越南、德國、印尼等其他國家市場對台灣企業的重要性持續上升，其中，又以越南的成長幅度最受矚目，重要性從2018年的9％一路爬升至27％，一舉超過日本、德國，越南已成為台灣企業領袖眼中第三重要的市場國家。
德國的重要性則從半年前的12％快速竄升至24％；印尼的成長幅度也不容小覷，重要性從2017年的2％一路爬升至14％。</t>
  </si>
  <si>
    <t xml:space="preserve">聯發科(2454)4月營收受到新冠肺炎衝擊，導致終端消費減緩，4月合併營收205.46億元，月減少9.98%、年減少4.67%，但已經連續第2的月單月營收站上200億元大關。
聯發科4月合併營收205.46億元，月減少9.98%、年減少4.67%；累計前4月營收814.09億元、月增加9.6%。
展望第二季，以美元對新台幣匯率1比30計算，聯發科預估第二季營收預估在621億元~669億元之間，與前一季相比，約增加2%到10%，與去年相比，增加1%到9%，第二季營業毛利率預估為42.5%正負1.5個百分點，含員工分紅之營業費用率預估為32.5%正負2個百分點。
聯發科先前法說會中看好，儘管在新冠肺炎疫情衝擊下，今年整體營運還是會力拚合理成長，且維持今年全球以及大陸市場的智慧型手機出貨，預估全球在1.7億至2億支之間，至於大陸市場，會佔其中的1億至1.2億支的預估。
另外，聯發科也在昨日發表最新5G旗艦晶片升級版天璣1000+，盼透過完整的5G產品布局，搶下更多市佔率。
</t>
  </si>
  <si>
    <t>彰化縣衛生局27日上午於員林演藝廳辦理「109年衛生保健績優志工與團隊暨社區衛生促進委員會績優委員表揚大會」，彰化縣長王惠美親自頒獎，她說，今年新冠肺炎來襲，所有志工、委員們都堅守崗位，為彰化防疫工作盡心盡力，感謝大家的認真與努力，一起守護彰化人的健康。
彰化縣衛促會委員有7百位委員，超過1700位的衛生保健志工，長期默默守護在彰化各縣市的衛生局、及醫療院所，協助推廣衛生保健工作，始終保持微笑、耐心與愛心，親切的為民眾來解答，還能化身成患者及家屬的心靈老師，不管是陪伴或照料，成為他們最堅強的後盾。
王惠美表示，今年算是相當艱難的1年，感謝全縣各醫療院所及衛生所的志工夥伴，今年選出15個績優單位，表揚134位績優志工；也要特別感謝衛生局、衛生局葉局長，專業的判斷與領導能力，攜手讓彰化能夠挺過這波疫情。
王惠美說，今天活動可以算是醫護一家團聚的溫馨時光，這陣子大家戰戰競競的面對疫情，絲毫沒有喘息的時間，利用表揚的機會，得以稍微喘息，希望未來能夠有更多的志工伙伴，加入這個大家庭，一起為彰化的健康努力，讓彰化更美。</t>
  </si>
  <si>
    <t>NBA爵士與雷霆之戰在開打前喊卡，隨後才宣布爵士中鋒戈貝爾（Rudy Gobert）確診新冠病毒、全聯盟停賽。在台灣直播此役的《Eleven Sports》主播黃奕傑表示，看到爵士先發五人沒有戈貝爾，就覺得不太對勁，也猜測莫非是新冠所致，收播後才獲得證實。
「我們在錄音室裡，其實沒有什麼特別感覺啊，如果在美國現場才會震驚吧！」黃奕傑表示，賽前看到爵士先發中鋒是布萊德利（Tony Bradley），就覺得奇怪，因為戈貝爾沒有受傷，不知道是不是感冒才這樣安排。
接著3位裁判找雙方總教練，講了大概5分鐘的話，隨後兩隊隊職員就進入休息室了，再5分鐘連裁判也閃人，雷霆還把負責中場表演的歌手，請出來唱了兩首歌，唱完就宣布延賽了。
黃奕傑指出，轉播單位主播球評表示，因戈貝爾感冒致使球賽延期，但正值疫情非常時期，聽到感冒難免擔憂是新冠病毒。最終得知NBA全面停賽的決策，黃奕傑只好自我安慰說：「暫時不用早起囉，因為上禮拜天開始日光節約時間取消，球賽都要早一小時開打，其他的影響還不曉得。」</t>
  </si>
  <si>
    <t>基隆市長庚醫院引進全自動新冠病毒檢測機台，採檢量能1天可多700例，時間也能從3天縮短至3小時，市政府宣布，由於量能大幅提升，今天開始民眾只要自覺有症狀疑慮，可以上網預約篩檢，將由衛生局安排、通知。
基隆市長林右昌表示，長庚醫院3日引進新冠病毒檢測機台，採取全自動檢測流程，未來PCR檢測量能將大增5倍，他指出，以前1天採檢140例，有了新機台每天可以多採700例，1天總量能達840例，篩檢時間也從原本3天縮短至3小時。
林右昌說，這座機台不僅便民，也有利衛生單位即時掌握疫情狀況，能有效管控病毒傳播情形，必要時還能支援雙北，他提及，要特別感謝醫護人員沒日沒夜的努力，其中醫檢人員是幕後英雄，在防疫戰鬥裡扮演最重要角色，為大家掌握病毒所在。
基隆長庚醫院長賴旗俊表示，這次疫情除了加強版的防疫新生活外，最重要的是擴大篩檢及施打疫苗，而這次投資超過500萬元的經費購入新機台，不僅可迅速提升基隆PCR檢測量能、有效節省醫檢人力，還可降低偽陰性偵測結果發生，大幅提升整體防疫效率。
衛生局長吳澤誠補充說明，目前本市進行擴大篩檢機制，把匡列的範圍增大，疫調仍然追蹤到發病前14天的接觸者進行PCR檢測；另外，由於篩檢量能提升，以往只接受曾有萬華及基隆足跡接觸史民眾預約篩檢，即日起，只要市民自覺需要採檢，可以上網或打電話預約，將由衛生局安排檢測。</t>
  </si>
  <si>
    <t xml:space="preserve">新冠肺炎疫情在全球升溫，許多國內外旅遊團體都取消，首當其衝的觀光業哀鴻遍野，有旅行社業者號召近百名網紅進行2天1 夜的台東之旅，24日下午，網美、網帥們穿上泳裝參加「泳池趴」，用他們的熱情，抵抗景氣寒冬。
「網紅帶你去旅行」活動，23、24日帶領近百位網紅遊台東，除了在熱門打卡景點，認台東的人文與風光以外，24日下午在娜路彎大酒店舉辦「泳池趴」，網美、網帥換上比基尼及泳裝，大方秀身材，不畏景氣寒冬。
面對新冠肺炎疫情的威脅，直播主晨琀說，一開始有點擔心，不過來了以後就覺得很放心；網帥大師林說，受疫情影響，沒什麼人潮，反而更好玩。
從事保險業務的主持人評姐兒說，現在來台東玩，不會人擠人，也不必擔心受感染，這次在台東，體驗了採茶姑娘、騎單車、躺在馬路上看不一樣的台東，還到了黑孩子咖啡館，完全是1場知性之旅，歡迎大家來台東；另一位直播主糖小Q則對超熱情的原住民留下深刻象。
主辦的紅牛旅行社總經理李恩承說，受疫情影響，旅遊業氣氛低迷，其實在台灣本島防疫做得非常好，而且台東空氣好、水質好，根本沒有疫情的問題，網紅經濟正盛行，希望藉此讓大家有信心走到戶外，把台東的美好當成火車頭，帶動台灣觀光產業。
，他說，去年台東出差，就已經感受到台東被邊緣化的無奈，這次的疫情重創整個旅遊產業，無疑是雪上加霜，因此便火速再度召集上百位網紅，希望能在低迷的氣氛中為同業打氣、更能幫助地方的觀光、振興台東的旅遊市場。
娜路彎集團則表示，過完年後散客訂房比起暑假明顯增加，推測主要原因為寒假開學延期，加上各地的民眾想轉換空間消除緊張的心情，及蘇花改及新南迴開通，希望透過與旅行社的活動，化危機為轉機。
</t>
  </si>
  <si>
    <t xml:space="preserve">暴露狂「台中米娜」日前闖入IKEA、二井OUTLET等大賣場拍攝露三點裸照，引起社會大眾嘩然，照片流出後引起台中警力主動介入調查，不久就將主職是廚師38歲掌鏡人與36歲裸拍女主角，約談到案後送辦，恐吃下妨害風化罪官司；不只是台灣，民風較開放的歐洲，日前也傳出有辣模，大白天無視周遭還有遊客，在公園裡一絲不掛裸拍，唯一差別只有歐洲疫情嚴重，辣模拍照時都戴著口罩。
來自羅馬尼亞的裸模「Catia A」，在公園裡全身沒有和任何衣物蔽體，當時公園裡還有不少遊客來來去去，但她一點也不在意別人的眼光，自在的擺出各種火辣動作，讓拍攝者拍照。
網友從照片中認出這位辣模的真實身分，原來她以藝名「Rebecca Volpetti」拍過不少謎片，這次的裸拍是受邀為EuroNudes拍攝寫真，嘗試戶外的全裸拍攝，戴上口罩也是為了防疫宣傳。
</t>
  </si>
  <si>
    <t>新冠肺炎疫情持續延燒，民眾連一般的口罩、酒精等也難買到，甚至還有價格上漲等問題，對此，公平會主委黃美瑛在今天業務報告時表示，從春節前就派人至各地通路訪查口罩市況，目前也受理包括口罩、耳溫槍、酒精等檢舉案件。依公平交易法如有查獲未更正最高可處1億元罰鍰。
立法院經濟委員會今天邀請公平會業務報告。
黃美瑛指出，將持續關壑新冠病毒引發的防疫物資、衛生紙等民生用品市場供需變化，如果有業者趁防疫期間聯合哄抬口罩、衛生紙等，將依公平交易法嚴處。
黃美瑛說，將透過「防制人為操縱物價專案小組」及行政院「穩定物價小組」，掌握各類民生物資市場動態，如有價格異常情形，將會立案調查；也發函警示相關業者及公會不得有共同調漲價格等違反公平交易法行為，預先防範不法。</t>
  </si>
  <si>
    <t xml:space="preserve">新冠病毒(COVID-19)是全球各個醫療團隊的挑戰，來自北京大學的金昆林博士(Kunlin Jin)與國際研究人員，試著利用幹細胞來抗擊這種難纏的疾病。
醫療訊息(MedicalxPress)報導，幹細胞是各種組織細胞的原型，不管是皮膚細胞、心肌細胞、肺部細胞，都是從幹細胞分化而來的，因此，理論上而言，幹細胞可以克服任何的器官缺損的問題，包括組織壞死、機能癱瘓等。從公元2000年以來，幹細胞就成為醫療研究的顯學。
金昆林博士研究幹細胞已經20多年了，他的主要研究領域是老齡化研究，試著以幹細胞治療中風。現在他與北德州大學健康科學中心的實驗室合作，成立一個美國與中國專家合組的研究團隊。
雖然他的研究領域看似與新冠病毒無關，但是他認為，幹細胞可以增強人體的免疫系統，以抵禦新冠肺炎。
他們以靜脈注射將幹細胞送到北京的7名重病患者的血液中，其中3名是安慰劑。在這個初期臨床實驗當中，7名幹細胞療法的患者都有所好轉，並在14天內出院。至於只接受安慰劑的患者中，2名死亡，1名仍有急性呼吸窘迫綜合症(ARDS)。
接受測試的患者來自北京佑安醫院，測試於1月30日開始。
金博士說：「研究表明，臨床級別的幹細胞靜脈輸注法是有效的，而且他們的臨床對象是嚴重肺炎的老年患者，這對於死亡率較高的65歲以上患者而言，很可能是最有效的療法。」
不過，這種療法還不能引進到美國，在此之前必須先在美國進行臨床試驗，並獲得美國食品和藥物管理局的批准。
</t>
  </si>
  <si>
    <t xml:space="preserve">雖然澳門至今沒有新冠肺炎的病例，但是依然受到巨大衝擊，由於防疫管制，賭場關閉了兩個星期，使得澳門在2月的博彩收入，比以往同時期大跌了87.8％。
路透社報導，澳門是世界最大的賭場中心，澳門的收入超過80％也來自娛樂場，但當局為了防止疫病，採取了一系列措施來阻止遊客進入澳門，2月份的賭場營收僅有31.04億澳門元（114億新台幣），跌幅達到87.8%，比不及分析師預期的下降約80％。
儘管澳門當局在2月20日重新開放了賭場與娛樂場所，但是疫期還未結束，仍然有嚴格的遊客入境規定與健康調查，使得41家賭場以及依賴它們的企業的收入，仍將受到嚴重影響。
</t>
  </si>
  <si>
    <t>大陸昨天（11月1日0—24時）31個省（自治區、直轄市）和新疆生產建設兵團報告新增新冠肺炎確診病例71例。其中本土病例54例（黑龍江27例，其中黑河市26例、哈爾濱市1例；河北8例，其中石家莊市4例，辛集市4例；甘肅8例，均在天水市；山東3例，均在日照市；內蒙古2例，均在阿拉善盟；江西2例，均在上饒市；青海2例，均在西寧市；北京1例，在昌平區；寧夏1例，在銀川市），含5例由無症狀感染者轉為確診病例（山東3例，江西2例）。
★上海迪士尼66460人次核酸檢測結果均陰性
另據上海市新冠肺炎疫情防控工作領導小組辦公室消息，10月30日、31日期間進入上海迪士尼樂園和迪士尼小鎮的相關人員以及場所防疫排查工作推進順利。截至今天（11月2日）上午8時，共篩查相關人員66460人次，採集相關環境等樣本1016份，核酸檢測結果均為陰性。
★河北晉州市緊急封城　全員核酸檢測
河北省晉州市疫情防控指揮部辦公室今天（11月2日）通告稱，現已對晉州各出入市口，實行應急交通管控措施。除運輸涉及生產生活物資車輛及因病外出就醫等特殊情況外，其他人員和車輛予以勸返。
從今天（11月2日）起，晉州公共汽車、晉州至石家莊定期客運、城際拼車暫停運營。即日起，晉州市將進行全員核酸檢測。
官方稱，此舉是為有效防範疫情傳播風險，並沒有確診病例透露。目前坊間流傳尚未經過官方證實的消息稱，該市田村、小焦、東西曹發現疫情。</t>
  </si>
  <si>
    <t>新冠肺炎（COVID-19）疫情在全球擴大蔓延，疫情之毒與猛，已橫掃全球金融、工業及服務業市場。與此同時，專家表示，只要做好嚴防境外輸入，作為新肺疫情爆發中心的武漢可望在數日後接近「清零」。大陸在抗疫方面取得初步成果，對疫情帶來的衝擊則難以預估。
在疫情方面，大陸境內新增確診遞減與境外輸入新增遞增，讓中國疫情防控主要形勢已朝向猛增的輸入病例。官方數據顯示，截至3月16日24時，中國大陸全境累計報告境外輸入確診病例143例。
為此，北京已經要求從3月16日零時起，所有境外入京人員，均應轉送至集中觀察點進行14天的隔離觀察。上海也準備將疫情防控重點國家數目翻倍，17日起，新增英國、瑞士、瑞典、比利時、挪威、荷蘭、丹麥、奧地利8國為疫情防控重點國家，過去14天內到過上述國家的人士進入上海，將一律實施集中或居家隔離。在此之前，上海已分兩批將韓國、日本、伊朗、義大利、法國、西班牙、德國和美國8個國家列入疫情防控重點國家。
中國是世界工廠，也是世界市場，疫情在全球蔓延之後，也帶來更大的挑戰。
在近兩個月時間內，大陸已召開了十多次以疫情防控為主題的高規格會議，因復工不等於復產，且復產不等於復原，大陸也針對復工復產及刺激內需，釋出系列財金政策。惟因2019年經歷中美貿易戰的衝擊，大陸經濟成長已創下30年來最低增速，2020年的經濟前景為何？不少機構均感到悲觀。
不過，近期大陸國務院總理李克強談話，也透露大陸將不再以經濟增長目標做為保底策略。日前，李克強在國務院常務會議中表示，不能小看此次疫情對中國經濟影響，但無論如何，都要全力以赴穩住就業，只要今年就業穩住了。他說，「經濟增速高一點低一點都沒什麼了不起的。」
在新冠肺炎疫情對中國經濟的影響引發外界的擔憂與猜測之時，李克強首次在疫情態勢下鬆口，不少分析指出，這段談話重點只有一個，就是把就業問題放在優先經濟增速的位置，意味著大陸正務實地面對，保經濟成長，已經不是第一要務。</t>
  </si>
  <si>
    <t>台灣境外移入個案大爆發，今（16日）公布新增8例加上15日的6例，14例全為境外感染，引發外界討論。女星隋棠看到新聞也罕見動怒，開轟非常時期硬要出國的人荒唐又自私。
隋棠在臉書分享衛服部16日新增病例的公告，寫下：「國家如此辛辛苦苦守著防疫大門，自私的人到底如何視而不見 聽而不聞的？」語氣間盡是憤怒和無奈。
同時，隋棠也不忘呼籲：「請大家正視政府的辛勞、正視檢疫人員醫護人員的安全、正視全民的健康。」更斥責：「現在是出國玩的時候嗎？荒唐。」難得動怒引發許多共鳴，網友紛紛留言「真的~一點危機意識都沒有」、「我們在國內堅持的這麼辛苦是在心酸什麼的」、「完全同感！超級荒唐，真的要重罰才行」。</t>
  </si>
  <si>
    <t>桃園機場21日在第二航廈南擴5樓設立疫苗接種站，針對未施打過疫苗的機場第一線工作人員，施打莫德納（Moderna）疫苗，桃園市長鄭文燦也到桃園機場視察莫德納疫苗接種站，並感謝部立桃園醫院前來協助接種疫苗的醫護人員。
桃園機場21日下午1時30分由立桃園醫院的醫護人員支援，在第二航廈南擴5樓設立臨時疫苗接種站，針對尚未拖打過新冠疫苗的桃機第一線工作人員，接種施打莫德納（Moderna）疫苗。將在5日期間分批將已登計人員，分梯次接種，共有2500人次可施打。
鄭文燦親自到桃機視察，他表示，機場和民航業是防疫的第一線，這次莫德納疫苗爭取了5000劑給全國機場人員，另5000劑給航空業的第一線人員，還有AZ的第二劑。
鄭文燦指出，中央疫情指揮中心指定部立桃園醫院為執行單位，部立桃園醫院也組織團隊在機場負責機場和華航人員施打，另外長榮航空的部分會在長榮總部施打，松山機場的部分也會在松山機場內施打。桃園機場施打疫苗一天最高可以打800人，希望用一個禮拜的時間將疫苗施打完，另外會再安排時間施打第二劑AZ疫苗。
他強調，機場的施打範圍包括CIQS和機場服務人員（清潔人員、免稅店人員、機場公司人員），經計算後發現疫苗還是不太夠，希望能再跟中央爭取多一點的疫苗，但目前疫苗有限，按照風險高低分級來施打。
鄭文燦說，航空業的疫苗還是不太夠，華航和長榮的各個子公司也還沒辦法完全施打，市府希望單位先造冊將風險高的優先施打，接著在爭取第二輪的疫苗擴大施打範圍。</t>
  </si>
  <si>
    <t>針對疫情紓困，勞動部提供自營作業者或無一定雇主的勞工生活補貼，將發出3萬元補助，20日開放受理，截至本周五，預計將會有10萬人領取到3萬元補助。
政府針對無雇主的自營業者提出補貼紓困方案，只要符合在職業工會投保，投保薪資2萬4000元以下、2018年收入未達到課稅標準、且未領取其他補貼等條件，就可以領取補助金，1個月1萬元補貼，共計3個月3萬元一次發放。
根據勞動部最新消息，20日公告受理，自20日至21日，累積受理83785件，經審核，符合資格並已撥款有63141件；需更正帳號及格式有12386件；不符合排富資格者有8258件，資格不符者僅占申請件數不到1成，其餘超過9成皆符合資格。
勞動部指出，所有符合資格者，皆會陸續進行撥款，部分案件因勞工帳號誤植或格式不正確，各職業工會也積極協助更正資料內容，預計本周五（24日），將有10萬人領取3萬元生活補助。</t>
  </si>
  <si>
    <t xml:space="preserve">歐美新冠肺炎疫情大爆發，亞系外資保守看待軟板廠-台郡(6269)前景，認為台郡將是此波疫情主要受害者，將台郡今年及明年每股盈餘預估調降22%及33%，評等降至「劣於大盤表現」，目標價更大砍至94元，致使今天台郡股價逆勢收跌。
新冠肺炎持續在全球延燒，尤其是歐美地區疫情嚴重，重創消費市場，外資紛紛下調iPhone等智慧型手機今年全球銷售量，而亞系外資今天在最新報告更指出，由於高利潤的NFC天線設計改變，影響到台郡的訂單，因而大砍台郡目標價。
台郡前2月合併營收為24.57億元，年減14.57%。
儘管智慧型手機銷售因全球新冠肺炎疫情延燒遭到重創，但蘋果及華為等各大手機品牌廠持續進行5G手機新機開發，台郡公司自2018年開始用MPI跨入天線模組領域，2019年再切入多層板技術，今年除MPI天線外，亦會跨入用於更高頻傳輸的全新LCP材料天線領域，且公司與客戶在手機、平板及NB合作都有，天線產品也成為推升台郡營運成長重要動能。
2018年天線產品佔台郡營收比重約4%到8%，2019年佔比約13%到18%，其中2018年第4季天線產品佔比已達25%至30%，台郡在日前法說會表示，如果新冠肺炎疫情過去市場需求恢復，公司可以趕產能補回來，今年天線營收佔比可望達20%到30%。
亞系外資在最新出爐報告中表示，由於需求的不確定性，且與蘋果相關的收入將進一步下降，讓台郡成為美國及歐洲地區新冠肺炎疫情擴散的主要受害者，加上根據我們調查，台郡因高利潤的NFC天線設計改變恐失去訂單，在新的mmWave天線供應鏈中亦未見到公司，決定下修台郡今年及明年每股盈餘預估，降幅分別為22%及33%，將台郡評等由原先的「買進」降至「劣於大盤表現」，目標價由155元大幅下修至94元。
</t>
  </si>
  <si>
    <t xml:space="preserve">新冠肺炎疫情大爆發，餐飲業首當其衝，也間接影響到藝人經營的雞排店。唐從聖投資的唐門潮雞排，2月透過促銷活動讓業績不降反升，在地客人成長許多，然而到了3月，「過路客少很多，企業訂單量從多轉少。」他表示近月底時，餐飲店基本上營收都較為吃緊，加上失業潮帶來的衝擊，「長庚店業績掉了5成，信義和南港店則是少1成。」
他誇讚店內都是素質優良的員工，「大家默契十足、向心力高，也不能亂裁員啦！員工訓練很辛苦的。」目前店家也與2家外送平台合作，「可打知名度，但外送利潤低，平台抽成近30至40％。」
他表示雞肉供應商也是股東之一，米其林等級的雞肉目前減產，原物料漲近30%，「光是這周就漲了18%，要是不漲價，扣掉員工薪水、房租等固定成本，再加上外送利潤低，根本是賣一片賠一片，我們會在4月1日愚人節調整售價。」
NONO投資的連鎖店艋舺雞排，旗下的正職員工工作仍安穩，「總不能因為生意不好就把人fire掉呀！還有外送和發傳單可以做呢！」他笑說好險有跟外送配合，能補足現場營業額，「算是不幸中的大幸。」
他在這段時期察覺了顧客行為的轉變，「台中以北的民眾多以手機訂餐，若現場客人較少，台中以南的員工就會親自上府送餐。」他強調國內的雞肉採用的是進口原物料，「雞肉成本有調漲，店家自行吸收成本，暫時不會調整售價。」
艋舺雞排的董事長劉明道透露位在菲律賓的雞排分店生意全面暫停，「員工改作便當提供給第一線照護的醫療人員。」至於英國、加拿大、港澳等分店營運，「影響其實都蠻大的，正努力將台灣『外送』為主的模式引進當地。」
</t>
  </si>
  <si>
    <t>中央宣布境管後，高雄旅行業宛如進入「冰河期」，幾乎沒生意可出團。高市旅行公會指出，最主要受影響為中型以上旅行社，中型1個月光是人事、管銷費得燒掉300至600萬不等，也有業者自力救濟，推出國旅團喋血價，高雄到花蓮3天2夜機加酒4000元有找。
高市旅行公會理事長吳盈良指出，高雄有480家旅行社，2月迄今0收入，甚至還要先代墊郵輪、機票退款費用，若再不提出完善紓困計畫，業者恐怕沒法撐，預估4月會有一波倒閉潮。
吳盈良建議，旅行社先別停業及裁員，公會將協助爭取轉型培訓、員工薪資補貼，以求度過這段難關。他昨也與交通部長林佳龍開會，提出對旅行社管銷費用補助，林也允諾將研議。
為搶救國旅市場，統茂旅館集團、華信航空與捷利旅行社聯合宣布「2人輕鬆遊花蓮」幸福專案，平日2人成行、每人3999元起可享花蓮統茂度假莊園田園雙人房住宿2晚、自助早餐2客、野菜火鍋1次及2張高雄花蓮來回機票，不用開車6、7小時，只要飛機落地就可以拿掉口罩呼吸東部新鮮空氣，享受純樸美景。
華信航空營業部南區主任楊晴雯說，目前華信每天1班從高雄來回花蓮，由於花東尚未有肺炎疫情，華信航空高規格作飛機全面清潔消毒，旅客下機後，由臺勤公司執行清艙，華信機務人員全程監督，每日以75％酒精全面消毒、清潔，旅客會接觸到的扶手、餐桌、置物櫃等，確保沒有病菌殘留。
吳盈良形容這是「殺手級方案」，比原價機票4340元還便宜，但他說，現在推國旅，不是為了賺錢，而是讓員工及相關觀光產業能繼續動起來，高雄旅行社除繼續推澎湖、台東、嘉義、台中等國旅專案外，也將與其他縣市公會討論「遊客互送」，促進國旅市場。
受到疫情衝擊，高雄觀光客進不來，旅宿業叫苦連天，市府觀光局網羅特色景點，號稱不用去國外，就可以享受到媲美國外的美景，另外也推動「東高雄慢食旅」觀光品牌，積極搶攻國旅市場。</t>
  </si>
  <si>
    <t xml:space="preserve">台灣捐贈委內瑞拉1千個口罩，上面印有我國國旗，還用英文寫著「台灣可以幫忙」的字樣。外號「村長」的桃園市議員詹江村對此酸說，用自己錢捐口罩的藝人被罵慘，用我們稅金捐口罩就叫做外交。
詹江村在臉書貼文質疑，台灣疫情穩定了嗎？竟然可以大量的口罩援助其他國家！不是說好台灣優先嗎？不是說「青吃都不夠還能曬乾」嗎？用自己錢捐口罩的藝人，被罵到狗血淋頭，用我們稅金捐口罩就叫做外交！
詹江村還不滿說，817就會凹，被戳破了就惱羞成怒，就說2024讓國民黨再輸一次，這番說詞他耳朵都聽到長繭了！
網友紛紛回應：「為什麼你講話都可以這麼中肯。」、「村長罵得好。」、「他們就是所謂的民進黨呀不意外。」、「病例一直爆發已經138例，還有能力捐口罩，那每天排隊領口罩領3片的人，真的都像傻瓜一樣。」
我國贈與巴拉圭口罩，引發部分網批評「出口援贈巴拉圭口罩」，外交部今嚴正澄清表示，此批口罩是在當地所採購，非由國內出口，另外也提供款項給另一友邦委內瑞拉購買口罩及酒精等防疫物品。
</t>
  </si>
  <si>
    <t>美國總統川普27日在白宮簽署2.2兆美元經濟刺激法案，以因應新冠肺炎疫情。這份美國歷史上規模最大的經濟援助法案生效之際，美國新冠肺炎確診人數剛突破10萬。川普並宣布美國將在100天內，製造10萬台呼吸器。
川普簽署的經濟援助法案，先前在參議院獲得一致通過，27日在眾議院以口頭表決方式通過後，隨即送交川普簽署生效。根據這項紓困計畫，美國將在3周內向中低收入家庭發放現金；5000億美元用於幫助遭受重創的行業，3500億美元為小企業提供貸款，並至少為相關衛生系統提供1000億美元。
據美聯社報導，自九一一恐攻以來，華盛頓從未像現在這樣團結一致，下定決心，採取緊急行動阻止經濟如自由落體般下滑。2.2兆美元相當於美國現有經濟規模的10％、美國2021財年聯邦政府預算總額的近一半。此一數字也已遠超2008年金融危機時期美國推出的7000多億美元刺激計畫。
但這項美國史上最貴的財政刺激計畫是否真能挽救瀕臨衰退的美國經濟和陷入混亂的金融市場？不少分析人士認為，刺激計畫對提振經濟是「杯水車薪」，如果短期內新冠肺炎疫情無法得到有效控制，將很快需要後續措施補強。
川普當天也宣布動用《國防生產法》所授予總統的權力，要求通用汽車公司（GM）立即生產治療新冠肺炎重症患者所需呼吸器。他同時任命白宮貿易貿易顧問納瓦羅為《國防生產法》政策協調官。
川普表示，美國未來100天內擬透過製造或其他方式獲得10萬台呼吸器。這一數量將是美國年均呼吸機分配量的3倍多。納瓦羅則指出，美國正在進行二戰以來最重要的產業動員，美國需要在短時間內盡快生產足夠的呼吸器，以幫助紐約等地的重症患者，呼吸器可以說是「人們的生命線」。</t>
  </si>
  <si>
    <t>前台灣省議會議長、前立法委員劉炳偉21日凌晨2時許於板橋中興醫院過世，享壽67。劉炳偉女兒劉美芳21日仍堅強出席在新北市議會舉行的「爭取新北市防疫公務人員加發防疫獎金」記者會，關心疫情與第一線公務人員福利；劉美芳會後指出，因為事情才剛發生，目前先移靈，等靈堂設置好，再向各界告知，感謝大家關心。
劉家在板橋深根基層，劉叱吒政壇20餘年，在地方影響力頗深，去年女兒劉美芳本有意參選板橋東區立委，不過因劉炳偉罹癌開刀後身體狀況不理想，去年檢查報告出爐，確定癌細胞移轉至其他部位，她希望有更多時間陪伴父親接受治療。
今日記者會劉美芳仍堅強與其他議員同僚出席記者會為第一線防疫公務人員請命，建請新北市長侯友宜向中央爭取經費，並以新北市第二預備金約3.62億元先行墊付加發防疫獎金，以慰勞他們的辛苦</t>
  </si>
  <si>
    <t>陳凱倫兒子陳銳經營眼鏡品牌有成，雖然因疫情大受影響，他仍不忘跟著紀寶如做公益，已捐出上千付護目鏡及防疫包給「台灣優質生命協會」獨居長者。
陳凱倫得知兒子善行義舉，他一通電話找回昔日合作拍檔、70年代玉女紅星陳明利及金鐘歌后王芷蕾共襄盛舉，她們盡綿薄之力，各自認購上千付護目鏡，2位海外的台灣女兒心繫家鄉，盼藉此拋磚引玉。
陳凱倫2日主持《星心頌》網路直播節目，節目中播放陳銳跟著紀寶如做公益及「防疫不防愛」短片，分別在新加坡的陳明利及美國的王芷蕾空中獻聲默默支持。陳明利曾獲首屆閩南語影片女童星獎，昔日也是中視午間連續劇當家女主角，嫁到新加坡從事保險業已41年。
陳明利有新坡「保險天后」之稱，陳凱倫說：「對我來說她像是保險界的孫翠鳳。」陳明利和陳銳雖沒見過面，但看到他捐給獨居老人的影片很感動，找了連自己在內4位「新加坡阿姨」直接下單響應這次善行，她對陳凱倫說：「最大希望是給你兒子一個最直接鼓勵的力量，上帝會送一個人給他的。」
80年代台灣金鐘歌后王芷蕾的經典歌〈台北的天空〉傳唱度高，大家耳熟能詳，她上次回台是2019年歲末，回到美國華盛頓就遇上新冠疫情。她因為陳凱倫的一通電話加上看到短片很感動，感慨說：「在美熬過1年半，每天都是未知數的日子，看著家鄉台灣正在疫情嚴峻其中，心裡非常難過。」
提起與王芷蕾的淵源，陳凱倫當年首張唱片，還是王芷蕾為他引薦到東南亞的唱片公司，圓了他的歌星夢。「那個時候我們都在西門町唱歌，她在歌廳，我在西餐廳～沒想到有一天我唱完費玉清〈白雲長在天〉就接到一個字條叫我去台下，好像坐檯一樣，去了才知道原來王芷蕾帶著星馬最大唱片公司老闆來聽我唱歌，當下敲定了我的第一張唱片」。
當年陳銳出事時，一次教會小型「福音演唱會」，王芷蕾特別指定除非陳凱倫主持，否則不去，因為這麼一個緣份，才讓陳凱倫再次「受洗」成為基督徒。
提到疫情，王芷蕾說：「你們現在就像在前線作戰的戰士，非常辛苦，我的心情跟著家鄉同胞，一樣的起伏不定。」儘管美國現在沒有硬性規定要戴口罩，她說前兩天一家人去餐廳，看著服務人員不戴口罩，她的心裡還是覺得怪怪的，她呼籲國人還是要繼續戴口罩，千萬別鬆懈。</t>
  </si>
  <si>
    <t>據北京市衛生健康委18日消息指出，2月17日0時至24時，北京市新增6例新冠肺炎確診病例，均為確診病例的密切接觸者，已送至定點醫療機構進行救治。
新增疑似病例49例，現有疑似病例128例；新增密切接觸者47例，累計確定密切接觸者1967例，其中1273例已解除醫學觀察。</t>
  </si>
  <si>
    <t xml:space="preserve">據路透社統計，美國新冠肺炎Covid-19感染人數超過250萬人，超過12.5萬人喪命，已是全球疫情最嚴重的國家。然而美國疾管中心(Centers for Disease Control and Prevention,CDC )認為，實際感染人數可能是已知確診患者的10倍，也就是至少2640萬人以上，約略是美國總人口數的8%。
科學警報(Science Alert)引述法新社的報導，CDC的估計是基於抗體測試調查得出的數字，據估計，美國人口為3.298億，實際曾被感染的人數在16.5萬~2640萬人之間。
美國目前已經不少州正在開放經濟活動與交通往來，然而美國近期又出一波新冠疫情的上升，根據約翰·霍普金斯大學（Johns Hopkins University）的統計，美國新的冠狀病毒感染數量又以每天幾萬人的數字上升，上週三記錄了35,900例，顯然疫情沒有像過去SARS、MARS那樣自行消失。
德州看到重新復燃的疫情，決定暫緩中止了重新開放經濟的步驟。
美國疾管中心主任羅伯特‧雷德菲德（Robert Redfield）說，美國的感染率各地都不一致，這和各州人口密度不同有關。從血清調查來看，感染人數好像占了美國公眾的5％至8％，這些人有些有抗體，但有些人仍會帶原。
疾管中心還有一份新報告，發現遭感染的孕婦，是高風險病患，進入重症監護，和配戴呼吸器的比例更高。幸好，未發現孕婦死亡風險較高。
</t>
  </si>
  <si>
    <t>行政院長蘇貞昌今日於臉書發文表示，即日起，公費疫苗預約系統開放要接種第二劑高端、第一劑BNT的民眾預約接種，請大家記得在 禮拜三中午前上公費疫苗預約系統(網址https：／／1922.GOV.TW)預約。
蘇貞昌說，只要民眾在9月28日（含）以前，接種高端疫苗間隔滿四個禮拜，以及登記BNT的「18至22歲及65歲以上民眾，40歲以上第9類民眾」，都可以預約在 9月27日至10月2日間接種。</t>
  </si>
  <si>
    <t xml:space="preserve">
鑽石公主號郵輪因為受到新冠肺炎疫情影響，目前正停靠在橫濱港進行隔離管制，船上的3,700人中有218人確定感染新冠肺炎，而鑽石公主號的母公司嘉年華郵輪表示，為了感謝員工在危機時刻挺身而出幫助防疫，渡過危機後將給予2個月的有薪假期。
到13日為止鑽石公主號上面有218名的新冠肺炎確診病例，而其中包含10名船員及1名檢疫官，是中國大陸之外最多確診病例的地方，日本厚生勞動省表示，現在仍在繼續擴大檢驗工程，接下來預計讓80歲以上長者、慢性疾病患者和住在無窗艙房的旅客優先下船。
而鑽石公主號的擁有者嘉年華郵輪公司表示，將會退還旅客本次航程的所有費用，其中還包含工作人員的小費，此外還會贈送一次免費航程，而對於員工站在第一線幫助防疫，公司也表示很感謝，會在渡過危機後給予2個月的有薪休假。
嘉年華郵輪公司發言人Roger Frizzell表示，第一線的船員對於防疫作業非常重要，若是沒有他們防疫絕對不會成功。
更多 CTWANT 報導
</t>
  </si>
  <si>
    <t>台北市22日起將入校為12歲至17歲的青少年施打BNT疫苗，國民黨北市議員王欣儀批評，後續可能產生的「疫苗殘劑」仍無解方，目前僅知會一律「帶回醫院」，但途中若有差錯恐導致失效，不如就地在校園內，讓未接種疫苗的教職員、志工施打殘劑，建立完整的校園防護網。
王欣儀指出，疫苗有運送、存放條件及時效性問題，如在校內未施打完的疫苗殘劑，於帶回醫院的途中發生狀況，造成疫苗失效豈不浪費？相關問題和責任又由誰來承擔？因此她認為，入校接種疫苗後產生為數極少的殘劑，應直接在校園內運用掉，才能確保疫苗安全、不會浪費。
王欣儀認為，Delta病毒已入侵新北幼兒園，並波及北市學校，即便教師施打疫苗也有染疫、傳染風險；何況現在仍有部份教師因身體狀況或醫囑規定無法接種AZ疫苗，也有許多必須入校協助校園防疫、站在第一線的志工因未獲造冊安排，至今仍在苦等第一劑疫苗，因此大家無不關心BNT殘劑未來可如何運用！
王欣儀要求，北市府應儘速向中央爭取「入校接種BNT疫苗之少量殘劑」可直接運用於校園內，並訂定公開、透明、清楚的SOP處理流程及造冊的優先順序，讓各校有所依循。讓全體教職員工、志工們也能有機會接種疫苗，將校園防疫漏洞補起來，建立完整的防護網。</t>
  </si>
  <si>
    <t xml:space="preserve">
新冠疫情在國內引爆，隨著確診人數持續攀升，社區氣氛也變得人心惶惶，許多民眾就算乖乖待在家中也擔心染疫。兒科醫師徐嘉賢坦言，新冠病毒千變萬化，很多症狀容易和感冒、氣喘混淆，不過，新冠肺炎患者有一個症狀比例特別高，同時也是確診初期的相關指標。
徐嘉賢在臉書「黑眼圈奶爸Dr. 徐嘉賢醫師」上分享，門診常遇到許多病患身體出現流鼻水鼻塞症狀，卻不知道到底是過敏還是感冒，甚至擔心染上新冠肺炎。在疫情期間，的確有許多症狀容易和新冠肺炎混淆。
徐嘉賢透露，過敏發作的時間較固定，症狀不太會改變、沒有發燒，沒有味覺改變。不過長期鼻子過敏、鼻竇炎，也會有嗅覺上師或嗅覺異常；而氣喘患者，有些也會咳嗽還會有痰音。但總括來說，「過敏是不會發燒。」
至於一般感冒症狀就會隨時間變化，可能剛開始打噴嚏、隔天流鼻水、喉嚨痛，也可能會發燒。徐嘉賢表示，新冠肺炎症狀千變萬化，很像一般的感冒，甚至還有無症狀感染者，要分辨確實困難，唯一能夠確定的方法就是做篩檢。
但他指出，若出現「味覺和嗅覺異常」症狀時需要特別留意，雖然這並不是新冠肺炎獨有的症狀，其他普通的感冒病毒也會發生，但是新冠肺炎的比例特別高，確診者中有68％至85%嗅覺異常，71％至88.8%味覺異常。而且出現嗅、味覺異常症狀是在確診初期，病毒沒有進入肺部之前的一個徵兆。
徐嘉賢提醒，除非醫生有強烈懷疑，或是有接觸史、足跡和確診者重疊的民眾，千萬別沒事去湊熱鬧「篩檢看看」，去篩檢站、急診、大醫院感染病毒的風險可能更高，而且防疫的醫護人員也已經很忙了，不要增加他們額外不必要的工作。徐嘉賢說，最好的方法是等疫苗開放，就趕快去預約施打，「疫苗施打率有普及的話，疫情才有停止的一天」。
</t>
  </si>
  <si>
    <t>新冠肺炎嚴重衝擊觀光，澎湖縣政府展開搶救觀光大作戰，配合今年澎湖文旅年活動，主打軍事古蹟文化之旅，帶領遊客揭開澎湖神祕軍事面紗。
四面環海澎湖島位於東亞航線要衝，翻開中外歷史澎湖扮演重要戰略據點，昔日古戰場歷經歲月變遷，遺留下許多珍貴戰地遺跡，深具觀光發展潛力。
縣府明定2020年澎湖文旅年，大力行銷文化結合觀光新形態，相中軍事之旅新亮點，詎料一場肺炎疫情席捲而來，打亂了澎湖觀光行銷步調。
縣府團隊一級主管聯袂走讀拱北山砲台、金龜頭砲台等澎湖軍事古蹟，號召地方旅遊業者攜手合作殺出疫情困境振興觀光。
文化局指出，澎湖擁有荷蘭、清末及現代各式砲台，尤其中法戰爭後，台灣巡撫劉銘傳看中台灣戰略位置重要，全台各地興建10座砲台加強軍備防務，澎湖島有拱北、金龜頭、東台、西台4座砲台。
文化局表示，拱北砲台是清光緒年間建築的新式砲台，內陸砲台有砲位、藏兵洞、大兵房、小彈藥庫、彈藥總庫、方池等空間，範圍擴及拱北山第一砲台、第二砲台等軍事設施，目前仍是軍事管制區未對外開放。
金龜頭砲台座落於澎湖西南岬角，砲台門額題字「天南鎖鑰」，與風櫃尾蛇頭山砲台隔海相望共扼馬公灣海口，這是座城垛式外型堡壘，內有坑道通達各海岸射口。</t>
  </si>
  <si>
    <t>大陸今（12日）通報新增46例新冠確診病例，其中本土病例20例（均在福建，其中莆田市19例、泉州市1例），莆田市隨即宣布明（13日）起全市中小學、幼兒園暫停面授課程，改為線上教學。
據了解，根據9月12日《莆田市應對新型冠狀病毒感染肺炎疫情工作指揮部通告》指出，莆田全市中小學（有住宿條件和全封閉管理條件的高三年級除外）、幼兒園、各類教育培訓機構從2021年9月13日起暫停面授課程。
通告要求，在暫停面授課程期間，全市幼兒園、小學一、二年級展開居家生活指導，各地各校在線上教學期間要加強對學生學習、生活的指導，要求居家不外出、不聚會、不舉辦和參加聚集性活動。此外，也要求各地各校要搭建網路課堂，實現教師和學生線下課程到線上課程的有序銜接，為學生做到「停課不停學、學習不掉線」，認真做好線上教學實施與管理。</t>
  </si>
  <si>
    <t>高雄市才宣布長照機構工作人員1日起全面快篩，2日深夜就驚傳前鎮區某一棟大樓、8間長照機構多位工作人員快篩驗出陽性事件，總人數不明。衛生局第一時間出動遊覽車、載送相關人員前往醫院進行PCR採檢。採檢結果3日中午出爐，全數人員全為陰性，危機暫時解除。
衛生局強調，高雄市為低度盛行率目前快篩偽陽性比率甚高，疫情公布以流行疫情指揮中心為準。
據了解，該棟大樓有9家長照中心，其中約有一半的人力是外籍人員，部分快篩陽性工作人員先被防疫計程車載走，但沒想到後續驗出更多陽性工作人員，衛生局深夜緊急調度防疫遊覽車，多名防疫人員穿著隔離衣，協助將工作人員一次送往醫院做PCR採檢。
衛生局表示，昨晚檢驗，發現該同棟、8家長照中心、多位工作人員快篩有偽陽性問題，隨即依SOP進入通報流程，針對快篩呈陽性反應者、照顧對象、足跡、接觸史、場域等一一釐清。至於快篩呈陽性的工作人員，昨晚在醫院做完PCR檢驗後，就讓其在指定處所進行健康自主管理，在PCR檢驗結果揭曉前嚴格要求再固定定點自我隔離，不得再於機構內活動，也不得出入人潮眾多處，更不能搭乘公共交通運輸工具。
衛生局表示，目前台灣北部已有長照機構染疫危機，高市府1日才宣告長照機構加強防疫作為，包含限制訪客探視、禁止院際間工作人員支援與交流、每日稽核機構防疫作為、新入住的住民入住機構或出院轉入及返回機構均需核酸檢測陰性、長照機構工作人員全面快篩檢測。</t>
  </si>
  <si>
    <t xml:space="preserve">德國病毒專家科庫勒（Alexander Kekule）日前接受專訪時表示，義大利才是「全球新冠瘟疫的開始，並非武漢」，不過他強調，新冠病毒仍源自武漢，只是傳播到義大利後出現變種，病毒變得更具傳染力，之後進一步傳播全世界，因此，目前散布全球的新冠病毒是源自於義大利的突變種。
綜合德國之聲、科學網站「Pledge Times」報導，德國哈勒大學醫院（University Hospital Halle）病毒學家科庫勒上月26日接受德國電視二台（ZDF）談話節目專訪時，被主持人問及他在新書中指出「目前肆虐全球的新冠病毒並非來自武漢、而是來自義大利北部」這句話的意思，以及是否和北京官方說法雷同，科庫勒指出，義大利實際上才是「全球瘟疫的開始」，「而非武漢。」
他強調自己的說法和北京官方的宣傳不同，說明現在蔓延全球的新冠病毒實際上是一種只出現在義大利北部的突變種，稱為「G變異體」（G-Variante），病毒來到義大利後基因結構經過改造，變得比原來的武漢病毒株更具傳染性，之後再擴散至全世界，因此他才會說義大利才是新冠病毒大流行的發源地，而非武漢。
科庫勒說，義大利北部爆發疫情時，多達數周外界都沒有發現，最早可能在1月就爆發，直到2月底才被辨識出來，不過這段時間病毒已經變異，有足夠時間「優化」自己，因此創造出傳染力更強的變異種，並且從義大利散布全世界，科庫勒甚至指出，目前在大陸看到的病例，都是義大利的變種病毒再輸入。
節目中主持人追問病毒最初是否源自於武漢，科庫勒強調病毒「當然來自中國」，只不過從中國輸入義大利後，在義大利發生突變。另外根據中新社報導，科庫勒在節目中說，目前在全球蔓延的99.5%新冠變異病毒株均可追溯至義大利北部的突變種。
科庫勒也指出，這類高傳染性病毒將無可避免地在全球蔓延，但是他特別點出武漢情況和其他地方不同，武漢會爆出疫情是因為「面對病毒時一無所知」，歐洲卻在收到警告後「長時間內不夠重視導致大流行」。
</t>
  </si>
  <si>
    <t>敦睦艦隊磐石艦24人確診新冠肺炎，國軍防疫疑出現漏洞，4月15日參謀總長黃曙光主持結訓典禮，隔日赴官邸與總統蔡英文開會，是否有疑慮也引發關注。對此，總統府也出面說明，要求國軍檢討疏失，並務必配合指揮中心規範。
總統府發言人丁允恭表示，第一點，國軍除向社會致歉，承擔應有責任外，更以此為鑑徹底檢討防疫管理。
第二點，國軍除全力配合疫調外，國防部調查小組也因詳細釐清過程，既然已造成防疫缺口就要坦承以對，不能再有疏漏，這攸關國內疫情管控，也關乎民眾對國軍的信任，沒有絲毫鬆懈空間。
第三點，所有涉及國軍人員，需嚴格遵守疫情中心的指引及規定，做好個人隔離及管理措施，也請軍方及醫療體系全力照顧染疫官兵，務必做好國軍整體健康跟戰力維繫。
對於參謀總長黃曙光曾與總統開會，丁允恭表示，當天會議都依相關規範與指引，也有戴口罩、消毒，且會議場所也已加強消毒，是沒有問題的，總統的健康狀況也會以最嚴格標準關注。</t>
  </si>
  <si>
    <t xml:space="preserve">海軍群聚感染，其中300多名官兵設籍高雄，疫情嚴重升溫，眼看22日將開為期3天的臨時會，議員、官員、記者室內群聚，高市議會忙著全面消毒，但針對議事廳內恐有大批議員湧入，如何維持1.5公尺社交距離，議會正在傷腦筋。
高市議會表示，20日至22日召開第三次臨時會，採取高規格防疫措施，進入議會不僅要過酒精消毒、紅外線體溫量測、實名登記「三關」，21日還請工作人員針對議事廳進行全面消毒，特別加強麥克風消毒，以長效鋅物理性方式，維持48小時以上消毒效果。
由於海軍敦睦艦隊群聚感染，高雄疫情轉為嚴峻，高市議會為遵守中央流行疫情指揮中心「停辦室內超過100人以上集會及擴大社交距離」相關規範，用盡心思，由於是臨時會專案報告，只有市長、副市長及相關局處首長需要出席，官員席錯開坐，尚可維持1.5公尺社交距離。
此外，議會嚴格控管媒體人數，預先登記採訪，2樓記者席控制在32人，加上少數工作人員，每家媒體僅限1人進入，其他記者可至3樓旁聽席，並採梅花座拉開距離，臨時會期間為了防疫，旁聽席不開放一般民眾進入，可透過公益頻道或議會官網觀看臨時會直播議程。
然而據了解，議員人數如何管控才令議會傷透腦筋，高市66席議員，專案報告時可先登記，輪到質詢才進入議事廳，但臨時會開議、確認議事日程表時可能趨近於全部出席，議場內座位距離小於1.5公尺，屆時如何確保符合中央規定的社交距離，議會目前還在研究。
</t>
  </si>
  <si>
    <t xml:space="preserve">由於新冠肺炎（COVID-19）爆發，全球都鬧口罩荒，為了解決口罩需求，我國動員大量人力加開產線，並配合「口罩實名制」的政策實施，確保民眾都能夠能夠領到。有位女大生在網路上分享，她看到實名制口罩「一行字」馬上感動萬分，而眾人直呼「屬於我們的驕傲」！
一名女大生在網路論壇《Dcard》上分享表示，在一大早去領實名制口罩上，發現了平常都沒注意到的驚喜，原來是口罩的正面印有一行字，上面寫著「Made In Taiwan」，讓她很感動。原PO指出，「雖然只是簡短的一行字，卻是大家一起努力的結果，謝謝MIT口罩隊！」
看到這口罩上面的驚喜後，不少網友紛紛表示，「屬於我們的驕傲」、「謝謝我們國家的口罩隊！」、「我用MIT口罩我驕傲」。有人更提醒，在這疫情期間，大眾別忘了在領口罩之外，也要想到在工廠趕工的員工，以及在前線支援的醫療團隊，都是台灣防疫的幕後推手，真的辛苦了！
</t>
  </si>
  <si>
    <t>大陸科學院院士王福生在21日新聞發布會上表示，自限性疾病臨床症狀一般一周消失，具體到新冠肺炎，輕型和普通型患者臨床上佔比超過80％以上。輕症患者如果身體狀況比較好、休息充裕、保持良好心情、飲食得當，發病以後，人體免疫整體上佔有優勢，就有可能逐漸康復，即使是比較重的病人，如果能得到及時專業的治療，適當用些藥物，必要時吸氧，就能維持一個好的人體免疫狀態，最重要的是，「縮短發病期，就能較快進入到康復期」，病癒後一般也不會造成後遺症。</t>
  </si>
  <si>
    <t xml:space="preserve">中華電(2412)轉投資是方(6561)1月營收2.3億元，年增15.11%，創下歷史新高，全球雲端趨勢未來幾年持續穩成長，是方營運動能樂觀，法人也看好是方今年營利將挑戰2位數成長。
是方2020年在新冠肺炎衝擊全球影響，帶動宅經濟、居家辦公以及遠距教學等需求大增，加上香港問題，更使得國際雲端大廠在台灣業務量飆升，持續帶動是方雲端應用服務的營運動能；是方去年前三季稅後盈餘4.45億元，年增10.69%，每股盈餘達6.3元。
是方總經理劉耀元表示，去年雲端事業出現高成長，主要受惠疫情帶動，加上遠距離上班、視訊等需求，帶動雲端總機、資安等需求，進入今年後疫情時代，預估業績持續成長，此外，是方可提供亞馬遜、微軟、谷歌、IBM、阿里巴巴等五大公有雲網路直連服務，滿足企業混和雲應用需求。
是方去年前三季每股盈餘6.3元，是方預期今年成長動能可能和過去2~3年相似，法人也預估，是方今年營收成長6~8%，獲利預估會有兩位數成長。
不僅如此，是方日前跨足健康照護領域，推出「是方i健康APP」，長期也將看好成為營運新動能。
</t>
  </si>
  <si>
    <t>新冠肺炎疫情持續延燒，中央公布28例新冠肺炎病例地理分布，確診病例數中，台北市占7例，新北市5例，桃園市1例，大台北地區目前僅有基隆市未傳出確診案例，基隆市長林右昌於24日指出，市府團隊隨時都緊盯疫情發展，隨時回報狀況，後續防疫工作會繼續努力做好，請市民安心。
林右昌上午赴校園視察防疫進度時指出，基隆沒有確診個案絕對是好事，在地所有居家隔離和居家檢疫人員，每天都要向自己回報狀況，如出現疑似案例，市府也依中央指令進行相關處置，到目前為止基隆零確診，他真的感到很慶幸。
針對國中小學即將於24日開學，林右昌指出，戴口罩的時機已有清楚的指引，若有上呼吸道徵狀等，建議民眾還是把口罩戴著，若是健康學童不一定要戴口罩，他也特別提醒各校校長，學生入校時若發現發燒需觀察，立即請家長陪同就醫，萬一家長無法及時到校，經徵求家長同意後，由校方醫護人員陪同學生盡速就醫。</t>
  </si>
  <si>
    <t xml:space="preserve">新冠病毒不只攻擊肺，更會攻擊人類的腎臟、心臟、循環系統、甚至是免疫系統，讓能主動消滅外來病毒的T細胞無法運作，英國研究找到T細胞無法運作的關鍵原因，指出新冠患者體內的IP10分子數值飆高，造成T細胞無法有效作用，這個現象可能是年輕患者，比起中高齡患者更不容易發展為重症的關鍵。
《紐約時報》（New York Times）愈來愈多臨床研究指出，新冠病毒會嚴重消耗人體內重要的免疫細胞。就像上海復旦大學及紐約血液中心的科學家4月刊登的研究成果，指出新冠病毒的作用方式與愛滋病毒相當類似，會獵食人體的免疫軍團T細胞，讓T細胞無法消滅病毒。
5月，美國賓州大學的免疫學專家惠里博士（Dr. John Wherry）和同事聯合發表研究成果，羅列重症患者體內一系列免疫系統缺失。另外一份研究則顯示，近半患者體內的T細胞及B細胞都沒有發揮作用。
6月初，英國倫敦國王學院（King's College London）免疫學家赫碟博士（Dr. Adrian Hayday）領導的團隊在《自然醫學雜誌》（Nature Medicine）刊登最新研究，他們比對63名新冠患者以及55名健康人士，假定患者會對新冠病毒產生強烈的免疫反應，因此多數輕症患者最終都存活了下來。
不過重症患者就像敗血症患者，身體出現過度免疫反應，導致免疫系統受損，這些患者的免疫系統可能竭盡所能地作戰，但是最後卻無法有效地對抗病毒。
倫敦研究在新冠患者體內發現重大異常情形，患者體內的細胞分子IP10數值顯著增加，這種分子能夠調度T細胞至需要作戰的地方。
研究指出，一般時候，IP10發出訊號、調度T細胞時，數值只會些微上升，不過新冠患者體內的IP10數值，就和SARS患者、MERS患者一樣，直線上升、並且維持在高水準。
赫碟博士表示，這種情況就像是田徑選手聽到鳴槍後全力衝刺向前跑，之後又有人不斷鳴槍，「他會怎麼辦？他會停下來，然後困惑、失去方向。」
研究指出，結果顯示，人體可能不斷隨機地對T細胞發出訊號，讓免疫反應出現混亂，有些T細胞已經準備好要消滅病毒，但卻無法下定決心，因此行為失常。很多T細胞明顯死亡，患者體內原本的儲備量逐漸消耗掉，報導說，這種情況在40歲以上的患者身上尤其明顯，因為胸線是人體製造T細胞的主要器官，但是40歲以上人士胸線的效率已經降低。
報導指出，這也是為何孩童較不易染上新冠病毒，因為孩童的胸腺作用非常活躍，製造T細胞的速度比新冠病毒破壞他們的速度還要快。
</t>
  </si>
  <si>
    <t xml:space="preserve">歐盟藥品管理局疫苗部門負責人卡瓦列里（Marco Cavaleri）昨（13）日受訪時指稱，礙於血栓風險，建議各國避免讓60歲以上長者接種阿斯特捷利康（AZ）的新冠疫苗，不過當天稍晚他澄清是媒體誤解他的話，強調AZ疫苗對所有年齡層的險益評估都是正面的，特別是60歲以上族群。
義大利媒體《新聞報》（La Stampa）昨日引述卡瓦列里的說法，指出全球新冠肺炎疫情趨緩，加上考量到年輕人染新冠後的相關風險較低，現在也有了以mRNA為技術基礎的莫德納、輝瑞/BNT新冠疫苗，認為讓年輕人施打這些疫苗比較恰當。
卡瓦列里也被問及是否應該避免讓60歲以上長者接種AZ疫苗？他回答「是」，指出法國、德國等，因為能夠取得更多mRNA疫苗，因此都在考慮這麼做。
這篇報導引發許多外媒跟進報導，以為歐盟將對AZ疫苗的使用年齡新增限制，不過卡瓦列里後續回應路透社的詢問時澄清，指出自己的專訪被錯誤解讀，強調AZ疫苗對所有年齡組來說，險益評估（risk-benefit profile）都是正面的，「尤其是對60歲以上的族群。」
目前歐盟藥品管理局（EMA）對AZ疫苗的立場是，認定AZ疫苗安全，適用於18歲以上族群，不過考量到血栓發生在年輕人身上的風險較高，許多歐盟國家已經停止讓特定年紀以下族群接種AZ疫苗，多數限制只讓50至65歲以上族群接種。
</t>
  </si>
  <si>
    <t>台灣累計10例感染源不明的本土個案，其中1例案268（工作室老闆）今天結案，目前還剩3例追查中，分別是案322（師大學生）、案336（高級社區女保全）與案379（酒店女公關），據指揮中心資料顯示，前3人都有肺炎症狀，案268更是在確診隔天就轉重症。
中央流行疫情指揮中心發言人莊人祥表示，3月28日確診的案268（工作室老闆）為50歲男性，曾於2/29去過金山、3/15去烏來老街，確診症狀有咳嗽、喉嚨痛、頭痛、發燒、呼吸喘、腹瀉、肺炎，匡列的接觸者採檢都是陰性，宣布結案。
莊人祥指出，目前國內感染源不明還有3例，分別是案322(師大學生)、案336(高級社區女保全)、案379(酒店女公關)。其中酒店女公關採檢21位接觸者，17人篩檢結果是陰性，4人仍在檢驗當中。</t>
  </si>
  <si>
    <t xml:space="preserve">社福團體營運受疫情重創，頂新和德文教基金會今天（16日）公布最新調查，逾8成5的受訪社福團體認為，這波疫情造成的衝擊為17年來最嚴重；有7成因此被迫中斷或暫停服務，逾半數預估要一年以上才能恢復營運。基金會特別以創辦人魏應充的墨寶及樂山教養院院生「畢卡平」的畫作樣式，印製象徵滿載愛與共好心願的「公益共好包」，首波將送500個，鼓勵民眾捐款給社福團體。
疫情下國人先砍公益捐款　逾8成5社福團體表示慘過SARS和金融海嘯
根據網路媒體《DailyView網路溫度計》的調查發現，許多網友在疫情期間，首要減少的項目就是公益捐款。疫情期間，一般民眾捐款意願下降，仰賴企業及民眾捐款的社福團體又因避免群聚取消實體募款活動，曝光、宣傳資源不足，嚴重衝擊今年善款收入。
頂新和德文教基金會本月進一步針對今年紓困專案捐助的社福團體，進行「2020年社福團體困境大調查」，以深入瞭解他們在疫情期間面臨的困境。結果顯示，8成5的社福團體認為與2003年的SARS、2008年的金融海嘯期間所受的影響相比，今年新冠肺炎疫情影響他們的程度最大，堪稱17年來最嚴重。
參與調查的社福團體認為，疫情下受到最大的影響是「義賣收入」，有超過9成的社福團體受到衝擊。這段期間，有7成因為政府政策或經費不足，被迫中斷或暫停部分服務，然而也有超過3成的社福團體，因為提供全天收容、安置服務不能斷，只能咬緊牙根、勉強度日。超過5成的社福團體認為，疫情造成的傷害需要1年以上才能回復，更有1成5表示可能數年內都無法修復。
避免群聚社福團體人力更少　照顧對象情緒受打擊
天主教白永恩神父社會福利基金會執行長宗景宜說，防疫期間除了讓社福團體減少收入外，受限於不能群聚，志工沒辦法去幫忙、服務對象的家人也不能去探訪；他們許多服務的老人、身心障礙者許久不見家人，情緒受到打擊，不間斷服務除了需要錢，也缺紙尿褲、營養品等物資。
勵馨社會福利事業基金會董事長林靜文表示，該會協助弱勢婦幼重建生活，捐款比去年同期少3成，受贈物資也減少，他們服務的許多個案面臨排班減少或失業，這段期間光是經濟扶助、協助就業就花掉56.2％的資源。樂山教養院院長張嘉芳說，今年4月最慘，每周都要看錢夠不夠，有些照護的孩子不明白為何不能回家，情緒反應大，有教師無法負荷而離職。花蓮縣老人暨家庭關懷協會執行長蔡智全也說，他們的捐款比往年下降3成。
善慧恩社會慈善基金會董事長彭春貴指出，疫情之下他們每個月都虧錢，但感謝頂新和德文教基金會伸出援手，他們收到的不只是足以支應2個月的薪資經費，更是一份溫暖、一份愛，讓他們給沒辦法選擇原生家庭，又被學校排斥的青少年們一點愛、一點信賴。
頂新和德文教基金會捐助逾5000萬元　推「共好包」邀您助社福團體
頂新和德文教基金會魏應充創辦人憂心，社福團體長期支撐弱勢者的力量中斷，連月來已累積捐助逾5000萬元，協助40多個社福團體紓困，統計逾10萬人次受惠，然而對全台社福團體的困境來說仍是杯水車薪。
為帶動民眾關心社福團體困境並伸出援手，頂新和德文教基金會今天也宣布推出「公益共好包」鼓勵捐款活動。民眾透過基金會紓困專區網頁，連結至各個社福團體的捐款頁面，捐款並登錄資料，即有機會抽中「公益共好包」，單筆捐款達3000元，不必抽獎可直接獲贈限量「公益共好包」組合，內含基金會加碼回饋的社福團體義賣產品。
頂新和德文教基金會副執行長蕭巧怡表示，「公益共好包」外印製的圖樣由創辦人魏應充的墨寶「共好」二字及唐氏症患者「畢卡平」的畫作《好朋友》所組成，象徵基金會攜手民眾，以愛邁向「台灣共好」。
蕭巧怡表示，創辦人魏應充習字39年，隸書作品自成一格，去年還曾與國寶級書法大師周良敦同框揮毫。魏應充先生一生行善卻飽受外界誤解，內心極艱困的情況下從未放棄以公益志業促成「台灣共好」的心願。
這次使用的「共好」字樣，取自魏應充今年1月7日所寫的書法作品，他被迫失去自由的前夕，寫下「以誠待人，以正做事；上天淬鍊，逆增上緣；善愛為寶，台灣共好」24字表明心跡，此後與外隔絕、仍持續隔空送暖給社福團體。
《好朋友》畫作，則由樂山教養院內號稱「畢卡平」的院生劉樂平與朋友「小卿」的共同創作。劉樂平是唐氏症合併自閉症患者，平日很少跟外人說話。魏應充過去從事公益曾兩度造訪樂山，基金會因此獲悉「畢卡平」的故事與天分，這次特別商請院方授權，盼《好朋友》畫作與「共好」二字象徵的意涵，讓滿載愛與願的「公益共好包」，為社福團體的寒冬帶來暖流。
頂新和德文教基金會邀請您伸出援手支持社福團體，一起成就公益、共好理念，助他們度過疫情難關。活動網址 https://tinyurl.com/y3o6ug2n。
</t>
  </si>
  <si>
    <t>新冠肺炎疫情蔓延，台南市佳里區21歲女子花淑珍不顧規定，還在居家檢疫期間，竟在16日晚偷跑到新竹關西訪友，成為在這次新冠肺炎防疫期間，第一個遭台南市政府公布姓名協尋的民眾，警方17日晚間查獲行蹤，連夜開警車北上要將她帶回家。
花淑珍是台灣人，母親是陸配，花母離婚後帶著女兒住在佳里區，母女兩先前一同回大陸廈門探親，本月4日返台，依《傳染病防治法》規定，小三通回台者需居家檢疫14天，不得無故失聯，花女依規定必須居家檢疫至19日才解禁，想不到17日上午卻突然失蹤，區公所人員聯繫不上，花女的母親也不知女兒行蹤。
台南市民政局追查一天無果，晚間決定公布姓名請全民協尋，並請警方追查，警方查出她16日晚間7時許搭計程車到台南市火車站，再搭火車跑到新竹造訪男性友人。警方17日晚8時許派警員開警車，載著區公所人員，連夜北上將她帶回，防疫人員說，花女稱搭客運到關西找朋友，未說明何時抵達及接觸哪些人。
據了解，花女回台居家檢疫之初，就曾出外購物讓防疫人員撲空，居家期間未滿又消失，令人頭痛，台南市衛生局將依傳染病防治法開罰，最重可罰15萬元。
台南市公布第1個居家檢疫失聯者使民眾陷入恐慌，不少人打電話到市府詢問花女住處、搭乘何種交通工具等問題。台南市民政局強調，現階段最重要的事是把人找到，帶回來完成居家檢疫期，花女目前仍算是個健康者，不是病患，民眾不要過度憂慮。</t>
  </si>
  <si>
    <t xml:space="preserve">美國總統川普21日表示，為了保障國人工作權，他將於22日簽署暫停受理外國人申請移民60天的行政命令，申請永久居留的綠卡者將暫時無法搬來美國，但不會影響短期申請入境的臨時工，並於60天後重新評估此一命令。
據路透社報導，川普在白宮疫情記者會上表示，如果美國人因新冠疫情遭資遣，原有職缺卻被新的外國勞工所取代，這將是重大錯誤且對美國人民不公，我們必須首先照顧美國工人。不過他也表示這項命令將有部分人士豁免，且將於60天後再次檢視是否有需延長。
報導指出，這項行政命令已包含部分因應新冠疫情爆發而申請入境的臨時工，例如農場員工或者其他確保美國糧食供給的臨時工。官方也強調，美國即將重啟經濟，預計移民流入將大幅增長，行政部門希望確保雇主優先雇用受疫情衝擊而遭開除的員工，而非先給較低薪資需求的外籍移民勞工。
美國國務院2019年財政年度中，發行大約46萬份外國移民簽證，該簽證允許外國移民獲得合法永久居留權，為外界通常所熟知的「綠卡」，並允許獲得該簽證的外國人民可在美國境內生活且工作，並於5年後即可申請公民權。
報導指出，目前申請專業性職業工作人員簽證（H-1B）的人，也必須更新相關證明，向美政府表示不會取代美國勞工。不過批評也指出，H-1B簽證早就由取代美國人的人力資源公司所獨佔，他們多為申請公司後勤的科技類職缺。
</t>
  </si>
  <si>
    <t xml:space="preserve">
新竹2位男性民眾，因新冠肺炎疫情壓力及心情起伏，突然無力起身，緊急送至中醫大新竹附設醫院就醫，經過急診醫師與腎臟科醫師林信宏診斷，發現都是「甲狀腺機能亢進」引起「低血鉀」惹的禍 !
林信宏指出， 正常人的血中鉀離子在3.5至5.0，第1位50多歲男性患者，從大陸返回居家檢疫後，某日清晨突然感到四肢無力，無法起身，檢查發現血中鉀離子只有2.1。另30多歲將升格當爸爸的患者，過去從未發生肌無力，也突然無力不能行走，檢查發現鉀離子只有1.9。
林信宏指這2名患者都有尚未被診斷出的「甲狀腺機能亢進」，發現都因新冠肺炎疫情的壓力與情緒起伏，誘發了低血鉀的「週期性肌無力」，2人經補充鉀離子，並服用控制甲狀腺藥物後，都已恢復正常生活。
林信宏指出，血中鉀離子過低會引起人體肌肉無力或心律不整，多數低血鉀症是長期未進食或鉀離子從腎臟流失所致，但少數也和甲狀腺疾病有關，可經由尿液和血液檢查找出原因並加以治療。
林信宏並說，一般甲狀腺亢進以女性較多，易有失眠、焦慮、多汗、體重減輕、心悸、大脖子、眼球突出等症狀，但也可能週期性使血中的鉀離子急速減少，造成肌肉無力或心律不整，這種突發性症狀在亞洲年輕男性的比例特別高。
林信宏提醒，甲狀腺疾病的患者，一定要按時服藥及門診追蹤，維持穩定的生活作息，民眾如曾無緣無故突然四肢無力，也要小心是否為潛在著甲狀腺疾病造成低血鉀相關的週期性肌無力症。</t>
  </si>
  <si>
    <t xml:space="preserve">中澳外交僵局不斷加深，如今又在新冠疫情肆虐下，開闢了另一個戰場。
據CNN新聞網19日報導，北京說，坎培拉正阻撓它在太平洋島國巴布亞紐幾內亞（Papua New Guinea）推出中國疫苗。而澳洲太平洋事務部長賽索嘉（Zed Seselja）說，他們支持巴紐根據主權做決定。可是北京並不那麼認為，7月初時，中方官媒《環球時報》指控澳洲，妨害中國疫苗在太平洋推出疫苗。1名中國外交部發言人痛批澳洲，說它破壞亞太地區的疫苗合作。
多年來，中澳不斷在太平洋較勁，而相關區域對兩國都有戰略優勢的重要性。而巴紐位於美國和亞洲之間，無論對澳洲或中國來說，都是關鍵軍事集結地，也是未來可能的防禦設施設置點。
澳洲和太平洋有長期的經濟和文化關係，對坎培拉的國家安全來說，確保北京不在亞太占有重要地位至關重要。而對北京來說，相關區域則象徵擴張影響力的機會，如今種種政治運作都使巴紐的新冠疫情成為中澳另一個角力場。
雖然巴紐逃過了2020年最嚴重的新冠疫情，但今年病例卻飆升，至今有超過1.7萬人確診，179人喪生。就在當地病例2月攀升時，北京宣布將提供疫苗。但巴紐直到5月才批准，而《環球時報》認為，這是澳洲從中作梗的結果。報導中直指，澳洲在破壞並干擾太平洋島國和中方在疫苗和防控措施上的合作。
不過，賽索嘉說，儘管澳洲在新冠肺炎大流行時，有派衛生專家到巴紐，以加強政府相關系統，並提供第一線的後勤支援，但並未就中方疫苗的效用提供建議。此外，他強調，早在新冠大流行前，澳洲就對巴紐的醫療衛生專業有廣泛貢獻，因此任何暗示，坎培拉這麼做是針對其他國家的說法是沒有根據的。
事實上，自從去年澳洲政府公開要求，調查新冠病毒起源開始，中澳關係就跌入谷底。隨著中澳在太平洋競相爭取影響力，北京重新聚焦亞太，或許意味著更多金援，也將賦予太平洋島國更大的談判權。
</t>
  </si>
  <si>
    <t>大陸昨（28日）新增新冠肺炎確診病例101例，其中98例為本土病例（新疆89例，遼寧8例，北京1例），再破本輪疫情最高記錄，也是自4月中旬以來，確診數字首次破百。當中，新疆新增89例（其中43例為無症狀感染者轉確診病例），均在烏魯木齊市。
據國家衛健委，7月28日，31個省（自治區、直轄市）和新疆生產建設兵團報告新增確診病例101例，其中境外輸入病例3例（廣東2例，上海1例），本土病例98例（新疆89例，遼寧8例，北京1例）；無新增死亡病例；無新增疑似病例。當日新增治愈出院病例10例。
截至7月28日止，中國現有確診病例482例（其中重症病例25例），累計治愈出院病例78944例，累計死亡病例4634例，累計報告確診病例84060例，現有疑似病例1例。
新增無症狀感染者27例（境外輸入8例）；當日轉為確診病例51例（無境外輸入）；當日解除醫學觀察9例（境外輸入5例）；尚在醫學觀察無症狀感染者273例（境外輸入91例）。
另據新疆維吾爾自治區衛生健康委最新通報，7月28日0時至24時，新疆報告新增新冠肺炎確診病例89例（其中43例為無症狀感染者轉確診病例），新增無症狀感染者15例，均在烏魯木齊市。
截至7月28日24時，新疆（含兵團）現有確診病例322例（危重症3例、重症16例），其中烏魯木齊市320例、喀什地區1例（烏魯木齊市移入病例）、兵團1例；現有無症狀感染者133例，其中烏魯木齊市130例、兵團1例、昌吉州2例（烏魯木齊市移入）。</t>
  </si>
  <si>
    <t xml:space="preserve">【愛傳媒楊忠衡專欄】郭董要見蔡總統，結果同時請來了台積電的劉董，好像各路人馬進了龍門客棧，笑容底下不知打什麼算盤。
一到晚上，各路電視名嘴早已養足精神，迫不及待各自表述。從他們眉飛色舞、口若懸河的表演，打敗所有職業說書、相聲、講古藝人。
內容從醫學講到科技，從經濟扯到政治；精彩勝過三國混西遊，甄環配水滸。把小小一張會議桌，解讀成國內三教九流、海峽兩岸、世界列強的角力桌。
這讓我想到小時讀的成語故事「二桃殺三士」。春秋時代的齊景公，為了收伏手下三員大將，採用晏子獻策，賞賜三個人兩顆桃子。
結果三個大將在各自想太多的情況下，先後自盡。齊景公除掉三個心腹大患，只用了兩顆桃子，堪稱史上CP值最高的平亂計謀。
我當時年紀雖小，卻自許聰明打從心底不信。三個功業彪炳的大將軍，什麼世面沒有見過？怎麼可能為了兩顆桃子，自尋絕路呢？又不是三歲小孩？
一直到好不容易活了那麼大歲數，才明白「人世」是怎麼回事。每個人就像棋盤上的一枚棋子。
表面上各自平靜的杵著，其實彼此間存在無形的聯動厲害關係。隨著棋局進行，棋子間的壓力愈絞愈緊。看不懂的，只看見棋子挪移，看得懂的高手則可能在數著之前，就悟到對方的「殺機」。
輕輕放下的兩顆桃子，可能已經註定三名武將的死棋。第一位懂的將軍選擇自殺，他的死造成新的壓力，迫使第二位不得不跟著自殺。
那麼第三位有可能帶著兩顆桃子，獨自安然微笑離開現場嗎？那兩個枉死的仇家勢力會放過他嗎？他這麼白目，皇帝又可能獨厚他嗎？除了自殺，沒有別的選項。小小的動作，背後力道萬鈞。
同樣的，看似平淡無奇的安排，誰知道棋局背後的計謀是什麼？也難怪名嘴們要興緻勃勃的捕風捉影了。
自古有明訓，人類最大的對手還是人類自己；疫苗是焦點，在這幕戲裡反而靜靜成為配角，就像關鍵的兩顆桃。事情將如何發展？搬張椅子看下去。
作者為廣藝基金會執行長
照片來源：作者臉書。
●更多文章見作者臉書，經授權刊載。
●專欄文章，不代表i-Media 愛傳媒立場。
</t>
  </si>
  <si>
    <t>新冠肺炎疫情延燒衝擊就業市場，高盛警告美國本周初領失業救濟金人數恐突破200萬人，將超越1982年10月2日該周的紀錄。經濟學家警告，未來情況恐怕更加嚴峻，美國失業率恐翻倍至8％。
勞工部19日報告顯示，上周（迄至3月14日）初次請領失業救濟金人數為28.1萬人，遠高於前一周的21.1萬人與市場預期的22萬人。
此人數為2017年9月2日以來最高，單周增幅33％則超越2008年金融危機期間的14％。
但高盛銀行經濟學家警告，隨著美國確診病例增加，全國進入緊急狀態並採取封城等措施，運動賽事等經濟活動紛紛取消，就業市場恐承受更大衝擊。
高盛預估，本周初次請領失業救濟金人數恐暴增至225萬人，這將是上周數量八倍並改寫史上新高。而即使是最保守估計也會超過100萬人，超越1982年10月2日該周的紀錄，當時申請失業救濟人數約69.5萬人。
正大聯合會計師事務所（Grant Thornton）首席經濟學家史旺克（Diane Swonk）如今預測，美國失業率將從50年低點的3.5％大幅攀升至8％。
受到新冠肺炎疫情影響，許多民眾擔憂染病足不出戶，航空業首當其衝、營收銳減，餐廳、旅館與零售商店生意一落千丈，部分商家被迫實施裁員或直接宣布歇業。
以俄亥俄州為例，光本周前兩天便有超過4.8萬人申請失業救濟金，遠高於上周同期的1,825人。賓夕凡尼亞的情況也好不到哪去，周二申請失業補助高達7萬人，比起三月首周整個禮拜1.2萬人高出許多。
佛州經濟機會部門（Department of Economic Opportunity）表示，他們本周一至周三接獲7.6萬通詢問就業補助的電話，遠高於上周整個禮拜總數2.8萬通。該機構計劃增聘逾100名人手，藉此因應如此龐大需求。</t>
  </si>
  <si>
    <t>立院今天上午朝野協商通過7天內在赴離島的機場、港口設置快篩站，入境離島者均需全面接受篩檢，但中央疫情指揮中心下午公布的辦法卻是過去14天內無症狀者可以直接登機，導致離島防疫淪為做「半套」，防堵效果預期打折扣。縣府晚間緊急宣布明天起，機場全面強制實聯制，同時現有快篩站持續運作，希望起到「補破網」的防堵作用。
楊鎮浯在今天下午的全縣災害應變中心會議中，下令明天起搭機抵金的旅客均需全面強制實聯制，並協調金門民航站協助執行。同時也要求民政、警政單位加強每日關懷工作，降低因中央未能強制全面採檢，可能出現防疫破口的風險。
楊鎮浯強調，疫情持續嚴峻，連江、澎湖2離島縣相繼出現確診個案，在金門地區尚未達到一定程度的疫苗覆蓋率之前，中央、地方單位應通力合作，強化橫向聯繫防疫作為。
楊鎮浯表示，因應疫情擴散的可能，緊接將進行防疫編組，讓各自任務更加明確化。同時針對部分鄉親關心疫苗施打效率，縣府也已要求各鄉鎮衛生所協助施打，以提高施打量能。</t>
  </si>
  <si>
    <t>新北市長侯友宜昨(14日)表示，自己最討厭政治口水，近期接獲蔡英文總統致電時，特別向總統善意提醒，「國難當頭，請總統約束底下的人，一起團結抗疫」。對此，台灣民意基金會董事長游盈隆認為，硬漢如侯友宜也有受不了被攻擊的時候，也或許這種「示弱」或「求饒」是一種高明的政治動作。
雙北市疫情嚴峻，對於侯友宜向蔡總統提醒「約束底下的人」，媒體今（14日）再度追問是哪些人需要被約束？侯回應，「只是媒體在詢問的時候，還原當時候整個談話的內容，最重要是團結在一起、努力防疫」。
游盈隆14日在臉書表示，硬漢如侯友宜也有受不了被攻擊的時候，也或許這種「示弱」或「求饒」是一種高明的政治動作，是好是壞，民眾心中自有一把尺。
此外，游盈隆也提到，「今年過一個百年一遇的端午節，友人昨天傳來一首詞，作者不詳，仿宋朝蘇軾《江城子》，讀之令人拍案叫絕，作者文采之好，讓我眼睛為之一亮」。內容如下，「端午生死兩茫茫，禁返鄉，虛解盲。萬人染疫，無處話淒涼。縱使相逢應不識，罩遮面，人心慌。五漢廢言擺爛王，普篩擋，高端放。相顧無言，唯有淚千行。料得來年腸斷處，悼國觴，怨女皇」。
過一個百年一遇的端午節
-----------------------
今天是端午節，去年此時，台灣人正興高采烈過端午，因6月7...</t>
  </si>
  <si>
    <t xml:space="preserve">全國首場安心即時上工就業博覽會竹市登場，徵求「防疫國家隊」隊員！勞動部13日推出安心即時上工計畫，新竹巿政府率全國之先釋出326個計時工作，協助各局處的防疫物資整備、量測體溫等防疫相關工作，3天內上工，首日就有人謀得工作。
市長林智堅指出，打工族、契約工等非典型勞工，受到新冠肺炎疫情衝擊影響生計，市府配合中央「安心即時上工」政策，迅速盤點出326個工作，提供這些打工族計時工作機會，協助市府防疫工作，錄取者將加入衛生局、環保局、社會處、行政處及民政處等單位，協助為洽公民眾量測體溫、環境清潔、防疫宣導、防疫物資整備及相關文書等工作，為防疫工作添人手，也提供更多職缺，盼協助受衝擊的勞工朋友增加額外的收入，達到雙贏。
勞工處長黃錦源表示，今天的就業博覽會中，勞工處聯合新竹就業中心，提供1對1專人服務，從提出申請、資格審核、提供職缺、現場面試1次完成，讓民眾省去跑3、4個單位的麻煩。
且活動現場媒合也特別選在戶外幸福廣場進行，以維持室外通風、社交距離超過1公尺，順利完成首場典範就業博覽會。
黃錦源說，「安心即時上工計畫」適用對象是最近1次的月投保薪資在2萬3800元以下的勞工：另，有投保勞工保險或就業保險，於申請登記當日前6個月內，保險年資合計滿2個月以上者。
符合資格的勞工經錄取後，每小時按基本工資158元核給工作津貼，每月最高工作80小時，每月最多核給1萬2640元，每人最長以補助6個月為限，目的是協助穩定勞工經濟生活。
而「安心即時上工計畫」由全國各公立就業服務機構受理民眾申請登記，公立就業服務機構將推介符合資格的民眾至各政府機關用人單位，由用人單位通知錄用及上工。
此外，為方便竹巿勞工朋友查詢參加此方案的身分資格，巿府也與勞動力發展署桃竹苗分署推出「安心即時上工─線上報名服務單」，民眾將可線上查詢是否符合計畫適用對象，並協助面談及上工等後續的工作。
</t>
  </si>
  <si>
    <t xml:space="preserve">國內莫德納疫苗打氣低迷，為提升疫苗涵蓋率，中央流行疫情指揮中心宣布，本周起將在全聯174家門市設立疫苗接種站，對於賣場開打疫苗會不會影響到診所業務，財經網美胡采蘋表示，她問了開診所的弟弟，結果弟弟翻了一個白眼後，點出診所有先發優勢，並說一家診所如果會怕全聯，根本就不要混了。
胡采蘋在粉專《Emmy追劇時間》轉述她弟弟的話說，他們診所平常在地方經營那麼久，熟悉的病人那麼多，而且在診所打完疫苗有休息室，當場也有醫生在旁邊隨時支援照顧，後續若有不舒服，打電話來還有醫生提供諮詢，反問若要來複診、開藥，追溯打疫苗當天的情況，「你是可以去全聯喔？」
此外，他強調，診所早就幫很多病人打了第一劑、第二劑，根本有先發優勢了，去賣場打沒人認識你，也不知道你以前生過什麼病，因此病人還是會傾向到原本的診所打疫苗，揚言在這些優勢前提下，如果還打不過全聯，這個診所是要怎麼混下去？
胡采蘋聽完也頗表認同，表示乍聽之下會覺得全聯的零售點又多又有人流，一星期去全聯兩、三次的大有人在，所以才會感覺全聯一來，診所都要完蛋了。不過經過分析後發現，道理跟零售商做品牌是一樣的，包括提供試用品、銷售人員的訓練，以及後續的客服、退換貨服務，都是要長期投資培養的，品牌一旦形成，就不容易被打敗，做診所也是一樣的道理。
</t>
  </si>
  <si>
    <t>大陸官方「健康江蘇」微信公眾號11日消息，大陸10日0-24時新增本土確診病例83例，其中江蘇占54例，全部在揚州（13例輕型，41例普通型），江蘇省長坦承，仍有感染者是透過社會篩查發現，顯示揚州管控還存在漏洞。揚州市新冠肺炎疫情防控工作指揮部已自11日清晨6：30起，展開主城區第六輪大規模核酸檢測。
大陸國家衛健委統計，10日0-24時新增確診本土病例83例（江蘇54例，湖北14例，河南7例，湖南5例，雲南2例，北京1例）；無症狀感染者本土7例（湖北5例，河南2例）。
江蘇7月20日至昨，全省累計報告本土確診病例696例（南京市233例，淮安市12例，揚州市448例，宿遷市3例）。隔離治療中確診病例685例，其中本土確診病例666例（輕型122例、普通型509例、重型23例、危重型12例）。無症狀感染者8例，其中本土無症狀感染者1例。
江蘇省長吳政隆10日下午在大陸國家省揚州市疫情防控三級對接會說：「從核酸檢測情況看，還有部分感染者是通過社會篩查發現的，表明在社區和城中村管控、應隔盡隔、應隔快隔上還存在薄弱環節和漏洞，疫情防控形勢非常嚴峻複雜。」
吳政隆要求進一步研究細化，形成當天的任務清單、工作清單，加快落地見效。
他指出，隔離管控必須更加徹底更加快速，必須刻不容緩將密接、次密接以及重點人員全部轉運隔離到位，嚴格隔離點安全、消防、防疫的管理。流調溯源必須更全面再提速，在做好陽性感染者流調工作的同時，加強前期流調「回頭看」。大規模核酸檢測必須更加科學高效，加強全流程品質控制；目標人群必須應檢盡檢，不漏一戶、不漏一人；加密布點、就近布點、精心組織、分區分時實施，避免人員聚集，有序快速安全採樣；不斷提升採送檢的匹配度，切實做到一天出結果。
澎湃新聞報導，揚州市新冠肺炎疫情防控工作指揮部已於11日清晨6：30開展主城區第六輪大規模核酸檢測。</t>
  </si>
  <si>
    <t>全國進入三級警戒，新北市議員劉美芳今（21）日提出，政府持續宣導民眾待在家中抗疫，衍生學童停課防疫照顧假不強制雇主支薪、攤商夜市暫停營業、政府列管特殊行業停業等問題，民眾的經濟面受衝擊，她建議行政院疫情期間每位國民發放2萬元「防疫振興金」，以2357萬人口計算共4714億元，讓民眾安心在家防疫。
劉美芳表示，行政院5月13日院會通過《嚴重特殊傳染性肺炎防治及紓困振興特別條例》第11條及第19條條文修正草案，提高紓困振興特別預算上限至6300億元，並將特別條例期限延至2022年6月30日，可見政府早已對於疫情衝擊經濟部分有所準備，但政府政策從規畫到執行總曠日廢時，就怕許多小老百姓已經撐不下去。
劉美芳舉例，美國今年3月通過的紓困金方案，多數美國人已領取3.9萬元新台幣的紓困金，因此她建議，行政院在疫情期間，每位國民發放2萬元「防疫振興金」，以安民心。
劉美芳表示，這波疫情讓許多自營商及勞工、低收入族群，無法滿足基本生活所需，勢必會影響未來防疫配合及需要，更嚴重是產生治安上的隱憂，這是政府限階段必須整體考量的事，有全面的配套，政府做人民經濟上的後盾，才不會造成民眾過度恐慌，台灣也才能通過這波疫情的考驗。</t>
  </si>
  <si>
    <t xml:space="preserve">
有鑒於境外移入的新冠肺炎確診案例數快速增加，今（17）日更一口氣爆增10例確診，衛福部長陳時中表示，新冠肺炎正在全球大流行，為避免民眾赴國外旅遊不幸染病，造成國內社區防疫壓力，將往回追溯「3月3～14日期間所有自歐洲入境者」，並針對其中可能之對象進行「COVID-19(新冠肺炎)病毒之檢驗」。
指揮中心進一步表示，將依據3月3～14日間之「入境健康聲明卡(含線上填報系統)」，蒐集所有自歐洲入境者資料及聯絡方式，指揮中心已主動勾稽健保系統，調查這段期間曾就醫，並有肺炎或上呼吸道症狀者，將透過簡訊通知上述民眾配合相關採檢措施；針對所有入境者，後續將安排call center進行電話關懷，提醒有症狀要戴上口罩儘速就醫，並應說明旅遊史。
指揮中心呼籲，3月3～14日間自歐洲入境者，返國後務必落實14天自主健康管理，若仍在學建議暫時不要上課，工作人士建議暫時在家上班。</t>
  </si>
  <si>
    <t>中央流行疫情指揮中心今(28)日公布國內新增1例境外移入COVID-19確定病例，為本國籍20多歲男性(案956)，去(2020)年9月至波蘭就學，今(2021)年1月28日返臺，持有搭機前3日內檢驗陰性報告，入境後獨自於親戚家檢疫，檢疫期間皆無症狀。
指揮中心表示，個案於2月12日檢疫期滿後，返回住家進行自主健康管理，因預定回波蘭就學，2月26日至醫院自費採檢，於今日確診(Ct值31，次日再採驗核酸為陰性，血清抗體IgM為陰性、IgG為陽性)。個案迄今仍無症狀，已掌握接觸者2人，列居家隔離。
指揮中心統計，截至目前國內累計174,659例新型冠狀病毒肺炎相關通報(含172,595例排除)，其中955例確診，分別 為839例境外移入，77例本土病例，36例敦睦艦隊、2例航空器感染及1例不明；另1例(案530)移除為空號。確診個案中9人死亡、919人解除隔離、27人住院隔離中。
中央流行疫情指揮中心發言人莊人祥表示，研判這名個案是在波蘭感染多時，屬於後期時陰時陽的狀況，密切接觸者兩人，其中一名家人有密切接觸，已經先做核酸檢測為陰性，血清檢驗也是陰性，目前沒有任何的感染風險。</t>
  </si>
  <si>
    <t>連鎖餐飲集團瓦城（2729）受新冠肺炎疫情衝擊，2020年首季歸屬母公司稅後淨利驟減至0.28億元新低、每股盈餘（EPS）1.25元，但營運仍維持獲利，表現優於市場。隨著疫情逐漸趨緩，5月業績已見回溫曙光，公司將續拚維持獲利、對下半年逐步向上審慎樂觀。
瓦城2020年首季合併營收10.97億元，季減4.12％、年減12.3％，降至1年低點。毛利率49.87％、營益率3.56％，分創5年及歷史新低。歸屬母公司稅後淨利0.28億元，季減38.19％、年減73.77％，亦創歷史新低，每股盈餘（EPS）1.25元。
新冠肺炎疫情於春節時期爆發，3月進一步延燒全球，在疫情日益嚴峻情況下，消費者外出用餐意願降低，瓦城集團台灣門市自2月底起開始受到疫情衝擊。而率先採取封城措施防疫的中國大陸，門市至4月才部份復工，使瓦城首季整體營運動能急凍。
瓦城表示，集團在疫情爆發後即啟動危機應變小組，擬定三大方針因應，首要落實餐飲細節管理，保障員工安全及全面守護顧客，強化品牌安心美味信賴感，其次為樽節成本、並積極創新開源。在三大方針救援下，首季營運雖驟降、但仍維持獲利表現。
瓦城自3月起布局外送外帶市場，目前旗下全品牌已全面提供外帶外送服務，外送業績逐月成長。展望後市，隨著台灣已超過1個月無新增本土確診病例，疫情已見趨緩跡象，配合政府鼓勵逐漸恢復正常生活，使5月業績已見回溫曙光。
瓦城指出，5月起來店用餐人數已明顯回溫，母親節期間午晚餐期皆客滿，部份分店的候位等待時間超過1小時，業績已逐漸回穩。集團將在3大方針基礎持續挺進，本季力拚維持獲利表現，並對下半年營運動能逐步回升審慎樂觀看待。</t>
  </si>
  <si>
    <t>新冠肺炎疫情延燒，北市府近期規畫「里鄰數位建設」，希望透過台北卡、敬老卡或身分證，在里辦「嗶一下」就能購買額度內的口罩，並設置智慧販賣機，透過學生悠遊卡認證，還可在校買口罩。北市副市長黃珊珊說，資訊局跟中央談很多次，現在先把軟體弄好，後面最重要才是跟中央建置相關數據。
黃珊珊說，從一開始有疫情時，口罩就很難購買，市長柯文哲希望E化能進步，且台灣已是科技大國，但發送口罩還是得回到健保卡系統、由藥局執行；其實區里鄰的系統一直都很健全，但卻缺乏里鄰的資訊設備、沒電子化建置，所以柯希望落實里鄰。
黃說，以發送清冊為例，這是里幹事去挨家挨戶簽名造冊，很浪費時間，未來希望用電子化方式，所以北市6月有台北卡會上線，還有「優遊付」會上線，中央身分證IC卡10月也會上線，北市希望整合這些東西，包括健保卡，統整里鄰系統相關資訊。
她還說，屆時老人或身障者可以「嗶」一下拿走該拿的東西，當初是柯看到大家都在排隊，想說怎麼E化，資訊局也與中央談很多次怎麼建置規畫，先把軟體弄好，最重要是後面跟中央建置相關數據，北市就先將數位化弄好。
至於傳出北市衛生局有公文流出，針對防疫旅館硬體措施有不符合規定，因此產生防疫漏洞，希望中央協助辦理。黃珊珊回應，沒看過這份公文，北市對防疫旅館只是媒合，協助收留居家檢疫的國際客，並非北市核不核准，而轉介的防疫旅館需經北市衛生局、觀傳局確認，有旅館要做成防疫旅館，她也予以尊重。
黃強調，衛生局不會說誰符合、誰不符合，因這是民間自主行動，「這不是公文吧，看起來是有人發文而已」，跟北市合作的防疫旅館只2家，這2家也經確認符合規定才辦理，若是有議員覺得有問題的話，這目前也不屬行政命令的規範，不能說不符合就處罰。</t>
  </si>
  <si>
    <t xml:space="preserve">自從CNN等各大媒體5日稱美國總統川普敗選後，他13日首度在白宮玫瑰花園公開發表談話。雖然川普仍不認輸，但已鬆口暗示，政府可能交替。
據CNN與BBC新聞網報導，川普在誓言，他的政府絕不會下令進行新冠新封城之際，隱約透露1月20日後，他可能已不在位。「我不會——這政府不會封城。希望未來不管發生甚麼事—誰知道會是哪個政府？我想時間會決定——但我能告訴你們，這個政府不會封城。」
而根據美國各大媒體最新預測，民主黨對手拜登贏得喬治亞州，川普贏得北卡羅萊納州，由拜登以306：232張選舉人票擊敗川普。雖然川普仍在質疑計票結果，但他願意暗示，明年可能有不同的政府，已經是能力所及的最大極限。而這也是他首度承認，有些事確實已改變。
BBC指出，儘管川普不肯認輸，但隨著時間流逝，這位白宮主人對拜登勝選的法律挑戰有許多不是撤訴，就是被法院駁回，他在位已逐漸接近尾聲。
另一方面，川普強調，雖然現政府在任何狀況下都不會封城，但會十分警覺，並非常小心。同時他也承諾，最快下個月就能提供全美民眾數百萬計疫苗，可是還是忍不住痛戳紐約州長古莫（Andrew Cuomo），說由於民主黨懷疑疫苗安全，因此不會提供給紐約州。
美國已連續10天1天都出現超過10萬宗新冠病例，周四甚至超過15.3萬宗，而有關專家說，1天新病例將達20萬宗的預言或許很快就會成真。
</t>
  </si>
  <si>
    <t xml:space="preserve">新冠肺炎疫情全球蔓延，台灣防疫作為近日受國際矚目，世界衛生組織(WHO)秘書處29日發布聲明，肯定台灣的防疫成效，並正視將臺灣納入全球對抗新冠病毒疫情工作的重要性。有20名住在台灣的外國朋友特別拍下影片感謝防疫英雄，直呼「全世界應該將台灣防疫措施視為楷模，並向台灣學習」，強調「住在台灣很安全」。
近期全球受到疫情影響，造成民眾恐慌，20名在台的外國朋友，分享對台灣防疫成果的看法，John 陽昊恩表示，「住在台灣是一件非常安全的事，所以我找了一些外國朋友，想對台灣傳達愛與正向的力量。」
來自美國的賈斯汀表示，「我想要給台灣一個大大的感謝，大聲說出來你們在控制疫情方面做得很好！」來自瑞典的方馬丁表示，「台灣人大家的努力，全台灣不分晝夜的工作，包括醫療人員、大眾運輸工作人員、超市店員甚至是外送人員，所有人都在努力防堵疫情」。
法國Ric說他去到任何地方都能看到乾洗手，現在捷運站還有熱像儀來量體溫，以防堵發燒患者，這真的讓他感到很不可思議。
來自德國的賀少俠則指出「我希望全世界將台灣視為楷模，並且從台灣身上學習，全世界加油，台灣加油！」20名外國朋友稱讚台灣的各種管制措施，還大讚「住在台灣很安全」、「台灣是我們的家園，謝謝辛苦的防疫人員，大家一起加油」。
</t>
  </si>
  <si>
    <t xml:space="preserve">新冠肺炎陰謀論甚囂塵上，曾經來過台灣打表演賽的前網球球王沙芬(Marat Safin)也參一腳，語出驚人稱，新冠病毒只是個托詞，為的是在以後，對人類大規模植入晶片。
綽號沙皇的沙芬生涯贏得兩屆大滿貫賽事，現年40歲的他外型俊挺，在全球擁有無數球迷。沙芬在2009年退休，之後轉換跑道投身政壇，2011年第一次出馬，就當選俄羅斯下議院國會議員。
沙芬透過社群告訴媒體，「2015年，(微軟創辦人)比爾蓋茲就說過，我們將會遭遇流行病，下一個敵人是病毒，不是核戰。他們在達沃斯(經濟論壇)進行了模擬之類的。我不認為蓋茲會預言，他就是知道(會有病毒)。」
沙芬說，他認為這次病毒造成的情況，和過去人們的認知不一樣，就像電視上播的恐怖故事，大家都會相信。「我不相信人類文明會終結，我們只是很快就會植入晶片。」
</t>
  </si>
  <si>
    <t xml:space="preserve">印度疫情近日開始失控大爆發，以每日新增30-40萬例確診的速度快速飆升，引起世界各國高度關注。而前駐紐西蘭大使介文汲認為，日前大陸外交部長王毅表態願意協助印度抗疫，應該是出自真心，希望印度能控制住疫情，並避免疫情擴散，同時他也指出，印度政府自我感覺良好，且對社會控制力度較弱，若無國際社會援助，面對疫情爆炸，印度政府恐束手無策。
介文汲1日在中天新聞《前進戰略高地》節目中表示，若印度疫情失控，周邊國家首當其衝，所以疫情剛開始爆發時，王毅就召集印度周邊六個國家開會，而他判斷開會的原因，是要討論是大家如何結合起來，讓印度疫情不要擴散出來，因為這六個國家剛好把印度包起來。
介文汲指出，雖然中國大陸和印度有非常長的邊境，但人員很難越過兩國交界的喜馬拉雅山脈，可是印度和其他國家都有相對容易穿越的邊境，所以必須把印度的疫情控制在印度國內，從策略上來講，應該先把周邊防線像長城一樣鞏固好，加強這些國家的防堵意識。
介文汲認為，事實上大陸行有餘力的話，也會先幫這些國家堵起來，這是很重要的，因為疫情如果蔓延到東南亞或中東，影響就太大了，從地緣或經濟來看，這些地方對大陸非常重要，「我覺得這是一個很重要超前部署的階段」。
介文汲分析，目前王毅聯繫上印度當局，主要是要協助印度控制疫情，因為疫情不分人種、不分國家，若真的失控，鄰近國家首當其衝，「所以我覺得大陸是出於真心，希望印度政府拿出辦法控制住疫情」，這是人類社會共同的挑戰，大陸掌握這個原則，而大陸的考量中，政治成分很低，防疫成分非常高，這個措施是正確的，現在最重要的是疫情發生在哪裡，就要把它控制在那個地方不要擴散。
介文汲也說，印度政府自我感覺良好，但對印度社會的管控能力相當差，這時若沒有國際社會，若沒有其他能力比較高的國家協助，印度政府面對這個挑戰是束手無策。
</t>
  </si>
  <si>
    <t xml:space="preserve">鄉林(5531)集團董事長賴正鎰指出，觀察青島、南京與成都2月底復工情況，沒有受到太大的影響，昨日成都更傳來消息，當地政府單位在3月4日就重啟樓盤的搖號登記，這幾天陸續公布搖號結果，其中最低的中籤率僅有0.62％，平均中籤率為13.3％，可見成都房產的剛性需求持續火熱，他對集團5、6月要進場銷售的成都案深具信心。
鄉林今年成都「涵碧天下」地產案，總銷金額將高達人民幣250億元(約台幣1075億元)，R4、R6兩區分批推案。賴正鎰說，這筆個案是由自已主導整體規劃設計，在成都案的接待中心就佔地1萬坪，每周都跟設計師修正接待中心設計，就是要給成都賞屋者耳目一新的感覺，希望能夠成功吸睛搶客。他說，此案將讓鄉林打開近年來業績緩慢成長的格局，可望有機會呈現爆發式的成長。
賴正鎰指出，大陸新冠肺炎疫情其實在三月初就控制下來，治癒人數也增加，全球疫情只是短期，對Q2後的經濟表現仍深具信心，房地產與消費力將會在下半年有爆發性的突破，彌補Q1的業績。歐美亞股表現高低起伏，但大家只是觀望，對台灣控制疫情能力有信心，尤其台商資金回流推升產業與消費動能，台股算是比較穩定的，大家要對台灣有信心。
賴正鎰說，除了先前在談判的江蘇南京江北區、山東濰坊與青島膠州、黃島市南區等地塊，最近還會有幾處新開發的投資計畫，像是湖北武當山的土地為300畝(20萬平方米)，將規劃涵碧樓酒店與住宅；江蘇無錫的土地面積約470畝地(32萬平米)，將規劃涵碧樓酒店，酒店式公寓及集中式商業區等，這些土地都會加速取得，以利規畫整體開發計畫。
</t>
  </si>
  <si>
    <t xml:space="preserve">南韓26日起擴大開放年輕族群接種新冠疫苗，不過近期卻陸續傳出年輕人接種輝瑞/BNT後猝逝案例，引發社會擔憂。
南韓政府於26日起向下開放18至49歲民眾接種新冠疫苗，不過南韓《中央日報》24日報導，最近卻陸續傳出20多歲年輕人接種BNT疫苗後不幸猝逝案例。
23日，忠清南道（South Chungcheong）一名21歲女大生在接種BNT疫苗一周後猝逝，家屬說她本身並沒有健康問題。
女大生是在16日接種第1劑BNT疫苗，家屬說她並沒有出現明顯的副作用，23日當天女大生熬夜讀書，凌晨2時還被監視器拍到和友人去便利商店，不過之後家屬就聯繫不上，下午2時25分被房東發現陳屍住處。
女大生遺體上出現紫色斑點，家屬及警方已經要求進行解剖。
家屬指出，女大生近期正在準備教師資格考，家人相當擔心她的身體狀況，在她打完疫苗後每隔幾小時就聯繫一次，女大生也沒有壓力過大等自縊傾向。
濟州島一名20多歲男性也在接種BNT疫苗20多天後過世，男子因為在機場工作，因此優先在2日接種疫苗，之後出現胸痛症狀，他在22日就醫後症狀惡化死亡。
濟州島官員指出，男子本身沒有健康問題。
另一名25歲男郵差則是在接種第2劑BNT疫苗後3天喪命。男子於10日接種疫苗，之後出現肌肉痠痛症狀，10日清晨5時被家人發現身亡。
家屬隨後向青瓦台請願，男子的姐姐表示，男子7月才進行過健康評估，除了肝酵素（Liver Enzymes）偏高外，其他正常，家屬懷疑死因和疫苗有關，由於男子的第一份屍檢報告並未判斷死因，韓國疾病管理廳（KDCA）及國家法醫中心（National Forensic Service）將進一步調查，預計1至2個月後才會有結果。
目前韓國政府僅承認3種類型的症狀為接種疫苗後的副作用，包括過敏性反應或嚴重過敏反應、由AZ或嬌生疫苗引起的不尋常血栓伴隨血小板低下、以及接種BNT、莫德納疫苗後出現的心肌炎或心包膜炎。
至今韓國政府證實2例死亡案例為疫苗副作用致死案例，包括一名接種AZ疫苗後誘發罕見血栓的30多歲男子，另一名20多歲男子接種BNT疫苗後死於心肌炎。
疫苗引發的副作用讓南韓年輕人愈來愈感到擔憂，南韓官員強調接種疫苗利大於弊，呼籲民眾不要過度恐慌。
梨花女子大學木洞醫院教授權恩美（Chun Eun-mi，音譯）強調，在20多歲年輕人身上出現的疫苗副作用多數不會致死，不過也認為應該進一步檢查及公布死因，降低民眾焦慮。
</t>
  </si>
  <si>
    <t xml:space="preserve">目前停泊在日本橫濱的郵輪「鑽石公主號」全船3700多人中，已經有218人確診新冠肺炎，所有乘客都必須在船上隔離不得下船，宛如海上監獄，但為何鑽石公主號三不五時就離開港口，出海繞圈後又返港？旅遊達人給出了專業解答。
臉書旅遊粉專《杰水 輕喃》指出，不少人好奇，為何鑽石公主號不好好停泊在橫濱，非要出海繞圈圈後再駛回港內，有網友猜日本政府不敢讓確診者停留在港口太久，也有人猜是要省下碼頭停泊費用。對此《杰水 輕喃》表示其實郵輪這樣做的原因只有一個，那就是補充淡水。
《杰水 輕喃》表示，郵輪上的淡水來源主要是船上的海水淡化系統。但港區的水質沒那麼好，不適合在港內取水給客人用，因此郵輪每兩三天就得出海一次，否則船上的淡水會耗盡。有些被隔離者反映房間洗手間的水質惡化，甚至帶有些許顏色，那就是淡水供應品質下降。
《杰水 輕喃》補充說，這種大型郵輪，本身的設計上是要載著人們邊玩邊住的：白天讓乘客登岸遊玩、夜晚趕路航行（甚是日夜航行）。一般情況下，大概沒有滿載客人停在碼頭內超過48小時的情況。但如果像現在這樣載著客人們停在原處不動，那跟原本的設計需求不同，對郵輪來說有先天無法克服的障礙，除非要從岸上不斷為郵輪注入淡水，否則鑽石公主號出海繞圈返港是必要的。
</t>
  </si>
  <si>
    <t>台灣疫苗覆蓋率破50％，但多數民眾只打一劑疫苗，讓不少人擔憂保護力到底夠不夠？對此，胸腔科醫師蘇一峰分享加拿大研究指出，在Alpha病毒流行的狀況下，只打一劑疫苗，BNT可提供75%的保護力，莫德納可提供82%保護力，AZ則可提供61%的保護力；3款疫苗的重症保護力都在80至90％，但面對Delta實際效果恐更差一點。
蘇一峰今在臉書發文表示，目前台灣多數的民眾都只有打一劑疫苗而已，接種完兩劑者的比率偏低，面對來勢洶洶的變種病毒，讓不少人擔心只打一劑的保護力足夠嗎？
蘇一峰分享一則加拿大研究指出，該研究蒐集了今年4月和5月50至69歲的成年人施打疫苗與感染的數據資料，並進行比對分析，發現68074位參與研究的民眾，其中有7116位為確診者，當時加拿大約有75％的民眾打mRNA疫苗，15％的人是打AZ疫苗。
蘇一峰說，當時的主流病毒株為英國Alpha變異株，佔據了50％，其次是巴西Gamma變異株38％，印度Delta變異株4％，剩餘的8％則是其他病毒。在這樣的狀況下，研究發現，如果只有打一劑疫苗，BNT可提供75%的保護力，莫德納可提供82%保護力，AZ則可提供61%的保護力。
蘇一峰也說，令人感到放心的是，無論是BNT、莫德納還是AZ疫苗，都可以提供80至90％的住院保護力，也就是所謂的重症保護力。不過這份研究當時是以英國Alpha病毒株為主，目前流行的是Delta，實際效果可能會更差一點。</t>
  </si>
  <si>
    <t xml:space="preserve">新冠肺炎疫情不止，觀光業生意大受影響，尤其傳出確診個案第268例曾到過新北市金山老街和烏來老街，2地業者擔憂雪上加霜，新北市長侯友宜今（31）日表示，一開始就對商圈給予補助，公有租金打8折，現在則已經打5折；對地上權參與BOT的案子，地上的租金全部打5折，包括權利金可以最高可以短縮35％，所以這部分的紓困，已在這個月公告。
侯友宜說，烏來商圈也好，金山老街商圈也好，其實大家不用恐慌，因為他們每天都做好消毒衛生；尤其268的案子已經發生1個多月了，所以除了再度消毒安民心以外，更重要的是期限都過了，也沒有發生商家的客人或商家本身有發燒的情形，所以民眾大可不用恐慌。
侯友宜表示，預估再一段時間後，商圈只要保持好整個環境的衛生，相信遊客還是會再回來的。
</t>
  </si>
  <si>
    <t>第七輪AZ疫苗接種昨（3日）開打，昨單日疫苗接種人次23萬7233，其中AZ打了22萬9189人次；目前疫苗人口涵蓋率43.77％，劑次人口比47.90％。
另外，第七輪加開預約從昨天上午10點開放，至今天下午1點共有42萬6718人完成預約，佔符合資格人數的81.65％。本次加開預約對象為23至28歲對象，將在今天下午6點截止。
指揮中心發言人莊人祥昨透露，第八輪預約接種不是BNT，需視下周疫苗到貨量再擬定。外界相當好奇是否會輪到AZ或莫德納，陳時中今天表示「還沒定案」。</t>
  </si>
  <si>
    <t>國際經濟情勢：　新冠肺炎二次疫情風險提高，不僅美國多州確診人數明顯增加，原先趨緩的日、韓也開始生變，而北京更是連環爆出感染案例，進入半封城狀態，讓市場相當憂慮疫情恐出現大爆發狀況。於此同時，全球地緣風險升高，6月16日北韓炸毀位於開城工業區的兩韓聯絡辦公室，導致雙方關係劍拔弩張，不過在金正恩宣佈暫停對南韓採取軍事行動計畫，使得對峙的情勢有所放緩，而中國和印度先前發生邊境衝突，雖目前稍微降溫，但連續性的事件也導致國際局勢更為複雜。
所幸受惠美國國會可能在7月通過新刺激方案，包括退稅和第二輪現金發放等政策，加上白宮澄清美中貿易協議尚未結束，緩解市場對貿易協議破局的擔憂，然而風險驟升可能帶來的衝擊，仍將持續干擾金融市場。
總經方面，美國繼月初就業數據良好後，月中發表的零售數字也呈現正向，狀況看似逐漸轉佳，不過Fed主席和官員聲稱當前失業率仍居高不下，且先前公佈的初請失業金人數降幅不如市場預期，加上部份地區感染病例出現攀升，恐將使得市場對經濟復甦的信心遭受壓抑，考量美國即將公佈最新一期的初請失業金數據，屆時若持續不如預期，可能會導致市場氛圍轉趨保守。
財政政策部份，雖川普當局表示，考慮實施1兆美元的基建支出，美國國會也正考慮推出新的商業救助法案以接軌即將到期的現有救助法案，然國會需待7月21日之後才得以復會，亦即政策出現空窗期，市場對基本面的預期可能將相對謹慎。
投資策略：
新台幣走勢相當強勁，目前向29.5元大關進行挑戰，續創二年多來新高，在資金效應推動之下，台股表現相對強勢，另代表內資買盤的櫃買指數更領先創下今年新高，雖然進入除息旺季，指數將陸續蒸發，且面對壓力區，追價買盤略見謹慎，短期指數應仍趨向6月11日長黑K線附近至月線間震盪的格局，但在內資著重中小型、外資青睞權值股的買盤接續，仍有持續向上動能。
操作方面，預期資金行情續航，即便出現二次感染，市場恐慌情緒應不至於較3～4月份高，但疫情仍左右市場心態，或將使個股波動加大，建議可朝旺季能見度佳且具題材之個股，伺機偏多。
綜合上述，台股目前站上所有均線，多方格局持續，雖短期上漲動能稍微放緩，但受惠資金的不斷挹注，大盤下檔風險相對有限，後續盤勢仍是以向上發展機率較高，惟需留意地緣政治風險提升，以及國際疫情發展狀況，操作上以不過度追價為原則。投資可聚焦於3Q能見度高、4Q有所轉機者，若具備高殖利率的優勢更佳，以半導體、CCL/PCB、Server網通，高速傳輸，Mini LED與5G手機為首選，而非電子部分，除防疫健身的相關個股外，也可著墨於下半年有望復甦的汽車、紙類、紡織等族群。</t>
  </si>
  <si>
    <t>美國有研究指出，莫德納疫苗對於Delta病毒株的保護力優於BNT疫苗，中央流行疫情指揮中心醫療應變組副組長羅一鈞說明，這篇研究是來自美國梅約診所，最近針對年初和七月份兩波不同的流行（Alpha和Delta），做了莫德納和BNT兩種疫苗的保護效果比較，結果顯示莫德納對於Delta的保護力僅76％，而BNT對於Delta的保護力僅有42％。
他進一步指出，該研究的結論是打莫德納的保護效果，對於Delta病毒的保護效果雖然有些打折扣，但都還是優於BNT；研究團隊的解釋是，打莫德納產生保護抗體的力價比較高。
儘管打莫德納產生的保護抗體比較高，但羅一鈞表示，BNT對於Delta病毒侵襲還是有一定的保護力，並沒有說因為這樣就建議大家都去打莫德納、不要打BNT。
羅一鈞說，這是第一次在研究結果上看到莫德納在應付Delta上有優於BNT的效果，會再看有沒有其他國家相關研究來佐證。羅一鈞強調，目前還是鼓勵大家去接種疫苗，不管是哪一種疫苗，對Alpha和Delta都有一定的保護效果。</t>
  </si>
  <si>
    <t>新冠肺炎疫情全球擴散，造成市場恐慌，連帶引發全球股災。交通部長林佳龍昨日在臉書表示，承接下墜的經濟，交通重大建設工程提早發包，至少700億資金搶先投資台灣。
消基會交通組副召集人李克聰說，目前聽起來是一個政策宣示，要等評估有哪些公共建設要提前發包，再來評估檢視是否有急迫性等較為具體。
林佳龍表示，面對新冠肺炎疫情，台灣第一波雖然守得不錯，但可預期未來的抗戰工作會更加艱辛。近期股市跌跌不休，新冠肺炎讓全球經濟陷入泥沼，因此在防疫、紓困之外，還要再超前部署，接住下墜中的經濟，擔任經濟成長動能的推手，傾一切的力量對抗衰退。
林佳龍指出，交通部已經盤點國道、公路、鐵道、航海、航空等計畫中的工程，全面加速辦理。投資台灣，越快越好。
林佳龍提到，交通部未發包的重大工程，原訂6月底前發包者提前發包，下半年度全部提早3個月發包後1個月內開工、逾60件提早發包，預算規模超過700億元。
執行中的重大工程，林佳龍說，將增加工作面提前1個月完工、提早辦理原2021年工項；可提早完工59件、116億元，明年工項提早辦理46件、35億元。
外界關心，有哪些重大建設會先提前發包？交通部官員表示，目前尚未有具體項目，還需要兩周時間彙整資料。官員解釋，因為行政院於3月18日通過「109年度加速公共建設計畫執行成效措施」，要求所有部會將所有公共建設加速執行，這是通案，並非針對交通部，接著交通部開例會，部長立即作出指示，所以目前尚未有具體細項。
交通部官員指出，目前分成兩階段，如果預定是上半年要發包的案子，距離6月底只剩3個月，有一定程序要走，只能盡量往前提，如果預計是下半年要發包的案子，在條件許可下，會提前到6月底執行。</t>
  </si>
  <si>
    <t>台灣新冠肺炎疫情持續延燒，全國三級警戒將延長到6月14日，教育部長潘文忠也在今（25）日記者會上宣布，全台停課也會同步延長，然而消息曝光後，不少家長都感到相當崩潰，紛紛湧入教育部臉書留言，更有人希望能夠「先放暑假再提早開學」。
截至本月24日下午5點30分為止，全台學生共有145人確診，其中包含大專院校70人、國小24人、高中生22人、國中生17人、幼兒園12人，由於疫情尚未緩解，因應全國三級延長，教育部也宣布將停課日期延長至6月14日。
延長停課的消息也同步在教育部臉書粉專發布，不少網友看到後都忍不住哀號：「無後援的父母要吃土了！」、「家裡兩個國小生，崩潰中…」、「天啊…晴天霹靂」、「媽媽已崩潰到極點了」、「職業媽媽好阿雜（台語），沒有這麼多假可以請」、「雖然很不想面對家中2隻惡魔，可疫情那麼嚴重，我也寧願請假讓他們在家」。
另外也有許多家長和老師提出建議，認為可以先讓學生們放暑假，之後再提早開學或進行補課，「我覺得提早暑假比較適當，這樣老師跟學生眼睛會壞掉，家長會崩潰，我說真的！」、「拜託直接放暑假，之後視情況提早開學或補課好嗎？媽媽在家照顧小孩還要兼教學，成效很差啊」、「建議乾脆停課也停學，提早放暑假提早開學！線上教學在台灣不是很成熟，我身為國高中的數學老師實在對教學成效很憂慮」。</t>
  </si>
  <si>
    <t xml:space="preserve">十多名全球頂尖科學家昨（13）日聯合刊登建言，指出現在不是大規模施打第3劑加強針的時刻，強調2劑疫苗仍能有效防止民眾變成新冠重症。他們警告，由於支持接種加強針的科學證據不足，過早讓民眾接種第3劑可能反而增加心肌炎、罕見神經病變等疫苗副作用，專家認為，比起初代疫苗，現在應該開始研發針對變異株的加強針，對於對抗疫情可能更有效果。
綜合「富比世」（Forbes）、美聯社等外媒報導，18名全球頂尖科學家昨日聯合在國際知名期刊《刺胳針》（Lancet）刊登建言，這些科學家包含美國食品暨藥物管理局（FDA）、英國、法國、南非、印度及世界衛生組織（WHO）的疫苗專家。
專家們強調，現在不是擴大讓全民接種第3劑加強針（booster shot）的時候，文章主要有6大重點。
第一，	科學家指出，雖然現在有許多針對新冠變異株以及疫苗保護力持久度的研究，不過許多研究尚未經過同儕審查，相關細節可能有誤，此外研究團隊也可能側重部份研究結果，不過多數研究一致發現，疫苗仍能有效保護民眾免於成為新冠重症。雖然多數疫苗保護民眾感染Delta後出現症狀的效力低於Alpha變異株，不過整體來看仍能有效防止有症狀感染及重症。
第二，	科學家們強調，沒有證據顯示現在應該擴大讓全民接種加強針，因為疫苗對抗重症的保護力仍高，也沒有任何一項研究提供有力證據，指出隨著時間推移，疫苗對抗重症的保護效果會大幅度衰退。
科學家強調，人體內有多層免疫保護層，外界高度關注抗體濃度會隨時間下降，不過這並不代表疫苗誘發的整體保護力也跟著下降，「疫苗對抗輕症的效力下降也不能就此預測對抗重症的效力也下降。」這是因為疫苗誘發對抗新冠重症的保護效果並不只是奠基於抗體反應，同時也會藉由免疫記憶反應（memory response）及細胞免疫（cell-mediated immunity）啟動，後兩者的壽命通常較長。
科學家也強調，證據顯示目前已知的變異株，尚未發展到可以逃脫疫苗誘發的免疫記憶反應的階段。
第三，	科學家警告，太早或太頻繁擴大接種加強針，可能為民眾帶來副作用風險，他們提到例如輝瑞/BNT或莫德納等mRNA疫苗可能引發心肌炎副作用，腺病毒疫苗可能誘發吉蘭-巴雷氏症候群（Guillain-Barre Syndrome GBS）等罕見神經病變，「如果不必要的加強針引發嚴重不良反應，可能影響民眾對於疫苗的接受程度。」
第四，	科學家指出，雖然在疫苗接種率高的國家，確實發生疫苗對抗有症狀感染、病毒傳播的效果低於對抗重症的情形，不過目前未接種疫苗的族群仍是新冠病毒持續擴散的主因，同時他們也是重症的最高危險群。
第五，	隨著疫苗誘發的免疫反應下降，或是新冠變異株演變，導致現有疫苗無法再提供適當保護，科學家們坦承未來全民可能需要接種第3劑疫苗。不過他們警告，隨著病毒傳播，未來愈有機會出現逃脫現行疫苗的病毒，科學家因此建議，比起讓民眾接種初代病毒，現在或許可以專注研發針對變異株的加強劑，例如流感疫苗每年都會更新，效果可能會更好。
第六，	科學家強調，在沒有強而有力的數據及分析支持下就推動施打加強針，可能會破壞民眾對疫苗的信心，他們指出，如果最終仍需要擴大施打加強針，必須明確點出接種的直接與間接效益。
</t>
  </si>
  <si>
    <t xml:space="preserve">由於季前練球時不慎扭傷左腳踝，讓國泰後衛吳宜庭整整養傷1個多月，直到女子超級籃球聯賽(WSBL)第15季都打一半了，才總算回到場上拚戰，沒想到吳宜庭一回來就有夠準，全場投6中4，含三分球投4中3，更貢獻11分、4助攻。
繼續瞄準10連霸的國泰人壽，最後以91比60橫掃台灣電力，除摘開季9連勝，更是跨季35連勝，只是都打完前3循環賽事，吳宜庭才重新回到場上打球，讓她不禁坦承，「事實上我一直很著急，多虧因為新冠疫情影響，比賽延期了。」
「假如照著原定計畫今年3月開打，我一定更加急迫想要回來，」吳宜庭說，「其實在我心裡，從來沒想過要在哪場回來，一切就看鄭慧芸教練的安排，沒想到今天賽前熱身時，慧芸姊突然告訴我今天上場，讓我心情確實有點開始緊張。」
不過吳宜庭本季的初登板，表現算是可圈可點，尤其是手感相當火燙，問她為何這麼準？她回答，「就是別想太多，畢竟我才剛回來，只想努力別成大家太大的負擔，目前我對自己防守較不滿意，很多時候沒跟隊友協調好，也缺少溝通。」
由於國泰本季從大陸回來3名「學姊」，分別是黃凡珊、陳鈺君與王維琳，勢必壓縮到吳宜庭上場時間，但她表示，「有了她們回來，我就是抱持學習心態，努力學習不一樣的經驗，就算待在場下看也有幫助，反正我現在就是隨時準備好。」
</t>
  </si>
  <si>
    <t xml:space="preserve">台灣疫情持續升溫，民眾人心惶惶，華視總經理莊豐嘉今(20)下午在透過臉書證實一名公務車員工曾至萬華地區，經採檢後確診，消息一出也引發員工不滿，因為有傳大多數員工還是看了新聞才知道此事，甚至有人直接在新聞部群發難，質問公司有什麼相關配套措施？對此，莊豐嘉稍早也發出一封內部信，強調公司絕非隱匿疫情，盼員工安心，不要自己嚇自己。
華視證實一公務車駕駛確診，引發許多看新聞才知道的員工相當不滿，甚至有記者在新聞部群組發難，只想問關於駕駛確診後續，公司會即時公布後續結果嗎？雖然採訪車駕駛休息室，不同於公司駕駛，但公司駕駛也有來支援採訪班，他們沒有染疫風險嗎？有進一步採檢嗎？相關資訊可以詢問什麼單位呢？
對此，目前正在自主隔離中的總經理莊豐嘉稍早也發出內部信，強調華視絕非隱瞞，而是在當時的情況下，還找不到公布的適當時機；他更透露確診司機是16號致電告知自己曾在8號去萬華餐敘，雖無任何症狀，仍被他要求立刻前往篩檢。
莊豐嘉再度強調華視絕非隱瞞疫情，「根據疾管法規定，確診必須由政府部門統一公布，我們自己不能這樣宣稱，何況結果都還沒出來，我們當然不能自行宣布有人確診，而是靜待結果。但是內部有人開始外傳各種消息，讓媒體也緊緊跟進，造成公司困擾，也讓同仁感到害怕。我要再次強調，這絕非隱瞞，而是遵守相關法規的必然結果。」同時他也為溝通不良，造成同仁誤解與恐慌道歉，盼大家諒解。
華視內部信如下：
各位同仁平安：
有關本公司公務車司機今天被通知確診及公司在這件事上的防疫處理，因為之前公報並沒有說得很清楚，在此我做一個簡單而完整的說明，請大家安心。
整件事一開始是，司機在五月十六日晚上約六點來電，告知他在五月八日去過萬華和朋友餐敘，雖然沒有任何症狀，但必須跟我報告這件事。當時他並未去做篩檢，因此獲知後我立即要求他必須馬上去進行篩檢，他也在當天晚上很幸運也很快的在新北署立醫院做了檢查。
他的通報就如我們每周各部門提供同仁足跡疫調一樣，就是一個疫調，主管也都知道是那些人。當時他既非確診者，也沒有被匡列為接觸者，只是主動通報而已。像這樣的足跡疫調者，在公司就有八十幾個人；請大家思考，是否現在就要全部公布這些人的名單？會不會弄得人心惶惶，而自己嚇自己？
其實同仁近日也都有人自行去做篩檢，這些人都還不是確診者或準確診者。是否除了通報他的主管，也要通報給所有同仁知情？我要強調的是，這絕非隱瞞，而是在當時的情況下，還不到公佈的時機。
但即便如此，我獲知司機去過萬華的當晚，立即要求清查過去幾天和司機接觸有那些人，並對相關空間進行消毒，例如司機休息室等，並要求他們先自我隔離，而新聞台攝影棚等空間也額外做強化消毒的工作。
由於和司機有相當頻繁的人與人的連結，我隔天自己也去住家附近醫院進行快篩，並從此在家遠距上班迄今。當天篩檢後，醫院告知我要等三天才會知道結果，而且有確診才會通知，沒確診就不會通知。司機的情況也一樣。所以他到今天才正式收到來自醫院PCR陽性的簡訊。
根據疾管法規定，確診必須由政府部門統一公布，我們自己不能這樣宣稱，何況結果都還沒出來，我們當然不能自行宣布有人確診，而是靜待結果。但是內部有人開始外傳各種消息，讓媒體也緊緊跟進，造成公司困擾，也讓同仁感到害怕。我要再次強調，這絕非隱瞞，而是遵守相關法規的必然結果。
這段時間我們當然有進行超前部署的防疫行為，也許不夠周詳，但已經盡其所能的盡量做。如果溝通不良，造成同仁的誤解和恐慌，我在此表示歉意。但我一向最重視危機處理，不可能在這種事情上有對同仁做任何的隱瞞。這既不智，也沒任何必要。
萬請同仁諒解，也祝禱大家身體健康，平安無事。
總經理
莊豐嘉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金融服務公司德維爾(deVere Group)的執行長奈傑爾·格林（Nigel Green）週三表示，新冠肺炎對主要供應鏈和支出行為的打擊，正將世界推向今年的「全球衰退邊緣」。
格林補充說，週一和周二的重大拋售以及爆發帶來的長期經濟風險使投資者「措手不及」。格林警告說，這種病毒的影響只會加劇中美貿易緊張局勢，製造業下滑以及主要經濟體增長放緩的持久風險，並補充說投資者應該開始保護自己的財富。
格林說：「投資者對新冠肺炎的嚴重和深遠的經濟後果大為措手不及。」 「顯然，這將打擊全球供應鏈，全球經濟，甚至最終影響政府。」
德維爾預計，隨著感染速度加快或減弱，市場將在未來幾週內表現出「緊張不安」。Cboe的VIX指數衡量了廣泛的市場波動，在周一和周二的交易時段內飆升至2018年12月以來的最高水平。10年期和30年期美國國債的收益率跌至紀錄低位，因為投資者急於尋求拋售的擔保。黃金是那些押注股票下跌的傳統避險和對沖押注，創下了七年來的新高。
格林說，疫情爆發的時機也使其自身加劇了其他經濟風險。在貿易障礙和製造業放緩的背景下，已開發經濟體已經開始放緩。關鍵的衰退指標呈紅色閃爍，分析師開始質疑歷史悠久的經濟擴張是否即將結束。格林說，一旦加入了其他一系列下行風險，該病毒可能成為牛市棺材中的釘子。
格林說：「它們可以共同將世界推向今年全球衰退的邊緣。」 「儘管我有信心，我們將在2020年狹義地避免全球經濟衰退，但沒人能準確預測未來-正如我們所看到的新冠肺炎，我們錯誤地認為市場主要限於大陸。」</t>
  </si>
  <si>
    <t>日本喜劇之王志村健昨(30日)因罹患新冠肺炎過世，享壽70歲，消息一出引各地粉絲哀悼，大嘆童年的偶像驟逝。昨鄭弘儀則在節目中透露，有人將志村健的維基百科資料惡意竄改，死因竟被寫成「台灣肺炎」，讓鄭弘儀氣得大罵：「是誰這麼無恥」。
鄭弘儀昨在《鄭知道了》談志村健的病逝，他引用網上新聞分享，指出有人趁機在維基百科搗亂，將志村健的死因寫成「台灣肺炎」，鄭弘儀生氣問：「全世界有誰會這麼無恥，會寫說是台灣肺炎？」前衛生署駐日內瓦衛生顧問張武修也怒說：「真的是不要臉至極」。
張武修說志村健真的是非常重要，嘆日本雖有先進的醫療技術，竟也救不回志村健，「我相信這類的公眾人物，他們平時接觸的人非常多，一旦感染加上原本就有肺病，以及年紀大，所以很可惜」，鄭弘儀則說，志村健3月10日還跟工作人員到居酒屋聚餐，沒想到月底就過世。
張武修又表示，日本這回失誤在沒有在第一時間將疫情防堵起來，之前因為東京奧運導致防線鬆散，未來美國也會在兩個月內抵達疫情的高峰點，對於新冠肺炎仍不可鬆懈。</t>
  </si>
  <si>
    <t>新冠肺炎疫情持續在歐美快速擴散，美國50州全數淪陷，死亡人數破百人，導致民眾開始恐慌瘋搶物資，美籍YouTuber「莫彩曦Hailey」也曝光當地情況，驚呼超誇張，好像「美國末日」。
莫彩曦先到住家附近的超市，她透露這裡從來不需要排隊，現在卻出現排隊人潮，而且架上的罐頭、衛生紙、泡麵、米、義大利麵都賣光了，冰箱的牛奶也缺貨，要「下周一才會補貨」，還有些物資貼出「限購公告」，這是她住這麼久，第一次看到限購。
而她到好市多也發現，本來平常沒什麼人，現在竟出現長長的排隊人龍，比整個建築物還長，讓她相當驚訝，很多物資也全都賣光，另一間超市感冒藥、乾洗手、衛生紙等也都沒了，讓她直呼太誇張，根本是美國末日。
而她也點出台美大不同的關鍵是，台灣政府在還沒有確診者之前，就開始防疫，但美國是等到很多人確診後才開始防疫，連彭博新聞都稱讚「成果就是人民的保守，而不是人民的恐慌」，因此台灣人是保守、謹慎狀態，但美國人卻落到恐慌狀態。</t>
  </si>
  <si>
    <t>新冠肺炎疫情延燒，台灣許多產業受到衝擊，新竹市政府與信保基金、台灣中小企業銀行合作推出的便利貸款，將提供受疫情影響的中小企業不用提供擔保品即可申請貸款，截至目前可貸餘額尚有1.3億餘元。
市府指出，因應新冠肺炎NCP疫情延燒，不少產業受到影響，為協助營業受波及的中小企業渡過難關，市府已與信保基金、台企銀共同研商紓困方案取得共識，只要是因這波疫情造成資金周轉困難的中小企業，都可向市府提出申貸。
審查小組將依個案紓困需求從優審定，而已經核貸的對象，也可向銀行申請放寬償還方式與展延還款期限，市府將會盡最大的努力來幫忙。
市府表示，創業便利貸共提供2億元資金供民眾申請，其中第1類（商業）、第4類（個人裝置房地型太陽能光電設備）案件合計上限6000萬，目前尚餘5500萬元，第2類（公司）、第3類（從事規畫設計與設置太陽光電系統之公司或商業）案件合計上限1億4000萬，目前尚餘8325萬元，有資金需求的企業及市民，可把握機會提出申請。
此外，為降低中小企業負擔，市府更進一步向信保基金爭取信用保證手續費的放寬措施，除了每年收取核貸金額0.5％的保證手續費已確認調降為0.375％外，針對受疫情影響而申請放寬償還及展延的企業，市府也積極爭取讓這些企業在展延或分期還款期間可免繳保證手續費，這項措施已獲信保基金同意支持，待相關規範拍板通過後即可實施。</t>
  </si>
  <si>
    <t>據陸媒《北京晚報》今日報導，在北京市新型冠狀病毒肺炎疫情防控工作在今日下午的第142場新聞發布會上，北京大學第一醫院副院長王平表示，目前醫院發燒門診的隔離病房由3間增加到10間。另外，醫院檢測單位縮短了核酸檢測所耗費的時間，從原來6個小時檢測過程，縮短到現在上機後僅需45分鐘便能得到檢測結果。
另外在整體疫情方面，復旦大學附屬華山醫院感染科主任張文宏在一場病毒專題講座中表示：「現在對新冠肺炎後遺症進行整體評估，時間還早了一點。這只是大家感興趣的一個話題，還不是個問題。」
張文宏解釋稱，醫學上指涉的明顯後遺症，是有些功能突然消失，比如呼吸功能大幅度降低、心臟出現心律失常、腎功能出現明顯的蛋白尿等。即使是一個健康的人，因病在床上躺兩個月，也會出現體能下降的狀況；因此現在討論新冠肺炎後遺症仍然太早，另外，目前也還沒有發現新冠肺炎所帶來明顯的後遺症。
對比北京與目前美國反彈的疫情，昌文宏說，北京這次對於重點區域實施全民檢測、非重點區域自願檢測，取得了不錯的成效；美國的檢測量雖然也很大，但關鍵在於沒有做到人流充分隔離，因此對於控制傳染還不夠。檢測量增大必須建立在有效隔離和追蹤的前提，才對傳染病控制產生效果。</t>
  </si>
  <si>
    <t>北市府25日傳出府內人員疑似確診情形，市府副發言人戴于文澄清，該名同仁是於2月底時出國，8日返國，當時歐洲疫情並未大爆發，中央流行疫情指揮中心也並未宣布歐洲旅遊警戒，且經採驗2次的結果都是陰性。
戴于文說，該名同仁這段時間雖然有到市府上班，但也都全程戴著口罩，18日因歐洲疫情升溫，中央流行疫情指揮中心採回溯方式寄出檢疫單，該名同仁接到檢疫單後即配合在家檢疫，直到24日出現身體不適情形，立即赴醫院採檢，採驗2次的結果都是陰性，目前身體狀況大致無虞，但為了安全及配合防疫，還是待在家中配合隔離至4月1日，並非外傳確診個案。
至於市府大樓26日起防疫升級部分，戴于文指出，此為配合中央防疫作為，強化市府防疫工作，對未配戴口罩者採實名制登記，確保不會出現防疫漏洞，跟該名同仁的狀況完全沒有任何關聯，但該名同仁目前承受相當大的心理壓力，正由長官和同仁們勸慰中。
戴于文強調，市府針對同仁若發生確診狀況，已超前部署與演練，採分層、分區、分艙、分流方式進行防疫，且也部署異地辦公等規畫，做好萬全準備。</t>
  </si>
  <si>
    <t>新冠肺炎疫情延燒，疫苗話題近來成為民眾關注重點，日前「好心肝診所」被踢爆深夜違規替不符資格者施打AZ疫苗，台北市9日開罰200萬台幣，並終止合約。今(11日)郭子乾認了接種疫苗，侯昌明夫妻則一改原本說法，也承認打過疫苗，引來網上砲轟，曾雅蘭稍早發文滅火，還原被診所通知有資格打疫苗的來龍去脈。
好心肝診所最近爆出打疫苗爭議，身為好心肝終生志工的王彩樺，昨澄清自己在疫情爆發前4月就自費到台大打了第一劑疫苗，花了600元，預約本月21日再到台大打第二劑，與好心肝診所事件無關，她因工作得出外四處忙，坦言當然擔心生病，希望能保護好自己才能保護家人小孩，至於打第一劑的心得，王彩樺說第一、二天有點疲累、頭痛，但過幾天便沒事了。
至於郭子乾，稍早他承認早在3月就預約打疫苗，因考量到家中有洗腎、高血壓病史的兩位長輩，當時朋友曾勸他擔心有後遺症，但他仍決定預約施打，承認因思考不周引發紛爭。而曾雅蘭和侯昌明夫妻稍早承認打疫苗後，引來不少網友批評，曾雅蘭稍早親上火線發文，表示夫妻倆以資深志工在好心肝基金會工作20多年，4月就接獲邀約今年7月要在世界肝癌日與八月肝病防治基金會的年度大會上擔任主持人。
曾雅蘭說，夫妻倆是臨時被通知可打疫苗，當時兩人也討論過順序資格符不符合，而診所衡量兩人有被感染風險，「因此好心肝擴大認定醫療相關人員的身分，提前讓我們施打了第一劑，這樣才來得及在活動時施打第二劑產生保護力，因此我們施打了第一劑」，並表示：「很抱歉我們沒有很周全的把事情想仔細，造成社會觀感不佳」。
網友回：「我的天啊..你們..怎麼..可以.....大失望又再填（添）一樁」，曾雅蘭回應：「真的很抱歉，因為打疫苗也是被臨時通知，所以我們真的沒有想那麼多，如果再給我一次機會我也會選擇不去打，再次抱歉」，另有人說：「沒關係，反正現在主持也無法去了，但是疫苗都打了，不如去前線幫忙這樣更好，把在家裡打高爾夫烤肉甚（什）麼的時間拿來貢獻社會，相信你們的神會保佑你們。」曾雅蘭再表示：「如果有需要我們幫忙的我們一定會去幫忙」。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為了解今年7月底就業市場人力需求情形，勞動部在4月20日至5月8日針對員工規模30人以上的事業單位辦理人力需求調查，第三季人力需求僅有2萬1101人，為近11年來同期新低，其中住宿及餐飲業人力需求僅有931人，也是近11年來同期新低。
109年第二次人力需求概況，有效樣本達3051家，此次事業單位預計7月底較4月底人力需求達2萬1100人，為近11年來最低，但次於金融海嘯同期的1萬9563人。
調查發現，本期需求減少較多主要為製造業達5635人、支援服務業以2542人次之、批發及零售業以1968人再次之，住宿及餐飲業也減少1738人需求；而需求減少集中在員工規模在99人以下的小規模廠商，需求減少人數達7765人。
勞動部統計處處長羅怡玲分析，受到新冠肺炎影響，民眾減少外出及消費；但宅經濟商機升溫、5G通訊及人工智慧等新興應用科技穩定推展，廠商持續擴增在台產能及電商平台蓬勃發展，加上國內疫情控制優於各國，政府推出振興經濟措施及疫情和緩後暑假消費旅遊需求，事業單位仍有增僱員工需求。</t>
  </si>
  <si>
    <t>為增加新冠疫苗注射的可近性，中央流行疫情指揮中心今天宣布，11月25日起開放民眾可自行至指定醫療院所混打，凡是接種AZ第一劑滿8周的民眾，無論是否有在疫苗預約平台意願登記，皆可完成混打。
疫情指揮中心指揮官陳時中表示，先前已開放第一二劑皆可至指定合約院所施打，25日起增加混打選項，第一劑AZ接種後已滿8周者，可在疫苗平台預約，也可以至指定醫療院所施打。
至於國內第三劑接種計畫，是否也會採「非預約平台」方式進行？陳時中表示，我們現在有預約平台、醫療院所和造冊方式，未來朝多管道的可能性比較高。
陳時中說明，目前國內第三劑計畫還沒完成，未來會看專家建議，就現有的疫苗來施打。他隨後補充，今年有打幾種疫苗，明年就會盡量準備，不是說規定大家一定只能打一樣的，也會根據專家建議讓大家做選擇。
至於我國已採購3500萬劑的次世代疫苗何時到貨？陳時中表示，次世代疫苗大約要到明年下半年才會出來，各國目前都是沿用現有的疫苗來當追加劑；他強調疫苗作用主要是降低重症和死亡，如果要避免感染，口罩也是非常重要的事情，一定要兩件事都做好，這樣防疫會比較好一點。</t>
  </si>
  <si>
    <t xml:space="preserve">不受疫情的影響，2020鳳梨好筍季25日仍在台南市關廟區大潭埤旺萊公園揭開序幕，但對參加民眾採限額實名登錄。市長黃偉哲表示，令人欣慰的是，今年鳳梨的價格，並沒有因為少了大陸市場下滑，在大家的努力之下價格仍維持穩定，也讓更多消費者能吃到好吃又健康的鳳梨。
黃偉哲表示，關廟出產鳳梨、竹筍及關廟麵等非常多好的產品，廣受民眾歡迎。今年的鳳梨產量跟往年一樣，但因少了大陸的外銷市場，因此市府積極往加工、內銷及開闢其他國家市場的方向努力。
黃偉哲還進一步提到，竹筍跟鳳梨都是非常好的健康食品，具有很多纖維素，能幫助健康的人提高免疫力；免疫力提高就比較不容易生病，具有實質的防疫意義。今年的鳳梨好筍季是一個成功的典範跟模式，在疫情過後，市府也會陸續舉辦更多的產業活動，讓各區的產業文化越來越好。
市府農業局表示，每年4至7月進入鳳梨盛產期，此次因武漢肺炎疫情的影響，活動也以行銷鳳梨為主。企業認購鳳梨的行動一直持續進行，公所、農會齊努力在購物台也狂賣1萬4000顆鳳梨，協助農民行銷鳳梨增加收入。
2020鳳梨好筍季活動首開先例採實名登錄報名，報名成功並參加的民眾，可享鳳梨2入裝禮盒、2瓶鳳梨冰茶、鳳梨苦瓜雞及鳳梨炒飯等好康；在旺萊市集購買農特產品還可兌換DIY卷，並可選擇製作鳳梨醋或鳳梨酵素清潔液。今天進場的民眾都手持確認單，由活動場地單一出入口進出，並配合量測體溫、戴口罩，逛得安心、買得放心。
</t>
  </si>
  <si>
    <t xml:space="preserve">清明連假結束近一周，民眾都在等待結果，是否會出現疫情大爆發的現象，對此，指揮中心表示本周有8千多例通報，其中791人去過相關景點，但檢測結果皆為陰性。
中央流行疫情指揮中心專家小組召集人張上淳表示，每天約有1500多件篩檢案例，但至今已將近1周，這幾天作為重要的評估期，目前還沒有大幅本土案例增加，僅出現案379一例，但她並沒有旅遊史。至於是否可視為清明連假後疫情威脅趨緩，張上淳沒直接回應。
疫情指揮中心疫情監測組組長周志浩則表示，4/6至4/10的8000多位通報案例中，僅791位表示有到過11處景點，但採檢結果全部是陰性。疫情指揮中心指揮官陳時中說，目前看來急劇變化可能性不高，但仍應提高警覺。
</t>
  </si>
  <si>
    <t>中央疫情指揮官、衛福部長陳時中宣布，為了保護國民抗疫，取消陸籍子女入台措施。這是蔡政府在24小時內所宣布的第4個陸配子女入台規定，且一次比一次更為嚴格。最新規定等於是完全排除了滯留大陸的陸配子女在新冠肺炎爆發後，來台的任何可能性。
在蔡政府禁絕陸配子女入台的同一天，南韓撤僑專機帶回了南韓公民及其家屬共147人，其中有60人是中國大陸籍家屬。兩相比較，蔡政府不厚道甚至可以稱之為冷血的做法實在很悲哀。
陳時中強調「既然當初已經選擇了國籍，現在就必須自己做些安排及承擔」，意思是，只要法律上不認定這些陸配子女是台灣之子，那麼，不論他們是不是未成年，也不論他們的父母此刻是不是在台灣，反正統統一律不准返台。
一個未成年的孩子當初沒有選擇入籍中華民國的理由很多，而春節假期間，可能有不少台商攜眷赴大陸探親，其中或許有些大人把孩子留在親戚家，自己先返回台灣，待事情處理後再去接孩子，不料武漢封城突如其來。然後，蔡政府告訴台商，孩子留在那裡不准入台，這簡直是「1949骨肉分離」的翻版，實在是太殘忍了。
如果蔡政府這麼一板一眼、就法論法，那又怎麼能夠怪菲律賓不准台灣旅客入境呢？人家也是根據WHO的「一中原則」所做的處理，不是嗎？外交部說，事實上，台灣就不屬於北京的管轄範圍啊！既然彈性處理、揆情審勢那麼重要，那蔡政府在面對台商時怎麼就不這麼做呢？
連對自己同胞的家人都無法愛屋及烏，我們憑什麼要求別的國家要給台灣人超越國際原則以外的待遇？更可悲的是，面對菲律賓的禁令，蔡政府連取消本來就不公平的單方面對菲律賓免簽都不敢，卻只會惡狠狠地對付台商及其家人。有這種政府可真是窩囊！ 　　 　　 　新冠肺炎爆發以來，行政院長蘇貞昌三番兩次改變口罩的配送制度，把大家折騰得七葷八素，沒想到他竟然自評實名制讓人人都能買得到口罩，「非常成功」。他的這番自誇實在令人納悶，畢竟庶民們只要隨便問問身邊的人，都知道買不到口罩的人比買得到的人多得多。所以，蘇貞昌說的「人人」到底是指誰？難道是民進黨的高官圈內人嗎？
這麼爛的行政管理竟然成了閣揆口中的「世界唯一」、「大成功」，跟人民的感受全然相反。果然，雖然咱只有一粒卡臣，「官」字卻有兩個口，隨便他胡說八道。
口罩配銷措施一變再變，最應該負責的是經濟部，因為顯然是經濟部始終無法有效掌握國內口罩的生產數量，才會讓蔡英文總統、蘇貞昌與陳時中談到口罩供需情況時都像是買樂透報明牌一般，幾個數字兜來兜去卻從來沒有準過。
經濟部長沈榮津說，新冠肺炎疫情導致大陸生產停擺，這將有助於台灣成為「高階製造中心」。連口罩一天生產幾個都搞不清楚，還妄想率領產業更上一層樓咧，笑死人了！
口罩院長率領的團隊真是兩光又冷血。（作者為資深媒體人）</t>
  </si>
  <si>
    <t>本月6日後實行的口罩實名制一定程度上緩解了全民搶口罩的亂象，中央流行疫情指揮中心相信，實名制有效解決了囤積的情況，但負責販售口罩的藥局及藥師卻大嘆工作超時，直呼「吃不消」。
自從口罩實名制實施以來，有藥師抱怨明明不是公務人員卻被迫配合政府政策，從每天早上6點接收通過郵局寄送的口罩後一路忙到晚上，工作時間超過20個小時，也沒有得到相應的薪資補償，每天的工作量已經超出負擔。
對此中央流行疫情指揮中心回應，如果有必要，指揮中心會再與郵局單位協商配送口罩的時間方便藥局及藥師作業，並相信口罩實名制是解決口罩囤積的好方法，希望大家一起共度難關。</t>
  </si>
  <si>
    <t xml:space="preserve">新冠肺炎疫情蔓延，台灣目前累計確診數達24例，其中，感染源還在調查中，引發人心惶惶。台大醫院兒科醫師吳其穎針對許多人困惑「免疫力越強越好？」做出回應，並以17年前的SARS疫情為例，指出身體強壯的青壯年，死亡率反而更高的真相。
台大醫院兒科醫師吳其穎，在個人YouTube頻道「蒼藍鴿的醫學天地」拍了一支影片，他說「武漢肺炎來勢洶洶，許多人傳訊息問我說，『要吃什麼補品才能增強免疫力』？」
他以2003年的SARS疫情為例，指出當年致死率高，文獻指出約落在10～15%，但醫學界發現奇異現象，根據疾管署資統計資料發現，當年因SARS不幸死亡的患者，一般認為身體比較強壯，20~40歲青壯年碰到SARS的死亡率竟然高達8%左右，比例竟高於免疫力相對較不成熟的20歲以下或小孩。
原因出在哪裡？吳其穎解釋，要從人體免疫系統解釋，當人體感染SARS（非典型肺炎）、冠狀病毒入侵人體感染肺部細胞，人體自然得派出免疫細胞應戰被病毒感染的細胞，使其無法繼續增殖。吳其穎說，「當時很多醫生發現，相較於小孩子，青壯年族群因為免疫系統較強，因此針對病毒入侵的反應有點太過劇烈。」
吳其穎進一步解釋，當強壯身體面對感染，會派出體內最精良的免疫細胞，來對被感染細胞（肺泡）進行強而有力的摧毀行動，而這段期間就有可能會引發強烈的肺部發炎，甚至進一步驅動免疫系統無差別攻擊肺臟，造成沒有被感染的細胞同樣接受魚池之殃。他說，這樣有可能會導致最嚴重肺浸潤、肺纖維化，最終落得呼吸衰竭、甚至死亡的結果。
反觀免疫系統相對較不成熟的幼童，吳其穎指出幼童的白血球同樣會攻擊病毒，但是力道有限，反而不易造成重大傷害，最後這類病患得以撐到B細胞開始製造抗體而驅逐病毒。
吳其穎坦言會如此分享該故事，是想讓大家了解「人體免疫系統向來就是雙面刃。」」唯有當它處於平衡狀態，才得以對病原體進行有效的攻擊。
</t>
  </si>
  <si>
    <t>台灣防疫有成在國際間受矚目，外貿協會透過全球外館努力，讓台灣精品於此同時在國際重要媒體獲得大量曝光報導，趁勢宣傳優質產品，協助廠商爭取商機。有日本買主看到獲台灣精品防疫物資「額溫槍」報導後，立刻透過福岡台貿中心表示採購意願。
貿協表示，4月起開放出口後，將安排業者進行洽談，第一時刻抓緊商機。據統計，過去6週內密集不間斷的國際報導，台灣精品獲國內外媒體總露出的中英文相關新聞共795篇，觸及8億0,994萬人。
貿協指出，包括馬來西亞媒體TheSunDaily報導台灣精品關於醫療保健行業的專題，引發當地醫療相關業者對於台灣精品廠商如明達醫學科技、華廣生技、真茂科技的產品及技術高度詢問；而台灣精品獲獎產品LUFT Cube稻穗個人空氣清淨器，亦獲德國媒體ComputerBild青睞專文報導，搭配防疫議題突顯空氣淨化的重要性，讓業者產品知名度在歐洲市場倍增。
新冠肺炎疫情爆發引起全球產業停滯效應、商業活動趨緩，對台灣也造成衝擊，貿協自2月起即以運輸金屬、運動居家、智慧機械、電子資通訊及醫療照護等5大產業台灣精品為題，竭力透過各式管道傳送防疫新聞與台灣產業、台灣精品資訊，包括把華新、中衛、康匠等台灣口罩廠，工具機及機械業者如哈伯精密、東台精機、台灣瀧澤、東捷、靄崴、上銀、台灣引興、普森精密、協易、三鋒、永進、亞崴等台灣精品得獎及品牌企業一口氣推舉至國際。
此外，台灣精品更籌劃拍攝台灣工具機及紡織產業的國家形象宣傳影片，帶領觀眾深入廠房認識這些推助醫療前線抗疫的產業英雄，從研發、原料供應到製成口罩與醫療防護衣，經過升級、系統化的操作、匯聚企業的動能，讓大家看到台灣優質產業的實力。</t>
  </si>
  <si>
    <t>大陸央視新聞用戶端14日報導，又是新一Delta毒株引發本土疫情，福建省莆田市仙遊縣縣長、應對新冠肺炎疫情工作指揮部指揮長吳海端受訪時表示，目前形勢嚴峻，大陸國務院專家判斷，要經過三輪以上全程核酸檢測，根據檢測結果再做初步判斷。相關疫情，一是病毒傳播速度比較快；二是感染人群主要集中在小學、中老年人，最大齡84歲、最小5歲。目前主要關注三個鏈條，一條是源頭林姓男子新加坡回來的家族、第二是他太太的工廠、第三是他小孩所在學校，初步判定與Delta病毒序列基因相同。
吳海端表示，隨著流調溯源密接者，現在已經找到了將近1500名的密接者，還有1600多名的次密接者，都已管控。採取幾方面措施：一是要快。就是要切實把中高風險地區，把人給按下來，停止流動；第二個要溯源。就是密接者跟次密接者均進行管控。第三請專家幫忙做很好的指導。按照大陸國務院疫情防控第八版規定，進行了相關一系列處置，包括後續管控措施等，都按照這個預案內容進行處置。
吳海端稱，疫情發生在小孩群體中也是比較大的難題，但是一定要確保去掉這個鏈條的傳播，在安全為前提的基礎上，以人為本。對於如何管控大人和小孩的問題作了研判，也請教了相關專家，認為還是根據需要，考慮兩個人住在一個房間，第二個，同時也對家長心理輔導，畢竟進入隔離病房，離開了家，他們也面臨比較大的壓力，給他們心理輔導。對小學生，特別是小低齡的孩童，給他課外讀物，比如說在裡面畫畫，讓他放鬆。如果孩子能獨立隔離，就單獨隔離，如果需要父母在旁邊陪伴，那麼就把他的父母安排在另外一個房間，可以聊天，當然聊天只能在隔壁。管控中還是要體現人文的關懷，前提是要做好疫情的防控，防止交叉感染。
吳海端說明，受疫情影響，很多企業停工，他們特別穿上防護服，送東西上工廠，都做了預案跟安排，比如說已存了將近40噸的大米，還有將近1萬斤糧油，還有5000公斤麵粉，還有透過網購，跟省內大型商超聯繫，經由網購和專業護送，按照防疫要求，全程消殺，確保點對點、人對人、一對一送貨上門，保障工廠正常運轉。</t>
  </si>
  <si>
    <t>通用汽車（GM）、百事公司（PepsiCo）等大型廣告客戶近日打算大砍電視廣告支出，藉此保留資金以度過新冠肺炎危機。業界人士預估，第三季廣告支出恐因此銳減10～15億美元。
在新冠肺炎疫情爆發的前幾周，電視廣告支出隨之下跌，但之後降幅並未進一步擴大，原因在於全美高達420億美元電視廣告支出中，絕大部分都受到合約保障。這些合約在每年9月新一季節目播出前早已簽訂完成。
根據合約規定，廣告客戶自5月1日起便能削減未來廣告支出，而這也是他們在疫情爆發後節省廣告支出的首次機會。廣告客戶最多可取消第三季50％的廣告支出。
據消息人士透露，各大企業利用此協議取消廣告的程度不一，這些公司包括通用汽車、百事公司、連鎖餐廳Cracker Barrel、食品大廠通用磨坊（General Mills）、達美樂披薩與法國藥廠賽諾菲（Sanofi）。
廣告代理商地平線傳媒公司（Horizon Media）投資長坎柏奈力（Dave Campanelli）預估，第三季約有10～15億美元的廣告支出可能遭到取消。坎柏奈力表示：「這樣的跌幅是非常驚人的。」
事實上，廣告客戶按合約規定擁有此權利已行之多年，但他們很少取消廣告支出到這個程度。
電視業者並不樂見此情況發生，包括Comcast旗下的NBC環球、ViacomCBS與迪士尼皆想方設法避免廣告支出流失。ViacomCBS執行長巴基什（Bob Bakish）上周召開財報會議時表示，「當前環境確實不佳」。而AMC電視台則示警，第二季廣告營收恐暴跌30％。
廣告客戶希望下一輪合約能具備更多彈性，好讓他們在疫情再度爆發之際能輕易地抽回廣告預算，但作為交換，各大電視台也會收取一筆費用。</t>
  </si>
  <si>
    <t>疾管署記者會天天直播，似乎還紅到國外去，除了港媒之外，日本網友也將指揮中心成員喻為「防疫五月天」，陳時中對此回應，每個人都很重要，也需要大家一起努力。
根據港媒《中評社》報導，立院質詢提到，陳時中太辛苦，是否需他人代班，「換時中」的議題大家不買帳，因為許多台灣網友如追劇般的看直播，也讓固定列席的官員累積一票小粉絲。
其中網路聲量最高的指揮官陳時中，近兩個月的記者會從不缺席的鐵人形象、與記者的機智應答，讓網友給他「阿中部長」、「鐵人部長」的代稱，甚至有網友曾在直播建議，「若防疫資金不足，可販售阿中部長的公仔來集資」。
而執行官周志浩、監測應變官莊人祥被合稱為「疾管署的浩角祥起」，某次記者會名單沒有列席莊人祥時，留言處甚至一度被刷屏「祥祥怎麼沒有來？」、「祥祥沒有椅子」、「祥祥呢」。
而昨日因「新冠肺炎是否影響男性生殖器」的問題，被強遞麥克風，尷尬不失禮貌的回答，讓網友也刷留言喊「崇崇說的對；每日直播，連手語翻譯員也獲讚賞，日前BBC全英提問，手語翻譯員同步跟上，讓網友一路刷爆留言狂喊「手語老師超強」。
而今日疾管署例行記者會，媒體提問，台灣防疫成績引發外界讚賞，日本就有網友將指揮中心成員喻為「防疫五月天」。陳時中表示，公衛專家、防疫人員的貢獻都大，每個螺絲都很重要，需要社會中所有力量，大家一起努力。</t>
  </si>
  <si>
    <t xml:space="preserve">人稱「國師」的星座專家唐綺陽看台灣新冠肺炎疫情！她認為這次清明假期完全凸顯大家從「驚疑、害怕、恐慌」，到「安全感爆棚、覺得厄運不會是我」的鬆懈。這樣的輕忽、自私無疑加大了「撞車、翻車的機率」，疫情是否會在台灣造成破口、甚至蔓延的這些變數？唐綺陽指出，「兩週後才見真章」。
唐綺陽表示5日中午是今年的「第一波木冥合」且來到合相高峰，並開始出相位，像是衝著老人來，引發各界高層、貴冑紛紛中標、死亡，或推動疫情進入高峰、帶來明確的死亡威脅等。疫情連帶來了經濟活動停擺帶來巨大損失，各國政府須拿出巨大金額的金錢紓困，與各種企業都面臨經營困難，將導致倒閉潮、失業潮，她指出這樣的「木冥合相」今年還有兩波，第2波在6月，第3波在9、10月。
唐綺陽觀測星象發現火星、土星持續在水瓶，她解釋「人多勢眾、群聚有毒」的意象四處展現，輿論、風向的形成若來自「內在陰暗或受害發洩」，就會造成霸凌、圍勦、肉搜、公審等事件頻發，尤其在網路上，更是將人性之惡表露無遺。
另外，因見台灣人怎麼「忽然都不怕染病、紛紛去景點玩了呢」？唐綺陽提出警告，「人多有毒」表現在「人擠人就容易中鏢」，她認為這是人性最被考驗的時刻，苦勸所有台灣人「真的…別再這樣自我下去！」
唐綺陽表示，火土水瓶將歷時一個半月，「群聚有毒」會逼迫大家變得疏離，她呼籲 ：「我們都不希望成為受害者，也最好不要輸給人性成為加害者，請大家對此星象保持警覺，並時時自省，勿被狂歡誘惑。」
重要星象：水、海雙魚出相位，第一波木、冥合出相位，水星進白羊座。
工作注意↓
雙子：事情別只看表面，要讀懂暗中的表達
獅子：有機會得到員工助力，工作一飛衝天
天蠍：別一意孤行，免得白做工
射手：適合和熟人、有默契者互動
桃花注意↓
處女：表達愛意時，要懂得浪漫
天秤：適時的收斂善意，以免電到麻煩桃花
水瓶：好好做自己，保持個人本色
雙魚：有失戀之感，或考慮放生桃花
財運注意↓
白羊：當心情緒性的揮霍會造成破財
金牛：好好理財會獲得回報
健康注意↓
巨蟹：注意交通問題，有問題就趕緊處理
魔羯：多注意身體，別讓小問題變成老毛病
</t>
  </si>
  <si>
    <t>總統府發言人張惇涵今天表示，昨（19）日下午，總統官邸協助照顧退役工作犬的一位志工主動通知確診，在得知消息後，總統醫療團隊隨即啟動應變作業，在第一時間為總統蔡英文及相關人員進行核酸檢測篩檢，結果全為陰性，總統健康安全無虞，他也頂計晚間6點50分線上直播說明。
張惇涵指出，該名志工為今日指揮中心公布的確診案例，經查，上次進入官邸時間為5月11日上午9時至下午17時40分，期間與總統並沒有任何接觸，動線也沒有與總統重疊，也未曾進入總統起居的寓所， 當日之後也未再進入官邸範圍。
張惇涵指出，該名志工為今日指揮中心公布的確診案例，經查，上次進入官邸時間為5月11日上午9時至下午17時40分，期間與總統並沒有任何接觸，動線也沒有與總統重疊，也未曾進入總統起居的寓所， 當日之後也未再進入官邸範圍。
張惇涵表示，醫療團隊已組成專案小組，總統官邸也即刻進行全面消毒，暫時停止志工支援作業，醫療團隊也密切監測總統身體狀況，確保總統及周邊工作人員健康安全。
張惇涵於記者會中表示，昨天下午總統官邸有一名協助照顧退役工作犬志工，主動通知總統府幕僚確診的消息，得知消息之後，總統醫療團隊隨即應變，第一時間為蔡總統及相關人員，進行核酸檢測的篩檢，結果全為陰性，總統健康請國人放心。
經過查證，這位志工上次進入官邸範圍的時間是5月11日上午9點到傍晚5點40分，在這段期間，總統與這位志工沒有任何互動與接觸，相關動線也沒有任何重疊。在5月11日之後，這名志工也都沒有進入官邸範圍，也沒經過總統起居寓所，請國人放心。
經過初步調查，這名志工居住於新北市中和區，過去最近一段時間，並無萬華足跡史，而在昨天得知確診之後，第一時間主動回報總統府幕僚，總統醫療團隊也隨之啟動，即刻為總統與維安人員、幕僚與其他志工進行核酸檢測篩檢，包括總統在內，共計25名，全部都為陰性。醫療團隊也組成專案小組，總統官邸即刻進行消毒，已暫時停止志工支援總統官邸範圍內的作業，也會監控總統健康狀況。
在總統府的部分，目前總統府沒有確診個案，目前有84位同仁，因為是確診者的接觸者，採取自主健康管理，同時採取居家辦公的情形。84位同仁當中，居家辦公到520今天的有78位，到521的有一位，到525的有一位，到5月28日的有四位。
對於媒體詢問，總統副總統是否優先施打疫苗？發言人表示，總統副總統願意投入配合對防疫工作有正面相關的事情。之前也強調，總統副總統願意在國產疫苗研發成功後施打，支持國產疫苗，也讓全世界的人對台灣國產疫苗更有信心，目前計畫沒改變。
總統起居寓所的工作人員，有6位工作人員已施打疫苗，關於總統警衛室、侍衛室的工作人員，有15％施打率。我們的政策是，在開放八大類施打疫苗部分，還是優先讓醫護人員、第一線防疫人員施打疫苗，相關人員已經登記，等待時間許可分梯次施打。
至於台灣施打疫苗在世界是末段班，是否下放地方政府緊急向外採購疫苗應急？包括上海復星總代理？這部分陳時中指揮官已強調，疫苗是中央統籌權限，也是整體防疫的一環，防疫也是國安層級，由中央政府統籌，其他部分依照指揮中心指引，沒有評論。
對於有傳聞，總統親自跨國調疫苗，半夜致電國外政要一事，發言人說，總統對於防疫各項工作，都非常關切，這段時間除了召開國安高層會議以外，也密集與蘇貞昌院長、指揮官陳時中密集聯絡，不斷討論盤整各項防疫措施，包括疫苗進度、集中檢疫所、醫療院所、篩檢站的開設，這修都陸續就位當中。再次強調，外國疫苗將在6月底到貨，國產疫苗也在7月底有第一批供應，這些疫苗都如期到位，國人踴躍施打，提升疫苗施打覆蓋率，增加社會防護，這是最重要的。
總統官邸所養的犬貓是否安排篩檢？發言人回答，剛剛有跟農委會防檢局確認，目前沒有任何文獻顯示，病毒會在貓犬增殖而傳染給人，也跟醫療團隊做過確認，從科學來看，一，目前台灣對動物並無篩檢，二，目前這四隻退役工作犬都有定期洗澡，昨天也有洗澡與消毒，犬舍也有消毒，研判安全無虞。三，昨天篩檢人員呈現陰性，無安全疑慮。目前處理四隻退休工作犬部分，是住在犬舍中，暫時不會進入總統起居範圍，也暫停志工支援，請大家放心。
志工照顧的退役犬是樂樂嗎？發言人說，四隻退役犬都有照顧。</t>
  </si>
  <si>
    <t>AZ疫苗昨天起大規模接種，加上連日確診數降到200例以下，是否28日就可能解除三級警戒？對此精神科醫師沈政男認為，台灣要解除三級警戒最好的做法是「清零」，並指出沒有疫苗，不可能壓制疫情是盡信書、吃到阿兜仔口水的看法，並不適用於台灣。
沈政男昨天（15日）在臉書發文，台灣在萬華群聚事件過去後，現在只剩下家戶感染，疫情已經降到了新低點，依照這個趨勢，6月28日有機會降到新增兩位數，只是屆時大家敢解封三級警戒嗎？他認為解封一定會有疫情再起的風險，只是風險多大，必須有科學根據，而不是憑直覺來判斷，建議可以把過去一個多月來，主要的群聚感染事件、其發生原因，做一個整理，以找出危險因子。
沈政男說，商店實聯制、市場分流、雙鐵降載這些措施其實無關大局。甚至，上學上課、開會聊天、逛街看電影，這些可以戴口罩的活動，也都不是問題。重點在於，餐廳與小吃店，能不能開放內用？學校營養午餐，該怎麼吃？這才最傷腦筋。
沈政男說，目前要解除三級警戒最好方法就是「清零」，因為一解除三級警戒，疫情就會死灰復燃，但清零的話就不會，指出「清零」是台灣防疫接下來的關鍵字，呼籲大家一定要有這樣的雄心壯志，不然就會像英國首相強森說的「我們要學習跟COVID共存！」，但沈政男直言，台灣人並不想要跟新冠病毒共存，「不可能清零」、「沒有疫苗，不可能壓制疫情」，是盡信書、吃到阿兜仔口水的看法，並不適用於台灣。
沈政男說，即使大部分人都打了疫苗，如果沒有清零的決心，那麼也不可能清零，依然必須忍受每日新增多少例的日子，「試問，台灣人要過這樣的日子嗎？歐美國家可以，但我們要嗎？」如果不要，那麼不管疫苗打了多少，一定要徹底壓制每一隻病毒，不要放過，直到清零為止。現在雙北都提出了「冷區殲滅」作戰，先從案例少的區域把病毒清光，然後再逐漸往熱區包圍過去。而中南是全台疫情相對的冷區，已經有好幾個縣市陸續出現零確診了，清零是有機會的。</t>
  </si>
  <si>
    <t>新冠肺炎疫情在全球各地蔓延，在家遠距工作及遠距教學成為市場新顯學，並推動雲端運算及資料中心需求快速成長，伺服器及筆電出貨轉強。統一可延伸韌體介面（UEFI）BIOS供應商系微（6231）因擴大在伺服器、筆電、物聯網及雲端等市場占有率，伺服器及筆電出貨暢旺將同步帶動系微BIOS出貨放量。
系微去年擴大在伺服器、個人電腦的BIOS市場占有率，加上大陸OEM廠去美化帶動轉單效益，去年合併營收9.59億元，與前年相較成長13.0％，歸屬母公司稅後淨利達8,834萬元，與前年相較成長33.2％，每股淨利2.32元。系微董事會決議每普通股擬配發2元現金股利，股息配發率高達86％。
系微先前受到大陸新冠肺炎影響，導致ODM/OEM廠停工，2月合併營收月減23.7％達7,131萬元，與去年同期相較仍大幅成長62％，前2個月合併營收達1.65億元，年成長25.1％優於預期。隨著大陸工廠復工速度加快，法人預估3月起營收重拾成長動能。
新冠肺炎疫情蔓延持續影響全球市場，隨著歐美各國開始實施封鎖邊境及封城，在家遠距工作及遠距教學成為新顯學，帶動雲端運算及超大規模資料中心強勁需求，進一步帶動伺服器及筆電銷售動能。系微受惠於伺服器及筆電BIOS出貨放量，第二季訂單能見度大幅提高，下半年營運持續看旺。
系微BIOS近年來在伺服器市場占有率快速提升，包括華為、新華三、浪潮等大陸伺服器大廠選用系微InsydeH2O韌體，除了可支援英特爾Xeon可擴充式處理器開發機架式伺服器及超微EPYC伺服器處理器平台，系微BMC韌體Supervyse系統管理軟體解決方案亦獲得各大廠採用。
再者，系微BIOS去年持續獲得OEM大廠筆電導入，與英特爾及超微均有密切合作。</t>
  </si>
  <si>
    <t xml:space="preserve">有些新冠患者的症狀比別人更嚴重，甚至在擊潰病魔、出院後仍持續感到疲憊、呼吸困難，生活久久無法恢復正常，現在耶魯大學的科學家找到關鍵原因，疑似是患者體內的「自體抗體」（autoantibody）在作怪。
綜合英國《每日郵報》（Daily Mail）、《衛報》（The Guardian）報導，新冠肺炎被視為是「短期疾病」，公衛專家多指出，患者染病後2周內多能康復。不過許多研究及康復者現身說法，指出患者出院後仍得經歷很長一段時間的後遺症，這些症狀包括疲憊、呼吸急促、甚至是大腦損害。
耶魯大學研究團隊12日刊登在醫學論文預印本平台medRxiv網站的研究顯示，新冠患者血液中存在大量「自體抗體」，這些自體抗體會阻斷人體抗體對抗新冠病毒，並且攻擊包括大腦、血管、肝臟在內等多個地方，導致部分患者症狀更嚴重，患者痊癒後仍經歷長時間的後遺症。
耶魯科學家比對194名染疫醫護人員、患者、以及30名健康成人體內的自體抗體數量，發現患者體內的自體抗體數量遠高於健康成人。
另一組試驗則發現，體內自體抗體含量更多的患者，新冠症狀更嚴重，他們的自體抗體會攻擊已經遭受新冠病毒攻擊的器官。科學家也擔心，自體抗體造成患者痊癒後仍得經歷很長一段時間的後遺症。
該研究的作者、耶魯大學免疫生物學家林格（Aaron Ring）表示，「新冠患者體內產生的自體抗體實際上會干擾身體對抗病毒的免疫反應。」
「我們確信這些自體抗體對新冠患者有害」，「因為抗體可以存在體內很長一段時間，所以可以想像它們可能會導致長期新冠症狀。」
正常情況下，當病毒進入人體時，人體免疫系統會自動產生、儲存蛋白，對抗入侵者，這些蛋白稱為「抗體」（Antibody），抗體會附著在病毒表面的棘狀蛋白（spike protein），使病毒無法發揮作用。
但是在特定情況下，免疫系統辨識人體自身物質的能力失效，錯誤將體內物質當成侵略者，因此對物質發出免疫反應、產生「自體抗體」。「自體抗體」也是一種抗體，但是會錯誤攻擊體內蛋白、攪亂正常運作功能。
另外，北布里斯托全民健保信託基金（The North Bristol NHS Trust）的研究顯示，110名新冠患者中，高達74%的患者在罹病12周後，至少還有一個症狀仍在持續，最常見的症狀是疲倦，其次是呼吸困難，另外還有失眠、肌肉痠痛、胸痛等症狀。
</t>
  </si>
  <si>
    <t>台北農產運銷公司爆發新冠肺炎群聚感染確診45人，北市府除安排快篩外，市長柯文哲表示要讓北農員工、承包商、送貨員等約4000人全面施打疫苗，用打疫苗來圍堵疫情，第一果菜市場22日凌晨恢復交易，在門口處做好量體溫和人流控管，以防疫情持續擴散。</t>
  </si>
  <si>
    <t>繼日前加茂KAMO貨輪船長確診身亡後，台中港再傳靠泊碼頭的諾曼賈爾離岸風電工作船菲律賓籍船員確診（案16098），由於該船8月14日已抵台中港，個案在28日採檢才確診，消息傳出後引發台中港周遭民眾恐慌。不過，台中市衛生局向疾管署查證，個案未曾下船，該船日前全船檢疫，全船41人採檢PCR僅發現個案為陽性，其餘40人皆陰性。
諾曼賈爾的離岸風電工作船8月14日抵台中港，疾管署中區管制中心日前依規定上船對全船船員41人採檢，發現該名菲律賓籍水手PCR陽性CT值34.86，目前無症狀，5月4日於由鹿特丹上船作業，期間皆於船上，未與外界接觸。在採檢結果出爐後，隨即由119送至醫院隔離治療中。
另中央疫情指揮中心昨公布最新疫情，國內昨新增4例新冠肺炎確定病例，為3例本土及1例境外移入個案，確診個案中新增1死。截至目前，國內共累計1萬5995例確診，其中835人死亡。
昨新增的3例本土個案介於30多歲至60多歲，為新北市2例、台北市1例，3人中有2人關聯不明，1例疫調中。新北2例個案分布在中和及五股，確診者足跡包括：全聯、千葉火鍋都中標。
新北市長侯友宜指出，五股確診個案感染原因目前疫調中，推測可能是朋友感染。另1例為中和個案於8月30日陪同兒子至醫院就診，採檢為陽性、CT值36.78，研判為舊案，應不具傳染力。</t>
  </si>
  <si>
    <t>疫情邊境管制使台北市國際觀光飯店住房業務成為重災區，全台量體最大的台北君悅酒店也撐不住，傳出將規畫分階段精簡人力。對此，台北君悅酒店發表聲明，坦言因國際旅客跨境旅遊短時間無法回復，必須迅速調整運行策略，在年前實施人力調整計畫。
新冠肺炎疫情致使台灣實施邊境管制，衝擊全台飯店住房業務。據觀光局統計，2020年前三季全台國際觀光飯店平均住房率自68.49％驟減至37.7％，平均房價自3895元降至3763元、年減3.39％，客房平均收益（RevPAR）自2620元降至1419元、年減45.86％。
其中，以接待國際旅客為主的台北市國際觀光飯店受創最重，前三季平均住房率自73.23％暴跌至25.74％，平均房價自4524元降至3620元、年減19.98％，客房平均收益（RevPAR）自3313元驟減至932元、年減達71.87％。
而設有850間客房、9間餐廳及酒吧的台北君悅酒店，營運自然亦難逃衝擊。據觀光局統計，台北君悅酒店前三季營收9.49億元、年減達55.74％。其中，因客房平均收益暴跌77.36％，致使住房營收年減達77.32％，餐飲營收亦年減33.73％。
受疫情衝擊影響，台北君悅酒店傳出決定分階段啟動人力精簡計畫，首階段採宣導方式鼓勵同仁優退、或申請轉調部門，強調一切比照勞基法規定辦理，目標精簡約80人，約占員工總數700名的1成出頭。
對此，台北君悅酒店發表聲明，表示由於全球疫情持續蔓延，國際旅客跨境旅遊短期內無法回復，台北君悅酒店與大部分旅遊及國際級品牌酒店同業一樣，今年館內營運受到極為嚴重影響。面對疫情挑戰，必須迅速調整運行策略，於年前實行人力調整計畫。
台北君悅酒店總經理陳隆慶表示，2020年是前所未有艱辛的一年，由衷感謝酒店全心貢獻的每位員工。實施人力調整計畫是一項無比艱難的決定，但期盼透過資源統合，讓館內業務持續發展，並能在未來繼續為各方賓客及社群提供服務。
台北君悅酒店由豐隆集團旗下千禧國際酒店集團及新加坡城市發展公司共同出資興建，委由凱悅酒店集團經營管理，1990年9月以台北凱悅大飯店名稱開幕，隨後配合凱悅集團統一全球品牌中文名稱策略更名，今年開業邁入30周年，日前亦與完成凱悅續約。</t>
  </si>
  <si>
    <t>新北市板橋幼兒園群聚昨天才「嘉玲」，今天再度擴大，指揮中心宣布今天本土新增3例確診中，有2例是幼兒園群聚，分別為一名幼兒園幼童的爺爺，以及媽媽的職場男同事染疫，其中案16185爺爺，無症狀，Ct值14.5，家住新北，以及案16197同事，Ct值19，9月7日發病，居住在桃園，整起幼兒園群聚至今累積29人確診。
中央流行疫情指揮中心今天公布國內新增14例COVID-19確定病例，分別為3例本土及11例境外移入；另確診個案中無新增死亡。
指揮中心說明，今日新增3例本土個案，為2例男性、1例女性，年齡介於20多歲至70多歲，發病日介於今(2021)年9月7日至9月9日，個案分布為臺北市、新北市及桃園市各1例；其中2例為已知感染源、1例關聯不明，衛生單位將持續進行疫情調查及防治，以釐清感染源。
2名跟幼兒園有關的個案，其一為案16185，是原本新北市幼兒園染疫幼童的70多歲爺爺，屬於同住家人。發言人莊人祥表示，這名爺爺曾在9月7日時進行接觸者採檢，當時PCR為陰性，後來入住至防疫旅館居家隔離，期間都沒有不舒服，直到9月10日再次採檢，今天檢驗結果為陽性，Ct值為14.5病毒量很高，目前在醫院隔離治療中，爺爺在七月初有打過第一劑莫德納。
另一名個案則是染疫幼童媽媽（同為確診的案16152）的職場接觸者，為50多歲男性，目前住在桃園。莊人祥表示，該名個案曾於9月6日時在公司安排的快篩採檢陰性，7日到醫院採檢PCR也是陰性，但晚上開始出現畏寒、頭痛症狀，8安排收住防疫旅館，直到11號因為症狀持續未改善衛生局安排至醫院採檢，今天結果出爐為陽性，在專責醫院隔離中。
指揮中心發言人莊人祥強調，今天新增的2名幼兒園相關確診個案，不能說是擴大，屬於原本就在防火牆內，先前已經居家隔離者，沒有擴散到社區的風險。
至於另一位本土個案案16198，為台北市一位20幾歲的女性，為餐飲業從事人員，但感染源有待釐清。</t>
  </si>
  <si>
    <t xml:space="preserve">《中時電子報》精選5件不可不知的國際大事，帶讀者掌握今（10）日的國際新聞重點。
【1】傳台美討論新WHO
美國衛生部長阿札爾（Alex Azar）9日抵台，日本《產經新聞》報導，阿札爾本次來訪將與我官員討論新的國際衛生組織取代世界衛生組織（WHO）的可能性，並交換意見，對此，總統府指出，此次台美防疫交流未涉及所謂成立新的國際組織事宜，間接否認報導。
【2】美2周內激增近10萬兒童確診新冠
美國新冠肺炎感染人數突破500萬人，最新報告指出，才短短2周，美國就新增將近10萬名兒童確診。
【3】白宮國安顧問：陸駭客攻擊美大選設備
白宮國家安全顧問歐布萊恩（Robert O'Brien）9日表示，和北京政府有關的駭客正在攻擊和美國總統大選有關的網站及相關設備，藉此干預大選、讓川普輸掉選舉，他告誡俄羅斯、大陸、伊朗不要干預選舉，否則會面臨嚴重後果。
【4】貝魯特奪命大爆炸最新畫面曝光
黎巴嫩首都貝魯特4日驚天動地的大爆炸，至今導致超過220人死亡，7,000多人受傷。新公開的錄影畫面顯示，事故剛開始發生時，伴隨著濃煙有一連串煙火閃現。
【5】104年來最大！美北卡羅萊納州發生5.1級地震
美國北卡羅萊納州9日上午發生規模5.1級地震，是該州104年來最大地震，所幸地震只造成輕微影響，部分路面出現裂縫，超市貨架上貨物掉落地上。
</t>
  </si>
  <si>
    <t>國籍航空機組員完整接種COVID-19疫苗後兩周，原訂長程航班返台後不必接受居家檢疫，如今傳出制度喊卡，引發機組員強烈反彈。對此，中央流行疫情指揮中心副指揮官陳宗彥強調，一切還是照原規劃進行，沒有喊卡，現在就等自費採驗抗體計畫完成後就可開始實施。
為鼓勵機組員接種疫苗，指揮中心日前公布新檢疫措施，讓機組員只要完整接種2劑疫苗兩週後，執行完長程航班就不必再接受居家檢疫，只要完成一周的自主健康管理即可。如今傳出該計畫喊卡，讓機組員質疑是朝令夕改。
對此，陳宗彥今天表示，關於機組員的政策並沒有喊卡，還是依照規劃進行，之所以造成誤解，是因為目前醫療應變組仍在針對施打疫苗兩劑、滿兩周後的「自費採驗抗體」機制，包括檢驗程序、檢驗標準及檢驗費用，目前還在研擬中，等制定完畢，經確認沒有問題就可開始實施，因此沒有喊卡的問題。</t>
  </si>
  <si>
    <t>台灣本土疫情擴大後，新北市、台北市確診數雙雙破千，中央、地方權責不清，防疫一團亂。台大工務室日前爆發10員工感染，今有家屬爆料，指與確診者同住的家人，事情發生後「完全無人聞問」，連隔離通知都沒有。自己打電話問1922或衛生單位，結果一問三不知，氣得怒罵「政府是要放我們等死嗎？」
台大工務室集體染疫後，院方緊急針對全院近萬人篩檢，安全過關。有家屬向《中時新聞網》表示，因家裡有長輩、外勞與確診者同住，照規定應匡列並隔離，「但沒有人告訴我們該怎麼做，打電話去問也互踢皮球」，家屬不滿地說，難道要靠匡列者自律嗎？萬一跑出去趴趴走怎麼辦？
家屬強調，她向確診者詢問，發現工務室這批確診者的同住家人，都沒收到衛生單位指引，甚至有單位回覆「若自覺不適，可自行前往篩檢」，但應該要隔離的人要怎麼去做快篩。她強烈懷疑已非個案，「10個家庭都沒收到欸！這不是輕症在家就好，政府根本沒有一套SOP。」
也有一對家住板橋的姊妹透露，媽媽16日採檢、20日通知確診，結果媽媽在家裡住到23日才送到大老遠的嘉義，新北市的人還來問確診者被送去哪一個檢疫中心，「超屌的！中央把人送走都沒告訴地方政府，還要來問家屬。」
妹妹表示，姊姊有發燒症狀，一度靠吃藥退燒，但後來又燒了，「我們是密切接觸者，現在有症狀卻不能採檢，打1922就是叫我們自己用藥。」她理解現在輕症或無症狀者要待在家裡，避免醫療系統負荷過重，但獨居的人怎麼辦？政府有建立制度嗎？還是放他們自生自滅？</t>
  </si>
  <si>
    <t xml:space="preserve">日前飛往米蘭參加2020時裝周的韓流女神宋慧喬，隨著新冠肺炎在日、韓、歐美等地陸續爆發疫情，宋慧喬一回到韓國便立即進行自主隔離。但人氣依然旺盛的她，近日接受泰國雜誌專訪登上封面，穿著深V禮服小露性感吸引網友們注意。
近日正逢泰國版《Harper Bazaar》15週年紀念，找來宋慧喬擔任這次的封面人物，只見她換上多套造型，露出白皙美腿擺出各種帥氣姿勢，其中一張她穿著V到肚臍的刺繡洋裝，東西半球若隱若現，加上冷艷表情讓網友們看到紛紛留言「姊姊太殺人了」、「這組我好愛」、「造型都好適合她」。
SongJoongKi💪🏻💪🏻Songhyekyo💪🏻💪🏻（@song0919song）分享的貼文 於 PST 2020 年 3月 月 7 日 上午 9:46 張貼
</t>
  </si>
  <si>
    <t>美國要從疫情中迎接光明了？美國總統特朗普在華盛頓時間5日表示，美國部分疫情熱點地區的新冠肺炎疫情「趨向平緩」，他還稱，美國人開始看到「隧道盡頭的光亮」。
疫情最嚴重的紐約州5日公布新增死亡病例略低於4日，這是一周以來首次出現疫情轉好的跡象。儘管如此，美國新增死亡人數仍將近600例，新增確診超過7300例。
針對紐約新增死亡病例略降情況，川普表示，「也許這是一個好兆頭，我們開始看到隧道盡頭的光亮，美國疫苗的開發已有相當大進展，大家拭目以待」。
不過，白宮醫療專家預估，即便全面實施並且遵守居家令，疫情仍可能導致10萬至24萬美國人死亡。
紐約州州長郭莫（Andrew Cuomo）5日表示，過去24小時內新住院人數下降了50％；但他也警告，目前尚不清楚紐約州的危機是否已達到高峰，紐約州總共已有4159人死亡，超12.2萬個確診病例。</t>
  </si>
  <si>
    <t>蔡英文總統9日在桃園市長鄭文燦陪同下，到龜山區易廷企業視察，她感謝「口罩國家隊」成員日以繼夜的努力，強調本周台灣口罩產能已可達單日出貨1000萬片、加上假日平均920萬片，將再新增30條產線，3月底陸續交機，坦言口罩政策一開始有異音，隨著產量上升未來配送制度會更彈性，所有成績都證明「台灣是全球防疫網不可或缺的一份子」。
不過，新冠肺炎疫情延燒，全台鬧口罩荒，政府推口罩實名登記制，雖獲不少人支持，但也有不少民眾抱怨還是買不到口罩。
中時新聞網特舉行ivoting網路投票，請問網友，政府推行口罩實名制至今，你覺得成功嗎？
截至3月9日晚間9時許，共有1214人投票，竟有1005票認為不成功，佔總投票數近83％。只有181票認為成功，僅佔15%。其他２８票無意見。</t>
  </si>
  <si>
    <t>受美股影響，台股14日開低走低，盤中大跌逾百點。立委林德福14日在財委會質詢，台股近期漲多，所謂物極必反，現在台股是「上樓」機率大還是「下樓」機會大？金管會主委顧立雄指出，要觀察二大重點，包括歐美對新冠肺炎疫情的控制、台灣第二季上市櫃公司營收表現。
台股2020年上沖下洗，3月19日殺到8,523點的低點，之後就一路向上，收復年線與萬一等關卡，被市場形容為「報復性反彈」，反彈幅度約三成。
顧立雄3月赴立法院財委會進行「世界各國為因應新冠肺炎之衝擊所採取對策，對我國財政、金融、經濟整體環境所造成之影響與政府因應之道」專題報告時曾用爬樓梯來比喻台股，當時台股跌破9,500點，顧立雄表示，在疫情控制住前，台股是「上樓梯少一點、下樓梯多一點」。
林德福昨天質詢，台股漲幅已很大，有句話說「物極必反」，台股有繼續上樓梯的可能嗎？對此，顧立雄回應，現在主要觀察兩點，重點一是美歐國家對新冠肺炎疫情的控制，包括是否解封、促進經濟復甦措施；重點二是上市櫃公司營收。
顧立雄表示，據統計，現在看來2020年4月上市櫃公司營收比3月增加0.39％，並沒衰退，要密切關注第二季相關表現進出口數字、上市櫃營收，尤其台灣經濟復甦跟歐美亞洲疫情控制有關係。
顧立雄指出，上市櫃公司有分很多產業別，表現也不同，可看到觀光、油電燃氣、塑膠工業的衰退較大，但半導體、電子通路、資訊服務業則有相當的成長。
至於現在是否已是景氣谷底？顧立雄表示，現在不敢說疫情已結束，因為此次疫情會有無症狀感染，所以擔心在解封、重啟經濟活動時可能造成第二波感染，也就是說，在沒有有效疫苗問世前，這個憂慮會一直掛在每個人的心中。</t>
  </si>
  <si>
    <t>因應新冠肺炎疫情升高，行政院長蘇貞昌採納防疫指揮官、衛福部長陳時中的建議，在行政院會宣布中央流行疫情指揮中心提升至一級開設，蘇揆也隨即指示，由陳時中擔任指揮官。
蘇貞昌昨拍板通過「嚴重特殊傳染性肺炎防治及紓困振興特別預算」，其中防疫隔離補償金寬列18.2億元，衛福部次長何啟功表示，每人單日補償約800元到1000元，詳細數字3月10日前會決定。
兩周訂出紓困子法
蘇揆在行政院會聽取各部會新冠肺炎疫情現況及應處作為報告，陳時中在簡報時建議，把中央流行疫情指揮中心提升至一級開設，蘇揆當場回應，基於國際疫情緊急，他同意陳時中的建議，把疫情指揮中心由二級提升為一級開設，並請陳時中擔任指揮官。
蘇揆也特別交代各部會，「一級開設，嚴守國門，全力防疫、紓困跟振興」。各部會在特別條例通過後，相關子法應在2周內訂出來，經費要周到、周延，用在刀口。嚴管國境不容破口，有關海巡署、關務署、警政署、營建署、移民署與民航局等，各部會首長就防疫、紓困與振興，應成立特別小組，由部會首長親自督管。
蘇揆說，新冠肺炎在全球升溫，已有46國傳出疫情，光是大陸就因疫情死亡2000多人，台灣位居第一線，過去一段時間窮全國之力守住第一關，到目前為止只發生零星社區感染，且是家庭群聚感染，但各部會不可因此鬆懈，要料敵從寬禦敵從嚴，防疫視同作戰，要在可能發生的疫情之前，就做好預防社區感染準備。
蔡視察化學兵抗疫
與此同時，防堵新冠肺炎疫情，蔡英文總統27日視察化學兵，強調由於國際疫情日漸嚴峻，我們決定超前部署。防疫指揮中心已提升為一級開設。會用全面整合政府資源，來迎戰新型冠狀病毒的威脅，保護好國民的健康。</t>
  </si>
  <si>
    <t>新冠肺炎不斷升溫！疫情指揮中心昨天宣布新增2名社區感染個案，且其中1人死亡，台灣確診個案也增至20名。2名個案是一對中部兄弟，61歲哥哥是白牌計程車司機，從出現咳嗽症狀到死亡僅20天，經家人同意後依傳染病防治法火化。中央疫情指揮官陳時中表示，是否為社區感染？仍有待疫情調查，目前已經鎖定3名陸港澳返台台商是接觸個案。
死者白牌運將 鎖定3接觸台商
陳時中表示，這名首例死亡個案不僅沒有旅遊史、也沒有確診個案的接觸史，並傳染給同住的50歲弟弟，死亡個案有B型肝炎和糖尿病病史，1月27日出現咳嗽，2月3日因呼吸急促就醫，診斷為肺炎，當日收治於負壓加護病房治療，2月15日晚間確診，隨即因肺炎合併敗血症死亡。為了安全起見，遺體經家屬同意火化，並保留部分檢體進一步檢驗，並再次確診為陽性。
第20例確診個案是第19例的50餘歲弟弟，採檢後確診，目前沒有出現症狀，收治於負壓隔離病房。
陳時中強調，第19例確診的司機目前沒有旅遊史也沒有接觸史，不符合採檢定義，係發現新加坡確診個案中，高達50％都沒有旅遊史，警覺到原本以旅遊史判定，恐有疏漏，且美國與新加坡都擴大採檢。因此2月12日指揮中心決定回溯到1月31日起，全國醫療院所通報流感併發重症，且檢驗結果是陰性的個案，再採驗新冠肺炎。
緊急採檢113接觸者 醫護均陰性
回溯之後共檢驗113件檢體，當中只有第19案是陽性，其餘皆是陰性。
陳時中表示，目前已經框列第19例死亡個案的密切接觸者共79名，包含同住家屬2名、非同住10名、醫護接觸者60名、急診室接觸者7名通通採檢，結果醫護接觸者都是陰性，家屬中僅其弟弟是陽性。另外6名正在採驗中，「第一道醫護防線算是守下來了。」
陳時中表示，該死亡個案是白牌計程車司機，載客以陸港澳旅客為多，且多是預約制客戶。疫調將開始全面調查他的通聯紀錄，包含相關通聯者的健保就醫資料，並調閱監視器，接下來視疫調狀況，若有風險高的地區，不排除公布確診個案社區住家。
待疫調後 不排除公布個案住家
2個案例是否顯示台灣出現社區感染？陳時中強調，社區感染必須要連續性人傳人，但該死亡個案2月3日發病至今已經超過潛伏期，加上醫護感染都是陰性，因此不符合世衛社區感染定義。而目前指揮中心調查，發現該個案載多名春節訪台台商，其中3名從陸港澳返國的台商，皆在家自主健康管理，將鎖定三人採檢。若有人確診，表示感染源仍可掌握，發生社區持續性人傳人的風險非常低。
他重申，社區傳播的定義是「在社區裡面走就有感染風險」，且符合4個定義：確定病例無法找到感染來源（即第19例的情況）；本土感染個案遠超過境外個案；出現持續性或連續性傳播鏈（即一傳十、十傳百）；廣泛發生群聚事件。因後三者皆未發生，因此還不會提升層級，但會視情況調整。預計2到3天內完成疫調。</t>
  </si>
  <si>
    <t>根據第一財經報導，因疫情防控工作需要，經廈門市應對新冠肺炎疫情工作指揮部同意，自9月14日起，廈門市屬中小學、幼稚園、中職學校改為線上教學。
另據微信公眾號「廈門長途汽車站」消息指出，從2021年9月14日零時起，廈門暫停各長途汽車站發往省內外各地的所有客運班車（具體恢復營運時間另行通知）。已購買9月14日零時後車票的旅客，可通過相應的線上購票平台或各汽車站售票窗口辦理免費退票。</t>
  </si>
  <si>
    <t>花蓮今天新增1例，同樣也是萬華大舅案4260上月中旬拜訪花蓮親友，期間因同住共餐、打牌，不幸造成案6556家族群聚感染，迄今也已累計到14例，此群聚也讓衛生局發現，後期確診個案多在自家進行居家隔離時染疫，呼籲正在進行隔離民眾隔離期間，家中也要進行徹底的消毒作業，才能降低染疫風險。
衛生局長朱家祥說明案9886為一名40多歲男性，是案6556的女婿，當岳父與岳母上月26日相繼確診後，他也被匡列並進行居家隔離，27日到花蓮醫院PCR檢驗結果為陰性，本月1日出現暈眩、畏寒的症狀，告知公衛人員後，被安排到花蓮醫院檢查，同時採檢，並在2日早上確診，其Ct值為13.8，算是傳染力較強，不過他的足跡單純，都在家中自主隔離。
由於萬華大舅群聚案迄今已累己14例，外傳其中1例為花防部的官兵，朱家祥今證實，個案確診後，衛生局有和他確認，確定在確診前已休假一周以上，期間也都沒有進到營區，因中央流行疫情指揮中心公告原則，盡量不提及個案職業，除有防疫需要，由於他影響的層面較少，加上國軍也有掌握，相信若有任何疑義，國軍一定會統一安排篩檢。
此外，朱家祥表示，被匡列的對象中，大部分都在自家進行居家隔離時確診，研判因家中暗藏病毒，導致染疫機會大增，相反的，在防疫旅館隔離者的染疫機會較少。
他提醒，目前已在自家進行居家隔離者，環境的清消很重要，現在進入夏天，開冷氣的機會大幅提升，冷氣濾網往往是病毒最佳藏身處，他們亦會隨著冷氣的風而散發出來，呼籲民眾這幾天可利用閒餘時間將濾網拿出來清洗，並用稀釋的漂白水等進行消毒，減少被感染的機會。</t>
  </si>
  <si>
    <t xml:space="preserve">新冠肺炎衝擊！公園是市民最常休閒、運動的地方，市議員邱素貞今天表示，大智公園有部分座椅木條已鬆動、脫落，甚至鐵釘外露，潛藏危機，希望市府儘速盤點公園設施；除增設適宜長青族使用的體健設備外，積極改善遊具安全品質，造福更多市民。
邱素貞說，新冠漢肺炎疫情延燒，為避免室內群聚感染，住家附近的公園，成為許多民眾休憩、運動的最佳場所，各項設施安全不容忽視。但有很多公園都已年老失修，市府去年推動「美樂地計畫」，改善舊有公園設施，讓原來的公園遊具換新更安全，希望讓市民多走出戶外使用公園。
邱素貞1日與國光里長陳雅惠前往東峰公園、大智公園實地了解公園遊具設施與安全設備情形。邱素貞說，東峰公園每天都吸引絡繹不絕的民眾前來運動，其中長青族群佔了很大比例，很多長輩反應，適合他們使用的設施較少，只能看著年輕人自由自在的活動，期盼也能融入休憩樂趣。
邱素貞與陳雅惠發現大智公園內部分座椅木條已鬆動、脫落，潛藏危機，且座椅兩旁未設置扶手，不利長輩或行動不便者使用；她們建議市府應儘速盤點公園設施安全，座椅應增設手把，以利民眾坐下或起身，讓座椅更便利、安全，市民能夠輕鬆自在地休閒活動，營造真正的共融公園。
邱素貞強調，市府去年已完成41座友善共融公園，今年要再改造50座公園，將可帶來更美好的生活環境。不過，營造友善共融公園，絕不只是口號，而是要真正落實共融理念，在安全、積極、聰明的設計下，不分族群的市民，都可以歡樂共融使用。
</t>
  </si>
  <si>
    <t xml:space="preserve">普生(4117)宣布，初步已完成新冠肺炎檢測大宗的「反轉錄聚合(酉每)連鎖反應」(RT-PCR)核酸檢測試劑套組研發生產，目前已小批量出貨東南亞、中東地區，並同步向台灣食藥署(TFDA)和歐盟CE認證提出許可申請。
普生指出，其RT-PCR核酸檢測試劑僅需1.5小時的螢光反應時間，即可準確檢測採集樣本是否感染新冠肺炎病毒，期待能盡速取得TFDA緊急使用許可(EUA)，並同時逐步放大產能，展現規模經濟效益，而有助於產品的價格競爭力和供應客戶端的需求，創造整體營運保持良好的成長動能。
普生表示，人體受到病毒感染時會激發體內免疫反應，將會引發產生抗體。此時若體內病毒含量較低時，可能會導致核酸檢測呈現陰性的結果。
但因仍有抗體的存在，可以藉由抗體檢測得知是否受到病毒感染。二種檢測方法結合，有助於檢測準確度增高。
普生已加速投入抗體檢測試劑研發，包括辨識新冠病毒蛋白質的單株抗體群快篩試劑研發，由於快篩試劑檢測時間較目前RT-PCR核酸檢測約4小時縮短至15-20分，對於機場、診所、以及社區群聚感染疫情監管能力大幅提升。
</t>
  </si>
  <si>
    <t xml:space="preserve">
全球汽車鍛造輪圈領導廠商巧新科技（1563）受惠於超跑與豪華汽車新車銷售市場成長速度，優於一般輕型汽車市場，帶動品牌車廠對於公司旗下客製化輪圈產品的出貨暢旺，恰逢第四季汽車產業傳統旺季、品牌車廠因應耶誕假期提前拉貨，挹注巧新雲林斗六廠稼動率持續維持近滿載水準，自結11月合併營收達7.6億元、年增36.61％，遞出四年半來單月營收新高的優異佳績。
展望2021年第四季營運，巧新維持審慎樂觀看法。主因是看好隨著疫苗施打進度穩定，全球消費能量將持續成長，消費者對於超跑、豪華車保持一定需求量，包括賓士、保時捷、豐田通商、Jaguar、BMW、賓利、及Volvo等超跑、豪華品牌車廠客戶，也積極推出新車款搶攻年底，及2022年新車市場占比，預期將帶動超跑與豪華汽車市場銷售、展現良好成長的態勢。
巧新將憑藉著品牌車廠高度信賴肯定的工藝技術與品質，積極提升於單一品牌車廠新車款輪圈開發的滲透率，及開拓與更多品牌車廠合作的機會；同時為滿足客戶的訂單需求，公司也於今年第三季起，陸續在雲林及屏東廠擴增CNC機台，期待新訂單與新產能加入，及解封後加速客戶驗證屏東新廠的腳步，將創造巧新未來中長期營運良好的成長動能。
根據汽車產業諮詢顧問機構LMC Automotive11月報告指出，由於全球車市缺芯（晶片），車企犧牲低利潤車型，確保高利潤車型持續產出，加上高端消費者在疫情期間收入影響較小，財富來源（如股市和房地產）也呈積極走勢，推進2019至2021年豪華汽車市場份額將增長2％，占全球乘用車銷量比重將達16％，2021年豪車銷量將達到2019年疫前的歷史最高位，創造相關汽車供應鏈良好的業務拓展環境。
巧新董事長黃聰榮指出，新冠肺炎（COVID-19）疫情為全球汽車產業帶來了空前的影響與挑戰，公司全體經營團隊與員工，加快調整步伐及因應策略，除員工們健康管理為首先必要重點執行任務外，更加專注在強化開發設計的技術能力、優化產能製程效率、調整訂單接單結構等，並積極正面面對運費高漲、新台幣匯率波動等負面因子的干擾。
此外，巧新因再生料去化得宜，使得在客戶拉貨力道提升下，累計今年前11月營收達69.44億元，年增43.28％，可見公司近兩年來重振旗鼓，已創造整體財務、業務等全方位穩定健康發展。
不僅如此，巧新全力執行深化豪華品牌車廠經營策略，除在歐美超跑、豪華汽車品牌車廠新案開發滲透率持續提升外，多年耕耘的日系豪華車廠，也加大下單力道，近期已通過巧新屏東新廠認證，並開始量產出貨，推升來自日系品牌車廠營收自2019年以20％以上年複合成長率的速度提高，有助巧新實現分散客戶、降低市場集中風險，以擴大整體業務規模。
此外，根據BloombergNEF預估2021年全年，全球電動車（含PHEV）銷售份額，將從4％成長到6％，並在2022年進一步上升到8％；如今，電動車的電池重量，就佔了車重的一半，而巧新的鍛造輪圈符合電動車輕量化的需求，目前來自電動車輪圈營收，占輪圈營收的比重達10％，將有機會隨著電動車的銷售成長，提升公司在電動車市場的份額。</t>
  </si>
  <si>
    <t>屏東印度變異株（Delta）疫情擴大，當地27日確診的不明感染源73歲果農，基因定序結果出爐，確定感染Delta，其太太也在今日確診，基因定序仍在進行中，但疫情指揮中心指揮官陳時中估計，看起來應屬於Delta群聚。根據屏東縣府公布足跡，果農夫妻６月14和16日曾到枋寮醫院就醫，和秘魯祖孫，以及祖孫鄰居及友人兩度重疊。
枋寮73歲果農27日確診新冠肺炎，根據屏東縣政府公布資訊，男子曾在6月中旬、下旬前往枋寮醫院腦神經外科、骨科門診。中央流行疫情指揮中心指揮官陳時中表示，男子原訂需要2日才能完成基因定序，不過經過漏夜工作，提早在今日出爐，確定感染Delta。
男子的妻子（案14816）也在今日確診，不過妻子的基因定序還在進行中，尚未出爐。陳時中估計，看起來應屬於Delta群聚。目前男子的感染源還沒找到，地方縣市已經有一些線索，會就那些線索進行調查。
今午屏東縣政府公布確診者至枋寮醫院就診的時序，其中時間有重疊的日子有6月14日、6月16日兩天，14日秘魯祖孫前往急診採檢，待了10小時，而7旬夫婦也在當日前往門診。另在16日，祖孫鄰居與友人前往該院待了2個多小時，7旬夫婦也在當日上午前往外科門診，不過指揮中心發言人莊人祥說，鄰居與友人去的是急診，與7旬夫婦未待在同一候診室。
針對屏東群聚，陳時中表示，目前共有176人進行居家隔離人，2人因重複匡列，予以扣除。176人中，有171人是陰性，5人檢驗中。秘魯返台祖孫同班機38名接觸者中，有37人陰性，1人出境。至於台南的群聚，基因定序基本上還是英國的變異株（Alpha），與屏東的應無關係。
陳時中表示，會針對熱區加發疫苗，讓高風險區域的疫情不至於擴散，當然打疫苗也不是治療藥物，但是過一段時間就有一定程度的保護力。對於屏東的Delta群聚，目前看來仍匡在特定的區域，他擔心疫情復發，進而形成對其他區域的威脅，而打疫苗就是為了避免復發，指揮中心會注意，不任意擴大其他施打對象。</t>
  </si>
  <si>
    <t>新冠肺炎疫情不斷升溫，精品、快時尚甚至汽車都受到影響。精品品牌像是LV、Ralph Lauren、TORY BURCH選擇關閉某些美國零售店，並另有多家品牌取消早春大秀，adidas宣布即起關閉北美及歐洲店鋪至3月29日止，據外媒報導，adidas總部發出電郵表示：「我們必須維持公司運轉，確保能向所有人支付薪資，要在健康環境下維持營運，需要更多勇氣與毅力。」讓今年下滑的業績更雪上加霜。
此外，除了美國、加拿大以外，H&amp;M也已關閉德國、比利時、義大利、波蘭、捷克、澳洲、盧森堡、波士尼亞等國家地區所有門市，與希臘部分店鋪，統計已暫時關閉全球近上千家門市。
戴姆勒、福斯等汽車集團都宣布因應疫情的發展，採取暫停歐洲的生產線。國內相關品牌分公司則回應，目前新車供應不受影響。
戴姆勒集團宣布，由於新冠肺炎病毒大流行，決定暫停在歐洲的多數生產及部分行政部門的工作，初期先停工2周，停工生產線主要供應歐洲市場的乘用車及商用車，同時也會評估全球供應鏈的狀態；福斯集團也宣布考慮到疫情的惡化及零件供應的不確定性，暫停西班牙、葡萄牙及斯洛伐克等工廠，集團旗下Lamborghini及Ducati兩品牌的工廠也會在本周停工，至於其他在德國和歐洲的工廠也準備停工，可能會持續2周。另外，在大陸，除了長沙和烏魯木齊的工廠外，已恢復生產。
國內包括台灣賓士、台灣福斯均表示，由於國內銷售及訂購的車輛大多已先運抵台灣，部分也在海運途上，因此近期的供應不成問題。</t>
  </si>
  <si>
    <t>國內疫情趨緩，台鐵、高鐵已無售票成數限制，但高鐵仍實施全車對號座，且仍暫停定期票、回數票使用，儘管高鐵繼續實施「10月通勤有禮」優惠，仍被通勤族批評不方便。交通部政務次長陳彥伯回應，會考量疫情及旅客需求，能否恢復自由座，最快下周把方案報給中央流行疫情指揮中心。
新冠肺炎本土疫情升溫後，疫情指揮中心下令高鐵實施全車對號座，以便掌握乘客資料，當時旅運量下跌，因此未引發民怨。但疫情趨緩之後，自由座限制沒有解除，讓旅客明顯感受到車票難買，加上定期票、回數票暫停使用，通勤族的成本也高出好幾成。
據悉，台灣高鐵公司希望解除自由座禁令，數度被指揮中心打回票，認為高鐵應優先恢復整體班次。但高鐵在尖峰時段發車已達極限，沒有辦法再增加，恢復離峰班次沒有意義，重點卡在自由座，引發業界人士批評，疫情指揮中心是「外行領導內行」。
陳彥伯表示，交通部與高鐵公司會就2個方向研究，一是疫情、二是旅客需求，有關這樣的檢討，每周都會進行相關會議，希望盡快能有結論，最快下周可以報給疫情指揮中心定奪，而高鐵定期票、回數票，甚至台鐵的站票，都會一併考量。
高鐵公司則說，在自由座恢復之前，會繼續推出「10月通勤有禮」回饋通勤族，凡TGo會員於10月1日至31日購買同一區間對號座車票次數達34次（含）以上，並完成搭乘者，即可享有相當於75折優惠回饋。
高鐵公司11月初將統計符合資格者，將購票總額25％轉成TGo紅利點數，並於11月10日歸入TGo會員帳戶，搭乘越多回饋越多，每個會員帳戶回饋上限為62次。</t>
  </si>
  <si>
    <t>台灣首見軍艦淪陷！中央流行疫情指揮中心公布，今日國內新增3名確診案例，2人為實習生、1人為軍人，均為20多歲男性，1例在高雄，1例在台中，1例在桃園，都是境外移入。3艘軍艦700多人仍在疫調中，將安排下午5點入住集中檢疫所，今晚漏夜採檢，結果預計明日出爐。
海軍敦睦艦隊染疫軍艦計有337人，3月12日至15日停靠帛琉，離開帛琉後於公海航行近30天，4月15日自我國軍港下船，3人今確診新冠肺炎，分別是案396、397及398。
案396在4月12日出現頭痛、嗅覺異常情形，4月15日下船後返家並自行就醫，4月17日再次就醫，由醫院採檢通報；案397在4月初開始出現上呼吸道腫痛、頭痛、流鼻水、咳嗽、嗅覺異常等症狀，返家後於4月17日就醫並採檢通報。兩人是同寢室室友，均於今日確診；
案398為一名軍人，4月13日開始有嗅味覺異常，4月17日自行前往醫院急診就醫後採檢通報，今日確診型冠肺炎。
指揮中心表示，與該3名個案同隊共有3艘軍艦，官兵及學生合計700多人，刻正進行相關疫調，將在今午入住集中檢疫所進行隔離且，今晚將漏夜採檢，若陽性就會送醫，陰性將集中隔離14天，解除隔離前會再度採檢，初步結果明日出爐</t>
  </si>
  <si>
    <t>基隆市長林右昌今日公布，本市預計於9月15日起針對75歲以上長者施打第二劑疫苗，至於學生BNT疫苗則規畫自9月23日開始接種。
林右昌指出，本市1萬901位75歲以上長者中，有6849人已完成平台預約登記，將安排至醫療院所施打第二劑疫苗，其餘未預約登記長者則安排在9月15至17日集中施打。
至於全市7區各里施打時間將於9月9日對外公告，9月10日前會將疫苗施打通知單送達家戶，相關便民措施包括疫苗公車、計程車等，都比照第一劑集中施打規畫。
另外，針對學生BNT疫苗施打規畫，林右昌說，將於9月23日開打，依照中央規定，本市各高中職及五專前三年學生，將入校進行施打，近日內就會發放家長同意書。</t>
  </si>
  <si>
    <t xml:space="preserve">行政院提出紓困方案卻引來民怨，不僅困擾申辦民眾，也讓第一線承辦人員壓力大，現在又出現中央地方不同調，互相槓上的狀況。前新北市長朱立倫今天表示，排富儘速發放現金是原則，不要太多審核的標準，千萬不要只訂政策，卻忘了行政程序的執行可行性，徒然增加基層工作人員的負擔。
朱立倫今天在臉書上訪問前衛生署長楊志良與前新北市衛生局長林奇宏，三人大談防疫政策。朱立倫表示，多國將在年底研發出疫苗，準備重啟國門，重拾經濟動能，台灣因疫苗明年底才會上市，恐無法跟進，可能面臨鎖國困境，「沒有樂觀的本錢！」
朱立倫認為，台灣第一階段防疫成功，若要跟上國際復甦腳步，疫苗、快篩、藥物是三大關鍵，但因樣本數不夠，相對國際開發疫苗，能力有限。他強調，「到明年底才有疫苗真的太晚」，台灣疫苗部分，應該趕快加入「國際隊」，分享他國病毒株與抗體數據，跟國際一起合作開發，「絕對不能閉門造車。」
朱立倫表示，過去蔡政府一再強調五加二產業，但在生技產業實在「說得多、做得少」，「陳建仁副總統自己講台灣疫苗自給率只有8％！」朱說，台灣生技產業，過去長期以來「重製造、缺研發」，研發人才、後續產業鏈培養，以及研發投入的資源，相對不足，應該是政府未來發展生技產業應該補強的重點。
朱任前行政院副院長，於H1N1疫情期間，擔任總指揮官，與時任衛生署長楊志良共事。楊志良直言，除非疫苗成功，「否則台灣開放之後，恐怕會在恐懼中過日。」他提到，經濟何時解封，可以跟哪些國家往來，都應該儘速訂出標準。
至於生技產業，楊志良感嘆說，發展台灣的生技產業，還有很長一段路要走，每次都講的很多，但應該要有國家的團隊來統合資源。
林奇宏則強調，台灣第一波防疫成功，但廠商因為個案太少，台灣缺少國際合作，讓試劑產品沒有足夠的測試。他說，廠商自己有與各國業界交換訊息，但沒有一個總體的國家政策配合跟支持。台灣資源有限，定位要清楚，台灣的資通訊產業在檢疫過程中可以扮演重要角色，政府要有更多作法。
</t>
  </si>
  <si>
    <t>立法院社會福利及衛生環境委員會今天審查新冠肺炎疫苗採購調閱專案小組運作要點草案，再度爆發藍綠黨團舌戰，藍營因不滿綠營排定討論時間僅有1小時，主張先依原定議程讓衛福部長陳時中進行業務報告，但遭綠營壓倒性人數否決；藍委陳玉珍主張，表決時已超過原定時間，違反議事規則，痛批民進黨靠人數優勢要強渡關山，根本鴨霸。
第10屆第4會期衛環委員會今天首度召開會議，由甫當選召委的莊競程排定議程，原先規劃上午9點至10點討論新冠肺炎疫苗採購調閱專案小組運作要點草案，10點過後由衛福部長陳時中進行業務報告，不過因藍、綠、白三黨團各自提出版本多有不同，討論時間不足，引發藍綠兩黨爭執。
國民黨團主張，由於時間不足，應先按照程序讓衛福部進行業務報告，建議新冠肺炎疫苗採購調閱專案小組運作要點草案可改至周三或周四繼續討論，民進黨團則欲變更議程，取消衛福部的業務報告，盼今天就能完成新冠肺炎疫苗採購調閱專案小組運作要點草案的實質討論。
不過召委莊競程進行變更議程表決時已超過表定時間10點整，引發陳玉珍不滿，認為違反議事規則，是無效表決，藍綠隨即槓上，陳玉珍隻身舌戰3名綠委蘇巧慧、陳瑩、洪申翰，痛批民進黨身為多數黨，竟還要用違反議事規則的方式霸王硬上勾；洪申翰則反譏，既然大家都同意延長時間討論，國民黨還反對，根本是假動作，不願討論。
針對新冠肺炎疫苗採購調閱專案小組運作要點，民眾黨團提出調閱範圍應包含指揮中心、經濟部、國發會、國衛院，以及衛福部其所屬相關機構，但遭綠營譏根本是搞錯方向，賴香伶今回應，民進黨過去成立調閱小組就主張過範圍要擴大到行政院、陸委會、海基會、甚至包含資通辦公室，為何現在輪到在野黨要調閱時就說搞錯方向？到底是誰在限縮調查權？
截至今天中午，藍綠白三黨團對新冠肺炎疫苗採購調閱專案小組運作要點草案仍無達成共識，仍在進行黨團協商中。</t>
  </si>
  <si>
    <t xml:space="preserve">日本知名主持人上田晉也剛接下東奧特別應援的主持工作，未料24日卻驚傳確診新冠肺炎，因為他手上主持不少綜藝節目，也曾在東奧開幕式的記者席採訪，讓外界格外擔心。
據日媒報導，上田晉也24日突然發燒，經PCR篩檢後確認陽性，目前身體狀況安定，有些微發燒、喉嚨痛等症狀，而他本來擔任東奧特別應援主持人，將會賽後訪問奪牌的日本選手，《日刊體育報》報導，他23日曾在東奧開幕式的記者席採訪，最後一次和選手接觸是11日。
目前他將遵照衛生單位指示休養，接下來的運動新聞節目、奧運賽事採訪工作等，都會受到影響，他也透過經紀公司向各個相關單位致歉。上田晉也是搞笑組合奶油濃湯成員，搭檔是有田哲平，而有「主持之王」封號的他，主持不少人氣綜藝，包括《時尚主義 (おしゃれイズム)》、《閒聊007》、《世界上最想上的課（世界一受けたい授業）》，還有體育節目《GoingSports&amp;News》，曾於2018年來台前往西門町採訪。
</t>
  </si>
  <si>
    <t>防範新冠肺炎超前部署，新北市將在14日進行號稱國際首場新冠肺炎大規模實兵演習，更將出動化學兵，對於新北大動作操演，北市府是否跟進，台北市副市長黃珊珊今表示，災害應變中心所有局處已於2月14日針對社區感染做兵棋演練，與實兵演練是一樣的，不會特別再去辦實兵演練。
黃珊珊說，每個城市有自己的方式啦，北市聯合醫院尤其是和平院區，相關的演練每年都在做，已經在2個月前做了好幾次，不會特別再去辦一個實兵演練。</t>
  </si>
  <si>
    <t>新北市長侯友宜29日公布新北各區確診個案，其中永和今日確診人數24人，是全市第一，首度超越板橋的21人，新北市長侯友宜說，提醒永和區有上升趨勢，三重、土城、新莊、新店都比昨天稍微少一點，但還是要注意。
侯友宜說，新北市目前總確診3118人，新北最重要熱區包含板橋、中和、三重、新莊、新店、蘆洲與土城等地，其中板橋至今737人最高，其次中和502人，第三是三重346人。
新北衛生局統計自11日起至29日為止，新北共有52名因新冠肺炎死亡，最年輕的就是土城36歲男子染疫身亡，最年長為90多歲。</t>
  </si>
  <si>
    <t>1月17日0—24時，31個省（自治區、直轄市）和新疆生產建設兵團報告新增確診病例109例，其中境外輸入病例16例（上海4例，陝西3例，浙江2例，湖南2例，北京1例，天津1例，福建1例，廣東1例，四川1例），本土病例93例（河北54例，吉林30例，黑龍江7例，北京2例）。
1月17日0-24時，石家莊市新增新冠肺炎確診病例52例，其中含多名小學生。目前，對所有追蹤到的密切接觸者已全部採取集中隔離醫學觀察措施，各項防控措施有序進行。
此外，據北京衛健委微博消息，1月17日0時至24時，新增2例本地確診病例，都在大興區。新增1例境外輸入確診病例，11日從從塞爾維亞出發，經丹麥乘坐國航CA878航班於12日到達北京首都機場，在機場做的核酸檢測結果為陰性，入住隔離酒店後，17日核酸檢測結果為陽性，轉送地壇醫院後，當日診斷為確診病例。
入京北京最新的防疫隔離政策為14＋7＋7，14天住在酒店集中隔離、第一個7天回到家裡居家檢疫，盡量不要外出、非必要不要外出，如果必須外出，盡量不去人群聚集的地方（各小區政策不同）；第二個7天，如何規範，還在等北京市政府的通知，這週應該即將公佈。</t>
  </si>
  <si>
    <t>新冠肺炎（NCP）疫情持續升溫，口罩之亂下有熱心網友發起「我OK，你先領」活動，OTT業者則是因應防疫宅在家的需求，號召民眾「少出門，多看劇」，由串流電視平台OVO聯合KKTV、愛奇藝、四季線上，呼籲大家在家追劇，降低人群接觸傳染風險。同時合推各OTT免費收視特惠組，現在購買OVO尊爵機 TV Switch，享特價再加值送KKTV、愛奇藝180天，50頻道自由選365天，或好禮三選一，藉由多元優惠，讓各消費族群減少出門、降低疫情傳播的風險。
受新冠肺炎影響，今年春節各大OTT流量較去年同期有兩成到五成不等的成長，春節後宅在家追劇、減少外出娛樂的需求更是創下流量創新高。為讓觀眾追劇無負擔，OVO聯合三大OTT服務推出免費收視方案，讓無論是喜愛日劇、陸劇、電影或電視頻道的消費者，都能找到適合自己的專屬優惠。
「我們呼籲民眾『少出門，多看劇』，減少疫情傳播風險與搶購口罩的需求」，OVO創辦人暨執行長吳有順表示：「感謝各大內容夥伴的支持，能在非常時期提供特別優惠，讓消費者輕鬆滿足居家影視需求！」
OVO平台內容陣營日益壯大，無論是新登場的KKTV、長銷型的愛奇藝、或廣受歡迎的四季線上頻道自由選，都擁有為數不少的支持者。如已訂閱內容消費者，OVO尊爵機 TV Switch 特價再祭出好禮三選一優惠，免費送藍牙語音遙控器、愛奇藝季卡或音樂隨行杯二代。
OVO防疫特惠，尊爵機 TV Switch 特價再送KKTV、愛奇藝180天，或50頻道自由選365天，或好禮三選一，都可直接上網選購，讓大家「少出門，多看劇」。</t>
  </si>
  <si>
    <t>新冠肺炎疫情延燒，中央流行疫情指揮中心今宣布，國內新增3名確診案例，分別為一名30多歲荷蘭籍男性，及2名北部30多歲本國籍男性，3人均有歐洲活動史，研判為境外移入。新冠肺炎疫情從第一波的大陸、日、韓擴散到第二波歐洲地區。指揮中心表示，3月以來，歐洲境外移入的案例增加，意味著第二波的壓力已經展開。
指揮中心指揮官陳時中表示，新冠肺炎境外移入最早是出現在1月24至2月6日，主要來自大陸，其中10例大陸移入、1例澳門移入；歐洲境外移入除了2月初一家四口遊義大利染疫意外，其餘都發生在這幾天，歐洲的個案已非常多。
陳時中先前指出，首波新冠肺炎疫情從大陸往外影響，再掃向歐亞、美洲各地，要防範的是第二波疫情的回流。指揮中心專家諮詢小組召集人張上淳今表示，近期歐洲移入個案增多，可以說第二波疫情的壓力已開始。
今日新增的案51為30多歲荷蘭籍男性，3月2日至6日曾至奧地利，9日自荷蘭來台，10日入境。來台第二天晚間因呼吸困難、胸悶及全身倦怠，前往急診，被診斷出肺炎情形，12日採檢通報，今日確診。衛生單位已初步掌握28名接觸者，其中14人已離境。
案52為北部30多歲本國籍男性，2月28日與2名友人自台灣經土耳其轉機至瑞士後，29日自瑞士搭乘巴士至法國滑雪，3月7日再自法國搭巴士到瑞士搭機，經土耳其轉機返台，3月8日入境。12日晚間，男子出現發燒、全身倦怠、咳嗽、流鼻水等症狀，就醫後採檢通報，今日確診。衛生單位已初步掌握39名接觸者，包括同行友人、同班機旅客、同事及就醫接觸者等。
案53為北部30多歲本國籍男性，2月22日至3月6日赴德國慕尼黑、紐倫堡出差，返國後，3月11日出現咳嗽有痰、喉嚨痛症狀，當晚就醫後檢驗通報，今日確診。衛生單位已初步掌握15名接觸者，包括出差同行同事、同住家人、職場及就醫接觸者等。另將調查男子發病前國內活動史，進行進一步追蹤。
指揮中心表示，3名確診男子都有歐洲旅遊史，研判為境外移入個案，目前都已收治負壓隔離病房。指揮中心提醒民眾，如必須出國，應加強手部及呼吸道衛生等個人防護措施。返國入境後，務必落實14天居家檢疫或自主健康管理。</t>
  </si>
  <si>
    <t>苗栗48歲男子日前確診，疫調揭露他曾到台中和平谷關登山，今日又爆出平等國小女籃隊北上參賽，全校超過9成師生有萬華足跡史，其中4名學生及1名家長出現上呼吸道症狀自行採檢。和平區接連陷疫情恐慌，遊客卻步，包括梨山賓館、谷關多家溫泉飯店陸續宣布停業。
梨山賓館宣布5月20日休館至5月28日，副總林閔政表示，公司內部昨開會討論認為疫情嚴重，遊客不敢上山，同仁服務也怕怕的，為了一座山考量，決定暫停營業。他也坦言，近日受疫情影響，訂房銳減，宣佈休館後，已通知訂房的顧客延期或退房，大家一起加強防疫。
梨山賓館宣布休館，今上午即爆出環山部落平等國小全校超過9成師生有萬華足跡史，當地9家民宿及接待家庭全都停業。和平區除梨山風景區受疫情衝擊，同樣在中橫公路的谷關溫泉區街道近日冷冷清清，不見國旅爆發的盛況。在本土疫情升溫後，惠來谷關、神木谷假期飯店、四季、麗池、露泉等多家飯店宣布停業5天。
惠來谷關副總尹敬倫表示，近日團體客人紛紛取消行程，訂房率不到2成，我們也無法得知遊客是否有萬華等疫區接觸史，基於防疫考量，多家飯店陸續宣布暫停營業，並通知自由行旅客退訂，部分飯店員工也採分流上班。</t>
  </si>
  <si>
    <t>鴻海旗下封測廠訊芯-KY（6451）營運生產雖受新冠肺炎疫情衝擊，但隨著產能恢復良好，2020年第二季獲利自2年低點強彈、「雙升」登近4年同期高點，每股盈餘1.42元。累計上半年獲利不減反增、年增13.22％至1.97億元，每股盈餘1.88元，亦雙創近4年同期高點。
訊芯2020年第二季合併營收11.12億元，季增10.61％、年減27.59％。不過，毛利率26.5％、營益率14.69％，優於首季25.77％、11.29％及去年同期18.86％、6.87％，雙創近4年同期高點。
在營收規模回升、本業獲利顯著增加，配合業外顯著由虧轉盈挹注，訊芯第二季歸屬母公司稅後淨利達1.49億元，季增達2.1倍、年增20.15％，每股盈餘（EPS）1.42元，雙創近4年同期高點。
累計訊芯上半年合併營收21.17億元、年減28.52％，但毛利率26.15％、營益率13.07％，雙創近4年同期高點。雖然業外由盈轉虧，歸屬公司稅後淨利仍達1.97億元、年增13.22％，每股盈餘（EPS）1.88元，雙創近4年同期高點。
訊芯首季營運受疫情衝擊，中國大陸廠區延遲復工影響營運表現，第二季營收隨著生產狀況恢復回升，且轉型效益顯現帶動毛利率、營益率同步躍進，配合補助挹注業外由虧轉盈，帶動獲利強彈、成長動能顯著優於營收。
訊芯2020年7月自結合併營收3.9億元，較6月3.83億元增加1.74％、站上近3月高點，仍較去年同期4.16億元減少6.25％。累計1～7月合併營收25.07億元，較去年同期33.78億元減少25.78％。
展望後市，面對疫情、貿易戰等直接性衝擊，訊芯將維持積極穩健態度審慎布局，越南子公司及中山子公司三期廠房本季產能將開出，有望使集團產能更完善規畫，聚焦5G、光通訊、感應器等3大終端市場應用，有信心在挑戰中締造亮眼表現。
訊芯認為，5G、光通訊、感應器均能銜接目前及未來市場產品上升趨勢，帶動集團系統級封裝（SiP）產品及高速光纖收發模組業務成長。法人則認為，在5G基地台建置需求續強，配合蘋果新款iPhone封測釋單，看好訊芯下半年營運動能有望逐季走強。</t>
  </si>
  <si>
    <t xml:space="preserve">日本《NHK》報導，一名感染新冠肺炎的孕婦在本月上旬順利生產，新生嬰兒在經過檢查後，確定沒有染上新冠肺炎，母子平安出院。
這名產婦是在快生產前染上新冠肺炎，而且出現肺炎症狀，緊急入院住進日本神奈川的北里大學醫院隔離治療，直到本月初剖腹生產。慶幸的是，生產過程順利，為了寶寶安全，生產後母子分開生活，新生嬰兒經過反覆數次檢查確定沒有感染新冠肺炎，產婦病情好轉，經兩次檢查呈陰性反應。
目前這對母子已經出院，院方表示，染疫的媽媽在懷孕期間十分不安，一直希望知道能不能平安生下寶寶。媽媽平安生產出院後之後，依舊負擔很大，仍要注意避免再度感染。
更多 CTWANT 報導
</t>
  </si>
  <si>
    <t>少了國外刷卡，信用卡刷卡量就是有差。儘管國內持續有報復性出遊及消費，但8月信用卡刷卡金額近2,347億元，仍是比2019年8月少刷了254億元，衰退9.77％，前8月累計刷卡金額1兆9,750億元，去年同期則是破2.1兆元，衰退幅度7.54％，是11年來同期首度衰退。
國內33家發卡機構，8月刷卡金額只有5家比去年同期成長，其中又以玉山銀行、聯邦銀行與永豐銀行成長10~12％以上，最為顯著，三家銀行都是有高回饋率的神卡，如玉山銀行有Pi、U Bear、Only三張神卡，聯邦銀則有賴點卡，永豐銀則是DAWHO卡，有效吸走其他銀行的信用卡客戶。
玉山銀不止以390.6億元，拿下8月信用卡刷卡量第一名，前8月玉山銀行信用卡累計刷卡金額3,167億多元，以不到3億元的差距，成功超越國泰世華銀，終於坐上累計刷卡量第一名的寶座。
已蟬聯五年年度刷卡量第一名的國泰世華銀，8月底有一批次的保費刷卡來不及進帳，單月刷卡量僅352.74億元，位居市場第二，前8月累計刷卡量則為3,164億多元，還是有機會翻盤，超越玉山銀，拿回年度刷卡王的地位；同時8月國泰世華銀的流通卡數正式突破700萬卡，與第一名的中信銀只差11萬多張；而近半年有使用紀錄的有效卡數則突破500萬卡，維持市場第一大。
前8月累計刷卡量第三大是中信銀，以其712萬多張總流通卡數，及每年報稅月都是刷卡量第一名，累計刷卡金額2,991億多元，排名市場第三大；第四大則是台新銀的2,261億元，台北富邦銀則是1,801億元，排名第五。
同時信用卡大者恆大態勢已確立，2019年前8月信用卡前五大刷卡行，即國泰、中信、玉山、台新及北富銀，刷卡市占率合計65％左右，今年前8月已拉高到近67.8％，上升逾兩個百分點，若加上花旗銀，則六家銀行刷卡量囊括近74％的市場。
不過因為新冠肺炎造成國人今年出國旅行消費大減，儘管國內消費及旅遊興起，但各銀行信用卡刷卡量多是比去年衰退，只要少數有高回饋率信用卡的銀行，如玉山銀才有較顯著的成長。</t>
  </si>
  <si>
    <t>據貴州省衛健委網站13日消息，13日0時至12時，貴州全省新型冠狀病毒肺炎無新增確診病例。
截至13日12時，貴州全省累計報告新型冠狀病毒肺炎病例146例，其中，51例有武漢旅居史，14例有武漢外湖北其他地區旅居史，15例有湖北以外地區旅居史；治愈出院140例，在院治療4例(普通型4例)，死亡2例；男性74例，女性72例；年齡最大87歲，最小1個月(確診時間)；貴陽市36例(治愈33例，死亡1例)，遵義市32例(治愈31例)，六盤水市10例(治愈8例，死亡1例)，安順市4例(治愈4例)，畢節市23例(治愈23例)，銅仁市10例(治愈10例)，黔東南州10例(治愈10例) ，黔南州17例(治愈17例)，黔西南州4例(治愈4例)，現無疑似病例。
累計追踪密切接觸者2574人，已解除醫學觀察2489人，尚在接受醫學觀察13人。</t>
  </si>
  <si>
    <t xml:space="preserve">新北市府日前宣布，20日起轄內公有封閉型集會場所暫停開放14天，侯友宜前晚(22)更親自率隊前往大型KTV查察防疫工作，並呼籲市民「人多、不通風的地方不要再去」，今天三重知名KTV「同學匯」率先開出第一槍，宣布即日起暫停營業一周以上，業者也表示，希望拋磚引玉，呼籲同業跟進，共同抗疫。
三重區正義北路「同學匯KTV」自2017年開始營業，共有25間包廂，最大可容納約400人，因設備新穎、位處鬧區，平時消費者眾多，假日更是人潮爆滿。
同學匯業者指出，為配合新北市府防疫措施，加上三重分局不斷柔性勸導，決定從今天起暫停營業一周以上，作全館消毒，雖初步估計損失將達200萬以上，但希望能拋磚引玉，呼籲其他KTV業者一起加入防疫工作。
三重分局表示，由於新型冠狀肺炎疫情日趨嚴重，該類場所具有群聚傳染風險，便不斷向業者柔性勸導，十分感謝業者願意配合，並呼籲其他群聚場所也能
跟進，共同為防疫工作把關。
</t>
  </si>
  <si>
    <t>中央流行疫情指揮中心今(21)日表示，國內昨(20)日新增226例新型冠狀病毒肺炎相關通報，截至目前累計通報70,100例(含69,077例排除)，其中441例確診(今日新增案441)，分別為350例境外移入，55例本土病例及36例敦睦艦隊。確診個案中7人死亡，407人解除隔離，其餘持續住院隔離中。
台灣今增1確診，是位30多歲男性赴墨西哥工作返台，針對此個案，指揮官陳時中表示，從1月24到5月18日以來，指揮中心對流感併發重症者進行新冠病毒檢驗，目前完成431件，檢出1例陽性，就是案例19白牌司機案，流感併發重症檢體病毒檢驗只出現案19，其他都是陰性。
陳時中強調，即使今天出現一例，但社區是安全的，防疫措施不需要新增新的作為。
指揮中心表示，全球累計5,021,902例確診，分布於187個國家/地區；病例數以美國1,575,065例、俄羅斯308,705例、巴西271,628例、英國251,290例及西班牙232,555例為多；病例中327,141例死亡，以美國94,576例、英國35,704例、義大利32,330例、法國28,132例及西班牙27,888例為多。</t>
  </si>
  <si>
    <t xml:space="preserve">
疫情升溫，雙北進入三級警戒，超商全面規定實聯制，新北市土城區一名50歲賴姓男子沒戴口罩進超商，被店員提醒後賴男竟惱羞成怒，瘋狂毆打年僅21歲的年輕店員，導致店員頭破血流，送醫頭頂縫了12針，照片曝光，相當怵目驚心。店員母親心痛怒喊「告到底」；此外，賴男沒戴口罩，新北衛生局將重罰1萬5000元。
根據監視影像，賴男17日早上7時到萊爾富超商購物，結帳時因未戴口罩，被店員提醒「進來要實名制」、「再這樣下次不要進來」，賴男聽到後狂罵髒話，先用安全帽怒砸才21歲的卓姓店員，接著出拳狂毆，導致店員頭部撕裂傷，事後賴男被警方依傷害罪函請偵辦，並依違反傳染病防治法請衛生機關裁罰；衛生局則說，未戴口罩可罰3000至1萬5000元，將重罰男子1萬5000元罰鍰。
之後1名疑似卓姓店員的媽媽在LINE群組中公布兒子頭上的傷口照，只見頭頂上有明顯的傷口縫痕，長達數公分，傷口周圍的頭髮遭剃光，畫面相當讓人不捨；該媽媽則在群組中憤怒表示，「戴口罩很難嗎？為什麼就是有害群之馬」，她說小兒子被打到頭破血流住院中，「我要告到底」。
對此，萊爾富也發出聲明，門市職員於疫情嚴峻期間仍堅守崗位持續服務，嚴守防疫規定要求實名登記、配戴口罩，為所有消費者健康安全把關，土城童話店職員卻因落實政策，反而招致不肖分子毆打，其行徑之殘暴，令人髮指，誰無子女，何忍目睹影片中的毆打行為，「我們盡力服務，提供消費安全保障卻受如此對待，本公司全體上下深感痛心及憤慨」，強調一定會提供良好照護，對蓄意傷人不肖分子將依法訴究，絕不姑息。
</t>
  </si>
  <si>
    <t>台灣近期多日傳出無新增新冠肺炎確診捷報，即時外送平台foodpanda為感謝醫護人員辛勞，3月宣布贊助第一線防疫人員共1萬份「免費餐點」優惠，盼透過熱騰騰的一餐為防疫人員加油打氣，統計1個月來優惠使用率已達6成。
foodpanda此次將首波贊助優惠送給台北市各大醫院、各發出1千份免費餐點優惠碼，再提供給全台連鎖藥局，同時開放各地抗疫人員線上領取優惠，包括醫生、護理師、呼吸治療師、臨床心理師、醫院行政人員、藥師、研究員、消防員、防疫專車司機等抗疫人員。
經過1個月的申請與發送，foodpanda共計發出1萬份優惠碼，目前使用率已達6成。foodpanda也收到許多來自一線醫護同仁回饋，肯定優惠碼幫助、並感謝外送員協助。foodpanda亦將醫護人員的致謝分享給外送員。
foodpanda董事總經理方俊強表示，台灣對新冠肺炎的防疫成效有目共睹，與社會均由衷感謝所有醫護人員不辭辛勞的付出，希望能藉此讓第一線抗疫人員能安心、快速享用美味餐點，並將全力支援合作店家、外送員及消費者，陪伴大家一同度過非常時期。</t>
  </si>
  <si>
    <t>幼兒園群聚截至今天累積15名幼童染疫，指揮中心指出是Delta病毒的可能性很大，目前確診幼童身體狀況如何？醫療應變組副組長羅一鈞表示，有6名幼童出現發燒、流鼻水、喉嚨痛等症狀，都是輕症，並指出即使是染Delta，幼童重症機率還是低於成人。
羅一鈞表示，目前小孩的症狀，有6個幼童有發燒、流鼻水、喉嚨痛等症狀，不是每個都有，有的只有咳嗽，都是輕症，皆住在專責病房中，因為需要照顧所以兩人一室，由兒科感染科醫師負責照顧。
所幸，羅一鈞表示，從相關研究報告來看，小朋友得到新冠肺炎，即使是Delta發生重症的機率還是低於成人。</t>
  </si>
  <si>
    <t xml:space="preserve">根據TrendForce記憶體儲存研究(DRAMeXchange)調查顯示，在美國政府標案與新冠肺炎(COVID-19)疫情帶動的遠端服務需求趨動下，伺服器記憶體第二季價格續漲，但也示警，疫情持續擴大，需注意下半年所帶來的供需改變。
TrendForce表示，ServerDRAM(伺服器記憶體)第二季的價格漲幅從原先預測的季增15%擴大至20%；Enterprise SSD第二季價格亦同步上修，預估漲幅將從原先的5-10%擴大至10-15%。同時，記憶體供應商手中庫存偏低，原廠將守住第二季上漲的走勢不變。
2019年第四季開始，美國政府聯合組織防衛基礎設施(JEDI)標案需求持續驅動伺服器市場，新冠肺炎疫情則使得遠端辦公需求大增，尤其中國雲端業者的備貨需求在二月顯著增長。阿里巴巴、騰訊主要受遠端辦公需求驅動；字節跳動則因北美業務擴張至電子商務、遊戲與金融應用等，進而帶動北美自建資料中心的需求成長。
TrendForce指出，需求的持續增加使得供需雙方的記憶體庫存皆達低點，加上中國電信業者普遍於二月開始執行新一輪的招標，將使得Server DRAM供貨更為吃緊，帶動價格上揚。雖然中國疫情暫受到控制，但歐洲疫情卻迅速升溫，加上美國數州也發生感染，將有可能衝擊全球的消費者信心，全球需求發生變化會讓整體的供需結構改變，下半年的價格走勢將依據疫情的擴散程度再觀察。
展望下半年企業級SSD價格走勢，隨著歐洲與美國疫情快速蔓延，歐洲交通樞紐米蘭也進入封城階段，如果疫情延續到下半年，將導致全球經濟進一步下修，PC及手機OEM廠商有可能調整下半年的生產需求，是否會反轉NAND Flash現在供不應求的市況，將取決於全球疫情受控程度。
</t>
  </si>
  <si>
    <t xml:space="preserve">一部最近才上映的英國紀錄片，除了揭露武漢醫生坦承在新冠肺炎疫情爆發之初，大陸官方要官員噤聲、對外隱瞞疫情外，也在片中大讚台灣的防疫表現，指出信任以及政府為這場「疫戰」準備了20年，是台灣防疫成功的關鍵。
"Taiwan has really been the standout success story in the pandemic... It has essentially been planning for this pandemic for 20 years at least", says Professor @martinmckee in @itvhub documentary 'Outbreak: The Virus that Shook the World' Watch in full: https://t.co/vhhDMDec2q pic.twitter.com/iAA3hvpOGd
英國獨立電視台（ITV）19日晚間播映有關新冠疫情的紀錄片「大爆發：震撼世界的病毒」（Outbreak: The Virus That Shook The World，暫譯），片中除了錄下武漢醫生坦言，在新冠肺炎疫情爆發之初就知曉、「毫無疑問」這個新冠病毒會人傳人，但在醫院會議上被告知不要對外聲張，「省籍領導告訴醫院不要說實話」，揭露大陸官方對世界隱瞞疫情等證據。
片中也出現台灣場景，讚賞台灣的防疫表現。在片尾最後一分鐘，倫敦大學學院（University College London）病毒學家皮萊（Deenan Pillay）指出，對抗新冠疫情，需要信任及集體意志，那些在抗疫方面做得很好的國家，都是那些人民清楚知道該如何行動以抑制疫情的國家。
影片接著出現台灣街頭場景，指出台灣擁有2,400萬人口，至今只有7人因為新冠肺炎喪命，沒有實施過封城等大規模限制措施，2020年GDP成長預測為2.5%。
影片後續也出現倫敦衛生暨熱帶醫學院（London School of Hygiene &amp; Tropical Medicine）教授麥基（Martin McKee）的談話，他說自2003年爆發SARS（嚴重急性呼吸道症候群）疫情以來，台灣就建立由中央統籌的防疫中心，因此能夠快速因應疫情爆發，他說，台灣基本上已經為這場新冠疫戰準備了至少20年。
</t>
  </si>
  <si>
    <t>立法院21日開議，行政院長蘇貞昌今上午例行性拜會立法院長游錫堃，蘇貞昌表示，新冠肺炎疫情險峻，國人同心協力防疫，一方面產業受到衝擊，行政院將在後天通過紓困特別條例，最快速度送請立法院審議，請游院長、立委幫忙快速通過，一通過會快速提特別預算送立院審議，希望立院支持特別條例跟預算通過。游錫堃則說，只要行政需要，對國家有幫助，能做到的一定會全力配合，助蘇院長團隊得心應手。
蘇貞昌今率行政院副院長陳其邁等人拜會游錫堃，閉門會談約20分鐘後，蘇貞昌、游錫堃共同發表談話，游錫堃表示，跟蘇院長是超過38年的兄弟，蘇院長二度上任後績效顯著，成績斐然，落實有政府會做事，由其抗疫防疫這點，先是把非洲豬瘟阻絕在境外，這次新冠肺炎，防疫檢測方面做得很好，行政院與立法院雖然分立，只要行政團隊需要，身為立法院長會依法行政，全力配合蘇院長團隊。
蘇貞昌說，今天專程向游院長表示恭喜，同時立法院新會期將展開，特別要請游院長多多指教支持，尤其新冠肺炎疫情險峻，人民及產業受到衝擊，如何防疫、振興需要立法院立法及預算通過支持，感謝游院長允諾大力支持，讓國人期待的紓困條例及預算趕過通過實施，福國利民。
蘇貞昌強調，防疫最艱困的時候，蔡政府團隊快速做出和人民期待、福國利民的事情，讓台灣不但度過新冠肺炎這關，能夠因此更茁壯成長，讓台灣在世界有一席之地。
至於企業受疫情衝擊放無薪假，蘇貞昌受訪回應，現在防疫最優先，我們就是紓困，還要振興受衝擊產業，不論人或產業相關對應措施，未來條例裡面規畫方向跟態度，預算裡各方向規劃會很詳細，希望立法院通過後有效施行，讓受到衝擊困難減到最小，化危機為轉機。
傳出企業不減薪、不裁員才符合紓困條件，蘇貞昌說，紓困是要走出困境，希望務實做出有效紓困方式，對應解決相關施行，未來每一個行業衝擊的情況 各有不同對應措施 目前都是一個態度，就是希望最快速有效雨露均霑，各行各業都能周延，相關規畫後續會陸續提出。</t>
  </si>
  <si>
    <t xml:space="preserve">全國公務人員協會榮譽理事長李來希3月21日在臉書用新聞照片PO文，指有民眾「為了排隊買口罩，被車輾斃！」，遭控違反傳染病防治法等相關法規；新北地檢署處分不起訴。網友在李來希臉書貼文恭喜，並表示「公理自在人心」！
李來希3月在臉書張貼「口罩排隊奇觀，請大家排隊拍照存證，一起來貼往」等文章，並在文章底下留言回覆網友「如果不是為了買口罩，他就不會出門，就不會遇到死劫」，新北地檢署認為李來希涉嫌違反「嚴重特殊傳染性肺炎防治及紓困振興條例」、「傳染病防治法」，將其傳喚到案。
李來希到案後稱，自己只是針對口罩購買方式及分配與網友討論並提出質疑，且口罩政策屬可受公評事項，應受憲法保障之言論自由範疇，並強調自己的言論完全沒有涉及任何新冠肺炎疫情內容，堅決否認有散布謠言之嫌。
新北地檢署調查後認為，該篇文章標題及內容均未提及新冠肺炎流行疫情，同時也沒有擴大喧染疫情字句，難認違反傳染病防治法，罪證不足，因此不予起訴。
網友在李來希臉書貼文恭喜，並表示「公理自在人心」！
</t>
  </si>
  <si>
    <t xml:space="preserve">鴻海、台積電與上海復星簽約1000萬劑輝瑞/BNT疫苗，預計9月供貨，讓民眾想等到9月再打疫苗，然而前台大醫院感染科醫師林氏璧表示，輝瑞/BNT要9月才來，預計要有95%的完整保護力最快要到年底，「我不想烏鴉嘴，但確定在年底前不會有第二波本土疫情嗎？」呼籲有AZ就先打，未來若開放混打BNT，抗體效果也會增加。
昨天(13日)起至15日下午5時開放50歲以下可參加第三輪意願登記，林氏璧昨天在臉書指出，如果AZ、莫德納都不想打，想等輝瑞/BNT，或是想等國產高端、聯亞疫苗，他都建議大家不要等了，輪到就去打，因為打疫苗是群體戰，越多人施打台灣面對可能的下一波疫情才能從容應戰。
為何不要等輝瑞/BNT？林氏璧解釋，輝瑞/BNT可能9月才會來，來了還要檢驗封緘，且打完第二劑14天後才會有臨床試驗中號稱的95%保護力，但指揮中心搞不好又改規定，延長第二劑接種時間到10至12周，等到有完整免疫力都已經年底或明年初了。
「我不想烏鴉嘴」，林氏璧表示，接種輝瑞/BNT要有完整保護力最快要到年底，確定台灣在年底前不會有第二波本土疫情嗎？反之，現在打AZ第一劑，14天後就有不錯的保護力，且延後施打的證據也較完備，「是的，輪到你打就去打吧！大家加油！」
此外，林氏璧也在《有話好說》節目上指出，AZ疫苗對印度Detla變異株的防重症效果很不錯，英國研究數據顯示，AZ混打輝瑞/BNT目前看起來抗體及T細胞效果增加最好，但順序要對，先打AZ再打輝瑞/BNT，直言若未來有機會開放混打，現在打AZ是進可攻退可守的選擇。
</t>
  </si>
  <si>
    <t>新北今新增3例確診，分別是永和1人、板橋1人、土城1人。新北市衛生局同時公布確診者足跡，遍及西門町誠品生活武昌店、西門萬年大樓及永和勵行市場。
新北市衛生局同時公布確診者足跡，板橋個案24日下午曾至北市士林區國立台灣科學教育館，晚上至板橋區一鍋瘋精緻小火鍋；26日下午至捷運江子翠站、西門站、誠品生活武昌店、西門萬年商業大樓及武昌街雜誌瘋書店。永和個案於25日上午曾到永和勵行市場。
★《中時新聞網》提醒您：因應新冠肺炎疫情，疾管署持續加強疫情監測與邊境管制措施， 如有疑似症狀，請撥打：1922專線，或 0800-001922，並依指示配戴口罩儘速就醫，同時主動告知醫師旅遊史及接觸史，以利及時診斷及通報。</t>
  </si>
  <si>
    <t xml:space="preserve">美國聯邦準備理事會（Fed）於台北時間今凌晨3時公布最新利率決策，Fed決議聯邦基金利率目標區間維持在0%至0.25%不變，符合市場預期，這也是美國總統大選後Fed首場決策會議。會議中指出新冠疫情對中期經濟前景構成相當大的風險，經濟成長仍遠不及疫情前水平。
新冠肺炎爆發，引發全球大流行！美國3月新冠疫情升溫後，後Fed快速採取行動，2度緊急降息，降幅高達6碼，之後Fed利率持續按兵不動。
聯準會周四沒有對九月的提出的政策做出任何改變，據聯準會最新的政策聲明中提到，將持續的公共衛生危機將在短期內繼續對經濟活動、就業和通膨造成壓力。會議中也重申利用所有工具支持美國經濟，並按當前速度擴大資產負債表。
聯準會決議利率按兵不動，然據聯準今年9月利率會議上暗示，會將維持基準利率逼近於零至少到2023年。
</t>
  </si>
  <si>
    <t>伊朗衞生部10日公布，境內新增54件新冠肺炎死亡個案，是有記錄以來單日最高，全國確診人數也在24小時內增加了881人，增加至8042例。
據外電報導，伊朗衛生部發言人賈漢普爾（Kianoush Jahanpour）在記者會上表示，全國死亡人數迄今已攀升至291人，此外今日又新增881人確診，此外，還有2731人已經康復出院。</t>
  </si>
  <si>
    <t>新北市今日新增20例本土確診，新北市長侯友宜下午主持防疫會議表示，今日板橋增5人、三重新增4人最多，跟台北市感染源有關的有4例，包括永和居民曾在北市環南市場工作因而染疫，另外三峽新增3例也和台北市感染源有關。
侯友宜表示，今日板橋增5人最多，三重4人、新店三峽各3人、新莊2人，其餘各區0到1例不等；新北市累計確診6505人，其中4923人解除隔離。
侯友宜說，今日新增20例中，有11例都是居家隔離中發現確診，感染源掌握中，另外9例非居家隔離者部分，有4例與台北市相關，包括一位永和居民曾在環南市場工作，昨天驗出染疫；另外三峽一男子在北市醫院工作染疫，並傳染給媽媽，還有一例也是三峽居民有萬華接觸史，傳染給媽媽和外籍看護。
★《中時新聞網》提醒您：因應新冠肺炎疫情，疾管署持續加強疫情監測與邊境管制措施， 如有疑似症狀，請撥打：1922專線，或0800-001922，並依指示配戴口罩儘速就醫，同時主動告知醫師旅遊史及接觸史，以利及時診斷及通報。</t>
  </si>
  <si>
    <t xml:space="preserve">據《美聯社》等外媒報導，總部設於德州達拉斯的藥品零售商麥克森公司於美東時間20日6時(臺灣時間20日19時)宣布，莫德納疫苗已展開全美配送。莫德納疫苗18日獲美國食品暨藥物管理局(FDA)緊急授權批准上市，而成為美國第2支2019冠狀病毒疫苗。
《美聯社》報導指出，田納西州曼菲斯(Memphis)的藥品工廠的員工，正快馬加鞭地將莫德納公司與國家衛生研究院研發的疫苗裝箱。隨著配送開始，預計21日便可開始注射接種，距離FDA緊急授權僅3天。
隨著莫德納疫苗配送至全美逾3700個點後，加上輝瑞疫苗的助攻，有利於疫苗施打的規模與速度。美方估計，接下來1週將分別配送590萬與200萬劑的莫德納與輝瑞疫苗。
報導表示，由專家組成的委員會20日稍晚將討論首波接種對象為何，以加速疫苗施打的速度。根據初步估計，直到明天春天以前，疫苗數量仍不足以讓一般民眾都能接受注射，故將按比例分配疫苗施打。
專家指出，「重點工作者」可能成為首波接種對象。由於大眾運輸工具司機、雜貨店員工，這些人是感染高風險族群，故應首先施打；但也有人主張65歲以上的老人與患有特定疾病的患者應優先接種，因其死亡率最高。
雖然專家小組的建議可望獲得美國疾病管制暨預防中心(CDC)的首肯；但CDC強調各州做法會有所不同，因為當地衛生部門對於誰屬於更危險的族群，恐有不同認定。
不論是輝瑞疫苗還是莫德納疫苗，首次接種後的數週便須接受第2劑的注射，且第2劑須與首劑來自同一家公司。原本美國雄心萬丈的喊出年底前為2000萬人施打第1劑；不過，這個目標恐延宕至2021年1月的第1週才能達成。
</t>
  </si>
  <si>
    <t>北市聯醫派醫護人員至花博接種站協助打疫苗，醫師姜冠宇也到現場支援，但看到現場狀況忍不住說，原本每天早上8點開打，有人提早到就鬧說等好久，最後疫苗接種時間改為7點半開打，但人卻來得零零落落，很多地方空空如也，醫護提早上班、加開戰線支援疫苗接種卻不被珍惜，讓他忍不住怒轟「是存心整我們嗎？」引起網友討論。
醫師姜冠宇今在臉書發文表示「我覺得人真的就是大頭症！」打個疫苗竟然動用整個聯醫的各個院區系統開戰線，每天早上8點開始打疫苗，醫護人員已經加夜班、不周休了，但民眾還是不滿足，有人提早到接種站，就鬧著說打疫苗要等超久，結果疫苗接種時間提早到7點半開打，醫護人員的集合時間也改為6點50分。
姜冠宇說，提早開放打疫苗，人也沒有比較多啊！最扯的是，大家認為人潮會最洶湧的上午10點，來接種疫苗的人也是零零落落，結果就像照片裡面看到的那樣，醫護人員早早就到現場準備好，但放眼望去好幾排的椅子都空空如也，這樣同時間開這麼多戰線的原因到底是為了什麼？
姜冠宇不滿地說「你早到是你的事，你可以去泡茶，但鬧給現場媒體看，造成我們提早上班也不會加錢，反倒是看到戰線加開後也不被珍惜，這樣是存心整我們嗎？」
姜冠宇說，每個醫護人員都是被徵召來的，都要調開自己的上班時間，放著自己負責的病人，到現場支援打疫苗或其他防疫事務，「請至少讓我們做得值得，民主社會大喊權利，前提是要對自己負責任的公民啊！」
誇張景象引起網友討論，「這真的是太浪費醫療人力了」、「刁民就是什麼事情都要以他方便為方便」、「現在刁民太多啊，沒有同理心」、「現在的民眾都是巨嬰和刁民啊」、「醫護人員真的辛苦了」。
不過，也有網友分享自己早上8點多去打疫苗的狀況，表示接種站現場雖然沒有人潮滿滿，但等待接種疫苗的民眾也不少，當初在疫苗平台預約時很多時段都秒殺，只能約到很早的時段，而家人是加開的對象卻已經約不到場次了，最後只能去外縣市接種，不知道怎麼會有這樣的落差，但醫護人員們真的辛苦了。
對此，中央流行疫情指揮中心指揮官陳時中回應，而他昨天上午也有到花博接種站現場看，發現去施打疫苗的人數龐大，但整體都很井然有序。至於大家的抱怨，他也有去了解，當初疫苗開打的時間較晚，加上最初又都是年長者，起得比較早，也就比較早去現場，加上當初那邊沒有特別設至等待區，才導致狀況比較混亂，但現在施打年齡較輕，預約時間也比較準確。
陳時中也呼籲大家，盡量按照自己預約的時間到現場接種，這樣秩序會比較好。</t>
  </si>
  <si>
    <t>高端（6547）現增資19.2億元，已於上週完成原股東及員工繳款。隨著資金到位，新冠疫苗開發案加速馬力，有機會力拚明年第二季向台灣食藥署（TFDA）申請緊急使用授權（EUA），此外，腸病毒、登革熱疫苗開發也持續推動，總經理陳燦堅將於11/24法說會中報佳音。
有機會因開發的新冠疫苗效期長達6個月以上，躋身全球新冠疫苗開發案前段班的高端，此次現增，雖在美國大選期間市場動盪之際，但原股東仍表現高度支持意願，除了大股東基亞生技因資金不充裕放棄現增外，其他股東高比例參與現金增資，以實際行動支持本土疫苗公司的新冠肺炎疫苗研發及生產活動。
依照公司公告的現增時程，目前是現金增資的特定人繳款及一般投資人抽籤階段，預計本週五前現增資金可到位，全速衝刺疫苗臨床試驗及疫苗生產。
高端的新冠肺炎疫苗第一期臨床試驗目前於台大醫院執行中，為符合國家防疫需求，目標為12月進入二期臨床，於明年取得緊急使用許可（EUA）並開始出貨。
高端疫苗除順利推動國內的臨床試驗外，研發及業務的國際合作也持續進行中，陳燦堅總經理預計在11月24日的法說會中，對外說明公司的研發進度及業務佈局。</t>
  </si>
  <si>
    <t>ATP男單世界排名第7點的德國好手小組維瑞夫（Alexander Zverev）拖著發燒生病的身體，昨天硬是打了2020年法國網球公開賽男單16強戰，最後他3比6、3比6、6比4、3比6落敗，但還要等新冠肺炎病毒檢驗結果，如果確診可能還會影響獲勝的對手辛納（Jannik Sinner）的法網路。
雖然小祖維瑞夫之前的新冠肺炎病毒檢驗呈陰性，不過他第三輪獲勝後、從巴黎時間上周五晚間開始就身體很不舒服，體溫超過華氏100度（約攝氏37.8度），也諮詢過大會醫療團隊，儘管生病，他還是不想放棄男單16強，但賽後坦言自己真的病得很重，不應該出賽的。
「我無法呼吸，你們可以聽到我喘息的聲音。」小祖維瑞夫這麼說，「同時我也有點發燒，身體狀況確實不在最佳，我應該表明情況，我覺得生病影響了我的表現。」
小祖維瑞夫並說：「老實說，我參加了熱身，也想過不應該出賽，但我還是抱著可以直落三盤勝出之類的，但比賽一開打我就知道沒那麼簡單。」
外媒指出，法國網協和法網官方要求選手每5天就要進行一次新冠病毒檢驗，以及選手必須坦白任何症狀，不過小祖維瑞夫周日出賽時並未跟大會醫生說明身體不適，而他上一次做病毒檢驗是上周二。
法國網協透過聲明表示：「小祖維瑞夫都有準時做檢查，之前的結果都是陰性，所以可以參賽，今天（法國巴黎當地時間周日）他收到要再做下一次檢驗的通知，但16強賽前卻沒有向大會醫生諮詢。」</t>
  </si>
  <si>
    <t>小金門鄉親跨海到金門本島就醫，常因船班和天候因素，無法在當天趕回對岸。縣府特協調救國團金門青年活動中心提供優惠住宿，每晚只要新台幣600元，希望帶給病患和家屬更多方便。
縣衛生局指出，小金門（烈嶼鄉）對外交通不便，醫療資源也相對不及金門本島，當地鄉親至金門醫院院本部就醫，如遇船班影響而無法順利返回小金門，常為住宿過夜問題十分困擾。縣府基於照顧縣民政策，特與救國團金門青年活動中心協調，提供病患和家屬「專案」住宿優惠。
優惠住宿專案時間為109年3月1日至110年2月28日，；對象及標準如下：(1)設籍烈嶼鄉鄉親，出示金門醫院就診單或住院照顧家屬提供相關憑證等即可以優惠價入住。(2)救國團青年活動中心提供專案房價，每房每晚600元，無另贈早餐。(3)使用該專案請事前電話預訂，如遇住宿已額滿日期，則無法接待入住。</t>
  </si>
  <si>
    <t>北極星藥業（6550）表示，收到FDA認可之獨立機構「數據和安全監視委員會（DSMB）」主動對正進行之肺間皮癌三期臨床試驗來文；由於整體存活率（OS)與無惡化生存期（PFS)兩者之CP值均已超過80％，建議提早結束肺間皮癌三期試驗直接申請藥證。
北極星表示，近期將與FDA進行會議，考慮依循DSMB之建議與FDA協商提早結束肺間皮癌三期臨床試驗直接申請藥證。
北極星藥業試驗是以ADI-PEG 20聯合化療藥 Pemetrexed及 Cisplatin 治療末期肺間皮癌的多國多中心二/三期雙盲臨床試驗，預計於美國、英國、澳洲、台灣及義大利等五個國家多中心進行臨床試驗及後續於台灣、美國、歐盟等各地區申請新藥查驗登記審查。
北極星藥業27日收到FDA認可之獨立機構「數據和安全監視委員會（DSMB）」主動來文，DSMB對正進行之肺間皮癌三期臨床試驗作出進一步之建議。由於整體存活率（OS)與無惡化生存期（PFS)兩者之CP值均已超過80％，考量挑戰競爭性治療與新冠肺炎之衝擊，DSMB建議北極星與監管機構（FDA）聯繫，考慮於三個月內停止繼續收錄病人提早結束正進行之臨床試驗，並對受試者持續追蹤一年。
北極星藥業指出，DSMB並在文中說明決策流程，每個DSMB成員都承認，有關建議的決策過程是基於對所提供數據的全面評估。DSMB成員根據對所提供數據的審查、他們的醫學專業知識，以及他們參加DSMB會議提出上述建議。DSMB成員理解，這些建議是基於共識投票得出的。</t>
  </si>
  <si>
    <t>以色列總理納坦亞胡週日表示，將建立40億謝克爾（12億美元）的基金，以幫助受新冠肺炎發影響的以色列公司能夠走出危機。
路透社報導，納坦亞胡，他與財政部長卡隆（Moshe Kahlon）已經制定了該基金的計劃，並將在內閣會議上提出。不過他透露的很有限，沒有提到具體的做法。
以色列雖然疫情輕微，但是經濟仍受影響，以色列航空公司（ELAL.TA）表示，新冠肺炎導致全球航空運輸的衰退幅度比想像的要大，導致今年年初的收入，下跌幅度也比先前的預期更嚴重，以航已請求政府援助。
以色列中央銀行上週曾表示，病毒的爆發還未對經濟產生重大影響，不過當時也下了但書，表示如果情況嚴重惡化，將準備相應的貨幣政策來穩定經濟。</t>
  </si>
  <si>
    <t>台灣年度觀光旅遊盛事「ITF台北國際旅展」實體展將於10/30至11/2在台北南港展覽館展出，受新冠肺炎衝擊，本屆旅展規模大幅縮水，且航空公司沒有參展，外國觀光局亦只能由駐台辦事處參加，攤位數由去年1,700個大減為今年1,000個，整體規模較去年減少30％。
全球疫情持續蔓延，重創國際觀光產業，惟ITF台北國際旅展今年依然逆風前行，主辦單位台灣觀光協會祕書長羅瓊雅表示，主要目的是為台灣觀光人加油打氣，此一決定也使ITF台北國際旅展成為2020年底前全世界最大型的國際型實體旅展。
羅瓊雅表示，因COVID-19新冠肺炎影響，觀光業受到重創，因此航空業、部份國家館和旅行社今年首度缺席，主辦單位深感遺憾，但在艱困環境下，ITF台北國際旅展依然持續和觀光產業並肩合作，不僅首次舉辦從6月底開跑至今的線上旅展，今年實體旅展也將逆風前行，成為年底前全球最大型的實體旅展，現場仍有台灣近20個縣市政府展示各地特色遊程，並有超過20個國家地區參展。
為提高民眾入場觀展意願，今年ITF台北國際旅展除了各參展單位展出內容外，還有具知識性的「旅遊論壇」，探討《與疫情共存的時代》，更首次辦理「旅遊沙龍」，請學者專家及旅遊達人共同討論對住宿、遊程、運動和親子等特殊主題的想像；此外，最受大小朋友歡迎的「吉祥物大遊行」及「吉祥物見面會」，則是其它展覽沒有的特殊體驗。
為協助觀光業復甦，台灣觀光協會自6月29日起首度架設線上旅展，提供免費平台讓觀光業者上架優質商品，讓民眾可在線上選購優質旅遊產品，其中「中秋、雙十連假Follow me」並於16日起正式上線開賣，包括台北美福飯店、凱撒飯店，以及長汎、宏祥與山富旅行社都針對中秋推出優惠專案，全台最高的台北101觀景台也推出「登高望遠慶中秋－觀景台門票1大帶2小」優惠。羅瓊雅表示，ITF線上旅展將會持續集結全國觀光業者，推出前所未有的組合商品直到9月底。</t>
  </si>
  <si>
    <t xml:space="preserve">繼高雄市長韓國瑜遭發起罷免，昨(28)台中市長盧秀燕也被「公民除銹工程」社團發起罷免連署，新北市長侯友宜今(29)至捷運環狀線視察時表示，在新冠肺炎疫情高張的時候，全國民眾一定要團結，齊心齊力面對疫情，這是我們最關心、最重要的事情，「我一定會跟中央合作把防疫工作做好，這是我們最關心的一點。」
另防疫工作表現部分，台北市長柯文哲雖整體聲量高，但正面聲量卻輸給侯友宜，對此侯表示，自己全心全力在防疫工作，「對很多事情，不會用太多心思去了解，對這部分，沒有特別用心去分析。」
</t>
  </si>
  <si>
    <t xml:space="preserve">
中國大陸新冠肺炎疫情持續延燒，許多企業都無法正常開工，員工被減薪、放無薪假是常見，更慘是直接被裁員，許多中小企業甚至開始倒閉，有分析師指出若是這個情況持續，可能會讓失業人數上看450萬人，對中國大陸影響甚大。
北京大學及北京清華大學針對近1千家的中小企業進行聯合調查，其中有34%表示目前的現金流只能支撐一個月的時間，而只有18%可以支持三個月時間，這對眾多勞工來說可不是一件好事，若是疫情持續可能會有一波倒閉潮。
北京中原銀行首席經濟學家王軍認為，這次的情形跟2008年時的金融海嘯時期有些類似，當時約有2千萬移工失業，讓中國大陸當局使用4兆人民幣的預算來保護經濟，雖然經濟成長率有所提升，但也因此背上債務。
而英國經濟學人智庫（EIU）分析師王丹認為目前因為新冠肺炎疫情影響，導致服務業遭到重創，而小型製造業幾乎沒辦法獲利，若是疫情沒辦法再3月底前獲得控制，接下來就有可能出現大波裁員潮，預計人數可能高達450萬人。
雖然中國大陸國務院發出承諾避免裁員潮，並要求地方政府提高失業津貼等等，來降低人民恐慌感，不過依照目前疫情來看還是有些危險。
更多 CTWANT 報導
</t>
  </si>
  <si>
    <t>北市環南市場傳出41人確診，新北市長侯友宜今（3日）主持防疫記者會表示，目前接到通報13人，是否還會增加靜待中央通報，昨天新北市篩檢316人有北農、環南市場接觸史，找到1個快篩陽性，其中加護感染有2人，會快速跟北市並肩作戰、區域聯防。
另外，新北家禽合作社累計共29人確診，侯友宜說，面對5大批發市場除了依苗接種外，從業人員一定要持「陰性證明」、「疫苗施打證明」才能進場，嚴格落實管理措施，會依據市場落實的防疫狀況，隨時抽驗，只要一有狀況馬上啟動PCR，要確保民生供應鏈不能中斷。
★《中時新聞網》提醒您：因應新冠肺炎疫情，疾管署持續加強疫情監測與邊境管制措施， 如有疑似症狀，請撥打：1922專線，或 0800-001922， 並依指示配戴口罩儘速就醫，同時主動告知醫師旅遊史及接觸史，以利及時診斷及通報。</t>
  </si>
  <si>
    <t>中央流行疫情指揮中心今(9)日表示，民間機構共同捐贈的第十四批BNT疫苗192.35萬劑，預計於今日下午運抵桃園國際機場，並在完成通關程序後，直接運送至指定冷儲物流中心進行後續檢驗封緘作業。
指揮中心說明，由民間機構共同捐贈的BNT疫苗1,500萬劑，目前共計到貨1239.79萬劑，分別為首批9月2日93萬劑、第二批9月9日91萬劑、第三批9月30日54萬劑、第四批10月1日67萬劑、第五批10月4日27萬劑、第六批10月7日88.92萬劑、第七批10月8日88.92萬劑、第八批10月14日82.7萬劑、第九批10月28日90.21萬劑、第十批10月29日91.03萬劑、第十一批11月5日87.17萬劑、第十二批11月12日92.66萬劑、第十三批11月25日93.83萬劑，以及本批192.35萬劑。本批疫苗效期至2022年3月25日，將由指揮中心統籌運用，儘速提供民眾接種。
對於台積電、永齡基金會、慈濟基金會三間企業和民間團體積極協助，提供更多的疫苗讓民眾接種，加速提升台灣疫苗覆蓋率，指揮中心再次表達由衷的謝意。</t>
  </si>
  <si>
    <t xml:space="preserve">近年全球受到流行性病毒影響，繼17年前的SARS之後，陸續有MERS、H1N1...再到這次的新冠肺炎，導致全球確診人數突破400萬人，死亡人數也逾30萬，讓人類不得不重視病毒帶來的威脅。目前最有效的防疫方式就是戴口罩、勤洗手，但是病毒無所不在，難保完全杜絕病毒侵襲。為了更落實防疫，新潤機構2020全新推案，主打【心建築．新建築】主題，將防疫觀念帶進日常生活，打造安全性極高的防疫社區，讓民眾居住的每分每秒都好安心。
新潤建設機構一直以來都以「心建築・新建築，新潤最懂你的“家”」為初衷，總是用“心”傾聽客戶要什麼，並融合消費者意願及創“新”思維，打造出最符合現今消費者的需求。新潤建設機構於去年(2019)推出「新潤氧生宅」，希望建造一個以健康為走向的建築，他們不但安頓好消費者的居所，連健康也顧到了。新潤興業協理蔣秀婷表示，新潤保持初衷並為客戶思考能為他們做什麼，我們開始思考讓建築變成更適合居住的「家」，因此防疫社區由之而生。
每天外出上班，就算戴著口罩還是經常暴露於危險之中，就算戴好口罩、勤洗手，還是容易因漏網之魚而染疫，但若是家中就有防疫防護罩，讓久待的空間更安全，那麼防疫就會讓人更安心。新潤建設機構將三重防護搬進社區內，包含每戶都有除氯淨水設備，讓喝進身體的水及接觸皮膚的水都變得好乾淨；公共空間配置醫療等級空氣清淨機，頻繁進出的公共空間(包含電梯)都能有效抑制病毒，避免交叉感染；居家室內採用防霾紗窗及日立淨化箱，阻隔戶外霧霾及PM2.5的入侵，使室內空氣乾淨又清新。
新潤建設協理劉文邦提到，防疫社區的設備是直接包套做到好，而這樣的做法也成為同業的效仿對象，認為如此可以提升台灣建築建設，樂見其成。此外，除了既有的硬體設備之外，社區內還會不定時規劃互動課程，健身房也會安排教練課程；值得一提的是，新潤每年都會舉辦尾牙，邀請住戶共襄盛舉，進而增加住戶彼此間的互動。
新潤機構成立12年以來，已超過為5000戶家庭圓夢成家，且始終為消費者創造更精緻有品味的居住生活，提供「主動、積極、透明化服務」及「價值、藝術、人性化建築」服務，也是時時刻刻以消費者的立場為出發點，無論是建材、外觀設計、施工過程等，甚至到交屋、售後服務的每一道程序，都以「創造好宅」為最終目標。一棟房子好不好，入住就會有切身感受，而用“心”建造的房子絕對值得你用心感受。
</t>
  </si>
  <si>
    <t>逛醫院的人變少了！新冠肺炎疫情延燒近半年，健保署統計各層級醫療院所門住診，1~3月基層診所較去年同期下降7.4％，是各層級醫院最高的，而在各科別當中，以耳鼻喉科及小兒科門住診下降最多，但精神科卻逆勢上升。健保署官員表示，基層診所下降最高，顯示病患平時小病就選擇不去看了，精神科不降反升，主要為民眾對疫情的心理擔憂引發焦慮等身心方面問題。
健保署副署長蔡淑鈴表示，以下降件數來看，1～3月基層診所共減少512萬件門住診，其中3月即占了81％，而4月更明顯，以健保IC卡上傳門住診資料來看，各醫院層診最低也下降18.6％。主要與疫情發展有關，3、4月是新冠肺炎疫情較為嚴峻的階段，3月有歐美入境潮，4月即是磐石艦隊發生群聚事件。
分析各科別之間的消長，蔡淑鈴指出，其中以耳鼻喉科、小兒科及一般內科看診件數減少最多，耳鼻喉科主要民眾擔心侵入性治療造成感染，小兒科及一般內科，因勤洗手等防疫衛教，使腸病毒及腹瀉等病例數減少。
但在所有科別當中，看診數量也有不降反升的，其中精神科及皮膚科呈上升趨勢，主要因民眾擔憂疫情引發的心理焦慮外，戴口罩及勤洗手也讓民眾皮膚起疹及過敏的機會增加，看診病患也就變多。
健保署一直推動分級醫療，蔡淑鈴指出，雖然基層診所在新冠肺炎疫情期間，門住診下降比例最高，但以整體占率來看，基層診所病例占率為67.39％，仍較去年同期上升2.04％，地區醫院占率為10.41％、較去年上升0.78％，區域醫院較去年同期下降1.4％，醫學中心較去年下降1.42％，顯然民眾就醫行為有往基層診所增加，醫學中心有減少情形，分級醫療未因疫情受干擾。</t>
  </si>
  <si>
    <t xml:space="preserve">台灣新冠肺炎疫情嚴峻，全民開始關心疫苗施打問題。59歲知名主持人鄭弘儀昨晚在節目《新聞挖挖哇》談論疫苗議題，好奇問現場來賓會選擇打哪個疫苗，同時也提到自己已自費打了AZ疫苗，並分享接種後的副作用情況。
鄭弘儀昨晚在節目中表示，台灣現在有AZ疫苗，按照小英總統說法，7月還會有台製疫苗，之後還會有其他國外疫苗，而且衛福部部長陳時中也說，可以讓大家選疫苗，因此鄭弘儀也好奇問現場來賓，若能自由選擇，會選打哪個疫苗？
對此資深媒體人姚惠珍的答案也很誠實，她說自己尚未施打疫苗，但如果可以選擇，她首先會選莫德納，因為疫情嚴重的美國人很多都打這個疫苗，第二選擇會是台製疫苗，「因為我覺得你一定要有國產疫苗，如果以後是流感情況的話，你不可能總是仰人鼻息，所以你一定要設法讓國產這個部分可以上來。」而醫藥記者出身的洪素卿，則稱女性血栓風險比男性高一點，所以她也會選莫德納。
鄭弘儀更自爆他有預約自費施打疫苗，已經去施打AZ疫苗，同時也坦言AZ對他來說是有一點點副作用，讓他出現發燒、畏寒、頭痛情況，而且是打完12小時後才出現這些副作用，「我是有一些副作用我講實在話，不過呢那個副作用差不多也經歷了半天之久，但是過了以後大概就好了，那我已經打了18、19天了，現在應該是有抗體了。」
</t>
  </si>
  <si>
    <t>中央流行疫情指揮中心今天統計接種AZ疫苗後死亡案件，昨天新增35例，16女19男，死亡年齡介於41~94歲之間，25人為75歲以上長者，接種後七天內發生、3例為50歲以下。35例當中，有9人住在機構、9人洗腎、22人有慢性病史，死亡個案主要仍是高齡與有慢性病史的人。
發言人莊人祥表示，目前有16例已經接受解剖，其中15個有心血管疾病，另一個是吸入食物窒息死亡。目前觀察死亡原因仍是高齡且有慢性病相關。
至於三例50歲以下個案，莊人祥表示，有1人為40多歲男性，患有思覺失調、缺鐵性貧血，施打疫苗2天後開始發燒，次日清晨，沒辦法叫醒，生命徵象無法測得，送院急診無效到院前死亡，PCR採檢陰性。家屬以同意進行解剖，等待司法相驗中。
另一例為40多歲男性，6/16日接種疫苗，個案患有小腦性麻痺，為護理之家的住民、長期臥床，接種疫苗後3天後清晨，無呼吸心跳，到院前死亡。
最後一例則是50多歲女性，6月16下午接種疫苗後就去上班，上完晚班後回家，在洗澡時暈厥，晚上11點半被送到醫院急診，進了開刀房發現是顱內動脈出血，開完刀後送外科加護病房，死因為顱內動脈瘤出血。</t>
  </si>
  <si>
    <t>新冠肺炎疫情延燒，全台已累計429人確診，疫情中心專家諮詢小組召集人張上淳昨分析前428名確診病例特徵表示，台灣使用到呼吸器的患者迄今共24人，有6例死亡，死亡率約25％，較紐約高達9成的死亡率低許多，也顯見在台灣一線醫療人員努力照顧下，很多病人在很嚴重的情況下仍能復原。
張上淳指出，台灣24例使用到呼吸器的患者，扣掉死亡6例，有9例脫離呼吸器復原，另剩下9例仍在使用呼吸器，其中有3位同時使用葉克膜治療。
張上淳進一步分析表示，台灣發病年齡層分布仍以20至29歲為最大宗占37.6％，無併發症的輕症約占70％，與確診案例多是留學生及磐石艦年輕官兵有關。而在輕症的298例中，採檢時沒有症狀者有32例，約占7.5％。至於症狀表現，依4月1日至22日的7300個通報個案分析發現，以肺炎最多、占32％、發燒和呼吸道症狀其次、占28％，其他症狀占11％。
隨著疫情發展，新冠肺炎已開始出現多元症狀，張上淳表示，國外有些報告證實人的眼角膜分泌物中有驗出新冠病毒，然而也有些報告指沒有培養出病毒，可能是因為非普遍現象，或是病毒量不高導致沒有出現發炎。
張上淳指出，由於新冠病毒導致眼角膜發炎的案例十分低，台灣目前也沒有這樣的情況，因此沒有做眼睛病毒方面的篩檢及培養，相信這並非重要傳染來源，做好飛沫及接觸傳播的防護，基本上民眾就不用太擔心。</t>
  </si>
  <si>
    <t>為力拚第二劑疫苗覆蓋率，中央流行疫情指揮中心將於11月開設超大型接種站進行大規模接種，目標單日接種量達35萬劑。指揮中心今天表示，由於大規模施打相當耗費人力，指揮中心將會協助國軍、監獄的疫苗接種業務，幫忙地方分攤接種負擔。
指揮中心發言人莊人祥今天表示，從台北市近日在花博爭豔館開設的大型接種站可看到，有非常多的民眾都提前到接種站等候，建議北市府能將人員分流標示清楚，同時也希望民眾能配合，依照報到時間到指定接種地點等候。
有鑑於此，莊人祥指出中央將會分擔地方的接種辛勞，會派員協助國軍、監獄進行接種業務，至於近期到貨相當穩定的BNT疫苗，目前還是規劃做為第一劑使用，今到貨的80多萬劑將全數納為第12期運用，暫不會開放民眾登記接種第二劑。</t>
  </si>
  <si>
    <t>據廣州市荔灣區新聞信息中心官方微博消息，廣州市荔灣區新型冠狀病毒肺炎疫情防控指揮部昨天23日晚發佈通報稱，結合病例臨床表現、流行病學調查、實驗室檢測和基因測序結果，經專家組綜合評估，初步判斷荔灣區錦龍社區郭某為境外輸入關聯確診新冠肺炎病例，其病毒屬於在印度出現的新冠病毒變異株，不排除是意外暴露造成偶發感染。
昨天23日下午，廣州市新增1例無症狀感染者，是之前確診病例郭某的丈夫陸某，已於21日作為密接人員集中隔離，判定為密切接觸者之後第三次核酸檢測結果呈陽性，目前已轉至廣州市第八人民醫院隔離觀察。經流行病學調查，陸某活動軌跡與郭某基本一致。
截至23日18時，疫情涉及重點區域重點人群累計採樣12萬8072份，已完成11萬5573份核酸檢測，結果均為陰性。</t>
  </si>
  <si>
    <t>新冠肺炎疫情全球拉警報，不只民眾擔心染疫，醫護也害怕釀成院內感染，造成醫療體系崩潰，不過菲律賓日前傳出，一名男子車禍身亡，醫院卻擔心他身上可能帶有新冠病毒，竟利用膠帶將遺體緊緊纏繞成「木乃伊」，讓死者家屬難以接受。
根據《鏡報》報導，菲律賓男子法布雷加斯（Merwin Fabregas）上月30日出車禍，由於傷勢嚴重，被緊急送醫，沒想到竟在未確診的情況下，被視為新冠患者，送進專責呼吸道疾病的病房。
法布雷加斯的母親莎比比（Mitchilou Fabregas Sapipi）質疑，兒子明明是因為車禍入院，卻被送進呼吸道疾病的病房，沒有給予相對應的治療，甚至提早將他的維生系統儀器關閉，才會導致兒子枉死，之後竟又用膠帶將他整個人裹成「木乃伊」，糟蹋遺體。
對此，被指控的醫院主任奧巴尼亞（Napoleon Obaña）解釋，之所以會將法布雷加斯送進治療呼吸道疾病的病房，只是預防性措施，並且是在他宣告死亡後才關掉維生系統，至於將遺體用膠帶綑綁包裹，是因為擔心法布雷加斯染疫，「我們必須將他當作疑似病例處置，避免他將病毒傳染給其他人。」
報導指出，現已知法布雷加斯並未染疫，病毒檢測結果呈現陰性。目前雙方各執一詞，警方也已介入這起醫療糾紛。
菲律賓目前是亞洲疫情最嚴峻的國家，死亡人數為18,260人，病例共111萬，儘管每日染疫人數已從4月2日的最高點15,310起下降，但仍保持在每天平均約1,700病例左右。為了免受其他致命變種病毒的侵害，菲律賓已禁止來自印度、巴基斯坦、斯里蘭卡、尼泊爾和孟加拉國的旅客入境。</t>
  </si>
  <si>
    <t>萬華疫情大爆發，議員指出外籍女子以看護名義來台，很多已前往中南部雇主家，恐讓疫情快速傳播，警方18日清查轄區共有27名外籍人士，尚未取得聯繫，經市警局、警政署國際組、移民署台北市專勤隊，合作，已經在19日中午12點半，全數取得聯繫，並協助前往快篩。萬華茶室27名失聯外籍女子 陸續前往採檢快篩
萬華警分局表示，轄內共有172家阿公店，其中廣州街、三水街有65家阿公店，其中有22家業者配合聯繫員工去快篩，其餘聯繫不上的，警方會持續聯繫。而根據警方臨檢紀錄，相關外籍人士共有80人，扣除勸導前往快篩、返回大陸、隔離中等人，有27人聯繫不上。
警方經過各方通力合作，失聯者已經全數聯繫上，部分人士已經前往採檢，若人已經離開萬華區，將由警方、相關單位協助就近前往適合衛生單位進行快篩。</t>
  </si>
  <si>
    <t>印度變種病毒Delta來勢洶洶，新北市長侯友宜今在疫情說明會上表示，7月1日起新北市境外移入確診有23例，其中Delta病毒有4例，來自緬甸3人、泰國1人，呼籲防疫旅館一定要落實防疫。
侯友宜提醒，勿忘上次諾富特旅館造成的破口事件，所以防疫旅館的防範絕對不可等閒視之，新北市防疫旅館一定要做好，入境普篩雖然做了，但防疫旅館的防疫落實如果沒做好，如有確診個案，稍有不慎就易造成防疫破口就不可收拾。
侯友宜說，全球案例中有清潔工不當接觸後造成破口，防疫旅館入住非常重要，新北有21家防疫旅館，2418個房間，入住率6成，所以防疫旅館的入住管理及消毒流程都要嚴謹面對。
侯友宜表示，入住前要至前進櫃台，完成入住者全身及身物品消毒，公共區域每天消毒3次，退房後客房靜置1日，再進場消毒，如出現確診案例，客房靜置3天後再進場清消。
侯友宜表示，新北28個漁港也要嚴防走私，除機場防疫、港口防疫也很重要，慎防不當接觸造成防疫漏洞，以阻擋Delta入社區，讓疫情往下走。</t>
  </si>
  <si>
    <t>國民黨今天舉辦「共渡疫情．國土安居」研討會，邀集國民黨15執政縣市代表、立院黨團幹部、智庫、專家學者等，共同就防疫紓困振興方案了解各地實務需求。縣市代表們紛紛抱怨600億特別預算「一塊錢都沒到地方」、中央對大型活動沒一致標準、不願提供中央管理的廳舍作為防疫旅館，當前口罩實名制作法太僵化，連江縣甚至須由縣府收集公務員健保卡，到東莒鄉收購口罩再船運到南竿島。
國民立院黨團總召林為洲說，不排除修法，授權縣市政府可比照中央特別條例修訂自治條例，增加行政作為彈性。黨團書記長蔣萬安也說，會趕緊協助縣市政府能否徵用中央所屬廳舍，解決防疫旅館不足問題；特別預算一毛錢都沒到地方，紓困及未來振興都很困難，以及無薪假的勞工能否補貼？各種方案建立單一窗口等，都要彙整各縣市意見後來協助解決。
上午會議開始，黨主席江啟臣致詞說，因應新冠疫情，國民黨在立法院會期開始即提出紓困條例方案與建議，執政黨也推出並通過行政院版的紓困條例，條例內容與未來經費勢必落實在地方，但各縣市的產業、重點不同，要紓困對象可能也有很大差異，期待今天與會代表都能反映地方意見，讓黨中央、智庫、黨團充分了解、達成共識，未來在法案、政策監督、提案都能有方向，「中央與地方有共識，我們才能夠攜手做事，」未來也不排除其他類似研討會，建立起討論機制。
新北市府顧問李麗圳說，新北居家檢疫及隔離應是全國取多，市府贊成照顧防疫假落實給薪；錢原本應發到最需要的地方，但至今卻都沒下來，防疫視同作戰，作戰就不應等待，「中央權及錢要下放地方」。此外，口罩既足夠，就應提高發放量，「別再讓民眾每星期排隊」。
嘉義市副市長陳淑慧提醒，地方鄰里長、巡守隊因防疫工作頻繁，建議防疫物資應足額發放。慢性病或感冒症狀的民眾使用口罩數量較多，能否依照醫師處方加開口罩？她特別以嘉義市徵求80位暑假大學工讀生，卻有上萬人報名為例，提醒疫情導致無薪假大增，大學畢業潮將屆，求職更難，黨中央應要求政府提前部署，在振興方案提出任用應屆畢業生32k的方案半年到年底，讓大學生出社會後有工作機會。
連江縣代表說，「地方首長連調動一個口罩的權力都沒有，地方一起開會有何意義？」連江縣不反對中央通盤檢討或採通案原則，但地方具特殊性若連一點彈性都沒有，做不到的地方就是民怨所在。口罩採實名制應因地制宜，例如南竿鄉口罩遠遠不夠用，但莒光鄉口罩每天剩很多，兩島之間搭船要一個半小時，但南竿鄉不能調用莒光鄉的口罩，縣長只叫秘書通知大家收集所有單號健保卡，帶到莒光島輸入，隔日再用船運回南竿。「防疫措施制度如此僵化」，希望4月15日第二次檢討，能針對各縣市政府彈性項目來談。
澎湖縣代表表示，所有航班者無法配合到居家檢疫，最近有女留學生返台後航班無法及時回澎湖，從雙北找到台中，各地防疫旅館都滿了，最後縣府協助才找到地方，「中央能否徵用防疫旅館保留離島，以免機票無法銜接」。
彰化縣政府也表示，為了找防疫旅館，先後找到一處軍營、一處勞動部的會館，都有幾百個房間，但一間中央，都不給地方使用。
台中市副市長陳子敬說，中央至今自吹自擂，「亂搞的是超前部署，做得慢的叫做步步為營」例如口罩實名制除了自吹自雷，加上有媒體歌功誦德，事實是民眾還在排隊，地方因沒錢就是無奈，只能天天在看疫情變化。中央要有魄力，明訂活動禁止標準，例如大甲媽祖遶境等，哪有叫地方政府道德勸說的道理？
南投縣政府也說，之前為了國姓鄉電音派對，問中央疫情指揮中心「多少人以上活動要禁止」，中央卻不給答案，也沒說標準，幸好媒體問了，才說「授權地方政府」。</t>
  </si>
  <si>
    <t xml:space="preserve">在美國總統川普確診後首度搭機離開白宮，前往外地舉辦大型造勢活動之際，白宮醫師康利今天發布川普健康備忘錄表示，川普的武漢肺炎檢測呈現陰性，已不具傳染性。
康利（Sean Conley）在備忘錄中表示，川普連續數天的2019冠狀病毒疾病（COVID-19，武漢肺炎）檢測均呈現陰性。川普使用的是亞培藥廠（Abbott Laboratories）15分鐘快篩試劑BinaxNOW。不過，備忘錄並未說明川普何時接受檢測。
康利也在備忘錄中強調，這不是唯一確認川普健康狀況的檢測，團隊也結合其他臨床實驗數據，包括病毒含量、核糖核酸（RNA）、病毒聚合(酉每)鏈式反應（PCR）等，都呈現缺乏可檢測病毒複製狀況。依據美國疾病管制暨預防中心（CDC）指南，團隊認為川普已對他人不具傳染性。這也是川普確診後，白宮首度證實川普檢測呈現陰性。
川普2日凌晨透過推特宣布他和第一夫人梅蘭妮亞（Melania Trump）確診染疫，並在當天傍晚入住華特里德國家軍事醫學中心（Walter Reed National Military Medical Center）接受治療，並於5日傍晚出院返回白宮。
川普10日首度參加於白宮南草坪舉辦的數百人公開活動，他今天晚間更搭機前往佛羅里達州參加大型造勢活動。（編輯：張佑之）1091013
</t>
  </si>
  <si>
    <t xml:space="preserve">受新冠疫情影響，全球航空業遭受重創，目前歐洲已經有多家歐洲的支線航空公司和廉價航空公司破產或申請破產保護。著名的德國漢莎航空(Lufthansa)表示，公司每個小時要損失百萬歐元（台幣3300萬元），已向德國政府尋求救助，若談判不成，將申請破產保護。
據《澳洲新聞網》報導，德國漢莎航空可能是瀕臨倒閉的全球最大航空公司之一，該公司目前正積極與德國政府談判，希望完成一項90億歐元(約台幣3000億)的緊急援助方案。
陸媒《新京報》指出，該公司旗下90%以上的客機處於停飛狀態，每小時大約損失100萬歐元，今年第一季度已虧損高達12億歐元。公司目前的現金儲備只能維持半年左右。如果無法由政府獲得援助，漢莎航空將啟動破產保護程序。
除了漢莎航空之外，其他的歐洲航空公司如法荷航空情況也不差不多。報導說，由法航、荷航合併的法荷航空集團是歐洲最大的航空公司，目前每天損失約2500萬歐元（約台幣8.2億），公司現金流將在6月枯竭。有分析認為，疫情持續下去可能會導致法荷航空集團的分裂。
此外，英國航空公司4月29日已宣佈將裁員12000人，占總員工的四分之一，北歐航空公司此前一天也宣佈將裁員5000人。國際航空運輸協會近日發佈評估報告認為，與2019年相比，歐洲航空公司年收入將減少55%，約820億歐元。自2月中旬以來，歐洲已有超過5000架飛機停飛。
</t>
  </si>
  <si>
    <t>近日有報導引述研究論文，指在蝙蝠糞便驗出1種腦心肌炎病毒，雲林縣水林鄉黃金蝙蝠生態館與台灣蝙蝠學會23日強調，哺乳類與鳥類都可能攜帶腦心肌炎病毒，且不會人畜傳染。目前沒有任何科學證明是蝙蝠導致新冠肺炎的發生，請大家不要因此恐懼蝙蝠、甚至傷害蝙蝠，還蝙蝠1個公道。
各界尚在研究新冠肺炎的來源之際，日前有報導引述台師大生命科學系教授吳忠信的研究成果，影射台灣蝙蝠有眾多致命病毒的消息，再度引發大眾對蝙蝠的疑慮。為此台灣蝙蝠學會、黃金蝙蝠生態館與吳忠信教授確認相關內容後，發表共同聲明釐清大眾的疑慮。
黃金蝙蝠生態館負責人張恒嘉表示，吳忠信教授所參與的跨國研究論文指出在東亞摺翅蝠洞穴中的蝙蝠糞便僅驗出1種腦心肌炎病毒，腦心肌炎病毒主要會引起家豬的腦心肌炎和生殖系統疾病，並不是人畜共通的傳染疾病。
截至目前，並無足夠的科學證據顯示伊波拉病毒感染、中東呼吸症候群（MERS）、嚴重急性呼吸道症候群（SARS）、嚴重特殊傳染性肺炎（新冠肺炎）與蝙蝠直接有關。雖然過去曾在多種蝙蝠身上找到與SARS病毒類似的冠狀病毒，但都非真正的SARS病毒。
吳忠信教授強調目前並未在台灣蝙蝠身上或糞便中找到人畜共通的冠狀病毒。他提供的資訊是呼籲大家不要因為蝙蝠可能帶有病毒而去騷擾牠們、破壞牠們的棲所，不論是防疫或保育，必須以正確的資訊為基礎，大家應該還蝙蝠1個公道。
還蝙蝠1個公道,腦心肌炎病毒,黃金蝙蝠生態館,台灣蝙蝠學會</t>
  </si>
  <si>
    <t>新冠肺炎的疫情在全球持續延燒，為了降低在公共場合「中標」的風險，口罩也成為所有人出門必備的物品。一名女網友日前趕著上班，隨手抓了2個黑色口罩就衝出門，沒想到一打開卻讓她超傻眼，不禁羞喊「暈~怎麼上公車？」
一名女網友在臉書社團「爆怨公社」發文，表示日前早上急著趕搭公車上班，隨手抓了2個黑色的口罩就火速衝出門，到了公車站準備戴上時卻瞬間愣住，因為她竟然錯拿成黑色包裝的衛生棉，讓她忍不住害羞直呼「被這外表騙了⋯以為是口罩，打開才發現是衛生棉…暈~怎麼上公車？」還附上拆開的照片表示「無言中」。
文章曝光之後笑翻一票網友，不少人紛紛留言表示「反正都帶了！戴吧」、「去拿2條橡皮筋，綁起來會較像」、「你不說，我ok」、「我可以笑嗎」、「貼上去一樣防飛沫....」、「兩片一起 用手扶著上去」、「去公車上跟女乘客換（誤」「這是限量的低調包裝～」也有不少女網友歪樓表示「這是哪家的衛生棉啊？還蠻有質感的」、「請問是什麼牌子？這個包裝會讓人想買耶！」、「結果晚上經過康是美有看到，腦波太弱，買了一包，希望好用」。</t>
  </si>
  <si>
    <t xml:space="preserve">美國阿拉巴馬大學（University of Alabama）8月19日才開放學生返校上課，短短2周內，已經有上千名學生新冠病毒檢測結果呈現陽性。
綜合美國國家廣播公司新聞網（NBC News）、美國有線電視新聞網（CNN）報導，阿拉巴馬大學8月19日才開放校園、讓學生到校上課，不過2周內，已經有1,063人病毒檢測結果呈現陽性。
阿拉巴馬大學一共有3個校區，分別為杜斯卡洛薩（Tuscaloosa）、伯明罕（Birmingham）、亨茲（Huntsville）等3個分校，當中杜斯卡洛薩分校為主要校區，感染人數高達1,043人，確診學生中沒有人需要住院。
值得注意的是，阿拉巴馬大學卻稱沒有證據顯示這些學生是因為到校上課才染上新冠，該校社區衛生科學院（College of Community Health Sciences）院長佛蘭德博士（Dr. Ricky Friend）表示，「我們的暴露通知工作顯示，沒有證據指出病毒傳染是因為現場授課造成」，「我們對於復課前進行的預防工作感到滿意，包括戴口罩、保持距離，以及結合到校及遠距的授課方式，都相當適當且有效。」
阿拉巴馬大學醫學院院長以及該校健康與安全工作小組聯合主席維克絲（Selwyn Vickers）表示，過去一周，他們看到愈來愈多學生因為出現症狀、或是和確診者接觸過，而主動尋求重新檢測病毒。
除了學生，開學以來，學校也有82名教師及員工確診。
目前多數確診學生已返家隔離。
</t>
  </si>
  <si>
    <t xml:space="preserve">在防疫關鍵期間，眾人疾呼勿亂丟口罩之際，屏東縣環保局運用科技執法查獲首宗亂丟口罩及垃圾案件，突破傳統守株待兔追查方式，在易棄置廢棄物熱點隱密處廣設移動式監控系統，於4月7日在佳冬查獲一起連續棄置垃圾、手套及口罩案件，全程均被錄影存證，依違反廢棄物清理法重罰6000元，以遏阻口罩垃圾任意棄置亂象。
屏縣環保局長顏幸苑指出，為取締境內非法棄置廢棄物案件，採用最新科技執法技術，在各處易成為非法棄置之熱點，廣設移動式電眼監控揪出非法棄置行為人，設備在去年12月上線啟用至今，已查獲多起非法棄置案件，所有棄置行為完全被電眼監控錄下，這次更錄下連續棄置垃圾、手套及口罩案件，依法予以重罰。
顏幸苑說，使用過的口罩如經任意丟棄，不僅影響市容觀瞻，也會造成防疫死角、徒增清理成本，一起守護環境整潔，使用過的口罩應丟入垃圾桶。環保局除加強取締外，特此呼籲全民監督，歡迎民眾檢舉提供足資辨識身分（例如拍清晰的車牌號碼）違規照片或影片供裁罰，一旦查證屬實，可依廢棄物清理法規定，於防疫期間查獲違規行為者，最重可處6000元罰款。
</t>
  </si>
  <si>
    <t xml:space="preserve">
大陸新冠肺炎肆虐，日前返台的首批包機台商將於2月18日解除隔離，但第2批包機何時返台，仍尚未定案。滯留武漢台人自救會14日號召50多人向陸委會遞交陳情書；沒想到過程中，一名男性家屬脫口而出，「防疫不是我們的事情。」引起爭議。
記者在現場提問，如何看待行政院長蘇貞昌以防疫跟弱勢優先的政策。自救會成員代表表示，自己家人不是生化武器，而防疫的事原則上是政府主導。話還沒說完，旁邊就有成員嘆氣，「我要回家就好了，防疫的事不是我們的事。」接著一名婦女大喊，「疫情會過去，感情怎麼彌補。」
現場開始鼓譟，其他人紛紛附和，希望政府可以重視。不過此番話惹怒了網友，大家紛紛在相關報導留言「防疫是大家的事，不是單單政府的事」、「可以體諒家屬的心情，但我堅決支持陳時中部長，對於防疫優先的做法表示肯定」、「沒有防疫意識，台商回來就會變疫情破口」。
針對包機部分，指揮官陳時中昨（14日）表示，已籌組 12 名防疫人員隨機協助檢疫，目前第2架台商包機已做好相關規畫，也提供121名急迫國人名單，一切將以防疫優先、弱勢優先為最高原則。
更多 CTWANT 報導
</t>
  </si>
  <si>
    <t>台南市今天並無新增本土病例，但有一起20多歲新北市男子、案15816曾於7月30日到8月1日間到過台南的足跡，台南市衛生局今天公布案15816相關足跡遍及永康區、北區和安南區，其中，7月31日在永康吃麻辣燙2小時，也成為一開放餐飲內用就有確診者足跡，相關活動場域已完成清消。
27日防疫警戒降二級、各縣市也開放餐飲內用，衛生局指出，這名20多歲男子上周五返回台南家中，整個周末足跡遍及早餐店、飲料店、餐飲店等，衛生局表示，將提醒業者了解當天共餐者是否有人出現身體不適。
衛生局指出，新北市確診個案15816曾於北部接觸新北個案15796（7月31日確診），8月1日被匡列為居家隔離者，安排搭乘防疫計程車至醫院採檢，8月1日晚間確診，共匡列接觸家人8名與防疫計程車司機1名，初步採檢都陰性。
案15816本身無症狀，於7月30日上午9時20分由台中搭乘自強號105班次第4車廂，於11時25分抵達台南後轉乘11時55分區間車3726班次，於58分抵達大橋站後步行至米里二代永康大橋店、超堡早餐店各停留約2至5分鐘，晚間9時34分至7-11安立門市停留6分鐘。
7月31日下午2時21分左右至鹿耳門冰城、鮮自然土城門市各停留約5分鐘，晚間7至9時至唐朝麻辣燙永康店；8月1日12時35分至13時20分到過7-11好巧門市、康橋門市、康是美開元店、白巷子中山南店、小北百貨台南開元店，分別停留約3分鐘左右。</t>
  </si>
  <si>
    <t>POS廠伍豐（8076）董事會通過2019年股利分派案，擬以盈餘配息0.26元、以資本公積配股約0.74元，合計派利約1元，盈餘配發率約97.09％。以21日收盤價27.2元計算，現金殖利率僅約0.96％。公司將於6月12日召開股東常會，全面改選董事。
伍豐受台股股災影響，3月23日股價下探20.15元新低，董事會3月24日起執行庫藏股，預計在20～45元間買回6000張股票，近期股價止跌回穩，近日於26～28.5元區間震盪。今日開低小跌近1.5％。三大法人上周賣超107張，本周迄今轉為小幅買超30張。
伍豐受彩票機客戶需求量下滑影響，2019年合併營收31.3億元，年減19.09％，但毛利率30.64％創近12年高點，營益率8.95％，低於前年9.1％。受本業獲利下滑影響，歸屬母公司稅後淨利2.63億元，年減4.39％，每股盈餘（EPS）1.03元，略低於前年1.06元。
受新冠肺炎疫情延燒全球衝擊，伍豐2020年3月自結合併營收1.6億元，月減11.32％、年減40.84％，創下5年低點。累計首季合併營收5.2億元，季減31.29％、年減30.45％，創2013年首季以來近7年低點。
法人表示，伍豐原預期POS機需求可望顯著回升，轉投資俄羅斯賭場「水晶虎宮殿」獲利成長可期，看好今年營運成長動能回溫。惟新冠肺炎疫情衝擊全球經濟活動，各國陸續祭出封城防疫等措施，在客戶拉貨需求暫緩、物流運輸不順下，今年營運展望將轉趨保守。</t>
  </si>
  <si>
    <t xml:space="preserve">根據《ESPN》記者溫霍斯特近日報導，NBA目前正在積極考慮各種復賽方案，其中一種選項就是參考大陸CBA做法，把所有球隊集中在一個地點重新開打，目前最有可能的地點是「賭城」拉斯維加斯，湖人前鋒杜德利隨即公開力挺！
「我一直聽說不同復賽版本，畢竟美國當前新冠疫情很嚴重，在這種局面下，或許前往拉斯維加斯重新開打是最佳選擇，」杜德利說，「把所有球隊集中在一間飯店，使用同個球館與健身房，甚至無須離開酒店，藉以保障所有人安全。」
除了前往拉斯維加斯復賽，目前也傳出聯盟考慮乾脆前往位處海外的巴哈馬群島重新開打，或是考慮前往美國中西部的大學校園球館進行，因為目前這個地區傳出新冠肺炎案例比較少，只是這些地點都還在審慎考核當中，當前仍無定案。
只是選在拉斯維加斯某間擁有球館、健身房等設施的飯店重新開打，卻難以避免出現群聚感染的可能性，除非NBA真的可以做好相關防疫措施，不讓球員或隊職員到處亂跑，以及管制相關人員進出，否則一旦再次爆發，後果將更加嚴重。
</t>
  </si>
  <si>
    <t>台灣疫苗量充足，除了可用疫苗平台預約施打，也可自行至指定醫院預約接種，但也因此鬧出烏龍。一名女網友透露，她在動物醫院上班，某天竟接到一名婦人打電話來說要打BNT，她好聲好氣地提醒對方打錯了，結果反被兇，讓她忍不住翻白眼大嘆「如果堅持要在這邊打的話，可能只有狂犬病疫苗。」超瞎的故事讓不少網友笑歪直呼，是以為獸醫院也能打疫苗嗎？
一名女網友昨在臉書社團《爆怨公社》發文表示，有一位婦人打電話來醫院說要打BNT疫苗，但尷尬的是「我們這邊是動物醫院啊！」友善提醒對方可能撥錯電話了，結果還被兇說「你們這邊不是仁愛嗎？」
女網友指出，她只好耐心解釋「我們是X愛動物醫院，差一個字差很多喔！」結果這名婦人聽了還很不開心的嘟嘟囔囔幾句才掛電話，讓她超級無奈，最後也忍不住開玩笑說「如果堅持要在這邊打的話，可能只有狂犬病疫苗。」
不少網友看完直呼，這太瞎了，是以為獸醫院也能打BNT嗎？都說打錯電話了，對方是在兇什麼啊？「還是他以為寵物也可以打BNT，那我要替我家的登記」、「打錯還兇人家」、「法鬥表示：人類好呆喔」「問問她是不是想打十合一的疫苗」、「還有三合一、五合一與腹膜炎疫苗可以選擇」、「放心我8月還遇過一個婦人要打第三劑莫德納，真是什麼人都有」。</t>
  </si>
  <si>
    <t>澳洲知名音樂家布萊特狄恩確診新冠肺炎，由於他曾在台灣逗留10天，期間舉行過專訪、記者會、音樂會，接觸範圍大，除了與他一同演奏的國家交響樂團(NSO)團員需自主隔離14天外，由於NSO其中有3人為東吳大學音樂系兼任教師，東吳也緊急宣布音樂系停課14天。
東吳大學公告全文如下：
3月5日衛福部防疫中心召開緊急記者會，公告有關澳籍中提琴作曲家，來臺於臺北國家音樂廳演出，於返回澳洲後為新冠肺炎確診。本校音樂學系第一時間立即採取下列防疫應變措施：
一、立即了解隔離名單，有無本校師生：學系主任立即親自查證衛福部要求隔離觀察的名單，了解有無在本校音樂學系任教之團員。經查證隔離名單中有3名團員在本校音樂學系兼任，同時並已確認此三位兼任老師，開學至今均未到校上課。
二、調查音樂系學生與教師近日是否有接觸史：學系於3月6日發布緊急公告，要求全系學生依狀況填寫【東吳大學音樂學系預防嚴重特殊傳染性肺炎防疫調查表】google表單，了解全系學生：
（一）有無在2/22-3/5與相關兼任老師上課或有所接觸？
（二）有無在2/22-3/5進入國家音樂廳或國家演奏廳？
截至目前為止計有233位完成填表工作，本校防疫小組將與音樂系密切合作，確實掌握狀況，以維護全校師生安全。
三、公告部分師生停課並進行自主管理或居家隔離：3月6日音樂系進行【停課公告】，依衛福部疫情指揮中心要求：「NSO團員，若屬健康自主管理者，有在學校教課，14天內先行停課，以免校園師生擔心。」據此，為免除音樂學系師生疑慮，凡該系教師有接觸史之相關人員，即日起至3/13止，該等老師均採停課處理，日後再進行相關補課。
以上為本校音樂學系，因應澳籍中提琴作曲家確診新冠肺炎所做的之緊急應變防疫措施，公告全校師生知悉，也請全校師生放心。  東吳大學防疫小組 敬上 2020.03.06</t>
  </si>
  <si>
    <t xml:space="preserve">隨著安全防護措施鬆懈，具高度傳染性的新冠變種病毒趁隙而入，美國正冒著失去所有抗擊新冠肺炎進展的風險。
據CNN新聞網1日報導，美國疾病管制與預防中心（CDC）主任瓦倫絲姬（Rochelle Walensky）說，新冠變種擴散的程度，可能導致美國徹底喪失得來不易的抗疫成果。就在幾星期來新冠病毒陸續減少後，新病例如今又開始攀升，瓦倫絲姬周一說，上周的病例比上上周增加了超過2%，1天有近2,000人喪生。
此外，她直言，真的很擔心有更多州在減少CDC所建議，以防民眾感染新冠肺炎的公共衛生措施。瓦倫絲姬力促民眾繼續戴合臉的口罩，並採取其他已知能奏效的公共衛生預防措施。她強調，最後接種疫苗會讓大家擺脫這大流行。而要達到這目標，就需要為更多人接種疫苗。
而本周傳來的好消息在於，嬌生集團（Johnson &amp; Johnson）研發的單劑疫苗將開始施打。哈佛大學陳曾熙公共衛生學院（Harvard T.H. Chan School of Public Health）免疫學教授魯賓（Eric Rubin），這其中有某種新的緊迫性。
他指出，由於新冠病毒新變種正在出現，其中有些可能最後會變得具有某種程度的抗藥性。一名拜登政府官員周日晚說，約有390萬劑嬌生疫苗將分送全美各地，並透露最早周二早上那些疫苗就能投送。
瓦倫絲姬強調，由於這款疫苗只有一劑，因此大家不必回來打第二劑，就能獲得保護。此外，她說，嬌生疫苗不必存放在冷藏庫，只要能冷藏就好了，因此便於運送。不過，根據測試，嬌生疫苗預防輕微到嚴重新冠肺炎的效力約為72%，而已分發的輝瑞（Pfizer）/生物新技術公司（BioNTech SE，BNT）和莫德納（Moderna）疫苗效力約達95%，對預防重症有更大的效力。
</t>
  </si>
  <si>
    <t xml:space="preserve">美國副總統彭斯與民主黨副總統候選人賀錦麗7日出席他們的首場也是唯一一場辯論。谷歌公司表示，在辯論開始後半小時內，英文短語「粉眼新冠」（pink eye Covid）成為熱搜詞之一。這是為什麼？
很多觀眾注意到，彭斯的左眼在辯論開始時有點發紅，開始猜測這是不是新冠肺炎患者的症狀，尤其是考慮到最近白宮爆發疫情。
BBC中文網8日報導說，值得注意的是，眼睛問題並不是新冠肺炎的主要症狀，世界衛生組織（WHO）表示，最常見的症狀是發燒、乾咳和疲勞。確實也提到了結膜炎，可以導致眼睛變紅或粉紅，但這種症狀並不常見。
不過白宮表示，彭斯每天都在接受檢測，結果一直都是陰性，包括7日辯論前的測試結果。
今年5月，林口長庚醫院兒科急診主治醫師吳昌騰在粉專提醒，新冠病毒可以利用眼睛作為人體的另一個入口，「粉紅色的眼睛」也可能是新冠病毒感染的症狀。
吳昌騰引述香港大學公衛學者Michael Chan團隊刊登於《刺胳針呼吸醫學》期刊的研究，提出新冠病毒能同時透過呼吸道與眼睛感染人體證據，新冠病毒可能導致約1~3％的患者，出現紅眼病或結膜炎。
Michael Chan副教授指出，透過眼睛感染新冠病毒的風險更大，因為這種菌株比SARS病毒更強。根據研究小組在實驗室培養採自「氣管、肺與眼結膜的組織」供新冠病毒研究，並與SARS與H5N1做比較。
研究發現，新冠病毒能比SARS病毒，更有效率地感染眼結膜與上呼吸道，在眼結膜中，感染新冠病毒48小時後，複製能力高於SARS約80~100倍。
</t>
  </si>
  <si>
    <t>新冠肺炎疫情肆虐，大陸各地區紛紛祭出「封閉式管理」全力防疫，日前一名黃曉明工作室的員工透露，因為自己遲遲無法回北京復工，因此愧疚的向老闆黃曉明提出留職停薪，沒想到對方一句話讓他感動淚崩。
這名湖北籍員工日前在微博上分享數張和老闆黃曉明的對話截圖，內容指出，因為他遲遲無法復工，也不知道何時才能返京，不但影響了工作進度，還照常領到工資，讓他心生愧意，希望能申請留職停薪。
黃曉明看到訊息後暖心安慰他，「別想那麼多，你和爸爸媽媽現在情況還好嗎？」他則回覆一切安好，但是擔心自己遲遲未能返工會拖累工作進度，因此又說「如果下個月還不能返京，我這邊提前跟你申請離職，然後也讓人事姐姐同步招新的人。」
對於員工主動請辭，黃曉明並沒有受理，而是出言安撫說「吃好喝好，別想這些沒用的！有我一口就餓不著你們！」黃曉明一席話讓員工感動萬分，忍不住將對話截圖PO網，直呼「在這段特別焦慮的日子哩，收到老闆這樣的回覆，眼淚是真的沒忍住就流出來了，謝謝老闆！我會好好努力的！」
消息一出，感動不少網友，紛紛留言大讚「黃老闆真霸氣」、「教主公益這塊真的沒話說」、「太暖了！有這樣的老闆真好」、「這麼好的老闆打著燈籠難找」、「這句話太暖了！有我一口就餓不著你們」。</t>
  </si>
  <si>
    <t xml:space="preserve">國內疫情緊張，雙北病床數量是否足夠，中央昨天拿出報表指出，目前雙北空病房320間、還有1500多床沒有不夠，讓台北市長柯文哲氣炸，大罵中央「阿達馬孔固力（腦袋裝水泥）」，想拿病歷砸衛福部次長石崇良。重症胸腔科醫師蘇一峰也直言，報表單上的床位不等於真實床位，要有醫護上班才能開床，但中央只拿報表喊空床數，不面對現實「當自己在玩模擬城市是吧？」
蘇一峰今天在臉書發文砲轟，「有沒有床，問各醫院第一線急診室醫護人員與住院櫃檯就知道」，並指出報表單上的床位不等於真實床位，病房需要時間施工改建，也要有能上班的醫護人員才能開床、開病房，但中央什麼都不管，只從報表上的數字就認為醫院有空床，「當自己在玩模擬城市是吧？」
對此，網友紛紛留言：「對、床是空的，沒有多的醫護人員沒有多的設備」、「有床也要有人力，不然病人自己DIY嗎？！」、「躲在冷氣房看報表數字的大官啊」、「模擬城市，笑著笑著就哭了」、「難怪阿北忍不住罵出來」。
還有人建議中央應該自己去第一線急診室看一下，「至少眼見為憑，每天打高空只會累死一線醫護而已」、「醫療一直以來都是人力缺乏的狀態，就算喬出床位也沒有人可以上班」。
</t>
  </si>
  <si>
    <t>國內新冠肺炎疫情擴散，南投縣觀光處彙整縣內各風景區休園或暫停營業情形，也呼籲民眾共體時艱，防疫期間盡量待在家裡，不要任意移動或到前往公共場所，降低群聚感染風險。
竹山瑞龍瀑布園區，及竹山梯子吊橋(天梯) 即日起封閉，至南投縣政府公布開放日；清境高空觀景步道、雙龍瀑布七彩吊橋、埔里鎮地理中心碑、埔里鎮鯉魚潭都是休園至5月28日。
九族文化村、泰雅渡假村及杉林溪森林生態渡假園區，日月潭國家風景區管理處所屬向山遊客中心、伊達邵遊客中心、埔里遊客中心、車埕遊客中心、向山日升月恆藝廊，參山國家風景區管理處松柏嶺遊客中心關閉至5月28日。
東勢林區管理處合歡山森林遊樂區，關閉室內場域，住宿亦暫停；南投林區管理處奧萬大國家森林遊樂區暫停營業、九九峰森林步道封閉，至5月28日。
台大實驗林管理處溪頭及鳳凰自然教育園區，暫停一般遊客入園，僅接受已預訂園區內住宿旅客入園，未來將視疫情提早或延後園區開放日期；下坪自然教育園區，暫停所有遊客入園，未來將視疫情發展狀況，公告園區開放日期；台大山地實驗農場梅峰農場，營隊活動全部暫停；翠峰農場（卡爾小鎮）暫停營業至5月28日。
中興大學林管理處惠蓀林場，因森林火災已休園。清境農場、清境國民賓館及小瑞士，暫停營業至5月28日。國立自然科學博物館車籠埔斷層保存園區，及鳳凰谷鳥園生態園區，6月8日前暫停開放。
竹山鎮公所竹山菸葉館，7月20日前暫停營業；竹山文化園區5月28日前暫停營業。南投市猴探井天空之橋，暫停營業至5月28日。信義鄉坪瀨琉璃光之橋休園到5月28日。
國立台灣工藝研究發展中心園區閉館，開館日視疫情發展而定。水里蛇窯暫停營業至5月28日，埔里元首館5月28日前暫停營業。</t>
  </si>
  <si>
    <t xml:space="preserve">新冠肺炎疫情全球蔓延，《聲林之王》第一、二季的眾多歌手，日前分批進錄音室獻聲，一同為社會以及前線醫護等防疫人員打氣，合唱〈黑夜總會過去〉，鄭可強表示：「我小時候就很夢想做這件事，一群音樂人為時事做貢獻，特別溫暖。剛出道就能參與這個行動，覺得蠻榮幸的！」
歌曲集結《聲林之王》第一、二季共41位歌手，包含劉學甫、蕭名棻、吳東翰、安懂、陽紹傑、陳忻玥、黃于齊、葉柔、馮玟璇、曾韻璇、徐樂芸、賴珮如、嘪瑋鵬、曹策勛、陳瑽、韋喆、張孟權、李佳歡、許淨淳、吳霏、林怡廷、六艾司、林茉曦、艾文、陳央、陳守恩、鄭可強、贊薇、許維芳、張宸安、呂學翰、吱吱、李芷婷、張若凡、陳思綾、Gail、李艾薇、柯政宏、盧子杰、楊碧琪與樂梓酉。
該曲主製作人為蕭名棻，歌詞中提及，因疫情造成人與人之間的疏遠，並帶來各種恐懼與不安的消息，但相信雨後會天晴，黑夜總會過去，「或許我們暫時沒能見，但距離使我們都安全，讓陽光照亮恐懼的影子改變世界」，眾人最後大合唱，場面感人，「相信愛總有意義，那些傷口總能痊癒，陽光會照進大地，溫暖著我的心，和你一起迎接自由呼吸。」
</t>
  </si>
  <si>
    <t xml:space="preserve">台灣疫情緊張，已連續多日新增破百確診病例，不僅雙北宣布三級警戒，全台高中以下學生也都停課，讓民眾盡可能減少外出的可能性，防堵疫情擴散，只是無論規定再嚴格，總有人不願配合，全台發生多起外出不戴口罩的案例，連網紅「丹妮婊姊」都po文抱怨自己爸媽很難約束，疫情期間常有不必要的活動行為，直言「很多老人真的毫無概念」，「鄉民女神」潔哥看了卻說自家爸媽完全相反，是老人圈「防疫小尖兵」，描述了他們的防疫日常，卻被網友抓到另類亮點，讓她哭笑不得。
相較於丹妮婊姊的爸媽一個不注意就出門趴趴走，潔哥透露自己父母堪稱老人圈防疫模範生，「像我才去個便利商店回來，還沒踏進家門，在門口我老北就拿著酒精全身上下給我噴一遍，然後手舉高高不得碰觸任何東西，要直接去洗手」。
潔哥的媽媽也是嚴陣以待，幫她顧女兒fafa時，全程都戴著口罩，即使她根本宅在家都沒出門，潔哥也跟她說「在家可以不用戴著吧」，但媽媽卻堅持戴著比較保險，讓潔哥大讚：「他們根本老人圈防疫楷模，很值得給他們掌聲鼓勵」。
對於潔哥爸媽的防疫意識跟日常生活，眾網友都給予高評價，大讚「真的是模範阿 ~ 也希望我家長輩能這樣。羨慕阿」、「潔哥的父母很讚！少有的老人會這麽注意防疫的！」，也分享自家老人們的各種NG行為以及因應措施，而有網友抓到亮點，表示潔哥爸媽是為了孫女才有防疫動力，讓潔哥苦笑：「被大家這麼一說，我爸媽是因為他們可愛的孫女努力防疫，而不是為了我嗎？」，眾人也毫不留情直言就是這樣沒錯，「連在爸媽面前都過氣了、「一切都是為了fafa， 潔哥妳只是順便的」。
</t>
  </si>
  <si>
    <t xml:space="preserve">中央疫情指揮中心指揮官陳時中於今（23）日表示，捷運或高鐵密閉空間，能夠的話就要戴口罩。
柚子醫師陳木榮曾於2月7日政府宣導短片說：「大家每天生活都有可能會坐計程車、搭公車、搭捷運這些大眾運輸工具，而且最近快送食物到家很流行，現在有新型冠狀病毒的疫情，那我們在做這些事時，到底需不要需要戴口罩呢？答案是不需要的，因為台灣目前沒有社區感染的情形，一般健康民眾是可以不用戴口罩的」。
根據《自由時報》報導，行政院發言人谷辣斯．尤達卡（Kolas Yotaka）2月7日也呼應說，你可能不相信， 坐捷運、高鐵、火車、公車，其實都不用戴口罩，除非你生病了，否則真的不用戴，「這是大家都不敢接受的真相，也不敢身體力行」。
中央疫情指揮中心指揮官陳時中於今（23）日表示，請大家要遵守社交安全距離，「有病或是壅擠的地方，不得已可能要戴口罩，譬如我們的捷運啦或高鐵啦，這樣一個密閉空間，能夠的話就要戴口罩。」
</t>
  </si>
  <si>
    <t>行政院會上午通過上限600億元的「中央政府嚴重特殊傳染性肺炎防治及紓困振興特別預算案」，蘇揆在院會要求各部會，錢要花在刀口上，國境也不得出現破口，各相關部會更要成立新冠肺炎組，並由首長親自督導，不可以讓疫情擴散。
蘇揆在裁示時說，政府秉持「雨露均霑」、「立竿見影」、「固本強身」、「加速公建」四大原則，針對受到疫情衝擊的各行各業，提出紓困計畫，並依特別條例規定，以600億元為上限，編列特別預算，包括防治經費196億元，作為應變醫院隔離收治、設置集中檢疫場所、防疫補償金、徵購物資設備等經費。
蘇揆並指，紓困及振興經費方面共404億元，對內需型產業（包括餐飲、零售、商圈、夜市、傳統市場）、製造業、觀光及運輸業、農漁業、藝文產業，以及原住民族與客庄產業等，提供包括企業融資保證與利息補貼、運輸業的稅費補助、旅宿業的營運補貼，農漁畜產品拓銷，以及內需與藝文產業的消費抵用券等措施，以全面協助業者將衝擊降到最低，儘速度過難關，確保產業經濟穩健。
Kolas轉述，蘇揆希望特別預算雨露均霑，受影響民眾可以受到照顧，也讓這次化危機為轉機，增加國內公共建設，也使相關產業升級。相關部會要在兩週內訂定子法，完成發布程序，所有經費也都要花在刀口上。
此外，蘇揆也要求必須嚴管國境，對著列席的海巡署、關務、移民署、警政署及民航局等首長列席，蘇揆要求絕不容許國境有任何破口，不能登機者就不能登機，不容許違法偷渡，法務部也要依特別條例嚴格執法，施以刑責及罰鍰；另外，蘇貞昌也下令，各相關部會針對疫情，成立新冠肺炎小組，並由首長親自督導，不可以讓疫情擴散。
新冠肺炎,行政院,蘇貞昌,Kolas Yotaka,新冠肺炎小組</t>
  </si>
  <si>
    <t>國內疫情仍嚴峻，對於蔡英文政府能否從這波民怨高漲的疫情中從脫身？疫情發展是否會朝不樂觀的方向發展？郭正亮說，國產疫苗政府大概鐵了心要做，但最快要7月才會出來，而若拖到8月28日還沒辦法收尾，他不諱言說，依今日病歿(22人)數字推估，人民死傷會很慘重，後果其實不難想像。
郭正亮今(8日)上宅神朱學恒節目，對於蔡英文政府能否從這波民怨高漲的疫情中從脫身？郭正亮說，國產疫苗政府大概鐵了心要做，但最快要7月才會出來，現在處理6月的疫情是第一要務，近期日本捐贈的124萬劑AZ疫苗和15萬劑莫德納疫苗，大概6月11號會開打，把這140萬劑疫苗分批分類別來施打，大概可以打個20天拖到月底，可以預期會有許多大內宣的宣傳鏡頭畫面出現，目的是要讓老百姓看疫苗大規模接種有在啟動。
郭正亮並指出，陳時中喊出一天要打1百萬劑，這在現實面根本不可能，以75歲高齡人士先接種，還要核對身分，一天能打10萬人就不錯了。
對於有網友提問，今年828四大公投是否還能如期舉行？宅神朱學恒說，今年大概沒辦法投公投了，但疫情一直拖下去，人民的憤怒會越累積越高，到投票日那天，很可能民怨會大爆炸。
郭正亮則表示，民進黨政府若搞到828還沒辦法收尾，他不諱言說，人民死傷會很慘重，後果其實不難想像，他舉例，今(8日)新增22死，累計到828那會死多少人？死一個人代表一個家庭，人民不是沒感覺的。</t>
  </si>
  <si>
    <t>微機電（MEMS）麥克風廠鈺太（6679）公告第一季合併營收3.67億元，改寫歷史同期新高。法人表示，在筆電需求旺盛推動下，類比式麥克風及數位式麥克風出貨表現同步暢旺，進入第二季後，更有機會衝出單季新高水準，上半年呈現逐季成長態勢。
鈺太公布3月營收1.26億元，較去年同期0.93億元成長35.03％，累計首季合併營收達3.67億元、季減4.7％，較去年同期2.73億元成長34.22％，改寫歷史同期新高。
新冠肺炎在全球仍未見趨緩跡象，使居家辦公／教學等需求仍維持高檔，當中又以筆電為最大受惠電子產品之一。供應鏈指出，目前筆電拉貨力道仍持續成長，3月已出現一波訂單成長趨勢，進入第二季後拉貨力道可望成長雙位數水準。
由於2020年新款筆電幾乎都開始朝向窄邊框趨勢發展，因此對於MEMS麥克風規格勢必會再度提升，因此法人看好，長期布局窄邊框MEMS麥克風市場的鈺太可望因此受惠。
在筆電訂單維持強勁態勢之下，鈺太目前已經開始逐步加大供貨力道，以因應客戶在第二季的需求。供應鏈指出，鈺太在筆電訂單增加帶動下，數位式麥克風單月出貨量已經開始邁向千萬套水準，且類比式麥克風出貨量亦在穩定成長當中。法人看好第二季在麥克風出貨持續暢旺帶動下，單季合併營收有機會力戰歷史新高表現。鈺太不評論法人預估財務數字。
鈺太4月1日股價上漲5.95％至133.5元，第一季業績備受法人肯定，單周股價已經上漲7.23％，在IC設計類股數中屬於前段班水準，從技術面角度觀察，日KD仍黃金交叉向上，在營運前景正面帶動下，股價後續有機會持續向上。另外，鈺太已經在3月25日啟動庫藏股買回，預計將買回1,800張，價格落在80～187元，若股價低於預定買回最低價將持續買回庫藏股。</t>
  </si>
  <si>
    <t xml:space="preserve">
嚴防新冠肺炎疫情，衛生福利部規定凡有中港澳地區旅遊史民眾，皆須進行居家檢疫，14天內不得外出，然而苗栗縣仍有3個案違規趴趴走，其中1女子至住家附近買咖啡、1男子開車載家人至公家單位，皆遭開罰1萬元。
苗栗縣衛生局表示，目前縣內3案違反居家檢疫規定，2案已開罰、1案則正依流程查處；開罰的2案其中之1，該女子從澳門返台後實施居家檢疫，但她仍外出至住家附近便利商店買咖啡；另名從上海返回的男子開車載家人至公家單位，雖未下車但離開住所仍屬違規，皆開罰1萬元。
而第3案違規女子離家辦事，正依流程查處，尚未開出罰單；衛生局強調，3起案例離家時間皆不長，且由於皆配有電子監控防疫手機，一離開住所立即發報給衛生局、民政處、警局，有關單位迅速將個案帶回並進行查處。
衛生局強調，按傳染病防制法規定，居家檢疫14天者，若違規外出可處以1至15萬罰款，居家隔離14天者違規，則可處以1至30萬元罰款，盼民眾能遵守規定，勿成為防疫漏洞。
</t>
  </si>
  <si>
    <t>新北市板橋區大觀路88歲居家隔離男子屢次違反規定外出， 造成當地民眾恐慌，今（18）日上午起連續再犯3次，當地里長不堪其擾向警方報案，警方強制將其保護管束，通報衛生局接管。
據了解，該男自本月14日起開始居家隔離，但屢次違反規定擅自離開並都不戴口罩，引起社區住戶恐慌。今天上午8時許，男子又2度外出，里長及社區主委通報警方，員警會同衛生所人員到場，該男返家閉門不理。
下午2時許，該男竟又外出意圖搭公車前往北市萬華，警方獲報火速到場攔阻，該男辯稱「沒收到隔離通知」，執意要離開，員警只好強制將男子帶回派出所保護管束，除蒐證函送裁罰外，並通報衛生局送集中檢疫所。</t>
  </si>
  <si>
    <t>產業調查機構Counterpoint Research周四表示，因新冠狀病毒疫情在中國與其他國家擴散，2月全球智慧手機銷售量暴跌14%，隨著疫情在世界許多地方惡化，智慧手機市場可能面臨進一步的衰退。
新冠肺炎在中國大爆發，迫使蘋果公司與其他智慧手機製造商在2月關閉當地門市，且中國官方數據顯示蘋果2月在中國大陸的iPhone銷量不到50萬支。
中國2月智慧手機銷量較去年同期大減38%，但隨著許多門市在3月中旬恢復營業，目前已出現復甦跡象。南韓手機市場亦出現回暖跡象，但對於世界其他地方而言，「最壞的情況還未到來」。
越來越多國家祭出封鎖令以防堵疫情持續擴大，智慧手機製造商正面臨新的供應鏈中斷問題。蘋果最重要的供應商鴻海周二宣布印度廠將暫停營運，以遵守當地政府的防疫命令。</t>
  </si>
  <si>
    <t>大陸國家衛健委專家組成員王廣發1月赴武漢工作後，確診新冠肺炎，有懷疑病毒透過眼結膜進入。對此，武漢大學人民醫院研究團隊發表論文，分析63名確診患者及4名疑似患者的結膜拭子樣本，發現僅有1名確診患者呈陽性反應。論文指，目前並無臨床證據顯示病毒可通過眼結膜途徑傳播。
據報導，研究團隊分析該院1月17日至28日收治的67名患者，他們多數是醫護人員，尤其是女護士。當中只有1名確診患者的結膜拭子樣本呈陽性，另外2名確診患者可能陽性，但他們均沒有眼部症狀。陽性反應患者是醫院急救車司機，他曾在沒有保護下，接觸隔離患者。其中一名可能陽性反應患者是一名懷孕36周女醫生，她曾接觸確診新冠肺炎患者。
此外，論文亦分析6名因病人而感染的醫生，指他們的結膜拭子測試均是陰性。其中一人是女麻醉師，因發燒、咳嗽、眼睛發紅、發癢及出現分泌物而入院。她為確診新冠肺炎病人插管麻醉時，僅戴外科口罩、帽子及手套，沒有戴上護目鏡、防護服等防護裝備，結果手術後出現眼部症狀。為該名新冠肺炎病人施手術的2名外科醫生，其後亦不幸中招，但他們沒有眼部不適。
研究團隊指出，全身麻醉涉及氣管插管，可能會增加病毒感染的風險，但研究結果表明新冠肺炎患者結膜炎的發生率不高。醫護人員必須戴口罩、護目鏡、防護服及手套，與病人接觸後注意手部及臨床環境消毒，防止交叉感染。</t>
  </si>
  <si>
    <t>國內想打疫苗的民眾，多數想打莫德納或BNT，並傳言說國外都不接受AZ。對此，醫藥粉專「MedPartner美的好朋友」發文澄清「AZ是國際接受度最高的疫苗」，目前共119個國家接受，比BNT和莫德納都高，引起網友討論。
醫藥粉專「MedPartner美的好朋友」昨在臉書發文表示，不知道為什麼一直有謠言說AZ疫苗在國際上的接受度低，但事實上AZ是國際接受度最高的疫苗，目前世界上共有119個國家接受AZ，比BNT和莫德納都還要高。
貼文引起網友討論，不少人認同地說，身邊的親友真的都有這樣的迷思，很多人都說非莫德納不可。「不信者永遠不信，只會說日本都不打AZ」、「詢問了下身邊的同事與朋友，很多人都鍾情mRNA疫苗」、
另有網友留言指出，目前的問題應該不是國際間的接受度，而是傳說AZ疫苗的防護力比BNT和莫德納還弱，因此許多人覺得既然要打，那為何不選更好的來打？對此，粉專「MedPartner美的好朋友」回說，AZ第二劑的保護力確實比較低，但在真實世界中所觀察到的數據，避免重症與死亡的機率其實沒有什麼差別。</t>
  </si>
  <si>
    <t>新冠肺炎疫情擴散，美國疾病管理局（CDC）要美國大眾為肺炎疫情在美擴散做好準備，引發市場恐慌情緒，衝擊國際油價，國內油價連2降，中油宣布明（9）日凌晨零時起汽、柴油價格每公升各調降0.6及0.7元，創新2年半來新低。
專家指出，近期國際油價持續受到新冠肺炎疫情影響，擔憂全球經濟成長將低於預期，進而降低對原油需求，美國疾病管理局表示因新冠肺炎全球確診人數及死亡人數持續增加，美國大眾為新冠肺炎在美擴散做好準備，引發了市場恐慌情緒，同時OPEC及外資投行相繼調降對於2020年全球原油需求成長預期。
中油表示，受新冠肺炎確診病例蔓延全球、大陸境外新增病例激增等因素影響，帶動國際原油價格下跌。本周調價指標7D3B周均價為每桶50.50美元，較前週52.73美元下跌2.23美元，新台幣兌美元匯率升值0.347元，國內油價依公式計算跌幅為4.26％，汽、柴油應各調降0.6及0.7元。
調整後，92無鉛汽油每公升24.1元、95無鉛汽油每公升25.6元、98無鉛汽油每公升27.6元、超級柴油每公升21.7元。</t>
  </si>
  <si>
    <t xml:space="preserve">國內公費疫苗第六輪將開打高端，預計會提供60萬劑，今天上午10點開放預約，下周一(23日)開打，開放36歲以上民眾預約接種，而高端疫苗有哪些副作用、保護效果如何、接種高端前要注意什麼？《中時新聞網》整理了8大問題懶人包供民眾參考。
●如何預約高端疫苗？
到「COVID-19 公費疫苗預約登記」網站預約，本輪預約時間為今天(16日)上午10點至周三(18日)中午12點止，僅提供高端。預定8月23至29日施打，呼籲預約民眾準時前往接種。
●誰可預約高端疫苗？
指揮中心開放三類對象可以預約，包括65歲以上長者、64至20歲第9類對象，以及64歲至36歲民眾。
●高端接種劑量及間隔？
根據衛福部疾管署高端疫苗簡介，高端適用接種年齡為20歲以上，接種劑量為0.5ml。接種劑次為2劑，間隔28天。
●高端安全性及保護效果？
高端不含可複製之新冠病毒SARS-CoV-2顆粒，不會因為接種本疫苗而罹患COVID-19，另依據本疫苗臨床試驗結果，顯示安全性良好。以及臨床試驗結果分析，免疫生成性與恢復者血清中和抗體數據，經與國外獲得EUA疫苗所產生的保護力關聯指標比對也符於保護力標準。
●接種禁忌
高端新冠肺炎疫苗是含新冠病毒SARS-CoV-2重組棘蛋白的疫苗之蛋白質次單元，對於疫苗成分有嚴重過敏反應史者不能接種。
●接種高端之前，要注意什麼？
1.發燒或正患有急性中重度疾病者，宜待病情穩定後再接種。
2.高端疫苗不得與其他廠牌交替使用。若不慎使用了兩劑不同COVID-19疫苗產品時，不建議再接種任何一種產品。
3.不得與其他疫苗同時接種。COVID-19疫苗與其他疫苗的接種間隔，建議間隔至少14天。如小於上述間隔，也無需再補接種。
4.免疫功能低下者，包括接受免疫抑制劑治療的人，對疫苗的免疫反應可能減弱。
5.目前缺乏孕婦接種COVID-19疫苗之臨床試驗及安全性資料，而臨床觀察性研究顯示，孕婦感染新冠病毒可能較一般人容易併發重症。孕婦若為COVID-19之高職業暴露風險者或具慢性疾病而易導致重症者，可與醫師討論接種疫苗之效益與風險後，評估是否接種。
6.若哺乳中的婦女為建議接種之風險對象，如醫事人員，應完成接種。目前對哺乳中的婦女接種COVID-19疫苗的安全性、疫苗對母乳或受哺嬰兒之影響尚未完全得到評估，但一般認為並不會造成相關風險。接種COVID-19疫苗後，仍可持續哺乳。
●接種高端後，要注意什麼？
接種後應於接種單位或附近稍作休息留觀15分鐘，離開後請自我密切觀察15分鐘，但針對先前曾因接種疫苗或任何注射治療後發生急性過敏反應的民眾，接種後仍請於接種處或附近留觀至少30分鐘。
使用抗血小板或抗凝血藥物或凝血功能異常者，施打後於注射部位加壓至少2分鐘，並觀察是否仍有出血或血腫情形。
●接種高端常見副作用、可能發生的反應有哪些？
接種高端後常見副作用是注射部位疼痛，頻率約71.2%，可適度冰敷，請勿揉抓接種部位，其次是痠痛、全身無力達36%、肌肉痛27.6%、頭痛22.2%、腹瀉15.1%、注射部位腫脹或硬結10.5%、噁心或嘔吐7.7%、發燒0.7%。常見的不良反應通常呈現輕度或中等強度，大部分於接種後7日內觀察到緩解或消失。
而疫苗接種後不常見的不良反應，有接種部位搔癢、寒顫、皮疹、鼻咽炎、口咽疼痛、心悸，發生率介於千分之一至百分之一。罕見不良反應為顏面神經麻痺、眼壓過高，發生率小於千分之一。
如有接種部位紅腫及硬塊發生膿瘍、持續發燒或嚴重過敏反應，如呼吸困難、氣喘、眩暈、心跳加速、全身紅疹等不適症狀，應儘速就醫並告知醫師曾接種疫苗，以做為診斷之參考，同時請醫師通報當地衛生局或疾病管制署。
</t>
  </si>
  <si>
    <t>5月6日，矽谷明星企業Airbnb，37歲的執行長切斯基，向全球員工發送了一封公開信，上面寫著公司因為新冠肺炎導致營業額下降一半，必須裁減四分之一員工。但公司會設置工作團隊，幫助員工過渡，包括發4～8個月遣散費，保留健康保險一年，最讓人驚訝的是員工可保留公司配發的Apple筆記型電腦，因為電腦是找新工作的重要工具。這封裁撤令語言溫柔，合情合理，在網路上高速傳播，這位高富帥創業家又有了暖男之稱。
這次疫情中，很多美國企業發揮影響力，最早發生新冠肺炎的西雅圖，附近企業雲集，微軟、亞馬遜、星巴克、Costco總部都設於此。由於政府、公衛專家及民營企業的合作，成為美國最早疫情放緩的地方。在2月初疫情發生時，政府就將這些民間企業召集起來，每天聚集研討因應措施，例如員工遠程上班，關閉名勝古蹟、博物館和遊樂設施。當時沒有州政府及聯邦政府的協助，西雅圖市政府趕緊進口大量防護衣、口罩、醫療產品應急，減少醫護人員傷亡，是因為市政府利用這些國際企業的管道、人脈及運籌管理能力，緊急採購及運輸，才得以達成。
美國3000萬人失業，160萬人確診新冠肺炎，很多企業在苟延殘喘中，絞盡腦汁為員工創生計。奧勒崗州一家美國脫衣舞俱樂部被政府關閉，老闆不忍裁員，但重新調整每人職位。自創「美胸餐點外送」，諧音來自於「優步」（Uber）延伸經營的「優步餐點外送」。只做外賣，廚師不變，脫衣舞孃改當送餐員，保鑣改當送餐員護衛，調酒師則負責接聽訂餐電話。脫衣舞孃雖不能拿到高額小費，但至少有每小時15美元最低工資，維持溫飽。
事實上，美國民營企業在這次控制、防治疫情有卓著貢獻。美國沒有國營企業，此次發展試劑、研究疫苗，將來再振興經濟都要靠民營企業，美國是個民主國家，總統不能命令民營企業做事，川普在3月中宣布緊急動員令，前一個星期就邀請很多企業家到白宮，說服他們為防疫盡一份力量。川普出來講話時，後面一排是都是大藥廠（生產試劑、發展疫苗）、大零售商總裁（不囤貨、加強配貨），顯示官商同心對抗新冠肺炎。
這兩個月，川普頻頻與企業家會面。傳統產業、高科技企業都有，也和各種階層會面，例如前日他召集餐館業者至白宮開會，因為全美有65萬家餐館，已有7萬家關門，他們希望川普能有第二波紓困措施。川普每到一個公司去參觀時，也與基層員工座談，希望員工反映他們的處境。
同樣以民營企業為經濟支撐的台灣，政府似乎漠視民營企業的興衰殘敗、生死存亡，甚至視許多大陸台商（掌我國出口產品的40%）為敵人、為棄兒。我國民營企業效率在瑞士管理學院競爭力調查中名列前茅，但政府效率總在30名以外，難怪很多專家表示，我國企業是活在第一世界、政府卻是活在第三世界。
疫情過後，各國還要靠民營企業才能復甦經濟，我國民營企業已經處境艱難，例如五缺六失，加上兩岸關係凍結、ECFA可能喊停，台灣打勝了新冠肺炎戰爭，打敗了經濟戰，國計民生將更形艱苦。打贏經濟戰，應該是蔡英文及新政府的第一仗。</t>
  </si>
  <si>
    <t>抗議中火的民怨如火燎原！來自台中、彰化、南投與雲林的30多名醫生，1日中午1時，將身穿白袍，犧牲午間休診時間，到台中市議會廣場接力抗議，表達對中火重啟2號燃煤機組不滿，台灣健康空氣行動聯盟理事長葉光芃醫師表示，抗議主題「無煤中火救胎兒」，團結顧健康，呼籲同為醫師的衛福部長陳時中不要缺席。
台灣健康空氣行動聯盟今天中午將在台中市議會前中庭接力向中火抗議，包括律師、教師和醫師出席展現人民的憤怒，強調「後疾情時代、團結顧健康、無煤中火救胎兒」，已有中部30多名醫師將參與。
中央與地方煤電大戰延燒，新冠肺情疫情稍緩和，危害健康的空夢魘又空襲，中彰投雲30多名集結上火線，號召全國大團結，團結顧健康。
「衛福部長陳時中不缺席！」台灣健康空氣行動聯盟表示，千萬中南部人的命也是命，請饒了我們胎兒、兒童、成年、老人，燃煤空汙傷心、腦、肺、精神，含一級致癌物PM10、PM2.5、戴奧辛、重金屬等，燃煤爭議涉公衛，醫生集體上火線，聯合診斷後新冠疫情的這起重大煤電爭議。
醫師葉光芃說，中火影響圈的中彰雲投醫師們集結台中市議會前，白袍共同呼籲健康振興，應成為後新冠疫情年代的治國新思維，選在中午1點最酷熱時段，因為來自雲林、彰化、南投、台中等地醫師為主，上下午門診時間不一，只有中午醫界才方便共同參與，為了抗議中火，為了健康環境，醫師們拚了，犧牲中午休息時間，表達人民的不滿，中火與台電應該傾聽民眾心聲，不要再與民為敵。</t>
  </si>
  <si>
    <t>台灣自6月以來，不斷傳出從台灣離境的旅客，在國外被驗出罹患新冠肺炎，本月22日更一口氣發生18起類似案例。對此，國民黨立法院黨團與醫界專家昨共同呼籲，政府應在旅客離台前進行篩檢，避免一再輸出病例，影響台灣國際聲譽。
國民黨團昨邀集專家召開記者會，黨團總召林為洲表示，大量離台後確診新冠肺炎的案例，顯示台灣的邊境管理有必要超前部署，例如要求乘客上機前先篩檢，這樣做可以保護機上其他旅客，也維護國家聲譽，否則日後要與他國協商開放邊境時，對方看到我們一堆輸出病例，怎麼能放心。
中國醫藥大學附設感染科主治醫師王任賢也指出，最近確診的案510病例，是無症狀的菲律賓移工，在台灣解除隔離前，才被驗出罹患新冠肺炎。
問題是，台灣目前僅針對從菲律賓入境的無症狀者進行檢驗，對其他國家入境的無症狀者則不予採檢。他認為入境者相對風險較高，因此，對所有入境者不分來源國或有無症狀，都應全面篩檢。
台灣預防醫學學會理事長陳宜民指出，因應新冠肺炎疫情，建立篩檢平台、加快篩檢速度、降低篩檢價格都很重要，防疫應該追求不漏掉任何病案。
陳宜民舉例，18人從台灣入境菲律賓確診後，指揮中心卻只為每位確診者，匡列20位接觸者，但現實中有可能只接觸這麼少人嗎？所謂的精準防疫，其實很容易有漏洞。</t>
  </si>
  <si>
    <t>德國鐵娘子有驚人之語!她表示相信最終有60%到70%的德國人口會染上新型冠狀病毒。
梅克爾在柏林召開的新冠病毒研討會上指出，現在全歐無國家倖免於新冠病毒侵襲，最重要的是不要讓醫療體系不勝負荷。
德國國會在週四召開特別會議，將商討如何應對新冠肺炎帶來的危機。
說話向來謹慎的梅克爾同時指出，我們現在陷入許多未知的局面，我們未知就必須嚴肅看待。她強調，這是保護弱勢群體的大事。</t>
  </si>
  <si>
    <t>華航桃園機場貨運站辦公室傳出1人確認，桃園市衛生局7日早上前往進行疫調，目前匡列200多人，疫調結果可能陸續匡列增加到近800人。為了防阻疫情蔓延，連續將在今、明兩天，針對華航貨運場站中的205名員工，先全面PCR篩檢。
據了解，這次確診病例的是華航貨運站客服小組員工，先是在居家辦公的太太身體不適，於是和先生2人一走在7月5日快篩，結果為陽性，2人於7月6日PCR篩檢確診，華航貨運服務辦公室收到通知後，也進行全面大消毒。
這次確診的病例是華航貨運站客服小組員工，辦公室位於華航倉儲2樓，與華儲並沒有直接業務關係，該確診員工妻子亦為另一家航空公司居家上班的員，因為居家辦公的太太感到身體不適，因先生在桃機工作，尚未施打疫苗感到有危機，於是2人在7月5日快篩，同時結果為陽性，7月6日再進行PCR篩檢，結果確診。
桃園市衛生局獲到後，7日前往了解疫調足跡，目前先匡列200多人，陸續依疫調結果，可能會匡列近800人。
華儲表示，雖然和確診病患員工沒有直接業務關係，但會先安排160名員工在7日下午先進行快篩，以確保工作環境安全。另外，在今、明兩日，華航貨運服務場站操作服務的205人，在華儲進口迴廊，進行全面PCR檢測。但實際情況，以中央疫情指揮中心公布為主。
桃園機場貨運站相關業者，包括倉儲業者、報關行、承攬業者及相關物流等，其實早就向桃園市政府陳情，希望能納入優先施打疫苗範圍，雖然市長鄭文璨也有承諾，但至今因為疫苗量不足，仍無法排近施打優先名單中。
業者私下表示，台灣航空客運已經跌倒谷底，目前只能先靠貨運業務存活，萬一因為桃園機場貨運站大規模感染停擺，對經濟層面可能造成巨大影響，中央流行疫情中心及桃園市政府應該對台灣進出口貨運經濟上影響的考量，把桃園機場貨運站相關業者列入優先施打疫苗對象，也有業者笑稱，每次疫苗進口抵台，他們都是第一線先處理，但是他們而言，「疫苗，看得到、摸得到，卻是打不到」。</t>
  </si>
  <si>
    <t xml:space="preserve">正因邊境問題再次與大陸陷入緊繃之際，印度新冠肺炎確診人數來的420萬人，此一數據超越巴西的414萬人，正式成為確診數全球第2高的國家，僅次於美國。
據路透社報導，印度於7日新增9萬確診，不僅創單日新高紀錄，更讓全國染疫人口比巴西多了6.8萬人，為當前全球新增確診最快的國家；專家表示，按照當前速度，將於下個月超過當前630萬確診的美國。
新德里賈瓦哈拉爾·尼赫魯大學（Jawaharlal Nehru University）社會醫學與社區衛生中心負責人達斯古普塔（Rajib Dasgupta）指出，當前德里與孟買等大城市的疫情正快速向其他內地擴散，讓都市地區疫情未減緩下，郊區不減反升，造成了「雙重負擔」。
不過，印度政府表示，印度的死亡人數當前為7.1萬人，仍遠低於排名第一美國的19萬人，以及第二巴西的12萬人，證明印度抗疫具有高恢復率，且其檢測、追蹤以及治療策略是正確的。但報導也指出，但在過去5天，每天都有1000多人不治。
另外，正值印度疫情升溫之際，與大陸再次陷入邊境衝突與警張。微信公號「中國軍網」8日淩晨約2點時發出聲明，稱印軍7日非法越界，進入中印邊境西段班公湖南岸神炮山區，且印軍悍然對前往交涉的中方邊防部隊巡邏人員鳴槍警告，印方行徑嚴重違反雙方有關協定，是嚴重的軍事挑釁行為。
</t>
  </si>
  <si>
    <t>BMW周三公布第一季獲利大幅成長133%，但主要因去年同期提列了巨額的一次性備付，該公司並警告新冠狀病毒疫情可能削弱需求與獲利。
BMW第一季息稅前獲利 （EBIT）為13.8億歐元（15億美元），較去年同期的5.89億歐元大幅成長逾1倍。去年同期因提列高達14億歐元的準備金，使獲利表現受到影響。
BMW第一季交車數年減20.6%，為47萬7,111輛，凸顯新冠肺炎疫情的衝擊。
首季汽車部門的息稅前利益率為1.3%，優於去年同期的負1.6%。但BMW預期全年汽車事業息稅前利益率將介於0%～3%，低於在政府實施防疫封鎖措施前所預估的介於2%～4%。
該公司表示，BMW集團仍然認為新冠肺炎疫情擴散與相關必要防控措施，將嚴重打擊整個2020年所有主要市場的需求。</t>
  </si>
  <si>
    <t>中新網30日報導，繼中緬瑞麗、中蒙內蒙，中俄邊境城市黑河市疫情也緊蹦，29日出現當天大陸最多、本土確診26例新冠病例，黑龍江省文化和旅遊廳於29日發布通知，即日起嚴格執行跨省旅遊經營活動管理「熔斷」機制，立即暫停該省旅行社及線上旅遊企業經營跨省團隊旅遊及「機票＋酒店」業務，暫停經營旅遊專項業務。
報導稱，近日，黑龍江省黑河市已出現中風險地區，大陸國內多地相繼發生輸入性病例引發的本土聚集性疫情，疫情防控形勢嚴峻複雜，防控工作壓力持續增大。為進一步做好黑龍江省文化和旅遊行業新冠肺炎疫情防控工作，該省發布通知如下：
即日起，嚴格執行跨省旅遊經營活動管理「熔斷」機制，立即暫停黑龍江省旅行社及線上旅遊企業經營跨省團隊旅遊及「機票＋酒店」業務。黑龍江省內無中高風險地區後，可自行恢復旅行社及線上旅遊企業經營跨省團隊旅遊及「機票＋酒店」業務。黑龍江省內旅行社及線上旅遊企業要嚴格控制旅遊團隊規模，暫停經營旅遊專項業務。</t>
  </si>
  <si>
    <t>目前停靠在日本橫濱的鑽石公主號遊輪於16日上午公布確診感染新冠肺炎的人數，新增了70名感染者，現在公主郵輪的已知確診人數，增加到355人感染。而這一艘遊輪在1月31日時曾停泊在基隆港，1名美國籍新冠肺炎確診患者，當時就曾到廟口夜市買糖葫蘆自拍打卡，消息傳出後，廟口生意冷清許多，更有攤商指出，「跟以前相比，業績足足下滑了七成」。
針對廟口生意受到衝擊，基隆市長林右昌中午受訪指出，要恢復「消費者信心」須要等到疫情較穩定後，他也強調，其實最大壓力不在台灣，而是中國大陸疫情是否能減緩下來，要減緩後才有辦法提升「消費者信心」。
林右昌說，大家都知道錢和價格不是問題，是大家有自主健康管理概念，盡量少出門消費力就會減少，希望疫情能減緩下來接著就是振興工作，需等待這個時機出現。</t>
  </si>
  <si>
    <t>新冠疫苗是否能夠混打，各國都已開始研究，歐盟甚至開放施打完第一劑AZ的人員可接種其他品牌。我國指揮中心對此態度仍然保守，今天仍建議兩劑疫苗都施打同品牌，除非第一劑接種後出現嚴重不良反應。
指揮中心專家諮詢小組召集人張上淳今天說，ACIP近日有針對疫苗混打一事討論，雖然目前國際間有幾篇報告，但個案數都不是很多，且主要也是以AZ混打輝瑞疫苗為主，但目前沒有任何資料顯示AZ混打莫德納疫苗後的結果，雖然莫德納與輝瑞屬同一種性質，但還是不同廠家，仍然缺乏證據，因此目前仍然考量，暫時還不要進行混打。
張上淳也說，除非打完第一劑疫苗後出現嚴重的過敏反應，建議第二劑可施打不同品牌的疫苗，否則第一劑打什麼第二劑就應該打什麼，不過他也建議，國內可透過臨床試驗來證實，例如第一劑先打AZ，第二劑再打莫德納，可以等有具體資料後再來決定。</t>
  </si>
  <si>
    <t>全球股市經歷十年多頭行情之後，市場年初的樂觀氛圍，被新冠肺炎疫情爆發徹底瓦解。從中國迅速蔓延至歐美亞各國，加上沙烏地阿拉伯及俄羅斯報復性壓低油價扼殺美頁岩油商，導致油價崩跌，全球資本市場在兩大事件夾擊下市況急轉直下，引發一連串股災，我們可以從資本市場、疫情、實體經濟三個角度來解讀。
資本市場層面，回顧歷次金融危機的發生，「流動性風險」是完美風暴的必要條件，恐慌蔓延所導致的賣壓，進一步引發信貸市場風險
。美股這次崩跌的幅度、波動率、速度都是史無前例。
歸根結底，近十年蓬勃發展的被動投資顯然成為漲跌放大器，全球指數型資金（ETF）規模在2019年底達到11兆美元，相比2008年的規模成長近四倍，同質化的程序交易造成大規模拋售，流動性枯竭成為第一輪大跌的主因。
然而，美國聯準會隨即推出無限量QE購債計畫，並納入投資級企業債，另外推出MMLF、CPFF等支應貨幣市場及商業票據的流動性，政策力度之大，暫時緩和了資本市場的流動性恐慌。
疫情層面，中國做為本次疫情爆發的初始地，其發展路徑可做為各國參考，姑且不論官方數據的準確性，疫情發展至今，大致可整理出以下結論。首先，針對疫區「封城隔離」模式是減緩病毒擴散的最佳措施，這也是目前各國因應疫情的主要手段，關閉出入境、商店、餐廳、娛樂場所及各種集會，暫停所有運動賽事，奧運也因而延期，經濟活動停擺勢必產生巨大的副作用。
其次，「醫療體系負荷」是疫情落於可控或失控的關鍵臨界點。目前全球新冠肺炎平均致死率逼近4％，當中又以義大利、伊朗、中國湖北致死率遠高於此值。而台、韓、新加坡則有效控制在數值之下，主要差異在於各地政府應對的即時性，和醫療系統資源是否充足。就此研判，歐美一些國家的醫療體系或將面臨更大壓力。後續觀察重點在於，歐美疫情何時出現轉折點，而大陸在全面復工之後，是否出現境內二次感染。
實體經濟層面，首當其衝的行業包含航空、旅遊、餐飲及娛樂等服務業，由於經濟活動大幅萎縮，連帶衍生停工、減薪、資遣等就業問題，將使民間消費意願降低（如：汽車、地產、奢侈品等），進一步衝擊相關製造業。
此外，高槓桿企業在收入大幅縮水情況下，將面臨沉重的經營壓力。雖然各國相繼推出龐大的財政支持（如：美國2.2兆美元、日本15兆日圓），但隨著疫情時間拉長，公司債是否爆發違約潮，則是股市未來是否進一步大幅修正的風險因子。
焦點拉回陸港股，近期從多家上市公司調研反饋，排除湖北省外，各地商家復工率在3月中旬多數已回升到70％～80％，逐步好轉。另外，中國也持續推出政策刺激，包括降息、降準等貨幣政策，更傳出七個省市合推人民幣（下同）25兆元用於「新基建」投資，不同於2008年的4兆元集中投放在傳統基建，本次重點更多強調於智能電網、5G、數據中心、AI等新興領域，相關方向值得關注。
投資層面，由於短期市場波動劇烈，資產配置甚為關鍵，投資人應針對可承受的風險偏好來調整現金及持股部位。個股選擇上，看好逆周期政策兼具低估值的基建、建材相關領域龍頭。</t>
  </si>
  <si>
    <t xml:space="preserve">美國總統川普一度公開表示自己正在服用未經證明對抗新冠病毒有效、且有風險的羥氯奎寧，引發喧然大波，認為他為了推廣自己先前聲稱的神藥，不惜親自當「神農氏」；而飽受批評後，川普也自行宣稱停用。不過，白宮指出，川普服用奎寧「感覺太棒了」，如果有必要還會繼續服用。
川普18日在白宮自曝天天服用抗瘧疾藥物羥氯奎寧（hydroxychloroquine），以預防感染新冠肺炎，奎寧類藥物至今尚未被美國疾病管制暨預防中心（CDC）列為新冠肺炎指定治療藥物，且也有臨床實驗顯示，讓新冠患者服用高劑量奎寧容易出現心律不整等致命心臟疾病問題，美國抗疫首席專家佛奇（Anthony Faucil）也表示27日也在CNN上表示，「這種藥物並非有效的療法」。
此外，不僅醫學期刊「刺胳針」（The Lancet）指出，不論是羥氯奎寧或氯奎寧（Chloroquine），都對治療新冠肺炎沒有幫助，甚至增加死亡風險，世界衛生組織（WHO）也停止將奎寧作為治療藥物的臨床試驗。
不過，據美媒《國會山莊》報報導，白宮發言人麥克納尼（Kayleigh McEnany）28日在記者會上表示，川普在服用羥氯奎寧後，「感覺棒極了」，服藥之後完全沒問題。川普並向她表示，如果他認為可能感染新冠病毒，將會繼續服藥。
麥克納尼也表示，但很重要的是美國人民在服用奎寧前，仍需與醫生諮詢，並強調此藥早已列為「適應症外運用」，早已用來治療其他疾病，媒體對於奎寧安全的報導是「過度誇張」，「已有數百萬人長期以來都安全地服用此藥」。
</t>
  </si>
  <si>
    <t xml:space="preserve">高球球王麥克羅伊(Rory McIlroy)最近表示他對美國總統川普(Donald Trump)的防疫政策非常失望，「跟他打球不代表我同意他的做法，事實上我完全不認同的他每一項政策。」他因此拒絕再和川普打小白球了。
麥克羅伊在The McKellar的廣播節目上說，川普是個很有魅力的人，但他無法苟同川普把新冠疫情當成政治工具。「他把疫情政治化，做為自我宣傳的手段，他吹噓做了世界最多的新冠肺炎檢測，搞得好像是一種競賽。」
對於川普強硬的手段，麥克羅伊說：「領袖不該是這樣的，你需要一點交涉技巧，特別是這種時候，我在他身上完全看不到。」
川普的爭議包括應變不足、推卸防疫責任、鬥爭世衛、挑動排華，還隨口建議大家施打消毒劑。麥克羅伊不是美國人，他也不想和川普扯上關係，「聽到我這些話之後我不確定他是否還會想跟我打球，反正我不會了。」
兩人前次打球是在2017年。川普之後多次跟職業運動員對槓，他似乎樂此不疲，有些球員也以抵制他為樂，他當政至今已有多支冠軍球隊拒訪白宮。
</t>
  </si>
  <si>
    <t>新冠肺炎疫情升溫，雙北淪重災區，除了疫情指揮中心之外，雙北幾乎天天開防疫記者會，直播期間也會有一名手譯員在一旁打手語，協助聽障人士理解記者會最新內容。對此，就有民眾質疑，手語老師不戴口罩，恐成防疫破口，台北市副發言人林珍羽在臉書上特別為此進行說明。
林珍羽提到，隨著疫情延燒，無論是中央或地方政府，首要工作除了與病毒賽跑，也必須將正確資訊，公開透明的讓每一位市民都能清楚了解。而目前相關疫情記者會，手語老師均未戴口罩的主要原因，是因為手語老師除了說的表情之外，手語的「抑、揚、頓、挫」及「標點符號」，大都呈現在臉上，若戴上口罩就會影響到手譯品質，讓聽障朋友感覺像是「機器人」在說話，甚至導致「語意不明」的情況產生。
林珍羽解釋，試過使用大型透明隔板，但在直播畫面會出現反光；也曾想比照中央方式，在鏡頭上開小框，但對於年長及視力不好的聽障朋友而言，小框無法清楚識別手語，所以才仍維持目前模式。手語老師也收到不少聽障朋友回饋，認為目前的形式讓他們能獲得完整且清楚的疫情資訊。
最後林珍羽補充說明，市長記者會是採線上直播的方式，場內不但控制人數，也落實室內防疫措施，以確保出席記者會的首長及手語老師的安全。</t>
  </si>
  <si>
    <t xml:space="preserve">就在巴西、墨西哥、秘魯，哥倫比亞和阿根廷等國新冠肺炎確診病例飆升之際，路透統計周日顯示，拉丁美洲的病例首度超越美國和加拿大總和。
據路透26日報導，飆升的病例數使拉丁美洲的病例佔了全球總數的26.83%，使當地成為全球受創最嚴重的疫區。根據各國提供的數據統計，如今拉丁美洲的病例總和為4,327,160，而美加的總和為4,308,495。
不過，以單一國家來說，美國仍是新冠肺炎確診與死亡人數最多的國家，至今確診人數超過420萬，而死亡人數也突破14.6萬人。而緊追其後的是巴西，當地的確診人數突破240萬人，死亡人數也直逼9萬。而墨西哥，秘鲁和智利的確診病例也都名列全球前10。
據路透統計，如今全球感染新冠肺炎的人數已超過1610萬。衛生專家認為，幾乎毫無疑問的，實際的感染與死亡人數都高於官方數據，尤其是那些檢測能力有限的國家更是如此。
</t>
  </si>
  <si>
    <t xml:space="preserve">行政院行政院發言人羅秉成今日召開記者會證實，台積電、永齡基金會合計捐贈1千萬劑BNT疫苗的契約簽署。羅強調，政府全力支持，捐贈單位全力奉獻，才能在半個月內完成這項重要的捐贈案。不過，宅神朱學恒看完這場記者會後，狠酸政府，以後若要收割，「可以不要露骨直播嗎」？
羅秉成表示，這次的捐贈案，政府全力支持，捐贈單位全力奉獻，才能在半個月內完成這項重要進展。而捐贈單位是全部無償捐贈，並由中央統籌運用，政府要向台積電、永齡基金會出錢出力表達謝意。羅秉成說，疫苗進來後，政府會負責後續作業，若本專案、慈濟專案等計畫能順利執行，預計年底前會有一定BNT疫苗數量可運用。
羅秉成重申捐贈專案3原則、2共識，包括「原廠製造」、「原廠標籤」、「直送台灣」，以及「無償捐贈」、「中央統籌分配」。至於疫苗何時到貨，因疫苗供需時程很難估算，本案也不是現買就有現貨，現在只能盡力爭取，國人請敬請期待。
看完政院的記者會，朱學恒隨即在臉書發文表示，「行政院記者會觀後感，以後要打手槍自慰收割，可以不要露骨直播嗎」？大批網友也在其PO文底下留言表示，「說實在，羅大律師把自己給做廢了，記者會不開還好，開了更顯現出政府的…失能！呵呵」、「收割速度之快，我相信台灣人還是有智慧的」、「幾個月前他們還說BNT是大陸疫苗，哈哈」、「沒有擋疫苗…林全被擋是事實真的大傻眼」。
</t>
  </si>
  <si>
    <t xml:space="preserve">56歲美國喜劇天王克里斯洛克（Chris Rock），19日在推特發文坦言確診新冠肺炎，因為他已打過疫苗，依舊突破性感染，讓粉絲相當擔心，但最後仍呼籲大家「一定要去打疫苗！」
克里斯洛克5月在深夜脫口秀節目《吉米A咖秀》(The Tonight Show)透露，已接種過嬌生疫苗，而且本來只要打一劑就好，但他還接種了2次，笑稱獲得很好的保護力，未料時隔4個月，他就突破性感染新冠肺炎。
克里斯洛克也在推特發文，呼籲大家不要輕忽疫苗重要性，「相信我，你不會想要感染的，一定要去打疫苗」。克里斯洛克曾演出過電影《死亡漩渦：奪魂鋸新遊戲》、《亞當等大人》，也曾替經典動畫《馬達加斯加》系列中擔任斑馬「馬蹄」配音，前陣子主演《奪魂鋸》系列的最新電影，未料卻在忙著演藝工作之際確診，即使他沒多解釋目前病況，但粉絲仍希望他能好好休養，早日康復。
★《中時新聞網》提醒您：因應新冠肺炎疫情，疾管署持續加強疫情監測與邊境管制措施， 如有疑似症狀，請撥打：1922專線，或 0800-001922， 並依指示配戴口罩儘速就醫，同時主動告知醫師旅遊史及接觸史，以利及時診斷及通報。
</t>
  </si>
  <si>
    <t>北市士林某長照機構爆發47人確診、3死的群聚感染，北市衛生局控該機構有隱匿疫情，但機構反嗆衛生局早知8日有長者確診，卻不做疫調、隔離與全院快篩，直到14日才進駐全院採檢。副市長黃珊珊再反駁，市府沒耽誤，是機構無法處理才要市府介入，且家屬都清楚、沒人不滿意。
黃珊珊表示，衛生局14日收到資料就跟府級報告，市府之前有處理信義老人機構安養經驗，有在最快時間，讓衛生局去機構快篩，並請新光醫院進駐，將陽性病人收治，都有處理，且依照中央的因應新冠肺炎措施。
黃珊珊說，但因後來機構一直有情況，所以市府就介入接管，因機構無法處理，市府並沒有耽誤，14日已協助將確診者送到醫院及防疫旅館，所有家屬都清楚，市府也有開家屬說明會，家屬沒有不滿意。
針對衛生局控機構只給退燒藥，但機構卻說衛生局要插管病人自行快篩，北市衛生局簡任技正王素琴表示，6月14日發現感染時，感管師都有進去調查，並依照優先順篩檢，採分艙分流來保護這些住民，也有把裡面全部都清空，至於機構有無不當處置等，後續會再做詳細調查，基本上機構負責人也在居家隔離。</t>
  </si>
  <si>
    <t>國民黨革實院長羅智強昨在臉書批評，蔡政府未考慮14億人的心情，堅持用武漢肺炎稱呼引起歧視爭議。國民黨文傳會主委王育敏下午表示，民進黨不接受新冠肺炎的稱呼，易讓外界誤解連處理疫情都參雜「抗中」政治思考，立法院甫通過的紓困條例，以及國際媒體，也是按照WHO命名的新冠肺炎稱呼。
世界衛生組織（WHO）2月11日將武漢肺炎定名為COVID-19（2019年冠狀病毒疾病）。中央流行疫情指揮中心陳時中日前表示，使用武漢肺炎是比較順的講法，並沒有歧視的意思，遭國民黨革實院長、台北市議員羅智強提出4點質疑，呼籲蔡英文總統和陳時中與全世界官方同調，「釋出最起碼的善意」。
國民黨文傳會主委王育敏表示，社會上的確有人覺得蔡英文總統、陳時中都還是使用武漢肺炎，意味民進黨系統不接受新冠肺炎的稱呼，當然容易讓外界誤解連處理疫情都參雜「抗中」的政治思考。
王育敏說，立法院甫通過的紓困條例都跟國際接軌，也就是使用新冠肺炎，武漢肺炎只是剛開始發生時的稱呼，在WHO命名病毒名稱後，國際媒體也都使用新冠肺炎名稱。</t>
  </si>
  <si>
    <t>蔡英文總統、賴清德副總統明（30）日將施打疫苗，總統府發言人張惇涵表示，蔡總統與賴副總統將分別於明天上午7點15分及7點45分至預約地點「台大醫學院體育館」接種第二劑高端疫苗。
蔡英文總統今年8月23日前往臺大醫學院體育館，在臺灣大學副校長張上淳、臺大醫院院長吳明賢及立法委員邱泰源等人陪同下，接種高端疫苗第一劑。賴清德也在8月27日早上前往台大體育館接種高端疫苗第一劑，如今皆已超過4周，蔡英文和賴清德本月20日上午已完成高端疫苗第二劑預約。
張惇涵表示，經維安團隊及台大醫院協調，為降低對其他民眾影響，蔡總統將於明天上午7點15分、賴副總統將於7點45分至現場。同樣依照相關流程，報到、問診、接種疫苗，接種完畢後離開現場，並由醫療團隊後續掌握身體狀況，總統與副總統也將於臉書直播。
他說，比照總統、副總統接種第一劑疫苗，將由媒體協調提供畫面。</t>
  </si>
  <si>
    <t>新冠肺炎疫情重創台灣餐飲業，不少店家黯然熄燈倒閉。雖然隨著疫情趨緩，餐飲業營運已率先回溫，但饗賓餐旅集團總經理陳毅航認為，造成餐飲業此次「完美風暴」的3大結構性問題仍在，預期在後疫情時代，餐飲業的淘汰賽態勢仍不會改變。
陳毅航認為，此次新冠肺炎疫情對餐飲業的營運衝擊，可說是「50年來最大海嘯」，許多長期營運的知名老店都要活不下去，主要有3大結構因素造成此波完美風暴，包括餐飲業供過於求、經營成本連年攀升、以及疫情造成市場消費急凍。
陳毅航指出，在2003年爆發SARS時，全台餐飲業營收約3000多億元（註：實為2712.66億元），而截至去年已成長突破8000億元。然而，台灣的人口、實質薪資及實質消費力並未跟隨同比增加、仍與當時相差不多，餐飲市場供過於求的問題已愈趨明顯。
據經濟部統計處統計，自1999年開始統計以來，台灣餐飲業營收僅2001年出現衰退，隨後即逐年成長，自2001年的2613.76億元成長至去年的8115.76億元，年增率落於0.05～13.72％。近3年年增率落於3.73～4.39％，較2005～2016年的高度成長期明顯趨緩。
在市場競爭愈趨激烈之際，包括食材、人力、瓦斯和電費等經營成本逐年攀升，亦成為餐飲業面臨的另一項結構性挑戰。加上此次疫情造成消費需求全面急凍，雖然許多業者盼透過外送平台突圍，但外送平台抽成比重高，未能明顯降低餐飲業經營壓力。
儘管隨著疫情趨緩，民眾外出用餐消費信心及意願回升，使得先前陷入營運寒冬的餐飲業營運自5月起明顯復甦回溫，但陳毅航認為，由於造成此次完美風暴的結構性挑戰仍在，預期在步入後疫情時代後，餐飲業的淘汰賽態勢仍不會改變。
陳毅航指出，此次疫情改變餐飲業的思維及經營策略，業者在疫情期間都有要先「活下去」的共識，除了推出便當等產品拓展外送外賣服務外，也因應「宅消費」商機加速研發常溫、冷凍即時料理商品，並洽談虛實通路推廣銷售，以分散未來營運可能風險。
陳毅航認為，現今餐飲業仍存有3缺，包括對從業人員的觀感、經營理念、勇於承擔的企業家精神。集團在撐過疫情寒冬後，也思索著未來能做些什麼協助台灣餐飲業發展。他表示，饗賓希望成為餐飲業的整合者，希望在有能力時分享自家資源，使餐飲業能正向發展。</t>
  </si>
  <si>
    <t xml:space="preserve">新加坡新冠肺炎確診病例逾14000人，超過日本和韓國，在亞洲排名僅次於土耳其、伊朗、中國大陸、印度等人口眾多的國家。今年3月17日，新加坡只有266例確診病例，一度被各國譽為防疫典範，不料短短1個半月竟暴增50多倍。公衛醫療水準頗高的新加坡，為何會從防疫的模範生變成末段班？其中顯然有特殊的國情因素存在。
新加坡近期激增的病例主要發生在移工區，這點和韓國有些類似，韓國疫情大量爆發與大邱新天地教會有關。新加坡人口只有500多萬，卻有上百萬的外來移工，從事醫療照護、保安、廢棄物處理及基礎建設等工作。但疫情開始出現時，星國政府雖採取嚴格防堵策略，卻忽略移工宿舍區，這些移工區和居家照護者，因此成了爆發社區感染的來源。
新加坡為什麼會忽略移工染疫問題？有分析說這反映出新加坡嚴重的階級意識，因為這些移工都來自落後地區，新加坡人並不把他們當作社會的一分子，民間如此，政府也一樣，竟然允許雇主用沒有座位的卡車運送移工，讓移工住在擁擠的宿舍裡，12個人住一間，像沙丁魚般，彷彿第三世界國家。
新加坡政府對疫情其實很有警覺，和台灣一樣經過SARS期間的教訓，建造了政府第一線的防疫機制，並早在1月2日就實施邊境警戒和管制，包括檢測、疫調、隔離、治療等，另還結合藍牙科技，推出「合力追蹤」App，鼓勵民眾下載記錄足跡和接觸史等，充分展現新加坡政府的效能。但這只是第一線政府正規軍部分，屬於點對點的作戰，不太可能對病毒完全阻隔。一旦防疫出現破口，譬如大量海外新加坡人回去後發生群聚感染，就必須靠群眾自動自發，才能打贏面對面的戰爭。
但新加坡不像台灣有著強大的民間力量；新加坡政府平日就幫百姓做好所有規畫，造成新加坡人對政府的高度依賴，到了沒有政府就活不下去的程度。所以當防疫大戰開打之後，台灣民眾會自製防疫手冊，並在網上廣為轉發。看到有居家檢疫者在路上走，會有正義的鄉民趕快去勸阻或通報；看到你沒戴口罩，有人會遞上一個給你。這些在新加坡很少看到，因為在政府鉅細靡遺的規範下，民間社會基本上是沒有自主動能的。新加坡的防疫就是在群眾戰爭中輸掉的。
比較台灣和新加坡的防疫成效，可以看出兩地的差別。新加坡是大政府、小社會，台灣政府雖然也不小，但台灣社會更強大些，人民的公民素養遠比新加坡要強。所以當危機出現時，大家雖然也期望政府要展現效能，更多人是把自己應有的防疫責任做到。台灣能維持16天本土零確診，大功臣就是「民眾的自覺意識」，因為大家做好了勤洗手、戴口罩、少摸臉和眼睛等自我健康管理，即便有確診病例曾進入社區，疫情也擴散不出去。加上台灣人有更強大的公民意識，隨時關注公共層面的情況，不怕雞婆地去提醒別人。這些恰恰是新加坡社會所欠缺的，所以台灣在防疫上的表現才能比新加坡好。
（作者為信民兩岸研究協會理事長）
</t>
  </si>
  <si>
    <t>台大獸醫系4年級張曄是來自馬來西亞的僑生、張郡則是熱愛以拳擊、重訓來健身，他們共同發起成立「朱先生，萬先生」團隊，要傳播正確的傳染病知識，因為他們覺得「我們能做的遠比課程內容更多」，希望藉此為台灣社會盡一份心力。
張曄到台灣讀台大獸醫系後，她在馬來西亞當高中校長的父親，也開始看動物相關的書籍，每看一本就會介紹給她，不過她最後只對《共病時代》這一本有興趣，裡面提到獸醫其實是許多疾病的發現者，這開啟她的知識視野。
去年新冠肺炎肆虐全球，衝擊醫學及公衛體系，在所有人被傳染病這顆震撼彈搖到頭昏時，《共病時代》這本書給了張曄靈感，原來動物和傳染病有如此深的聯繫，而身為一個獸醫系學生能做什麼呢？
張曄和張郡住在同一棟宿舍，張曄認為在疫情時代，獸醫系學生應該發聲，就去找張郡商量，因此誕生了「朱先生，萬先生」團隊。張曄說，她雖是馬來西亞僑生，但規畫以後要在台灣發展，因此希望為台灣做一點事。
張郡則是熱愛練拳擊及重訓，台大獸醫系教授周崇熙說，每次因為「朱先生，萬先生」計畫打電話找張郡，得到的答案都是「我正在重訓」。
張郡表示，在新冠肺炎疫情下，不正確傳染病資訊對人類生活造成重大影響，譬如有人因為擔心貨物帶有新冠病毒，就不敢向大陸或歐美進行網路購物，但事實上，貨物有可能被汙染、不是被感染，只要做好個人衛生，或是收到貨時用酒精擦拭一下，就沒問題了。
張郡說，在一般狀況下，新冠病毒在貨物表面通常只能存活7至14天，而貨物從國外寄到台灣可能要30天，即使有病毒也死了，因此跨海線上購物還是可以進行。</t>
  </si>
  <si>
    <t xml:space="preserve">針對NBA目前暫定美國時間12月1日將是新球季開幕日，火箭傳奇球星「T-Mac」麥格瑞迪率先提出預言，「下季我們將會看到很多的負荷管理(輪休)，我現在就可以這樣說了，甚至會有部分球員平均只打約15分鐘，因為他們需要輪休！」
「這是前所未見的時期，」麥格瑞迪接受電視節目「The Jump」訪問時表示，「我們需要適應，球員也要適應，我確信球季有可能縮短，對球員來說，最困難的事情是，你所習慣的行程完全被打亂了，當下季12月就開幕，你該怎麼辦？」
「對於打到10月總冠軍賽的兩隊而言，你只剩不到1個月時間準備新球季，所以你會休息一到兩周？還是繼續訓練為下季準備？」麥格瑞迪說，「那些從3月就沒比賽的球隊，他們能帶煥然一新的身體來打新球季，但其他球隊怎麼辦呢？」
事實上，麥格瑞迪並非在危言聳聽，但因新冠疫情影響，不僅僅是NBA，所有各大職業聯賽的賽季都受衝擊，就連沒被邀請參加本季復賽的8支NBA球隊，也在呼籲聯盟幫忙舉辦小型盃賽維持狀態，畢竟整整8個月沒比賽也太慘了。
</t>
  </si>
  <si>
    <t>美國NBA籃網隊宣布球隊中有4名球員確診新冠肺炎，但沒有宣布確診球員的姓名，但美國體育媒體《The Athletic》記者Shams Charania 3月17日在Twitter上表示，本季加入籃網隊的大咖球星杜蘭特(Kevin Durant)，是確診新冠肺炎的一員。
杜蘭特在接受採訪時表示，目前沒有感受到特別的狀況，他說:每個人都應該要小心，照顧好健康並且自主隔離。他表示有信心克服新冠肺炎。
NBA已於日前停賽，目前不清楚這幾位球員是如何感染上新冠肺炎的。</t>
  </si>
  <si>
    <t xml:space="preserve">38歲日籍女星愛紗（千田愛紗）來台發展20年，早已把這裡當第二個家，近期本土疫情連環爆，日本接連兩次捐贈百萬劑AZ疫苗，令她內心滿是感動。日前愛紗在社群網站開放網友提問，被問到不返日打疫苗的原因，她親自做出回應。
愛紗昨（10日）在IG限時動態開放網友問問題，有人發問：「愛紗不回日本嗎？順便打疫苗」，對此，她表示疫情尚未穩定前，沒有計畫要飛回日本，並講出家鄉的疫苗施打情況，「日本還是很多人包括我父母都還沒有打到疫苗，所以我盡量不移動，為的就是保護你我他」。
事實上，愛紗本來預計五月要回沖繩陪家人過母親節，此時疫情忽然炸鍋，為了保護彼此決定留台，就連17日阿嬤的86歲生日都沒辦法當面慶祝，只能隔空獻上祝福；被問及回日本第一個想做的事情，她二話不說地表示要帶阿嬤去漂亮的咖啡廳喝下午茶，再去吃沖繩風景最美的PIZZA餐廳；疫情穩定之後，愛紗還想去超級喜歡的新加坡度假，更說有機會的話會想嘗試住在那。
愛紗2016年與台灣男模周洺甫結婚，婚禮中兩人深情擁吻，感情一度羨煞眾人，未料婚姻維持2年多便告吹，被問及是否還在情傷，愛紗否認：「我老早就踏進新的人生了，上了一堂人生重要課，更了解自己知道適合什麼不適合什麼，現在的我活得自在，相信自己、尊重自己，原來這樣讓我活得很踏實同時感到幸福感。」
★《中時新聞網》提醒您：因應新冠肺炎疫情，疾管署持續加強疫情監測與邊境管制措施， 如有疑似症狀，請撥打：1922專線，或 0800-001922， 並依指示配戴口罩儘速就醫，同時主動告知醫師旅遊史及接觸史，以利及時診斷及通報。
</t>
  </si>
  <si>
    <t>韓國《朝鮮日報》針對24位全球知名學者訪談，總結出新冠肺炎結束後，全球即將發生的十大變化。這些變化有可能完全改變全球社會各領域行為規則。其中，全球產業鏈重組、經濟長期低增長現象，對台灣出口導向經濟將是一大挑戰；中國國際地位可能會「凌駕於美國之上」更影響台灣政治走向。
一、全球化陷入停頓，人員、資本不再跨境流動，各自逃生或成為時代主旋律。未來全球產業鏈很有可能圍繞國家或地區進行重組，反全球化或成為後新冠肺炎時代的國際秩序特徵。
二、「大政府」成為主流，以戰時標準嚴格管控新冠疫情或成普遍現象。這似乎預示著集體主義的回歸。
三、世界經濟的「日本化」。美歐雖為阻止經濟衰退四處撒錢，但如同日本所經歷的「失去的20年」，這將提高國家債務，最終陷入經濟長期低增長態勢。
四、歐盟存亡危機。疫情加重了義大利、西班牙等南歐國家的經濟危機，歐盟內部不均衡問題愈發嚴重。
五、中國國際地位可能會「凌駕於美國之上」或「在國際上受到更多質疑」。專家對後新冠時代中國的地位看法不一。樂觀者認為中國比美國更早擺脫新冠危機，全球影響力也將水漲船高。
六、民粹主義抬頭。疫情讓很多國家社會兩極分化更加嚴重，這將成為民粹主義的土壤。為阻止疫情蔓延，多國關閉的產業大多是飯館、酒店等服務業，一旦大量低收入勞動者失去工作，將拉大社會貧富差距。
七、居家辦公成為潮流，而且居家辦公或導致家務勞動重新分配，女性參與社會經濟活動的機會或將提高。
八、握手將成為歷史，保持社交距離或將成社會新標準。此前必需面對面解決問題的領域，很可能出現線上等新的替代方式。
九、或誕生「新冠肺炎世代」。20多歲的年輕人或將長期陷入找工作難的境地。如同經歷過上世紀初大恐慌的人們會保持節約的習慣一樣，新冠肺炎也會給新一代打上終身烙印。
十、更尊重環境。新冠肺炎可能改變人類對環境和科學的認知，認識到人與自然和諧相處的必要性。</t>
  </si>
  <si>
    <t xml:space="preserve">美國生技公司諾瓦瓦克斯（Novavax）周五說，台灣已選擇透過世衛（WHO）主導的較低收入國家「疫苗全球取得機制」（COVAX），獲取該公司的新冠疫苗，而這將為島上免疫計畫額外增加亟需的疫苗。
據路透2日報導，台灣透過COVAX訂了476萬劑新冠疫苗，但至今只收到略超過60萬劑，並都是阿斯特捷利康（AstraZeneca，AZ）疫苗。Novavax在透過電子郵件發出的聲明中說，它已達成協議，向COVAX供應新冠疫苗。
聲明中說，「台灣選擇透過COVAX，接受NVX-CoV2373疫苗」，但並未提供細節。衛福部長陳時中日前說，台灣已和Novavax總公司洽談，但也沒有提供數量或時間表等細節。台灣在出現連串新冠病例後，正致力加快疫苗接種計畫，但由於全球供應短缺，至今2350萬人口中，大約只有8%民眾至少接種了2劑疫苗方案中的1劑。
Novavax上個月說，美國的大規模臨床實驗證明，即使面對各式令人關切的新冠病毒變種，它的疫苗效力仍超過90%。
在美國和墨西哥進行的這項研究中，有近3萬名志願者參與。Novavax說，相關研究讓他們得以按照既定計畫，在2021年第3季時，申請在美國和其他的緊急使用授權。
</t>
  </si>
  <si>
    <t>精選《中時新聞網》5件不可不知的國際大事，帶讀者掌握今天(2月11日)的國際新聞重點。
【1】加拿大權威醫師領隊 世衛專家團隊抵達大陸
世界衛生組織(WHO)總幹事譚德塞(Tedros Adhanom Ghebreyesus)本周一表示，上個月親赴大陸，與國家主席習近平和一些部會首長會談，好不容易得到北京當局的同意，世衛可以派遣專家團隊到最前線，深入研究新型冠狀病毒(NPC)。而這支專家團隊的成員，也是經過長達兩周的協調，北京當局才同意這份專家名單。這支團隊將由加拿大權威醫師愛華德(Bruce Aylward)擔任領隊。
【2】「一個中國」原則禁止台灣人入境？　菲律賓正式公文這樣寫
為防堵新冠肺炎擴散，菲律賓10日傳出祭出鐵腕禁令，將遵循「一個中國」政策，把台灣也列入禁止入境的範圍。雖然我國政府立刻出面澄清「並非事實」，但今天（11日）凌晨，菲律賓的正式公文曝光，本來傳聞是指「持台灣護照」者，將不能入境菲律賓，但從公文的內容翻譯判斷，菲律賓主要禁止的，是「從中、港、澳、台出發的旅客」，不得入境菲律賓，但持有菲律賓護照或永久居留權者，不在此限。
【3】新冠肺炎攪局 義維持停飛陸台
新冠肺炎攪局，義大利1月31日起暫停對大陸直航，雙方幾經交涉後，義國仍維持停飛。義國衛生部長史伯蘭沙（Roberto Speranza）日前接受義媒專訪時強調，外交與經貿利益固然值得考慮，但都比不上健康重要。
【4】WHO會議 我以Taipei名義線上參與
世衛組織(WHO)今、明兩天在日內瓦舉辦新冠肺炎專家會議，中央流行疫情指揮中心監測應變官、疾管署副署長莊人祥指出，此次會議聚焦在新藥、疫苗的技術研發議題，我方提交的專家名單也全與新藥、疫苗發展有關，並確定將以「Taipei（台北）」名義參與視訊會議，專家則以個人名義與WHO簽訂保密協議。
【5】鑽石公主號台人求救 駐日代表處要求日本儘早撤離我乘客
受困鑽石公主號郵輪上的台灣知名魔術師陳日昇9日在臉書發出，盼我政府接回20多名台籍旅客的求救訊號。我駐日代表處10日已向日本外務省要求儘早撤離我國乘客。</t>
  </si>
  <si>
    <t>類風濕性關節炎是常見的自體免疫疾病，好發於中年女性，若疾病控制未達緩解目標，容易因為關節發炎腫痛、動作卡卡，不僅脫戴口罩需要更多時間，也難落實洗手完整步驟。為協民眾瞭解自身情況、促進醫病溝通，台灣抗風濕病聯盟推出「一分鐘微笑量表」，只要快速圈選身體狀況分數、疼痛分數等項目，即可找出對應疾病控制的4種表情符號。
台灣抗風濕病聯盟執行長蔡長祐表示，類風濕性關節炎屬於全身性自體免疫疾病，是破壞力最強的關節炎之一，台灣約有10至20萬名病友，常見發生於中年女性。因免疫系統失調，把自己的關節當成攻擊目標，造成關節發炎腫痛。其誘發疾病原因包括感染、壓力、溫度等，如長期治療未達標，關節恐持續破壞甚至變形。
值得注意的是，疫情期間，約有3成類風濕性關節炎病友未規律回診，造成病況失去控制，全身發炎。門診就有一名病友關節劇烈腫痛，走路彷彿機器戰警，手肘與膝蓋彎曲趨近90度，移動只能拖步走，這才趕緊就醫。
從事急診室護理師工作的32歲病友鄭小姐表示，15年前莫名手腕疼痛，一週後疼痛擴及全身、寸步難行，就醫確診為類風濕性關節炎，當時從停車場到診間的短短10分鐘路程，她卻要拚命忍痛走上2小時。不忍心看到爸爸因為她和妹妹兩人都罹患自體免疫性疾病而愧疚自責，鄭小姐積極配合醫囑治療，希望向爸爸證明，只要好好治療，自己也可以與正常人一樣生活。每逢天氣變冷或下雨，關節容易感到腫痛不適，加上血液循換變慢，不光洗澡洗頭、刷牙等生活作息，甚至連脫戴口罩、洗手等防疫基本功，需要關節的細部動作都覺得吃力，這樣偶爾不適的情況讓她不確定自己是否治療達標。
台灣抗風濕病聯盟董事長蔡世滋表示，每一種病症都有依循的治療目標，就像糖尿病應控制糖化血色素在7％以下，視力矯正目標需達1.0以上，發燒的治療目標應在38℃以下，類風濕性關節炎也有治療目標，臨床上常用「DAS-28」分數來評估疾病活動度，區別為疾病緩解、低疾病活動度、中疾病活動度與高疾病活動度等四種等級。
其中，以「疾病緩解」為類風濕性關節炎病友應追求的終極目標，使關節不腫痛、體內發炎指數正常，以延緩關節破壞。研究也發現，疾病緩解者在新冠肺炎感染後住院與死亡、併發心血管疾病事件與骨鬆性骨折等共病風險，可以比高疾病活動度病友減少1.94至2.48倍。然而，臨床觀察，卻有超過9成病友不知道個人治療目標，主要原因便是專業的評估方式過於複雜、且需套用特殊公式，在缺乏友善且有效的評估工具情況下，診間醫病問答常上演「我猜我猜我猜猜猜」。
有鑑於此，台灣抗風濕病聯盟結合醫學專業量表與國人生活形態，在官方臉書粉絲團(https：／／is.gd／D6OgrB)與Dropbox雲端（shorturl.at／cgA06）推出在地且評估方便的「一分鐘微笑量表」。病友只要快速圈選幾個項目，包括身體狀況分數、疼痛分數，以及評估是否困難或無法完成5大生活行為，如自行穿衣服、自行起床、舉杯喝水、自行清洗或擦乾身體與在戶外平地上行走，即可找出對應疾病控制的四種表情符號。這些表情符號包括：代表最佳目標緩解的「開心」臉、次之目標的低疾病活動度「可以」臉、或疾病不穩定的中疾病活動度「辛苦」臉，甚至是病況最差的高疾病活動度「難過」臉。
蔡長祐表示，每位類風濕性關節炎病友，都該知道自己是哪一「類」，藉「一分鐘微笑量表」掌握疾病現況並設定治療目標，建議每周定期評估，紀錄下個人微笑標章。待回診時，與醫師討論期間蒐集到微笑標章的變化，醫師也可以在專業評估後即時給予回饋，將有助於促進醫病間有效的溝通和對話，幫助醫師更精準用藥，幫助更多病友治療達標，畫出人生的微笑曲線。</t>
  </si>
  <si>
    <t>連江縣長劉增應今（31日）召開防疫會議，會中公布並無新增個案及居家隔離者，全縣居家隔離人數共116人，劉增應說，針對中央規畫於機場碼頭設置快篩站樂觀其成，但仍會爭取從自願快篩提升到全面快篩，避免造成離島防疫破口。
連線縣疫情指揮中心公布，今（31日）無新增確診個案，無新增密切接觸需居家隔離個案，31日零時解隔離5人為在台接觸者，目前居家檢疫5人，案5774、6441、6442、8114及其相關接觸居家隔離共116例、PCR篩檢皆為陰性，足跡已消毒完成；30日機場快篩24名，均為陰性。
劉增應表示，周遭有自台返馬人員要保持警戒，請其接受快篩，保護地區鄉親的健康，快篩請透過疫情指揮中心專線電話預約，推動地區商家多元支付避免直接現金給付以減少接觸傳播機會。
若出現發燒超過38度、嗅味覺異常、腹瀉或有呼吸道症狀，立即佩戴醫用口罩，撥打1922或聯繫衛生局，且避免搭乘大眾運輸工具前往。就醫時並應主動告知醫師為「自我健康監測」對象、接觸史及身邊是否有其他人有類似的症狀。如有任何防疫相關諮詢，請洽連江縣疫情指揮中心24小時防疫專線0963-772-160。</t>
  </si>
  <si>
    <t xml:space="preserve">國內7月27日起降至二級防疫警戒，除了雙北外，各縣市有條件開放餐飲、美食街內用，連鎖咖啡路易莎今天開第一槍，宣布將配合地方政府開放內用及洗手間，而星巴克、85度C、cama café還在討論中，最快今天會有結果。
明天(26日)是降為二級警戒的第一天，由於上次微解封中央地方不同調，讓這次連鎖咖啡業者也在觀望是否開放內用，而27日降級除了雙北外的縣市都有開放內用，全台超過500間連鎖分店的路易莎咖啡，今率先宣布依照縣市政府規範，預計全台超過222間分店會開放內用與洗手間。
路易莎表示，內用會遵照防疫指引，入店實施實聯制、量體溫、消毒手部、間隔1.5公尺梅花座、內用座位隔板，此外收銀區會再裝設隔板加強防疫，門市收銀人員須配戴口罩與面罩，而各店因防疫考量，營業時間仍保有彈性調整空間，以各門市公告為準。
其他連鎖咖啡店，伯朗咖啡表示27日以後仍禁止內用，星巴克、85度C、丹堤以及cama cafe還在討論中，預估最快今天宣布結果。
</t>
  </si>
  <si>
    <t xml:space="preserve">長期旅居東京的譚艾珍之女歐陽靖，因為近日在臉書上分享日本當地防疫真實狀況，對不少即將赴日旅遊的台灣民眾幫助甚多，未料也因此引來部分反彈聲浪。她今（15號）在臉書公開一則網友傳給母親的私訊，要她別再發表傷害日本的言論，而譚艾珍的回應也被網友大讚「說得好」！
歐陽靖在臉書公開母親譚艾珍收到的私訊，上頭寫著「請妳女兒不要發表，對日本有些傷和氣的言論。日本也很認真在防疫，何況日本人口比台多。感恩。」更透露母親接獲訊息後給她的回應是，「呵呵呵！如果說實話對他造成什麼利益損失，只好抱歉了！保護多數人還是比較重要吧！」
歐陽靖也重申，「日本政府防疫不力是事實，我不會因此而道歉。為了經濟而不顧國民生命安全的安倍政府本來就應該被罵，不只我在罵，日本民眾也在罵…」不解這網友所說的日本很認真防疫想法從何而來。
不過她也認為若批評日本政府造成反感，那決定今日再也不罵，「接下來，我將繼續分享日本疫情現況，但以不帶個人情緒的文字⋯ 請讀者自行判斷局勢，並做好自我保護。」
</t>
  </si>
  <si>
    <t>桃園市長鄭文燦說，桃園6大類疫苗優先人數約有10萬7265人，因應6月中可能開始施打，要增加接種能量，除過去流感系統每周6萬人，還要增加桃園體育館大型接種站、60個學校社區接種站、以及8個外展接種站，接種能量每周10萬人。
鄭文燦說，因衛生福利部上一階段把民航人員算進桃園、疫苗撥補不足，後來補了1萬劑，都已在上周五完成線上預約，今明兩天針對第一類非醫事人員、二三類警消衛環的第一線防疫人員、以及長照機構工作人員開打，一階段疫苗施打即將結束，醫護人員已近7成、外勤警察超過8成6、消防局超過9成3，希望下個階段疫苗配賦量多一點。
鄭文燦說，依據中央宣布，下階段是六大類加三族群要優先，分別是第一類醫事人員、第二類地方中央的防疫人員、第三類高風險人員、第四類公務出國人員、第五類警察憲兵值勤人員、第六類機構跟社福工作人員和住民，初步估算桃園有10萬7265人，昨中央又增加75歲以上、洗腎病患和長照住民，施打人數會再增加。
「我們疫苗接種計畫也做好準備，每周可達10萬人！」鄭文燦說，過去流感疫苗施打系統，34家醫院、250家診所以及13家衛生所全都會上線，每周達6萬人，另外在桃園體育館設大型接種站、日服務6000人，60個學校和社區的接種站、每周服務2次、每次400人，工業區等場所至少8個外展接種站、每站每日800人以上，增設的3類型接踵站每周達4萬人。
鄭文燦說，第二階段總共獲得日本捐贈AZ疫苗124萬劑，美國捐贈Moderna75萬劑，總共加起來199萬劑，待衛福部解封查驗後才能配賦到各縣市，目前還不知道各縣市的配賦量，但他強調會按照衛福部配賦的疫苗數量來施打，可望在6月中開始進行，會配合中央。
至於有市民在住家附近綁上「我要打疫苗」黃絲帶，鄭文燦說，希望有疫苗、能快一點、多一點、好一點，是大家共同的期盼，直言疫苗都是戰略物資，疫苗大廠掌握在美、中、俄、德、英等大國手中，且疫苗大廠也必須完成緊急使用跟原廠授權，現貨市場非常缺貨。
鄭文燦說，疫苗採購工作非常艱辛，民間不管來自各方的呼籲或要求，希望能轉化為動力，大家一起努力讓疫苗早日來到，按照秩序來施打才是關鍵，指責、對立、謾罵沒有辦法解決問題，只有團結、冷靜，運用各種力量、各種資源，努力爭取國際大廠疫苗到位，才是目前最大的挑戰。</t>
  </si>
  <si>
    <t>編者按：新冠肺炎疫情持續蔓延，防疫挑戰愈來愈嚴峻，全民的支撐將是防疫作戰決勝關鍵。《中國時報》基於媒體社會責任，即日起依疫情進展與防疫作為，推出〈民間防疫站〉交流平台，提供全民最即時、專業的防疫資訊，協助政府打贏這場戰役。
中小學明天開學，政府單位如臨大敵！為避免校園發生群聚感染，疫情指揮中心公布耳溫38度、額溫37.5度算發燒，且確診2例全校停課。前衛生署長、現任亞洲大學榮譽講座教授楊志良，與前疾管局長、現任南台科大生技系講座教授蘇益仁均呼籲，不管是不是新冠肺炎，只要身體不舒服，就不要上學。
最怕沒症狀也會感染
蘇益仁表示，現在新冠肺炎最大的問題是沒症狀也會感染，因此如果有社區感染風險時，當有1人確診，不曉得社區內有多少人被感染，「挑戰就在這地方。」量體溫的意義是發現是否有發燒，不只針對冠狀肺炎，也有可能是流感或其他病毒感染；不管是什麼病，身體不舒服就不要去上課。
楊志良指出，有國際雜誌研究，大陸7萬多個案中，儘管有2名新生兒從母體直接感染新冠肺炎，但9歲以下沒有死亡個案；39歲以下患者死亡率僅0.2％，而致死率隨年齡增加逐漸攀升，60幾歲是3.6％，70幾歲是8.0％。楊志良說，當大量社區感染時，大陸就是規定一個小區都不要動，大家在家隔離，畢竟資源有限，應將資源放在更需要的對象身上。
楊志良建議，除非該名年輕人有糖尿病、心血管等慢性病症狀，不然絕大部分年輕人都較無感染風險。他呼籲大學以下學生拿下口罩，把口罩留給醫護人員、照顧者、有重大傷病或慢性病的病患，或是工作上須長期及近距離接觸很多人的職業，如警察、大眾運輸業駕駛、櫃台人員、便利商店店員等。
沒上到課以後可補課
對於沒發燒卻有輕微咳嗽者，楊志良表示，咳嗽戴口罩是避免感染別人，所以外國人會覺得沒病戴口罩很奇怪；學校也不要強調全勤，學生身體不舒服就回家休息，沒上到課，之後可補課。</t>
  </si>
  <si>
    <t>立法院院會今日針對新冠肺炎特別預算進行總質詢，立委張宏陸建議，今年清明掃墓，希望呼籲民眾縮短掃墓時間，降低感染新冠肺炎的風險。主管宗教事務的內政部長徐國勇也表示，希望大家去燒香後，簡短結束儀式後結束，不需要花一個早上時間掃墓。
徐國勇表示，清明節如果不去掃墓燒香，有人會覺得很奇怪，建議簡短儀式後就結束。立委的建議很有道理，國會質詢直播後大家都會看到這段呼籲，希望大家可以縮短掃墓時間，降低暴露在新冠肺炎病毒下的風險。</t>
  </si>
  <si>
    <t>好萊塢疫情不斷，台灣時間17日新冠肺炎病毒確診數增加3例，包含《雷神索爾》47歲英國黑人男星伊卓斯艾巴（Idris Elba）、《冰與火之歌：權力遊戲》41歲挪威男星克里斯多夫希弗哲（Kristofer Hivju）及《冰雪奇緣2》26歲美國女星瑞秋麥修斯（Rachel Matthews）陸續自揭染疫，並接受隔離治療。
伊卓斯艾巴以漫威電影《雷神索爾》系列中的彩虹橋守護者「海姆達爾」最為出名，他表示是因為與確診病例接觸過才接受篩檢，沒想到結果為陽性。而網友推測他上周在倫敦與確診的加拿大總理夫人蘇菲格雷戈瓦（Sophie Gregoire）出席同一場慈善活動，極可能因此被傳染。
《駭客任務4》熄火
在夯劇《冰與火之歌：權力遊戲》飾演「野人托蒙德」的克里斯多夫則表示，自己和家人都在家中自主隔離，並向外界呼籲：「你們要非常小心！」他3周前才新加盟演出Netflix影集《獵魔士》第2季，結果爆出染疫消息後，該劇組停止在倫敦的拍攝，並關閉片場清潔消毒，同劇演員和工作人員自我隔離14天。
好萊塢除了名人染疫外，大片停拍消息更不間斷，包含名導詹姆斯卡麥隆（James Cameron）的《阿凡達》系列電影、男神基努李維（Keanu Reeves）的《駭客任務4》、「蜘蛛人」湯姆霍蘭德（Tom Holland）改編電玩遊戲的《秘境探險》都也逃不過無限期停機的命運。
據《紐西蘭先驅報》報導，《阿凡達》系列續集已停止原訂4月紐西蘭的拍攝計畫，製片強蘭道（Jon Landau）證實團隊已取消飛往威靈頓的計畫。同樣於紐澳地區停拍的劇組還包含《魔戒》影集、梁朝偉的漫威電影《尚氣》、湯姆漢克（Tom Hanks）的《貓王》傳記電影。
《秘境探險》停拍
而因德國疫情加溫而停拍的《駭客任務4》，原訂本周到當地準備拍攝，不過仍宣布停拍。此外，湯姆霍蘭德主演的《秘境探險》改編暢銷電玩遊戲，籌備過程波折不斷，導演一口氣換了7次，好不容易敲定人選，原定下月在柏林開拍，沒想道再次面臨停拍窘境。
在全球停拍的電影還有羅伯派汀森（Robert Pattinson）的《蝙蝠俠》、J.K.羅琳《怪獸與牠們的產地3》、威爾史密斯（Will Smith）的《King Richard》、卡蜜拉（Camila Cabello）的真人版《灰姑娘》等等，至於印度寶萊塢則到3月底前停止拍攝。</t>
  </si>
  <si>
    <t xml:space="preserve">新冠肺炎疫情持續延燒，全台陷入口罩荒，醫療用口罩大缺貨外，就連濃度75％藥用酒精也難求。高市衛生局12日表示，若民眾透過網路在拍賣平台及臉書，或是實體場所等通路未經許可販售，恐涉及藥事法，最高可罰200萬元。
藥政科長朱孝芳指出，目前尚未查獲不法販售口罩及藥用酒精，但提醒民眾「醫用口罩」屬於醫療器材管理，而「濃度75％藥用酒精」屬於乙類成藥管理，藥商（局）除需有實體通路外，還得向當地衛生局申請登記通訊交易通路事項，才可於網路販售。
朱孝芳提到，百貨店、雜貨店及餐旅服務商則必須經由工商登記載明「乙類成藥零售業」，才可以販售乙類成藥，民眾不得擅自於網路或其他未經許可場所販售。
高市社會局近日則針對獨居且行動不便身心障礙者及偏遠地區獨居長輩，發送關懷口罩計1597人，提供每人每7天2片口罩。交通局則與威摩科技（WeMo Scooter）、iRent共享電動機車及夠酷比共享電動自行車等共享運具業者就所屬共享運具，每日巡檢時，加強車輛、安全帽配件與環境消毒作為。
高市府為服務廣大的新住民朋友，也取得衛福部疾管署教導正確戴口罩的影片授權，新增越南語、泰語、印尼語、柬埔寨語版本，歡迎全國各縣市政府以及中央轉傳下載，共同防疫宣導。
</t>
  </si>
  <si>
    <t>公費疫苗預約平台上有300多萬人想打莫德納疫苗，但指揮中心昨天(8日)證實最後可能只有不到百萬人能夠如願打到。衛福部長陳時中今天重申莫德納的分配戰略，認為要以擴大第一劑涵蓋率為主，第二劑涵蓋率非目前的重點項目。
我國疫苗到貨量相當吃緊，目前莫德納僅到貨百萬餘劑，加上美國捐贈的250萬劑莫德納，等於目前共有300多萬人打過第一劑，現在卻可能因為後續到貨接不上，無法在時間內完成第二劑接種。
陳時中今天坦言，若接種第一劑莫德納的民眾，無法在時間內接種第二劑，有可能會造成疫苗保護力下降，「但還是比沒打的人要高很多」，他也指出，現在國際上仍然在搶疫苗，導致疫苗到貨時間無法掌握，若後續到貨情況理想，當然能讓更多人接種第二劑，因此現階段還是以擴大第一劑接種為主。
陳時中說，若加上美國贈送的250萬劑莫德納，我國共有855萬劑莫德納，目前是規劃先讓400萬人接種第一劑，剩下的留做第二劑。
至於媒體頻頻追問打完第一劑、未打第二劑的人數有多少？若莫德納無法及時抵台。是否會進一步延長第二劑接種時間？陳時中都未回應，不斷強調打第一劑已產生一定保護力，總比完全沒打的人好，現階段追求第一劑覆蓋率，也比提高第二劑覆蓋率來的重要。</t>
  </si>
  <si>
    <t>口罩現在成為每個人的生活必需品，但要美觀、實用卻不容易。北科大教務處日前舉辦「創意北科口罩設計比賽」，鼓勵學生發揮美感設計抗疫必備的口罩圖樣，並將獲選第1名的口罩設計實際量產，近日送出6000片給鄰里及醫護人員使用。
獲選第一名的北科大工業設計系創新設計碩士班同學呂俊翰說，他設計的口罩以北科大校徽為主題，使用藍綠漸層為主色調，將校徽的橢圓造型衍伸出炸裂、無限、宇宙等新元素，還融入象徵生態校園的烏龜，展現想像力與創造力。
北科大將獲選第一名的口罩設計實際量產，近日由校長王錫福代表致贈3千片與學校附近的民輝里、昌隆里、朱園里，還由教務長楊士萱代表致贈3千片與台北市立萬芳醫院，攜手鄰里醫護共同對抗疫情。
王錫福指出，自新冠肺炎疫情爆發後，學校師生與周邊鄰里一心落實防疫工作，共同守護社區。在疫情關鍵時刻，校園周邊的民輝里、昌隆里、朱園里持續宣導防疫措施、環境清消，一同打造社區安全網絡，每一片設計口罩都代表著北科大的一片愛心，希望幫助大家順利度過疫情。
為感謝防疫前線的醫護人員，北科大也將設計口罩送到台北市立萬芳醫院，由萬芳醫院院長陳作孝代表受贈。楊士萱表示，站在第一線照顧確診病患的醫護付出與貢獻有目共睹，盼將學生的創意與學校的敬意傳達給醫護人員，感謝他們為台灣醫療挺身而出，盡心盡力。
萬芳醫院院長陳作孝表示，此款兼具設計與活潑配色的口罩為醫護同仁轉換風格並帶來愉快心情，也十分肯定北科大呂同學活用設計專長、貢獻一己之力替醫護人員加油打氣的用心。</t>
  </si>
  <si>
    <t>基隆市累計301例確診個案、21人死亡，其中衛生福利機構群聚案占58人、11人病逝，市議員王醒之認為，養護機構占比高，是另類的高確診率、超高死亡率、超高致死率，要求市府檢討，對此，衛生局表示，第一起案例爆發時，已請中央給予建議、持續監控，並坦言逸嘉養護中心群聚案不好處理。
王醒之表示，基隆301例確診，其中洗腎、護理之家、養護之家相關確診案，共58例，占19.26％，最嚴重的是逸嘉養護中心，已有31人染疫，他提及，逸嘉6月3日爆發第1例，到6月12日累計13例，卻只實施降載計畫，直到端午連假過後6月15日才執行清艙作業，移出所有住民住進防疫旅館。
王醒之質疑，中間延誤了13天，究竟是誤判，還是市府找不到集中收治場所，他說，關鍵不在病毒狡猾，或3天執行1次PCR篩檢，更不是中央接管指導等，而是在養護機構、洗腎中心爆發第1例開始，至今不僅高確診率，更有超高死亡率、超高致死率的現象，要求相關單位檢討。
對此，衛生局長吳澤誠回應指出，養護機構第一例確診出現時，立即請中央防疫醫師給予指導，並實施提高防護裝備、落實分艙分流等防疫措施，並要求所有洗腎診所和養護機構比照辦理，他說，逸嘉群聚案相較不好處理，感染源來自洗腎診所，也只有一個樓層，因此只能將住民帶到防疫旅館分流，一人一室。
吳澤誠說，養護機構群聚案件中，仁愛護理之家已解除隔離，安泰護理之家則是將紅區住民移到醫院，其餘最慢今天解隔離，至於逸嘉已有8綠區住民返回中心，他進一步提及，基隆致死率高具潛在因子，死亡年齡平均78歲， CT值19上下，代表病逝者處於高度感染期，防疫單位也進一步針對13人進行抗體檢測，有12人治療後還是無法產生抗體，其中多為慢性病患、年齡高者。</t>
  </si>
  <si>
    <t>台北市林森北路錢櫃今(26)日發生嚴重火災，對此中央流行疫情指揮中心呼籲，現在是防疫階段，業者一定要做好空間的人流管制，年輕朋友這段時間也應盡量減少外出。陳時中則再次提醒，若業者無法落實社交距離維持，就會「叫他關門」。
指揮中心副指揮官陳宗彥對於今天的林森大火提到，消防安檢不是開玩笑，地方平常都有做公安檢查，大家都很徹底的在做，但對於落實面，他提醒業者，不要只有檢查的時候做好，平常也要做好相關疏散撤離的演練與準備。
陳宗彥表示，現在防疫期間，KTV跟平常營業相比人潮已經有減少，人潮是否有從酒店或是舞廳轉移到這裡是兩件事情，他指出，KTV是年輕人愛去的地方，呼籲防疫階段，業者要做好空間管理人流部分，也請年輕朋友這短時間盡量減少外出。
指揮官陳時中則提醒，防疫期間，不會有強烈緊縮要業者不能營業，但規範維持社交距離和戴口罩不變，若規定不能謹守，屢次再犯就會叫他關門，他也強調，這些呼籲和這次火災是兩件事情。</t>
  </si>
  <si>
    <t>「印度神童」阿南德（Abhigya Anand）日前曾於最新影片中預測，下半年因木星行逆行，許多國家將面臨第三波疫情，至於高峰則落在明（2022）年4月。對此，命理專家小孟老師抱持不同看法，表示明年的星相是難得大好的星相，且明年2月後就會很順，疫情可以控制。
小孟老師於談話性節目《新聞挖挖挖》中指出，看星相後發現，明年4月的星相是難得的大好星相，因為金星、火星、木星及海王星皆落在雙魚座，且全部都是順行；反而是今年下半年有7顆行星都逆行，因此下半年會很不順。
小孟老師進一步說，明年2月過後，就會開始一路很順，因為星相都是走雙魚座的關係，但也因為雙魚座都走水、走海，也就是說明年幾乎都是屬於水災、淹水等災害，不過疫情方面是可以控制的。
另外，針對阿南德曾說不能只單靠疫苗抗疫，否則長期下來恐會造成無法彌補的傷害，命理師廖美然解讀，阿南德可能是認為我們目前僅靠疫苗對抗新冠病毒，使身體得到抗體，但打疫苗身體產生抗體後，卻不清楚是否對人體內產生後遺症，才會有此一說。
★《中時新聞網》提醒您：民俗傳說僅供參考，請勿過度迷信。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
因為新冠肺炎疫情的爆發，在英國有三分之一的病患，因此而中斷了癌症的療程。甚至有病患因為肺炎疫情取消了掃描、測試、手術、化療或是放射療法，對病情有著嚴重的影響。
根據英國媒體《每日郵報》報導指出，他們追蹤1900名癌症患者在新冠肺炎流行期間的醫療狀況，有三分之一的人說他們的療程有被新冠肺炎疫情影響到，而有42%的人表示他們關鍵時間點的測試檢驗因為疫情而取消，甚至被醫院遺忘有登記療程。而從今年3月起，不少英國醫院取消了癌症的治療，他們將重心放在新冠肺炎的患者治療上。有一名罹患四期肺癌與乳腺癌的73歲婦女，甚至表示她與她所屬醫生的門診已經延後了兩次。
而英國國民保健署也曾統計，今年5月，英格蘭的醫生進行了約106535例緊急癌症病例的轉診，但在2019年5月確有200599例緊急癌症病例的轉診，現在幾乎只有去年的一半。而且現在有5萬5500多人在醫院等待癌症的相關檢查，同時有超過200萬人等待乳房、大腸與子宮頸的檢查。
英國癌症研究中心首席執行官米歇爾（Michelle Mitchell）曾表示，在新冠肺炎大流行之後，NHS已經開始恢復癌症的治療，越來越多人被送往醫院檢查。但由於過去累積了許多等待測試與需要治療的患者，所以可能需要一點時間來處理。
更多 CTWANT 報導
</t>
  </si>
  <si>
    <t>法務部上月核定新一波檢察首長人事案，並呈報行政院，法務部原定3月3日或4日舉辦交接典禮，但因新冠肺炎疫情持續升溫，行政院忙於各項防疫措施，相關公文暫時擱置，連帶影響10多名檢察首長迄今尚未交接上任新職，因此有法界人士戲稱，就連檢察首長人事也成為這波肺炎疫情「受災戶」。
法務部檢察官人事審議委員會2月21日討論檢察首長人事案，其中，台北地檢署檢察長邢泰釗升任台灣高檢署檢察長，北檢檢察長則由高雄地檢署檢察長周章欽接任。
這波檢察首長人事案，包括高檢署檢察長邢泰釗、台北地檢署檢察長周章欽、新北地檢署檢察長王文德、桃園地檢署檢察長王俊力、新竹地檢署檢察長郭永發、台中地檢署毛有增、南投地檢署張曉雯、雲林地檢署洪家原、台南地檢署葉淑文、高雄地檢署莊榮松、橋頭地檢署洪信旭、屏東地檢署黃謀信、台東地檢署陳松吉、花蓮地檢署俞秀端、澎湖地檢署李嘉明、金門地檢署張云綺、連江地檢署張介欽。
另法務部主祕由台中地檢署檢察長陳宏達接任、法務部檢察司長由台南地檢署檢察長林錦村接任、新北地檢署檢察長朱兆民接任台高檢主任檢察官。</t>
  </si>
  <si>
    <t>教育部公布最新學生確診人數，從4月20日到6月2日下午5時30分止，共有352位學生確診，較前一天的342人多10人。這是教育部從5月20日公布學生確診人數以來，單日增加最少的一次。
教育部表示，352位確診學生中，包含大專院校生134人、高中生59人、國中生48人、國小生76人、幼兒園生352人。過去在疫情高峰時，學生確診人數曾經單日增加47人，這次僅增10人，是最少的一次。</t>
  </si>
  <si>
    <t>新冠肺炎疫情失控，全台陷入恐慌。新北市市長侯友宜率先在12日疫情爆發之初，喊出「該封城就封城」，當時引發不小爭議，但隨後續疫情不斷升溫，侯的聲勢也水漲船高。國民黨中常委呂學樟直言，最近疫情嚴峻，歡迎侯「盡量表現」，若能在防疫期間表現卓越，向藍營與全國人民展現出治理城市甚至「治國」能力，2024年總統大選推侯出來也不是壞事。
雙北已提升至第三級警戒，若疫情無法降溫，國民黨主席選舉是否延期引發關注。呂學樟今日（18）接受香港媒體《中評社》訪問表示：「這是小事。」強調疫情可望讓國民黨主席選舉「更單純」，延期與否都是小事，民進黨執政處理疫情荒腔走板、不顧人民健康、跟不上國際抗疫腳步，這些問題「才大條」。
呂學樟痛批，民進黨政府對於疫苗安排、採購與防疫，沒有任何積極作法，人民只看到民進黨自私自利，像是明知自家立委要求機師檢疫放寬造成防疫破口，卻也沒有任何道歉；在這個情勢下，國民黨主席選舉早已不是民眾關心重點，反而是這場疫情讓民眾從侯友宜身上看到「國民黨的希望」，侯面對疫情展現出過人的決斷力，他也歡迎侯「盡量表現」，若表現好將能讓更多人看到治理城市之才，甚至是治國的才能。
呂學樟坦言，侯友宜基本上不會選黨主席，頂多被列入2024年總統熱門人選，所以他歡迎侯在疫情期間「盡量表現」，如侯真通過疫情考驗，2024年總統大選推侯出來，「相信也不是壞事」。呂更表示：「為何都是檯面上這些人選呢？」並指出像新北市前市長朱立倫，無論選黨主席或總統都並非全無機會，但現在就是欠缺舞台無法好好表現，只要有好表現也會有機會；若侯表現不好，2024年的參選與角色問題，也不會一直被拿來討論。</t>
  </si>
  <si>
    <t xml:space="preserve">歐盟24日將4款大陸出口的口罩列為「嚴重」警示產品，指出口罩的微粒過濾能力不足，無法有效阻擋空氣中的汙染微粒，當中一款過濾效率甚至低於50%，如果民眾沒有穿戴其他防護裝備，只戴上這種口罩的人仍可能染病。
歐盟為保障消費者所設立的「非食品產品快速警示系統」（rapid alert system for dangerous non-food products）每周五都會發布報告，羅列各成員國當周回報的各國市面上發現的危險產品。根據24日最新報告，當中列出了4項大陸出口的口罩，明確指出這4款口罩微粒過濾率不足，其中一款FFP2等級的口罩過濾效率甚至低於50%，其他款KN95、FFP2等級口罩過濾率分別低於86%、76%及75%。
報告指出，這些口罩並不符合歐盟個人防護裝備法規（Personal Protective Equipment Regulation）及相關口罩EN 149標準，微粒過濾率不足，因此可能讓過多微粒、微生物穿過口罩，如果沒有其他防護設備，將增加感染風險。
報告將這4款口罩的警示級別列為「嚴重」（Serious）警示級別。
大陸新冠肺炎疫情趨緩，北京轉而向各國出口口罩及病毒試劑，不過這些醫療用品品質屢遭質疑，例如比利時先前就抱怨大陸出口的300萬片FFP2等級口罩完全不符合標準，荷蘭最近也點名，60萬個大陸口罩無法貼緊臉部，過濾效率也不足。
針對口罩品質屢遭質疑，香港01報導，大陸商務部、海關總署、國家市場監督管理總局25日聯合發布公告，宣布將進一步加強醫療口罩出口的品質控管，26日起，出口的非醫療口罩也應當符合大陸及國外標準。
</t>
  </si>
  <si>
    <t>美國總統川普剛結束首場總統大選辯論後，接連搭機趕場造勢行程，不過他的親近幕僚希克斯（Hope Hicks）辯論後與川普搭上同班機，經檢測已確診新冠肺炎；目前仍在等待檢測結果的川普也宣布已開始進行隔離程序。隨後，川普在推特上表示，他與第一夫人皆已確診。有韓粉聞訊，直接回「系厚」二字，但也有韓粉認為這可能是川普為選舉所搞的「奧步」。
據《每日郵報》指出，根據一名川普政府匿名官員表示，剛一同與川普參加9月29日辯論的希克斯，隔日仍與川普同搭機赴造勢大會，但她已於1日確診，為川普身旁傳出確診的所有人士中，最接近他的一位。
據美媒《CNBC》報導，川普也證實希克斯確診，表示自己也剛接受檢測並等待結果。他表示，希克斯工作勤奮，「並戴上很多次口罩」，依舊確診，自己與第一夫人也都接受了檢測並等待結果，「或者要隔離、或者已確診，我們不知道」；隨後他在個人推特上表示，自己與第一夫人已開始進行隔離程序。
川普確診消息一出，有韓粉直接回「系厚」二字，其他韓粉則紛紛表示：「搞不好是操作」、「想用這種方法沒收大選？」「這是奧步嗎？」「有趣又有戲，辯論那天口水亂噴，拜登也要檢查一下」、「老人確診很危險」、「可惜啊！美國還需要靠瘋川才能加速衰敗」、「還不注重防疫，罪有應得！」</t>
  </si>
  <si>
    <t>大陸國家主席習近平首次公開和美國總統川普隔空較勁。川普昨日公開表示，世界衛生組織「非常偏袒」大陸，還稱「許多人對世衛的做法感到不高興，覺得非常不公平」後，習近平發了一封公開信給世衛組織祕書長譚德塞，稱讚他積極推動抗擊疫情國際合作，得到國際社會廣泛認可，將繼續堅定支持譚德塞和世界衛生組織在國際抗疫合作中發揮積極領導作用。
川普昨天在回覆佛州參議員魯比奧的提問時表示，在新冠肺炎引起的危機上，世衛組織非常偏袒大陸。「我認為一定很多人談論非常不公平，我認為很多人覺得非常不公平」。美國國會議員斯特比Greg Steube甚至表示，「一旦全球疫情得到控制，世衛和中國要面對後果」。而日本副首相麻生太郎昨日也補刀，表示WHO應改名叫「中國衛生組織」。
加拿大人伊普（Osuka Yip）在網路上發起連署要譚德塞下台，目前已超過50萬人簽署，反譚（彈）者希望能盡快達到100萬人的支持。
北京和華盛頓在此之前，早就進行了好幾輪角力。先是雙方外交系統發言人互相叫陣，最近則集中在稱新冠病毒是「中國病毒」上，在川普髮夾彎重新稱新冠病毒後，雙方在國際上的較量並未停息。
美國國務卿蓬佩奧表示，7大工業國集團（G7）成員國一致反對大陸藉疫情從事「假消息」活動。G7外長因應新型肺炎疫情舉行視訊會議，但會後卻未發表聯合聲明。美國媒體披露，國務卿蓬佩奧堅持於聯合聲明中加入「武漢病毒」（Wuhan Virus）一詞，結果遭到其他七國集團成員拒絕。
不止在G7發難，美國國家廣播公司也報導，美國聯合國官員在安理會討論國際社會如何共同防疫時，美方提出安理會應該要以文字形式表明新冠肺炎源自武漢，並且希望列出在當地傳播的確切時間。大陸駐聯合國代表當場被激怒，要求在聲明中放入大陸防控疫情為世界贏得了時間的文字，最後因各有堅持陷入僵局。
值得重視的是，國務院在日前發布聲明時特別提到了台灣，而《台北法案》3月12日獲得國會通過，送交川普簽署。但川普一直並未簽署。一般預料，川普如果在最後一刻高調簽署法案，就代表有意向北京下馬威。而如果是不簽署而讓法案自動生效，則顯示川普有意低調處理。</t>
  </si>
  <si>
    <t>新冠肺炎疫情仍持續擴大，英國近日出現24小時內因肺炎過世人數超過百人，26日死亡人數共115人。影后鮑起靜最近到當地探望女兒，發現女兒發燒，醫院卻以「非緊密接觸者」為由，拒絕讓她入院，讓鮑起靜心疼開罵。
70歲的鮑起靜被封為亞視之母，其父是已故資深男星鮑方，弟弟鮑德熹還得過奧斯卡金像獎最佳攝影獎，近年鮑起靜曾演出電影《麥路人》。據香港媒體報導，她2月中拍完網劇《女法醫JD》後便飛往英國探視女兒，抵達英國後便居家隔離14日，期間愛女卻因生病發燒不退。
報導指出，鮑起靜女兒發燒了一個多月，但醫院拒收，稱她並非「緊密接觸者」就打發回家休養，幸好最後順利退燒，但鮑起靜仍相當火大，在臉書上咒罵英國政府：「那麽多人崇拜的大英帝國！請你不要這麼廢啦！到一個點了！救救你的人民！」有人關心發生什麼事，鮑起靜再回：「要你自生自滅呀！搞什麼X政府！」</t>
  </si>
  <si>
    <t xml:space="preserve">
新冠肺炎疫情延燒，不少演藝圈名人紛紛對國內外疫區伸出援手，包括大陸知名女星楊冪等人於26日向西班牙馬德里、巴賽隆納捐贈醫療物資，包括10台PAPR正壓式頭罩、500件VG防護服及500個護目鏡等，今由北京中轉深圳送往當地兩家收治重症最多的醫院，愛心不落人後。
楊冪近期常在微博發文為第一線醫療人員打氣，她看得出相當關心疫情，據陸媒報導，這次已經是楊冪的第六度捐贈物資，在疫情爆發後，她也曾以個人名義透過壹基金捐款20萬（人民幣，下同），也與《謝謝你醫生》劇組一起捐款10萬元至韓紅基金會，此外，又聯合公司名義捐贈10萬個口罩、990件防護服以及消毒水15箱至疫區。
更多 CTWANT 報導
</t>
  </si>
  <si>
    <t xml:space="preserve">昨（5日）起至10月18日餐飲業室內用餐免用隔板，高中以下校園學校防疫指引也免用隔板，不過部分便利超商、部分校園及幼兒園為確保無違規，靜候公文通知中。
雲林縣一家便利超商的桌子5日深夜仍放著透明隔板，店員說等店長獲得確定的通知才會取下。
斗南鎮幼兒園也還不敢放鬆，翁姓園長說尚未接到正式公文，仍謹慎為之，先前使不使用隔板，家長有不同看法，有些支持、有些不支持，等到教育部的新指引下來再取消隔板。
園長表示，使用隔板用餐以來，用餐準備時間延長，有些小小朋友因為看不到其他小朋友吃的速度，時間管理會疏忽。
雲林縣政府教育處表示，5日接獲教育部高中以下防疫新指引的公文，已經轉知各校，應該今天（6日）都會收到。
</t>
  </si>
  <si>
    <t>來自西班牙的世界知名男高音多明哥（Placido Domingo）驚爆確診新冠肺炎，高齡79歲的他尚未退休，每次演出場場爆滿。他23日在臉書發文表示自己先前有發燒和咳嗽等症狀，經新冠肺炎篩檢呈陽性反應，「目前我和家人自我隔離，要隔離多久則依病情而定，現在狀態一切無虞。」
多明哥並無多加透露是在何時、何處染疫，但呼籲民眾需要保持高度戒備。多明哥演唱生涯60餘年，唱功一流，曾出過100多張專輯、4000多場演出，演唱的角色多達150位，曾在2002年與台語天后江蕙合唱《雨夜花》，在歌劇界地位舉足輕重，但去年8月驚爆性騷醜聞，重創形象。
無獨有偶的是，日前因性侵等罪被判刑的67歲好萊塢知名監製哈維韋斯坦（Harvey Weinstein）也傳確診。正在獄中服刑的他，健康狀態本來就不太好，23日被多家外媒爆料，據知情人士向《華盛頓郵報》透露，哈維韋斯坦上周移轉至監獄之前，早已在醫院開刀時感染新冠肺炎。對此，《綜藝報》則披露哈維韋斯坦的經紀人、律師的回應，表示目前沒有接收到相關消息，更無法證實消息，並相信他入獄以來保持隔離狀態。</t>
  </si>
  <si>
    <t>浙江省衛生健康委今天表示，3月15日0-24時，浙江省無新增新冠肺炎確診病例，新增出院病例2例，皆為杭州市確診病例。至此杭州除14日通報的1例境外輸入性病例外，本地的181名確診病例已全部治癒出院。
資料顯示，截至3月15日24時，浙江省累計報告新冠肺炎確診病例1231例(其中境外輸入病例14例)，現有重症病例1例(其中危重1例)，累計死亡1例，累計出院1213例。
確診病例中，杭州市182例(其中境外輸入病例1例)、寧波市157例、溫州市504例、湖州市12例(其中境外輸入病例2例)、嘉興市45例、紹興市42例、金華市55例、衢州市14例、舟山市10例、台州市146例、麗水市28例(其中境外輸入病例11例)、浙江省十裡豐監獄36例；重症病例中，嘉興市1例；死亡病例中，溫州市1例；出院病例中，杭州市181例、寧波市157例、溫州市501例、湖州市10例、嘉興市44例、紹興市41例、金華市55例、衢州市14例、舟山市10例、台州市146例、麗水市18例、浙江省十裡豐監獄36例。
目前該省共追蹤到密切接觸者42954人，當日解除醫學觀察79人，尚有991人正在接受醫學觀察。
除杭州外，浙江的寧波、湖州、金華、衢州、舟山、台州、麗水等7市此前均已實現本地確診病例「清零」。
新冠肺炎，清零，杭州，浙江，春茶，輸入病例，確診病例，寧波，湖州，金華，衢州，舟山，台州，麗水，大陸</t>
  </si>
  <si>
    <t xml:space="preserve">全球受新冠肺炎疫情影響，印尼宣稱的境內零確診神話破功，印尼總統佐科威（Joko Widodo）今（2）日宣布，境內出現2起新冠肺炎確診病例。
路透社報導，印尼總統佐科威今日宣布，印尼出現2例新冠肺炎確診病例，這是這個全球第四大人口國首度傳出疫情。
佐科威表示，確診的是一名64歲婦女以及她的31歲女兒，當局相信，母女倆的感染源來自於一名居住在馬來西亞的日本人，這名日本遊客先前曾到印尼旅遊，返回馬來西亞後確診感染新冠肺炎。
衛生部長普蘭多（Terawan Agus Putranto）表示，日本訪客是母女倆家人的朋友，旅遊印尼期間曾到她們家拜訪。有關當局目前已經追查日本訪客在印尼期間曾基接觸的人。
目前母女倆正在首都雅加達的蘇里安提沙洛索醫院（Sulianti Saroso Hospital）進行治療。
印尼一共有超過2.6億人口。
</t>
  </si>
  <si>
    <t>政府昨宣布713微解封，今天（9日）新增36例COVID-19確定病例，分別為32例本土及4例境外移入；其中臺北市19例最多，其次為新北市11例、桃園市2例；新北市確診從昨日的+5，到今日又跳回雙位數的+11，是否代表疫情並未停歇？市長侯友宜記者會發表最新說明。
昨日中央宣布13日起開放餐廳、百貨公司美食街可依指引內用，此外，包括電影院、表演場館、國家風景區、遊樂園、駕訓班、健身房等也適度鬆綁；但新北市長侯友宜上午卻宣布，餐廳持續禁止內用，其他只要影響到疫情的場所，新北市都會嚴肅面對，一律採取不開放為原則。
針對詳細管制措施，侯友宜記者會上表示，新北今日新增11例，有關台北的確診者，大多感然源來自北農、環南市場和職場，至於新北市3名確診者中，有2例軌跡仍在釐清。
另侯友宜提到，新北市社區篩檢從5月開始就不停歇，連續好幾日篩檢出的陽性患者數量約0-3人，相信只要雙北持續擴大篩檢量，疫情定能越來越穩定。
又針對「微解封」議題，侯友宜分析中央指引後，認為該政策對地方政府和業者來說，執行面都相當困難，因此新北市決定一致性處理，避免社區感染再出現隱形傳播鏈或破口，加上北農、環南目前每日都有新增個案，新北還是得謹慎面對放寬政策，加上疫苗還是不夠，就全台來看，新北依舊屬於台灣疫情重災區，絕不能掉以輕心，不能冒進，所以接下來，新北市會將三級警戒當作原則，放寬視為例外，場館持續關閉包括圖書館、電影院、藝文中心、學校操場、國民運動中心與公有運動場館會持續關閉，當初最先關閉的會最後開放，公有場館原則都不開放，局部要開放的部分也是很小部分，博物館、藝文園區室內不開放，戶外容留人數降載40％，景區實施人流降載，未來視疫情做滾動式檢討與調整。
侯友宜也提到，雙北都是疫情重災區，重災區採取策略跟方式，當然會跟其他縣市不一樣，新北還是以警戒三級為原則，開放才是例外，會更嚴謹落實防疫，步步為營。
另侯友宜強調，所有作為會轉知給台北市知道，希望兩市還是以區域聯防、防疫為最主要的優先，大家同心齊力把防疫作好，才是現階段最重要的方向。
★《中時新聞網》提醒您：
因應新冠肺炎疫情，疾管署持續加強疫情監測與邊境管制措施
如有疑似症狀請撥打：1922專線，或 0800-001922
並依指示配戴口罩儘速就醫，同時主動告知醫師旅遊史及接觸史，以利及時診斷及通報。</t>
  </si>
  <si>
    <t>國內龍頭台大醫院員工確診！台大今早發出聲明，指工務室一名員工於5月18日出現發燒症狀，傍晚採檢陽性，已通知全辦公室接受採檢，並進行環境採檢及清潔消毒。目前共36人採檢完畢、全數隔離，其中10人確診；據悉有人有萬華地區足跡，但仍需進行疫調。
台大副院長、發言人王亭貴召開記者會表示，台大任何人只要有疑似症狀，如發燒、腹瀉等，都會被要求採檢，採檢陰性才能上班。密切接觸者就算沒有陽性，也要隔離14天。
由於確診事件爆發，王亭貴希望有症狀者儘量別來台大，「因為我們可能沒有這樣的量能，急診現在可以處理的是比較急的新冠肺炎重症，台大責無旁貸。輕症的話，台大已和衛生局協調，希望改到其他醫院。」
王亭貴再三強調，住院病人確診才是院內感染，這是員工從外面染疫，並不符合院內感染定義。他說，台北市有很多潛在的社區感染，行政人員、醫療人員在外都有可能染疫。
台大即起48小時內，8000多名員工分批快篩，由於醫療人員採輪班制，到院上班前一律先篩檢，陰性才准上班。初步環境採檢，有3個地方陽性，集中東址地下3樓的工務室辦公室，研判病人傳染給工務室員工的機會不大。
台大表示，即日起停止（延後）非緊急住院、手術／門診手術、檢查、治療、健康檢查（含老人健檢）等服務；已預約接種自費COVID-19疫苗民眾，強烈建議延後。所有預約後續均可憑預約單來電改期。
另即日起也不收新病人入院，同時進行門診降載，非緊急病人延期就診。全院員工普篩，直至確認所有環境採檢均為陰性。
台大強調，衝擊醫療量能實屬不得已，也請大眾容許讓院方有時間處理，確保後續能有個安全的環境為台灣人民服務。</t>
  </si>
  <si>
    <t>隨著新冠肺炎疫情持續爆發，各國政府不斷督促民眾前往接種站施打疫苗，但沒想到卻也因此造成家庭糾紛。菲律賓一名女子日前原本想找丈夫陪她去接種疫苗，但丈夫卻以忙碌婉拒，沒想到女子前往接種站時，卻看到老公與小三一同現身，讓她氣得衝上前狂毆對方。
根據大陸媒體《中國報》的報導，來自菲律賓的一名女子在當地預約到疫苗後，便要求丈夫陪她去接種站，但丈夫卻以「自己很忙」拒絕了她，女子只好找姊妹陪同接種疫苗，沒想到當她們一到接種站，卻看到自己丈夫溫柔的陪伴在另一名陌生女子身旁等待接種。
只見該名女子穿著一件黑色短袖上衣，嬌弱的靠在丈夫身上，一看就感覺是小三，讓正宮氣得立即放下手中的包包，與姊妹衝上前質問兩人的關係，丈夫看到妻子衝來竟直接擋在小三面前保護對方，還用雙手將妻子與她的姊妹向後推，接著雙方爆發激烈的拉扯。
不過，疑似是小三的女子也不是省油的燈，竟直接拿起疫苗接種站讓民眾休息的椅子，就朝正宮砸去，姊妹們撞見立即衝上前準備暴打小三，卻被女子的丈夫阻攔，甚至將她們推倒在地，之後4人便扭打成一團上演大亂鬥，使現場一片混亂，相當失控，直到警方到場才結束這場鬧劇。不過接種站也因此被迫暫停了15分鐘，讓現場等待的民眾相當無奈。</t>
  </si>
  <si>
    <t>清明連假不少景點湧現人潮，逼得中央疫情中心發出國家級警報，提醒民眾不要前往。抗疫前線的醫師們看到景點人山人海，整個心到沉了，放假前再三宣導全破功了，中山醫大兒童急診科主任謝宗學不死心，日前再po一張警悚圖示警，對比紐約市跟墾丁大街，他提醒國人如今紐約到處可見大型冷藏卡車搬運屍體，宛若死城。
謝宗學日前在個人粉絲專頁「Dr.E小兒急診室日誌」上發文提到，社交安全距離規定室外一公尺，除非戴緊口罩，事實上還是有不少人沒戴口罩，因為要邊走邊吃。
他po圖示警國人，一個月前紐約市跟墾丁大街一樣熱鬧，甚至猶有過之，一個月後紐約市變了，到處可見大型冷藏卡車搬運滿滿的屍體，宛若死城一般。
謝宗學說，未來看診問旅遊史時，一定會問清明連假有沒有出遊？有沒有到人潮擁擠的景點？作為診斷參考的依據。
他也感嘆，連假前努力宣導連假不要出遊，看來真的無法影響太多人，是不是只有紐約慘況發現生在周遭，才能醒悟現在出遊是多麼高風險的事？看到照片，他心中只浮現一句最討厭的句子：「天佑台灣！」</t>
  </si>
  <si>
    <t>台灣北部某醫院爆出院內感染，新北市長侯友宜2日回應，新北醫院早已分倉分流，做好院內感染必要措施，之前已要求發燒篩檢站設於戶外，做好超前部屬，防護做到位。
侯友宜表示，已要求醫院嚴格管制或限制人數，市府也不斷給醫院醫護配備等更多資源，讓醫護人員在第一線打仗，能夠毫無後顧之憂，新北市府每天與十七家急救責任醫院保持密切聯繫，掌握所有狀況。</t>
  </si>
  <si>
    <t>海軍敦睦艦隊磐石艦爆發多人感染新冠肺炎，目前已累計27例確診，防疫過程引起外界爭議，對此，前海軍艦長呂禮詩也在節目揭密，國軍在船上的生活。
呂禮詩在《新聞挖挖哇》透露，一般海軍的伙食經費比陸軍好，主持人鄭弘儀也好奇問，「在軍艦上可以釣魚嗎？」這也讓呂禮詩有些尷尬，但他坦言有時可以，最新鮮釣上來時，直接做生魚片，剩下再做魚排，不過他的艦隊很少釣魚。
不過他知道因為美軍航行時間通常更長，所以在沒有敵情下是開放的，還可在甲板上烤肉、跳下水游泳等，呂禮詩坦言：「不過一般我們中華民國海軍，這些都是可以做、不能說的。」
鄭弘儀也問到，艦長會不會管到艦上官兵的健康狀況？呂禮詩表示當然會，艦長是從上到下都管，但一個人一定沒辦法，還是要靠各幹部的團隊共同合作，每天會有3次匯報，而船上其實很狹窄，加上要操演，防疫措施其實很難實施，但他也認為資料要確實公開，不要隱匿。
呂禮詩也說官兵的輪班分3班制，若有靠港，休假的人可以出去走走，吃想吃的東西，加上現在港口都有便利商店，所以晚上偷下去買東西也不無可能，事實證明，在放行下船前，就有人偷跑到過超商買東西。</t>
  </si>
  <si>
    <t>台灣本土疫情大爆發，截至24日上午，本島只剩下台東沒有確診個案，其餘縣市均淪陷，雙北更先後破千例，成了重災區。疫情指揮中心宣布全國升級三級警戒後，民眾非必要幾乎都不出門。有網友提供高鐵列車上最新照片，整節車廂空蕩蕩一片，僅零星數名乘客，一列車載不到100人，高鐵通車14年以來，現在遭遇的狀況最嚴峻！
「去年疫情爆發的時候也沒有這麼誇張」，一名讀者向《中時新聞網》表示，他因工作需求必須搭高鐵南來北往，已盡量避開人潮，「沒想到其實不需要避，因為根本沒什麼人。」
全國進入三級警戒後，包括蔡英文總統、防疫指揮官陳時中、台北市長柯文哲等人都呼籲民眾盡量待在家裡，尤其周末更不要出門。民眾配合度高，許多熱門景點都成了空城，路上一個人都沒有。
高鐵一列12節車廂、座位數約990個。有員工私下表示，雖然一列車載不滿100人，運輸效率超低，但看到台灣人「自主封城」，確實覺得很驕傲，希望疫情盡快過去，恢復正常生活。
台灣高鐵宣布，受疫情影響運量銳減，經審慎評估，自5月21日至6月10日實施短期班表，原本一周有1016班次，減至845班次。</t>
  </si>
  <si>
    <t>今天新增的本土病例案386為20多歲男性，是案195的同住室友。案195於3月5日到3月19日在美國，與案137、145同行，3月20出現咳嗽喉嚨痛，當時因為居家檢疫於3月21日通報。其同住友人案386在今天確診，是在女室友發病後23天才確診。
指揮中心專家小組召集人張上淳表示，案386被列為案195的居家隔離對象，是因為解除居家隔離時，有說自己出現過敏症狀，因此之後擴大採檢時將他召回篩檢並確診。
張上淳說，過敏有很多種，最常見就是鼻子流鼻水鼻塞等症狀，一般人過敏如果本來有，或是偶而有不用特別擔心，可是如果和確診個案有接觸史，居家檢疫和確診個案有接觸去醫院就要把接觸狀況跟醫師報告說明，由醫師來判斷是是否採檢。
至於這名男性過去去的地方有掌握嗎？陳時中說，有再去掌握相關行蹤，因為是居家隔離，行蹤都很保守，因為有去上班，所以有針對同事匡列相關。至於何時傳染，等於195案例居家檢疫時被感染到的。
莊人祥表示，案例195在19日回來是時沒有症狀，到21日才住院，她與案386有兩小時聊天吃飯沒辦法戴口罩，可能那段時間受到感染。</t>
  </si>
  <si>
    <t>新冠肺炎疫情肆虐，提升免疫力是保護自己與家人的第一道防線。腸道是人體最大的免疫器官，也是影響荷爾蒙的關鍵。透過飲食來改善腸道過勞、腸漏的症狀，讓身體機能回復正常運作，就能有效瘦身，更能變得身強體壯，強化身體免疫力。
●精選6種提高免疫力的食材：
1.大蒜
大蒜中富含菊糖(inulin)，又稱為菊苣纖維，是膳食纖維的一種。
大蒜可形成改善腸道環境的比菲德氏菌(益生菌的一種)，防止導致疾病的壞菌增生。
此外，也含有能幫助免疫系統和細菌對抗的化合物蒜氨(alliin)。當我們搗碎或咀嚼大蒜時，蒜氨酸會產生蒜素(allicin)，這是大蒜最主要的成分。而大蒜特有香味的成分就是來自蒜素裡的誘烯醚。蒜素的代謝產物可提高體內的免疫功能，刺激巨噬細胞、淋巴球、自然殺手細胞、樹突狀細胞、嗜酸性球等，使其活性化。研究指出，服用含有大蒜萃取物成分的保健食品，可以刺激淋巴球增高，減輕感冒和流感的症狀，並縮短痊癒的時間。有資料顯示，秋天時若能服用含有大蒜萃取物的保健食品十二個星期，冬天時感冒的機率可以降至六三％。
2.生薑
薑可以幫助消化緩解噁心想吐的感覺，還能改善流感和感冒的症狀，不論在傳統醫療或替代醫療上都有長久的歷史。
薑獨特的香氣和味道來自成分中的薑醇(gingerol)，這是薑主要的生物活性化合物，擁有強大的抗發炎和抗氧化作用，因而有改善關節痛和生理痛的效果，也能改善腦部發炎狀況，預防失智症。
而且，薑還具有促進腸胃蠕動的作用，可盡速排出囤積在胃裡的食物。又因為擁有抗菌活性和抗真菌活性，可以抑制多種細菌和真菌的增生。例如：能有效對抗口腔內的壞菌，除了能夠預防牙周病，還能強化抵抗力來對付引發感冒的呼吸道融合病毒。
感冒時，可以把薑片放入水中煮十五分鐘，再加入新鮮檸檬和蜂蜜，作成薑茶來飲用，便能有效緩解症狀。
3.菇類
菇類有許多不同的種類，除了常見的香菇、金針菇和舞菇外，還有靈芝、白樺茸、猴頭菇和冬蟲夏草等藥用的菇類。菇類擁有豐富的膳食纖維，對腸道有益，也是提高免疫力不可或缺的物質。
β- 葡聚醣是菇類水溶性纖維的一種。根據多年的研究報告指出，β- 葡聚醣是最佳的免疫調節劑(在體內活化免疫機能的物質)，但是有關治療癌症效果的研究，目前仍在進行中。在日本，使用香菇萃取物的抗癌藥物則已經行之有年。至於在市面上販售宣稱具有抗癌功效的菇類粉末，雖然未必全是騙人的說法，但仍建議尋求正當的醫療管道會比較保險。
長時間高強度的運動會降低人體的免疫力，因此，頂尖的運動員非常容易生病。有報告指出，秀珍菇裡的β- 葡聚醣可以促進淋巴細胞增生，能讓頂尖運動員不容易感冒。
4.蘋果醋
蘋果醋是讓蘋果汁發酵後製成的醋，它的味道和熟成的紅酒相近，酸度高且具有強烈的香氣。蘋果醋有高濃度維生素C、膳食纖維，而醋酸則有提高人體免疫力的效果。正如英文諺語「一天一蘋果，醫師遠離我」所言，蘋果是有益身體健康的好水果。
蘋果中的蘋果多酚具有強大的抗氧化作用；膳食纖維蘋果果膠(apple Pectin)能促進腸道蠕動使排便順暢，具有整腸的效果。選擇含有「mother」(沉澱物)的蘋果醋，效果更棒。
雖然目前還沒有蘋果醋能增強對抗感冒的相關研究報告，但富含維生素C和好菌的蘋果醋，自古以來在民間療法中就已經當作藥物來使用。古希臘人會把醋和蜂蜜混合調製成蜜醋(oxymel)，做為預防感冒的藥物使用；用水把蘋果醋稀釋後，也可當作含漱藥(漱口水)。
5.綠茶
綠茶是種超級食物(super food)，有許多研究報告指出，綠茶對預防心血管疾病、癌症和抑制糖尿病惡化都具有效果。
綠茶最主要的成分是兒茶素，其中又以表沒食子兒茶素-3-沒食子酸酯(EGCG)最能抑制發炎和保護血管，還有抗病毒的效果，可以抑制流感病毒、HIV病毒、B型和C型肝炎病毒以及單純皰疹病毒(HSV)增生。
6.薑黃茶拿鐵
有報告指出，EGCG對於新型冠狀病毒或許具有抗病毒的效果。同一份報告也表示，薑黃中的薑黃素和綠茶一樣，都可能成為對抗新型冠狀病毒的生力軍。
薑黃是製作咖哩時常用的香料。沖繩縣有栽培薑黃，對日本人來說也比較容易取得。薑黃的風味獨特，比較不適合拿來直接飲用，但可以與綠茶搭配成薑黃茶拿鐵：
▪綠茶粉……1小匙
▪薑黃粉……1／2小匙
▪生薑泥……生薑1公分磨成泥
▪喜馬拉雅岩鹽……少量
▪黑胡椒……少量
▪草飼乳清蛋白（grass fed whey protein）……20克
把以上材料加進200至250㎖的熱水中，用攪拌機混合均勻後就完成了。
喜歡喝甜一點的人，可以加入少量甜菊或蜂蜜；不喜歡粉末口感的人，可以用椰奶或杏仁奶來取代熱水和草飼乳清蛋白。</t>
  </si>
  <si>
    <t>寒舍（2739）受惠台北喜來登完成裝修，在營運干擾因素排除下，2019年營運表現顯著回升，第四季稅後獲利創1.16億元次高，每股盈餘（EPS）1.05元。合計全年合併營收創44.78億元新高，稅後淨利1.23億元、每股盈餘1.11元，亦雙創近3年高點。
寒舍董事會通過2019股利分派案，擬配發每股現金股利1元，金額與去年相同，盈餘配發率90.09％。以23日收盤價20.65元計算，現金殖利率約4.84％。不過，寒舍今（24）日股價開低走低，一度下跌2.42％至20.15元，午盤仍下跌近2％，在觀光股中表現偏弱。
寒舍2019年合併營收創44.78億元新高，年增2.77％。毛利率39.85％、營益率7.2％，雙創近3年高點。雖因IFRS新制使財務成本增加，造成業外顯著由盈轉虧，稅後淨利1.23億元，仍年增達8.57％，每股盈餘（EPS）1.11元，優於前年1.02元，雙創近3年高點。
寒舍2019年第四季營運顯著轉強，合併營收登12.36億元次高，季增22.1％、年增1.8％。毛利率43.21％為近3年高點，營益率則創13.92％新高。稅後淨利1.16億元，較第三季虧損0.27億元轉盈、年增13.26％，改寫歷史次高，每股盈餘1.05元，亦創歷史第3高。
寒舍雖受因IFRS 16會計新制影響，初期業外認列租賃相關費用較多，對獲利造成負面影響，但在台北喜來登完成改裝、營運干擾因素消除後，帶動本業獲利表現顯著提升，去年營益率自1.94％跳升至7.2％，使整體獲利成長幅度優於營收。
由於新冠肺炎衝擊商務及觀光旅遊市場，寒舍2020年2月自結合併營收1.79億元，月減58.58％、年減48.74％，創下歷史新低。累計1～2月合併營收6.13億元，年減22.25％，亦創同期新低。
面對疫情對營運造成嚴峻考驗，寒舍旗下4家飯店將提前進行餐廳、客房設備升級裝修工作，包括電梯車廂、系統、客房內硬體定期修繕、多媒體插座升級、游泳池健身房設備定期維護等，預計以台北喜來登、台北寒舍艾美、寒舍艾麗3處據點先行。</t>
  </si>
  <si>
    <t xml:space="preserve">
新冠肺炎疫情方興未艾，一般人稍微咳嗽都會被另眼相看，但香港網路流傳一段影片，一名中年女子在商店購物，不知何故疑似心情不爽，竟拉下口罩朝身旁店員吐口水，嚇得店員立刻彈開。香港網友怒斥該名大媽根本是在「播毒」。
近日有香港網友在臉書群組「突發事故報料區」上傳疑似「播毒」影片，現場是場是一間連鎖商店。據香港東網報導，影片中，一名戴眼鏡、戴口罩的長髮中年女子站在貨架前方，手指商品並要求店員前來。
店員站到她旁邊後，中年女突然將口罩往下拉，兩度疑似朝店員吐口水「播毒」。第一次店員沒注意，第二次店員終於察覺，立刻彈開閃避。
這段影片引發香港網友憤怒，留言指責這種行為跟人肉炸彈沒分別、「播毒」應該報警、就算沒肺炎亂吐口水也很噁心。
</t>
  </si>
  <si>
    <t>中央流行疫情指揮中心昨天公布，新冠肺炎本土確診新增355案，其中89例是校正回歸，新增10死，自去年初以來，本土確診已有6974人，109人死亡。台北市昨天確診首度降到百人以下，但專家指出，除非連續1周確診數降至2位數以下，否則無法樂觀。
昨天新增確診人數最多的是新北市193人，北市居次85人；至於澎湖確診為首例，檢體將送回本島再度PCR採檢，該個案已插管治療。這波本土感染3周以來，已快速累積6878人確診、97死。
指揮中心專家小組召集人張上淳說，至昨天上午為止，國內嚴重肺炎共728人，占9.3％，呼吸衰竭或已呼吸衰竭258人、占3.3％，重症高達986人，其中180人正在使用呼吸器，2人使用葉克膜。
指揮中心昨原宣布新增11死，但傍晚發現，1名萬華活動史的女性案4582，尚在集中檢疫所中檢疫，而且還可接電話，指揮中心緊急澄清「校正」，昨日死亡案例從11人下修為10死。
本土單日新增確診人數已連3天下降，北市更是首度下降到百人以下，是否表示國內疫情趨緩？感染科權威、台大兒童醫院院長黃立民表示，北市以高規格防疫，不利病毒傳播，下降是預期內效果，至於能不能解除三級，關鍵仍在於新北市與其他縣市能否一樣嚴格管控，除非連續1周確診降到2位數以下，否則無法樂觀。
至於北市是否要封城？黃立民表示，現階段不用，但若其他地方爆疫情，屆時應該全國一起升四級警戒，才能避免跨區交叉傳染，「台灣不能只有一兩個縣市好，要好，大家一起好。」
支援專責病房、社區採檢站的北市聯醫整合醫學照護科主治醫師姜冠宇透露，目前醫院最可憐的是急診，床一直往外擴，連停車場都鋪床位，病患要住到醫院外，過去很少見，現在有人甚至在急診等床位等到離世；中央說台北有600多張空床，但前線醫護看到的是病患無床可送，加護病房也不夠用。
姜冠宇坦言，政府並沒有從八仙塵爆事件得到教訓，當時病患卡在雙北，消耗大量燒燙傷資源，建議政府出面橫向整合醫院，讓醫院互相通聯，至少要知道哪幾家醫院還有床和人力可送。中央、地方要放下對立，去看看當中出了什麼問題，否則拖得愈久，就愈多人失去性命。</t>
  </si>
  <si>
    <t>別再說雲林最難玩！疫情衝擊國內旅遊大暴發，雲林縣去年觀光客人數首度衝破千萬人次，創造約200億元消費產值，讓農業大縣轉型為觀光大縣，雲林縣政府20日推出「2021新春遊雲林」5大主題遊程，配合縣內各場館新春街藝匯演，讓民眾體驗更多元的過年氛圍。
雲林縣長張麗善表示雲林有好山好水與深厚文化底蘊，2020年雲林觀光客衝破千萬人次，創下空前紀錄。其中古坑綠色隧道人氣飆上全國遊客數增幅最多的5大景點之一，斗六市、口湖鄉也獲選台灣經典小鎮3.0，翻轉外界「雲林最難玩」的刻板印象。
張麗善說原本縣府規畫一連串新春慶祝活動，考量國內新冠肺炎疫情升溫，原訂於2月25日至3月14日舉辦的北港燈會取消，街頭藝人表演活動全數停辦，其他室內外活動則會在防疫原則下舉辦。
縣文化觀光處長陳璧君指出，縣府規畫5大主題「2021新春遊雲林」遊程，包括「神氣祈福行」、「經典小鎮遊」、「甜蜜蜜之旅」、「輕旅慢步行」及「浪漫樂活遊」，遊程更串聯縣內宮廟、地方文化館舍、觀光工廠等，邀請全國民眾見證農業大縣轉型為觀光大縣。
雲林縣18所地方文化館也在新春期間串連推出集章活動，集滿5個地方文化館章戳，就有機會獲得限量文創品。縣府還規畫「新春遊雲林，打卡抽好禮」活動，只要在指定地點與打卡版合影並上傳留言，即可參加抽獎。</t>
  </si>
  <si>
    <t xml:space="preserve">新冠肺炎爆發以來，這一年多時間，台灣因為超前部署與靈活因應對策，艱辛地壓制住感染情況，直到近日爆出破百本土確診，雙北宣布進入三級警戒，民眾因此恐慌，掀起囤貨潮，搶購商品的程度猶如世界末日，對此，「台劇女神」陳珮騏發文呼籲，希望大家平靜理智配合政府，強調台灣物資不會缺乏，金鐘視帝吳慷仁也要大家接到訊息多查證，不要散播不實消息。
台灣的正常平靜生活，被近日這一波爆增的本土病例打破，人心惶惶，反映在對物資的渴求上，各地超市、大賣場都出現搶貨潮，貨架上生鮮食品及泡麵等乾糧，連日被掃空，甚至又出現搶購衛生紙的狀況，宛若逃難現場，女星陳珮騏看了，不禁跳出來po文呼籲，「這時候你選擇恐慌還是平靜理智的配合政府，和專家一起努力撐過去呢？」。
陳珮騏昨(5/15)在臉書發文，認為在這疫情緊張的時刻，有些事情需要全民來配合，像是不該再亂傳無聊訊息、不該失心瘋搶購囤貨，更不該再苛責訕笑感染者，「類似的情況一再出現，那麼多經驗了難道還不自知嗎？」，直言我們所在的台灣，「不會讓誰餓死或沒衛生紙七卡蹭的好嗎？」，呼籲大家應該同心協力且多些同理心，來挺過這波挑戰，而過度的囤貨，只會讓物價失衡，「害真正有需要的人買不到而已」。
陳珮騏也表示，除了拍戲時沒辦法戴口罩，其他時間她都是口罩戴好戴滿並勤洗手消毒，「親愛的團友們也要乖乖配合，當個防疫小尖兵呦！」，而男神吳慷仁第一時間也發文，希望眾人物不要散播不實消息以免造成恐慌，「勿散播！勿散播！！！接受到的網路消息，請多加求證！勿恐慌！」。
</t>
  </si>
  <si>
    <t>台北市環南市場2次大規模PCR篩檢結果出爐，共新增3名確診、1例舊案，其中有2人CT值偏低。台北市長柯文哲指出，近期發現有個案再度感染的狀況，且染疫3個月後，還是有再次感染可能，目前台灣已有1萬多人染疫，建議要把這些人註記起來，日後再補打疫苗。
柯文哲指出，無論快篩或PCR，檢查結果為陰性代表「你現在沒感染」，不保證未來幾周也沒有感染，做普篩也只是橫斷面檢查，也因打疫苗是終極解決方案，在市場首度大規模快篩時，他就發現每周照樣做會搞死大家，所以最後還是全面打疫苗，但攤商1日接種疫苗後，至少要等2周才有抗體，也就是15日才會看到效果。
「現在有遇到很多，過去感染但PCR檢查一直是陽性。」柯解釋，數據顯示，多數人在感染10天後傳染率就很低，台灣是用17天當標準，因此從發病到滿17天後，會對病患再度檢測PCR和CT值，如果CT值大於30就視同陰性處理，但這些人好像以後可能會再次感染。
柯說，原則上是感染後6個月要再打疫苗，確認他們不會再感染，所以感染過的人經過隔離期之後，傳染他人的機會不大，但他們可能過3個月後，好像還會再度感染，目前台灣已經有1萬人感染，這些人都要去做註記，日後要再補打疫苗。</t>
  </si>
  <si>
    <t>英國耳鼻喉科協會近期指出，喪失味覺、嗅覺的症狀通常發生在沒有典型症狀的新冠肺炎患者身上，呼籲民眾自我隔離7天。台灣截至目前為止，累計的215名患者中，已有5人出現味覺、嗅覺喪失症狀，且多集中在近期，今日確診的個案中，就有2人出現該症狀。中央流行疫情指揮中心表示，該症狀過去的確較少出現，將提醒臨床醫師留意。
新冠肺炎的3大症狀，分別是發燒、咳嗽及全身倦怠，國內疫情開始之初，幾乎沒有患者出現這些症狀，從3月開始，才陸續出現這類患者，包括德國移入的南部大學生案75、荷蘭移入案171、英國移入案187，以及今日新增的英美移入案206、207。
案75為南部20多歲男大生，2月23日至3月8日至德國旅遊，3月8日返台後流鼻水，11日自覺味覺喪失，3月17日確診新冠肺炎；案171為30多歲男子，1月中到3月20日都在荷蘭工作，3月7日在荷蘭出現發燒、痠痛、失去嗅覺味覺的症狀，返台後通報，23日確診新冠肺炎；
案187為在英國工作的30多歲女性，2月20日到3月19日都在英國，返台後，23日出現呼吸困案呢、喉嚨痛、失去嗅覺、肺炎等症狀，當日確診新冠肺炎；
案206、207為今日新增的個案，都是20多歲女子。案206在2月8日到3月21日都在英國就學，16日出現喉嚨痛、流鼻水、味覺喪失的症狀；案207於3月6日到20日間都在美國工作，16日出現頭張、鼻涕倒流、嗅覺及味覺喪失的症狀。兩人都在返台時在機場被攔下，確診新冠肺炎。
中央流行疫情指揮中心疫情監測組組長周志浩表示，新冠肺炎是新的傳染病，在過去的案例中，較少看到嗅覺、味覺喪失的表現，會提醒臨床醫師，特別是耳鼻喉科醫師特別注意。至於這類的症狀是否與病毒的變異有關，仍須進一步釐清。</t>
  </si>
  <si>
    <t>桃園市15日起擴大疫苗接種，第一天限定88歲以上長者，上午各地疫苗接種站大排長龍，其中，中壢區自強國中發生91歲劉姓老翁，因施打疫苗後身體不適導致休克，被緊急送往部立桃園醫院，桃園市衛生局指出，此案老翁在急救後已經恢復意識，目前留院觀察中，並沒有生命危險，若生命徵象穩定後，預計15日晚間就可以出院。</t>
  </si>
  <si>
    <t>連鎖餐飲集團王品（2727）受新冠肺炎疫情衝擊，2020年3月合併營收降至逾8年低點，由於中國大陸門市恢復營運較晚，拖累首季營收降至近7年半低點。不過，中國大陸3月營收已見明顯回升，集團於兩岸將積極衝刺外送服務，力求降低疫情對營運影響。
王品股價3月19日下探49.5元新低，自鼠年開紅盤以來2個月跌幅達36.6％，近日觸底回升、站回60元之上，反彈逾2成。今（13）日股價開低後一度走跌1.3％至60.7元，回測60元關卡支撐，早盤拉回平盤附近小跌0.5％。三大法人上周小幅買超71張。
王品2020年3月自結合併營收7.62億元，月減3.14％、年減43.19％，創2011年12月以來近8年3個月低點。其中，台灣營收6.1億元，月減19.92％、年減19.68％。中國大陸營收1.5億元，月增達6.49倍、仍年減74.36％。
累計王品首季合併營收29.59億元，季減22.07％、年減29.75％，亦創2012年第二季以來7年半低點。其中，台灣營收24.3億元，年減1.83％，表現相對有撐。中國大陸營收5.7億元，年減達67.84％。
王品表示，台灣事業群近年經營體質強化效益顯現，首季適逢春節連續假期、聚餐效應加持，雖受新冠肺炎疫情衝擊來店用餐意願，但因提前啟動「安心專案」高規格防疫措施止血下，首季營收僅較去年同期微減，表現仍有撐。
大陸事業群則受各地門市延遲復工、彈性調整營業時間和延後開業日期衝擊，致使首季營收驟減。不過，隨著門市逐步恢復營運，3月營收已見明顯回升。隨著疫情漸進平穩，餐飲市場自谷底緩步回升，王品啟動「安心專案」奏效，3月復甦優於餐飲業平均水準。
因應疫情衝擊，王品在中國大陸即時擴大布局外送市場，以現有門市內用菜單調整為更符合消費者需求的外送品項，疫情期間外送量明顯提升。在疫情趨緩、經濟動能逐步復甦下，各品牌來客持續回歸穩定，外送服務可望成為另一成長動能來源。
而王品在台灣亦規畫搶攻外帶、外送市場，因應近日消費者減少在外用餐而加速推動計畫，目前共有13個品牌提供外帶。集團預計本月擴大與外送平台合作，將有超過15個品牌提供外送，以多種類、多價格帶搶攻外帶商機，彌補疫情衝擊缺口。</t>
  </si>
  <si>
    <t>新冠肺炎全球肆虐，台灣防疫成果驚豔國際！然而，清明連假時，許多景點湧入人潮，不僅難以保持社交距離，有些民眾甚至未戴上口罩，使民眾憂心防疫恐出現破口。有評論認為，指揮中心罕見一天開兩次記者會，官員紛紛戴口罩自保的動作，顯示出台灣疫情非常嚴峻。此外，該評論認為，蔡政府應正視疫情，否則神話破滅是遲早的事。
清明連假，墾丁湧入大批旅遊人潮，阿里山森林遊樂區、花蓮東大門夜市、烏山頭水庫等知名觀光景點也都爆出人潮。對此，疫情指揮中心則發出國家級警報，警告遊客注意戴口罩，保持「社交距離」。據《中評社》報導，蔡政府稱台灣防疫讓世界都看見，民眾因此認為台灣疫情控制得宜，4天連假則出外遊玩走春。該評論認為，既然防疫控制的好，民眾趁著長假出遊，為何過程中還要接到警訊？該評論質疑，疫情指揮中心事前難道沒掌握？還是疫情指揮中心不敢得罪台灣觀光業者，還是蔡政府根本沒有說實話，疫情的狀況已經更加嚴峻，確診病例會持續攀升。
該評論認為，疫情中心發出景點警訊像是馬後砲，警訊已經發了，各公司、學校若擔心就自己去因應。然而，評論稱各國都嚴格對待新冠肺炎，蔡政府擔心打破防疫神話，因此許多因應狀況沒有超前部署，蔡政府應正視疫情的嚴峻，否則神話恐破滅。</t>
  </si>
  <si>
    <t>新冠肺炎疫情肆虐全球，讓各行各業者損失慘重，只能咬牙苦撐，但民以食為天民眾不能不吃飯，許多民眾害怕外出改叫外賣，因此直接衝擊到店面餐飲業者，彰化員林就有餐飲業者，因應疫情斥資近百萬，店休10天，將店內環境進行全面升級，還訂製專用壓克力板，來阻隔民眾飛沫噴濺傳染的風險，也在每桌位置上放置消毒水，讓民眾在用餐前後都可自行消毒。
員湘園鴨肉飯老闆藍偉洲表示，疫情爆發後就看到許多店家，設置類似的壓克力隔離版，但當時國內疫情還算平穩，所以沒做，後來疫情逐漸蔓延全台，他才開始著手下去計畫，也利用機會將開業五年的鴨肉飯店，進行全面的大整修。
藍偉洲說，他斥資80多萬元，在用餐區訂製壓克力隔離版，因為他要求比較高，包括壓克力切角要圓弧，以免刮傷客人，更直接將壓克力鎖在木桌上，相對牢靠，讓消費者可以安心用餐，也在每桌放置消毒水，讓客人可以在用餐前後自行消毒。
藍偉洲說，為了這次防疫工程，1共停業10天，改造包含料理區，出餐區，座位區等等，幾乎打掉重練，也增加店內排水設施，避免因潮濕細菌滋生，另外除了每月固定的消毒外，還帶店內所有員工去施打肺炎疫苗，雖然不是針對新冠肺炎，但多少能增加自身免疫力，員工就像家人一樣，費用當然公司出。
藍偉洲還說，因為顧客是他們的資產，今天如果在店內發生感染，不管對店家、客人、還有員工，都是一種傷害，他有責任要去把關，防疫期間也沒辦法去算成本，只希望大家有一個安全無虞的用餐環境。</t>
  </si>
  <si>
    <t>因應全球新冠肺炎疫情升溫，金融業者陸續啟動異地辦公，以確保營運不中斷。據金管會統計，目前回報已開始實施異地辦公的金融業者共有36家，包括銀行業13家、證券期貨投信投顧業9家、保險業14家。
銀行局統計，截至2月27日止，總行已開始實施異地辦公的銀行業者，包括北富銀、王道銀、新光銀、遠銀、永豐銀、玉山銀、台新銀、日盛銀、京城銀、板信銀、三信銀、瑞興銀、台中銀等13家。
不過，兆豐銀、中信銀、國泰世華銀等部分大型銀行業者，日前已宣布啟動異地辦公，但未列入此次銀行局公布的統計名單內。銀行局對此表示，此份名單是以「銀行總行」實施異地辦公者為主，各銀行不同營業處均有不同備援及營運不中斷機制，銀行局對此予以尊重。
證期局統計，截至2月27日止，已啟動異地辦公的證券期貨投信投顧業者，包括香港匯豐證、摩根大通、摩根士丹利、法銀巴黎證、野村證、玉山證、永豐金證及匯豐中華投信、摩根投信等9家。
保險局統計，截至3月3日止，已啟動異地辦公的壽險業者，有國泰、富邦、南山、三商美邦、台壽、中壽、新壽、遠雄、法國巴黎、友邦、保誠人壽等12家，產險業者則有明台、台壽保等2家。</t>
  </si>
  <si>
    <t xml:space="preserve">英國廣播公司4日報導，牛津大學在人體發現名為「LZTFL1」的基因；擁有該基因的人若罹患新冠肺炎，出現肺衰竭甚至死亡的風險成長至少1倍。研究還發現，擁有南亞或歐洲血統的人，分別有60%與15%的機率帶有這種高風險基因。
不過，研究也指出疫苗明顯有助於逆轉風險。換言之，接種疫苗是避免基因帶來悲劇的關鍵，完全無須因基因問題而讓自己緊張兮兮。
這項研究已發表在2021年11月份的《自然遺傳學》。論文指出，學界現有文獻可解釋為什麼英國與南亞的部分社區，更容易感染新冠肺炎；卻無法完整解釋為何部分族群更容易轉為重症。
借助先前遺傳研究的成果，結合人工智慧(AI)與新的分子科技，研究團隊發現稱為「LZTFL1」的基因，該基因會讓新冠肺炎感染者病情惡化的風險上升。
研究團隊表示，擁有風險基因的人肺部特別容易感染新型冠狀病毒。由於高風險基因破壞了一種關鍵性的保護機制；依據該機制，肺部內的細胞可以保護自己免於新冠病毒的侵入。
當肺部遭到新冠病毒入侵時，肺部的細胞會降低特化(specialised)的程度，以抵禦病毒；這種去特化的過程將減少細胞表面ACE-2蛋白的數量，而ACE-2蛋白是冠狀病毒附著在細胞上的關鍵。
換言之，一般人的肺部遭新冠病毒入侵時，肺部細胞會減少ACE-2蛋白的數量，這讓冠狀病毒附著的機率大減；然而，擁有LZTFL1的人卻不會產生去特化的過程，導致肺細胞容易遭病毒的侵襲。
不過，研究團隊強調，「LZTFL1」只影響肺部，卻不會對免疫系統造成影響，這點非常關鍵。因為，這意味著擁有高風險基因的人，仍能從疫苗中取得免疫保護。
此外，研究團隊也發現，相較於擁有南亞與歐洲血脈的人，非洲加勒比與東亞裔的族群擁有此一高風險基因的比例，分別只有2%與1.8%。
然而，該研究的第一作者戴維斯(James Davies)，擁有風險基因的人不一定會產生相同的結果，這點非常重要。他解釋，決定每個個體罹患新冠肺炎時的嚴重程度，是由複雜的因素組合而成；其中，又以年齡最為關鍵。
他補充道，社會經濟因素也能解釋為甚麼部分社區，在大流行中受到的影響特別嚴重。「儘管我們無法改變自己的基因，但研究證實擁有高風險基因的人受益於接種疫苗」。
不過，有鑑於現有藥物都是針對免疫系統，研究團隊希望透過這次的研究成果，研發出針對肺部的新型藥物。
</t>
  </si>
  <si>
    <t>韓國政府3日宣布追加35.3兆韓元預算，規模創下史上最大紀錄，同時也是2020年第三度針對新冠肺炎危機所提出振興經濟追加預算。韓國政府為了緩解新冠肺炎對經濟的衝擊，迄今共挹注270兆韓元救經濟。
受此消息激勵，韓國Kospi指數3日開高走高，終場大漲2.9％，收在2,147點。
新冠肺炎疫情嚴重打擊韓國經濟，韓國政府迄今推出的振興經濟措施，合計約占國內生產毛額（GDP）的14％。
第三輪追加預算目的在保障工作機會，開發新冠肺炎疫苗，提供折價券刺激消費，同時對遭受疫情重創的中小企業提供更多貸款。追加預算需得到國會批准。
最新追加預算將提供23.9兆韓元財政挹注，協助企業、商家與家庭度過危機，同時彌補因疫情導致的政府收入短少，金額估計為11.4兆韓元。
疫情衝擊商業活動、貿易和消費支出，韓國財政部長洪楠基（Hong Nam-ki）日前表示，政府致力支撐經濟，此刻沒有餘裕顧慮負債占GDP比重。
第三輪追加預算將讓韓國2020年負債占GDP比重升至43.5％，反觀疫情爆發前的負債比重不到GDP的40％。洪楠基在第三輪追加預算公布的數日前表示：「韓國正陷入經濟危機，我們別無選擇，只能推出更多財政措施，因為財政政策是政府最後的堡壘。」
韓國日前下修2020年經濟成長預測，由擴張2.4％下修至成長0.1％，恐寫下1998年亞洲金融風暴以來最差表現。韓國2019年經濟成長2％。
新冠肺炎重創倚重出口的韓國經濟，除了政府祭出財政刺激，韓國央行自3月以來兩度宣布降息。
截至5月，韓國出口已連續3個月萎縮，且經濟前景仍籠罩陰霾，主要因為疫情肆虐全球及全球兩大經濟體美國與大陸關係再度緊張。</t>
  </si>
  <si>
    <t>新冠肺炎台灣出現本土死亡首例，正當醫界爭論是否為「社區感染」之際，金融市場率先反映不尋常的氣氛，台股昨開盤就遇「壓力」，下挫近百點，幸好股王大立光（3008）尾盤翻紅，大盤跌勢收斂，終場小跌52點，收在1萬1763點，力守5日線（1萬1761點），成交量1124億元；安聯台灣科技基金經理人廖哲宏警示，由於大陸各地復工率不一，台股近期盤面仍可能走勢「震盪」；有分析師認為，接下來仍要持續緊盯疫情變化，若未完全復工需求就下滑或中斷，經濟恐怕會進一步趨緩。
凱基投顧表示，這次疫情不僅衝擊觀光、旅遊、餐飲、航空等，大陸主要城市封城、停工，也影響短期產能以及消費動能，最值得投資人留意的是，過去外界「一面倒」看好的產業如5G手機、5G基地台等建置，都因疫情連帶影響建置的速度，5G相關從過去的正面評價轉為負向。
凱基投顧指出，新冠肺炎對經濟衝擊將大於2003年的SARS，因為大陸的經濟規模是SARS當年的4倍，各國政府因應疫情擴散進而對大陸進行鎖國措施，大陸消費市場、供應鏈都將出現一定程度的衝擊與停擺；假設新冠肺炎疫情在未來1個季度內回穩，對大陸今年GDP的衝擊才有機會控制在0.6％以內，對全球、台灣GDP的衝擊分別為0.2％、0.1至0.4％；凱基投顧強調，惟疫情高峰過後，遞延性的消費將使下半年成長動能更為強勁。
不過，據過去1周統計，摩根投信稱，外資已對亞洲股市進行小幅回補，顯示對疫情不悲觀；儘管大陸延後開工，讓市場預期大陸首季GDP下修，但外資對A股還是小幅買進6.26億美元，與大陸產業鏈密切相關的台灣股市，外資上周也買超4.16億美元。</t>
  </si>
  <si>
    <t xml:space="preserve">中央流行疫情指揮中心今(17)日公布國內新增3例境外移入COVID-19病例(案853、854及855)，均自印尼入境。
指揮中心表示，案853及854均為印尼籍20多歲男性漁工，皆於今(2021)年1月3日來臺工作，均持有搭機前3日內檢驗陰性報告，入境後至集中檢疫所檢疫，迄今無症狀；2名個案於1月16日接受檢疫期滿前採檢，於今日確診。由於2名個案無症狀，且入境後至檢疫期間未與他人接觸，故無須匡列接觸者。
指揮中心指出，案855亦為印尼籍20多歲男性漁工，去(2020)年12月31日來臺工作，持有搭機前3日內檢驗陰性報告，入境後由仲介公司安排專車至防疫旅館居家檢疫；今年1月15日檢疫期滿後搭乘專車至醫院自費採檢，於今日確診。匡列接觸者共3名，為同車接觸者，因有適當防護，均列自主健康管理。
</t>
  </si>
  <si>
    <t>南韓中秋節過後疫情反撲，台灣中秋後疫情平穩，外界好奇台灣與南韓不同的防疫之處在哪裡？是否有機會放寬，中央流行疫情指揮中心指揮官陳時中表示，中秋連假人潮大量移動，要觀察兩週才能穩，明天會公布相關放寬措施。
指揮官陳時中表示，南韓有基本的社區傳播，經過連假人群大規模移動，難免疫情會起來，台灣社區傳播已經控制一定情況，台灣目前都還穩定。
至於連假後人潮大量流動，陳時中認為，中秋假期後至少要觀察兩周，本周與下周若都控制良好就會有放寬措施，並於明日公布。
二級警戒觀察到10月4日，5日後若都沒有不明感染源，是否有機會降級？陳時中表示，由於中秋節人潮移動，要觀察兩周，現在已經過一周，還有一周要觀察。</t>
  </si>
  <si>
    <t>新竹縣長楊文科睽違多日再開疫情直播，針對新竹縣疫苗施打狀況也有所回應，他指出，目前主要施打疫苗為莫德納，長輩都很踴躍，更勝於AZ，卻也因此造成紛爭，由於疫苗數量不足，也向中央爭取，他很感謝中央支援疫苗。
楊文科指出，長輩施打疫苗狀況目前很踴躍，依照原先規畫施打，其中65至68歲長者在7月9日接到通知、16日前打完，這部分沒有問題。不過69歲至74歲長者因施打意願十分踴躍，導致各衛生所疫苗不足，造成紛爭。
楊文科說，感謝衛生所主任協調，也調度醫院尚未接種完畢的疫苗因應，感謝中央給予支持。目前疫苗仍不足量，中央給各縣市政府、各年齡層都不足量，不過「慢慢的疫苗就會進來」，楊文科也說，請大家依照施打順序接種疫苗。
新竹縣施打疫苗速率頗受質疑，新竹縣衛生局長殷東成表示，到7月13日止，縣內施打人數為59804人，依據18歲以上人口46萬餘人計算，接種率約為12.96％。
殷東成也解釋，因75歲以上長者須多一點時間照顧，且先前因施打AZ疫苗猝死案頻頻，而有緩打潮，因此多保留疫苗到7月7日，也是接種率慢的原因，不過近日施打率有所成長，最近4天接種人數分別為1768、2505、3676、5638人，涵蓋率也在上升中。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的疫情讓許多人陷入恐慌，近日有網友在臉書分享，美國好市多驚見一副棺材，就那樣陳列在商場中，引發網友熱議，這不就是超前部屬？怕缺貨先搶一波。
網友在臉書社團《好市多經驗分享區》分享，疫情恐慌？轉貼一張美國好市多的照片，希望與疫情無關啊！只見照片中有副棺材，就放在商場顯眼的地方。後來也有另名網友在《好市多商品經驗老實說》貼文分享，加拿大好市多不只賣棺材，連骨灰罈也賣呢！
消息一出後，引來許多網友按讚留言，「這不是就是超前部署嗎？」、「能就怕疫情嚴重棺材買不到」、「先搶的概念嗎？」、「聽說已缺貨」、「股市大跌，可能會賣到缺貨 …」、「搶完衛生紙，換搶這個？」、「價格好透明」。
後來也有網友說明，其實美國、加拿大和澳洲的好市多一直都有賣，且都直接展示在賣場裡面，但華人文化有所忌諱，因此台灣好市多才沒有買。不過，其實像是美國Walmart等大型賣場，也都有販售各種尺寸、款式的棺材，並直接將實品陳列在賣場中。</t>
  </si>
  <si>
    <t>買不到機票，只好買股票？台灣爆發疫苗之亂，引爆逃離潮，華航、長榮航北美線出現罕見客滿盛況，一位難求，航空雙雄股價昨日齊拉漲停，長榮航今早再拉第2根漲停，華航則是爆出超過100萬張的成交量，成交值超過200億元，位列台股第三。
因應大批民眾飛美，長榮航啟動疫後首度大增班，洛杉磯航班自6月7日起將由每週3班調整為每週7班，其它航線班次不變。由於訂位狀況太踴躍，長榮航、華航昨日票價坐地喊漲，商務艙最多調漲2.6萬元，台北-洛杉磯經濟艙來回票價逾新台幣7萬元，豪華經濟艙超過8萬元，商務艙票價更超過22萬元。
反映在股價上，航空雙雄周四攻上漲停價，今日續強，長榮航早盤拉出第二根漲停板，盤中股價來到22.05元，創下波段新高。華航早盤漲幅也超過8％，股價最高價來到22.55元，不過稍早拉回，累積成交量在11點半突破100萬張，吸金力道十足。
法人分析，不管是要逃難，還是要回到美國上工上學，在疫情結束前，海歸返美及赴美打疫苗人潮僅為短期需求，全年獲利仍需仰賴貨運。這跟疫情剛發生時，大量在美民眾返回台灣「避難」的狀況很像，對航空雙雄僅屬短期減虧的效果。
相較於長榮航啟動增班，華航現階段還是以鞏固貨運量能為主，目前配合中央流行疫情指揮中心執行「清零計畫2.0」，將分組調派人力維持營運，北美線包括洛杉磯、安大略、舊金山、溫哥華等航點，均會依訂位情形適時放大機型。</t>
  </si>
  <si>
    <t>新冠肺炎疫情在全球擴散，中央流行疫情指揮中心將旅遊警示國家與地區由10處擴增為36處。指揮中心今宣布，將比利時、荷蘭等歐洲8國，中東地區巴林、科威特2國的旅遊疫情建議等級提升至第二級警示；盧森堡、捷克、英國等申根區域16國則升至第一級注意。民眾若自這些地方返台，需自主健康管理14天。
指揮中心指揮官陳時中表示，歐洲的疫情已越來越嚴峻，中東疫情也持續升溫。歐洲疾病預防控制中心（ECDC）日前評估歐盟地區及英國的感染、群聚、未來數周出現廣泛持續性傳播的風險均為中至高級，另中東地區部分國家亦與上列歐洲國家有相同風險。
為加強防疫，指揮中心宣布即起將冰島、瑞士、挪威、瑞典、比利時、荷蘭、丹麥及奧地利歐洲8國，以及中東地區的巴林和科威特的旅遊疫情提升至第二級警示，國人在當地應採取加強防護措施。若自這些國家入境台灣，則需落實14天自主健康管理。
另考量申根區域國家人員流動密切，指揮中心也同步將希臘、捷克、葡萄牙、芬蘭 、斯洛維尼亞、波蘭、愛沙尼亞 、匈牙利、盧森堡、馬爾他、斯洛伐克、拉脫維亞、立陶宛、列支敦斯登，以及與申根區自由流動的英國、愛爾蘭共16國的旅遊疫情建議等級升至第一級注意。前往上述國家，應遵守當地一般預防措施，若自這些國家入境後，則需落實14天自主健康管理。
指揮中心社區防疫組副組長莊人祥表示，各國旅遊疫情建議等級的提升，目前多以德國為參考基準。德國新冠肺炎每10萬人發生率為0.77，低於此標準者但有一定風險者，將被列為第一級注意地區；與德國相近則會被列為第二級警示地區；若疫情嚴峻，甚至接近南韓狀況（幾千名案例），則會被升至第三級警告地區。
現行自主健康管理有6重點：1.經常洗手、2.每日早晚量體溫，並紀錄體溫及活動史、3.儘量避免出入公共場所，外出需戴口罩、4.身體不適需戴口罩儘速就醫、5.生病期間家中休養，戴口罩並避免外出。若口罩沾到分泌物，應內摺丟進垃圾桶、6.生病期間與他人交談時，儘可能保持1公尺以上距離。
陳時中表示，未來自主健康管理的強度將增強，要求民眾確實落實。至於加強的細節，莊人祥表示仍在研議中，待討論完成將對外公開。</t>
  </si>
  <si>
    <t>宜蘭縣11日新增3件新冠肺炎確診個案，其中1名是60多歲女性旅行業從業人員，另外兩人是一對父子，確診的父親（案12506）是上個月所公布宜蘭大學安心上工確診病患（案2372）的接觸者，但縣府表示，這位父親先前經過篩檢及核酸檢測都是陰性，因此確切的感染源仍有待進一步釐清；此外縣府也宣布，考量宜蘭最大宗的外籍移工是漁工，經過與兩個漁會討論之後，明、後兩天將在兩個地區漁會為漁工進行一次快篩，藉此了解及評估外籍漁工的健康。
縣府在11日舉行的線上記者會中表示，宜蘭縣新增的3件案例，案12311和案12506是父子，案12506（父親）因為是案2372的接觸者，當時衛生局已匡列為居家隔離個案並安排採檢，結果呈現陰性，在居家隔離期間為曾感覺到腸胃不適到醫院急診，並且出現發燒、呼吸道症狀，進一步以核酸檢測，仍呈現陰性，當時診斷是扁桃腺發炎。
案12506在5月26日解除隔離後回到家中，後來10多歲的兒子（案12311）出現咳嗽、流鼻水、嗅覺異常等症狀，6月9日到醫院採檢後確診，CT值21，衛生局也立即將案12506再次匡為居家隔離對象並進行採檢，結果為陽性確診，CT值27。但衛生局表示，這兩案的感染源目前仍難以確定，還在逐步釐清中。
此外，由於宜蘭縣內的外籍移工以漁工為最大宗，外籍船員的數量大約有1600多人，其中以印尼籍1000多人佔大多數，菲律賓籍有將近500人，少部份是越南及泰國籍，僱用外籍船員的漁船數則有將近500艘；縣長林姿妙表示，外籍移工也是我們的家人，他們的健康同樣要受到重視，經過縣府與頭城區漁會、蘇澳區漁會討論之後，明、後（12、13）日縣府將在兩個地區漁會幫漁工進行快篩作業，一同做好防疫工作。</t>
  </si>
  <si>
    <t xml:space="preserve">
副總統陳建仁接受日本媒體訪問時表示，武漢醫護人員感染新冠肺炎，是院內人傳人感染，而不是來自於野味市場，因此應該早點警覺，中國和WHO一直到一月下旬才承認，對全球防疫帶來很大的困難。
2003年SARS期間，陳建仁擔任衛生署長期間，負責台灣抗煞工作，是國際知名公衛專家，日本媒體特別請陳建仁說明本次新冠疫情防疫經驗，以及給予日本防疫工作的建議。
陳建仁指出，台灣在一月初就聽到傳言，說武漢出現了奇怪的不明肺炎，立刻召開傳染病防治諮詢委員會。台灣很早注意到疫情，是因為發現武漢有醫護人員感染，他認為，醫生和護士感染新冠肺炎，絕對不太可能會是去野味市場得到感染的。
陳建仁說：「他們說沒有人對人的傳染（person to person transmission），我心裡想不太可能，除非這些醫生護士常常都跑去野味市場，要不怎麼會從野味市場被感染？」
他強調，後來的報告，發現最早期的病人，根本都沒到過市場，是後來有些病人到了市場，把病毒帶到市場裡去。「可以人對人傳染」，對傳染病防疫是很重要的，可是中國一直到一月下旬才承認，WHO也是跟著中國後面才承認這個事實，這對於全世界的防疫就造成很大的困難。
日本媒體詢問，中國目前進行「封城」行動，WHO給他們的評價很好，認為有助控制疫情，陳建仁對此事的看法是什麼？
陳建仁回應，「封城」是全世界第一次有這樣做的防疫措施。台灣沒有封城的經驗，我們只有封和平醫院的經驗。但是和平醫院的封院，實際上，這個構想是不錯的，就是說把可能感染的人，或者是被感染的人，以及醫護人員在一個比較隔離的地方，不要感染到其他人。然後讓這些人能夠得到很好的醫療照顧，讓外面的人也可以去支援，這是很好的。但是，封院不好的地方，是因為關得太倉促了，讓民眾沒有準備好，所以（就變成）就很複雜。
陳建仁表示，台灣得到封城的資訊很少，不曉得封城前跟封城後的狀況是如何？也不曉得是不是封城本身帶來病例的減少？如果一個地區被感染後，它的感染病例通常都會一直上升，可是當達到很多人感染後，病例數就開始下降，這是否因為封城導致的效果，他沒有經驗，全世界也都沒有人有這樣經驗。對於WHO說這是封城才達到的效果，陳建仁站在科學家的角度來看，他認為目前還需要蒐集更多的證據，才能證明封城是否確實有效果。
然而，封城付出了很大的代價。這些經濟上、人民生活平安、安全的代價等，都需要考慮。陳建仁認為，與其要等到疫情很嚴重、要封城，還不如剛開始在醫院裡面知道有群聚感染 （clustered cases）的時候就去做防疫。
陳建仁表示，以這個例子來看，任何一個好的流行病學家，或者是防疫的專家，都要去看「first sign」──第一個跡象，也就是第一個可能爆發流行的跡象，就要掌控住。那就好像星星之火，足以燎原，當那個火種一出來，就要趕快把它熄滅掉。當然，封城是後面的事情，但是前面那一段，WHO到現在為止，都一直沒有強調，未來碰到同樣的情形，如何去掌握「first sign」，怎麼樣在很有限傳染的情況下就去控制它，WHO應該更著眼在未來類似疫情的早期發現和適切預防上。</t>
  </si>
  <si>
    <t>由於台灣疫苗庫存見底，第五輪打完莫德納後，第六輪將由高端上場，而昨天下午共有52.4萬劑自購AZ抵台，不少民眾好奇究竟會開放給誰打。中央流行疫情指揮中心指揮官陳時中昨天表示，原則上會按照年齡層往下開放，考量到第四輪是提供給38歲以上的民眾打，因此這些AZ疫苗有望給38歲以下的族群接種。
我國自購的52.4萬劑AZ已於昨天下午抵達桃園國際機場，待完成通關程序後，將直接運送至指定冷儲物流中心進行檢驗封緘作業。指揮中心表示，台灣自購1000萬劑的AZ，先前已到貨的包括3月3日11.7萬劑、7月7日62.6萬劑、7月15日56萬劑、7月27日58.2萬劑，以及的52.4萬劑，總計約241萬劑到貨。
這波52.4萬劑的AZ會分配給誰打，陳時中昨在記者會上提到，這波到貨的52.4萬劑AZ，原則上會依年齡層繼續往下開放，但相關細節仍需再討論，後續可能也會有一些疫苗進來，因此要如何適當安排，會整體做考慮。詳情尚未定案。
另外，考量到第四輪疫苗是提供給38歲以上的民眾預約施打，加上陳時中昨天說「原則上會依年齡往下開放」，因此38歲以下的族群也許有可能可以打到AZ。
我國疫苗接種的人口涵蓋率37.78％，累計接種943萬3236人次。根據指揮中心統計，截至8月11日為止，已經打第二劑疫苗的人共56萬5947人次，涵蓋率僅2.4％。其中38萬6390人是打AZ、7萬9557人打莫德納。
而截至昨（12日）下午5點，疫苗登記狀況，只選AZ的有109.6萬人，佔比8.12%；只選莫德納的約401.9萬人，佔比29.78%；只選高端的19.4萬人，佔比1.44%；複選AZ和莫德納的有727萬人，佔比53.86%；複選AZ和高端約3.8萬人、佔比0.28%；複選莫德納與高端的約12.8萬人、佔比0.96%；三款都選的約75萬、佔比5.55%。</t>
  </si>
  <si>
    <t xml:space="preserve">新冠肺炎疫情延燒，旅宿、餐飲業一片愁雲慘霧，桃園市觀旅局調查，桃園各大飯店2月住房和餐飲營收下降4到7成，紛紛關掉自助餐或改外賣，風景特定區也平均下滑4成，尤其慈湖園區幾乎沒人，桃園市長鄭文燦19日裁示減少租金、或延遲繳納權利金，協助業者渡難關，「少多少來客、就少多少租金！」
觀旅局長楊勝評指出，根據調查，1月春節期間營收影響較小，僅較去年少3至5％，但隨著疫情越演越烈，2月住房和營收大幅下降，古華花園飯店、桃園喜來登酒店、桃花園大飯店住房營收下降4成，紛紛將自助西餐廳暫停營業或改單點，福容大飯店A8館住房少5成、桃園館更高達6成，雖然餐廳正常營運，但改以外賣為大宗，各大飯店都鼓勵現職員工排年假、特休因應，小人國主題樂園散客也下降7成、團客少3成。
楊勝評說，旅宿業者普遍反應中央紓困方案如人才培訓、週轉金貸款、振興抵用券等效益有限，桃園旅宿業3巨頭聯名向交通部反映，希望依勞保員工數，改採實質補貼，避免無薪假或裁員；並補助地價稅、房屋稅部分月數稅額，或是暫緩一年繳納、分期繳納等方式因應，救急不救窮，減輕業者經營成本，市府除向中央反映，也請地稅局評估緩收或分期。
桃園各大風景區和景點人數，平均下滑約4成，僅虎頭山跟小烏來持平，評估慈湖停車場、後慈湖入園、小烏來天空步道等收費服務，受疫情影響將減少3成營收。
楊勝評說，觀旅局委外經營、或標租方式收益的地點有慈湖園區、大溪老城區遊客中心、虎頭山公園販賣亭、以及桃信亭咖啡廳，依合約規定，1月底前要繳納全年權利金180萬元，其中慈湖園區因陸客佔遊客比例高達3成，受疫情衝擊最大，研擬讓廠商展延到6月底前繳交，舒緩資金壓力，未來並以延長委外經營、半年不收權利金等方式補償。
「少多少來客、就少多少租金！」桃園市長鄭文燦19日指示，像是慈湖園區業者才剛得標，不要嚇跑對方。他也提到，休閒農場等戶外型旅遊景點，應該加強行銷，增加來客數。
</t>
  </si>
  <si>
    <t xml:space="preserve">
新冠肺炎（COVID-19）疫情全球升溫，我國全力防堵疫情擴散，今（12）中央流行疫情指揮中心說明最新進度，記者會重點如下：
◎今日新增3名新冠肺炎確診案例，1例本土、2境外移入個案。其中本土個案386為案195同住友人，有過敏症狀。截至目前為止，國內共累計388例確診，6例死亡。
◎案386為20多歲男性，其室友案195從3/5到3/19在美國，3/20出現症狀，其同住友人案386是在女室友發病後23天（今）確診。指揮中心推測，由於案195剛回來時無症狀，21日才住院，與案386有2小時聊天吃飯沒戴口罩，可能因此遭到感染。
◎韓國爆發91例新冠肺炎患者出院後復陽，對此，指揮中心召集人張上淳表示，應該是原來的病毒而非重新傳染，就像是金芭黎確診台商，從1月底染疫至今，都無法三採陰出院，此類病毒復陽是否回變異象徵，目前仍欠缺科學根據。
◎紐約疫情嚴重，是否比照武漢返台班機集中檢疫，指揮中心指揮官陳時中回應，有在做思考，但尚無定論。
◎台北某酒店公關日前確診，指揮中心表示，目前匡列接觸者共118位，已採檢5位其中三3人陰性，分別為家屬與職場同事，另有4人待採檢。
◎五一連假是否會有調整的措施？陳時中今表示，目前針對五一連假，並無更動或停止假期的規劃。
</t>
  </si>
  <si>
    <t xml:space="preserve">瑞昱(2379)第四季五大產品線除TV SoC高峰已過外，其餘皆維持成長動能，且有機會維持到明年，展望2021年，藍芽、WiFi6更將扮演瑞昱營運兩大亮點，今股價開高震盪，上漲約1.5%，最高達380.5元。
瑞昱第三季營收224.09億元，季增加29.25%、年增加39.68%，單季稅後純益25.09億元，季增加23.72%，年增加30.54%，每股稅後純益4.83元，瑞昱第三季營收、獲利同創新高，單季毛利率41.35%，季減少3.4個百分點，年減少1.53個百分點。
瑞昱受惠在WiFi 4、WiFi 5、乙太網路、交換器等產品線的帶動下，單月營收自6月起連續四個月創下歷史新高，第三季每股獲利4.92 元，也成功寫下歷史新高，目前瑞昱五大產品線中，除 TV SoC 的出貨高點已過外，包括乙太網路、PON、交換器、藍芽等訂單能見度都可達年底，其中WiFi晶片甚至可看到明年第一季，瑞昱整體營運能見度高。
展望2021年，由於WiFi 6可支援多個使用者同步進行上傳與下載，覆蓋範圍比WiFi 5(802.11ac)多80%，傳輸速度也比WiFi 5快40%，故WiFi 6替換WiFi 5的速度，將比過去WiFi 5替換WiFi 4的速度快，瑞昱WiFi 6 晶片才剛開始量產，今年貢獻度很低，但預估2021年大量出貨後，滲透率將達20~30%，另外，TWS(無線藍牙耳機)儘管今年上半年受到疫情影響終端消費市場，但瑞昱在下半年推出含ANC(主動降噪)功能的第二代TWS晶片，產品毛利率也較佳，瑞昱也看好2021年具有ANC的TWS晶片出貨量大增，2022年將成為主流產品。
車用領域上，瑞昱耕耘已久，惟車用市場需要較長的認證時間，瑞昱看好未來乙太網路晶片將取代CAN-bus，2019年起已出貨給德國Tier I汽車零組件供應商，預計長線市占率會穩定成長，扮演另一股成長動能。
</t>
  </si>
  <si>
    <t xml:space="preserve">身為NBA首位確診新冠肺炎的球員，且被公認是造成NBA今年3月無限期停賽的最大「元兇」爵士中鋒戈貝爾，近日接受法國媒體《隊報》訪問表示，自己到目前為止還受到新冠後遺症影響，那就是他的嗅覺很可能要1年後才可恢復！
「我的味覺已經恢復了，可是嗅覺還沒百分百恢復，」當時成為首位坦承自己因為新冠肺炎導致喪失味覺與嗅覺的戈貝爾表示，「我可以聞到氣味，卻只能近距離才可聞到，我跟醫學專家談過，他們告訴我的嗅覺可能需要1年才能恢復。」
對自己成為感染新冠肺炎遭到外界抨擊，戈貝爾也回擊，「我成為美國新冠病毒的代言人，產生的骨牌效應造成NBA停賽，但並非我把新冠病毒帶到美國！」他似乎到現在仍無法釋懷自己被外界抨擊，甚至自己隊友米契爾也在其中。
看來戈貝爾已經選擇性失憶，畢竟當時要不是他先在一場賽後記者會，上演離譜的故意回頭狂摸麥克風戲碼，甚至在爵士休息室內，刻意去觸碰自己隊友的物品或置物櫃，他也不會受到外界如此嚴重的抨擊，要怪也只能怪他自己手太犯賤。
</t>
  </si>
  <si>
    <t xml:space="preserve">新冠肺炎全球發威，然多虧台灣相關部門的超前佈署，防堵疫情嚴密程度有目共睹，然「人禍難防」，這兩天暴增14起境外移入確診案例，引發民怨，名主播張雅琴也在節目上透露臉書被憤怒網友灌爆，請她呼籲眾人防疫為重、不宜出國，她則是暴怒狂轟要那些硬要出國的人「你不要回來了！」，並曝光陳時中開防疫記者會時的「真實心聲」。
張雅琴昨在《年代晚報》主播台上大動肝火，表示自己跟灌爆她臉書的民眾一樣憤怒，對那些堅持出國的民眾喊話，表示如今不是怕有人出國，「人家怕你在外面爽了一下，…就把病帶回台灣，有沒有公德心啊！」，也說陳時中昨天在宣布台灣添8起境外移入案例時，感受到他的哀怨，張雅琴解析陳時中部長真實心聲：「不要讓全台灣的人做白工嘛！」。
至於境外移入案例暴增，政府公布新措施，將來執意前往三級旅遊警示疫區、返台後確診者，不得領每日一千元的居家檢疫補助、需自負醫療費用且還要公布姓名，張雅琴大讚此舉痛快，「看看是誰，沒有辦法出去玩就受不了，還要帶病回來！」，還加碼放送「你可以出國，你不要回來了！」。
</t>
  </si>
  <si>
    <t>新冠肺炎疫情衝擊各產業，商圈、餐廳人潮稀落，台灣連鎖加盟促進協會理事長李日東今天表示，業者受疫情影響生意慘淡，甚至有銀行已經在抽銀根，呼籲政府紓困動作要快，並依照連鎖產業影響程度分類給予適當補助，不要等到業者撐不下去才推出紓困方案，緩不濟急。
因應新冠肺炎疫情延燒，商圈、連鎖餐廳、夜市生意、交通及觀光等產業生意一落千丈，台灣民眾黨立委邱臣遠、蔡壁如、賴香伶今邀集連鎖餐飲代表舉辦座談會，多家業者提出中小企業紓困貸款及利息補貼、政府補助租金減免、協助餐飲業導入外送平台等訴求。
根據經濟部規劃，受到疫情影響產業，若營業額減少15％以上業者，提供資金紓困3方案，包括營運資金利息補貼，用於支付員工薪資及營業場所的租金，每家上限5.5萬元，最長6個月；舊貸本金得申請展延，補貼金額以22萬元為限，最長1年；振興貸款利息補貼，美加上限22萬元，最長1年。
「遠水救不了近火！」李日東指出，政府提出的紓困貸款等措施還在草擬階段，但業者已經面臨貸款銀行抽銀根，銀行找各種理由不願繼續貸款，業者快要撐不下去，希望政府紓困動作要快，除提供紓困貸款及利息補貼，同時也應該拿出點誠意補貼房租，減輕業者負擔。
麥味登總經理陳潮宗表示，疫情延燒生意慘兮兮，這陣子民眾都不願意到店裡用餐，因而帶動外送業者業績逆勢成長，不過餐飲的毛利約售價的40、50％，外送平台服務費就要收30到40％，比疫情還要嚴重，希望政府能夠在疫情衝擊最嚴重的當下伸出援手，等到疫情趨緩才紓困產業，該倒的都倒了，能夠撐住的也不差這一點補助。
對此，經濟部商業司專委許福添說，基於民眾考量防疫選擇外送平台提供餐飲服戶，會商請外送平台讓利與業者做，並補助業者每家1.5萬元，總計1萬1000家，讓餐飲業者可以藉由外送平台維持業績。</t>
  </si>
  <si>
    <t>記憶體封測廠力成（6239）法說對營運後市釋出正向展望，預期第二季營收可望維持成長，全年營運挑戰新高。多家外資出具最新報告，同聲看好力成營運後市，維持既有評等不變、目標價則高低調整互見，由100～130元區間調整至118～129元。
不過，由於力成股價自3月中的近15月低檔反彈迄今已大漲45％，今（22）日平盤開出後調節賣壓出籠，一度下跌4.31％至93.3元，早盤維持逾3％跌幅，在封測族群中表現偏弱。三大法人調節力道亦明顯加大，上周合計賣超1389張，本周迄今已賣超達5034張。
力成總經理洪嘉鍮表示，由於各產品線需求仍相當強勁，第二季營運展望正向，預期營收可維持成長，並密切注意新冠肺炎疫情對下半年需求的潛在影響。董事長蔡篤恭表示，目前客戶下半年需求仍非常強，若疫情影響在公司預期內，今年營運仍有望改寫新高。
美系外資認為，力成在首季業績及營運展望出色，證實公司面對新冠肺炎疫情的應變能力，數據中心及固態硬碟（SSD）需求成長為驅動成長關鍵，下半年市場風險估可控。對此調升今年營收及每股盈餘成長預期，維持「買進」評等、目標價自100元調升至118元。
歐系外資表示，力成雖受匯損拖累，首季每股盈餘2.1元略低於預期，但受惠NAND Flash及SSD SMT成長帶動，使營收僅季減3％、毛利率及營益率維持高檔，表現優於往年同期。雖然手機需求轉弱，但在伺服器、網通及PC需求帶動下，預期第二季營收可望季增5％。
歐系外資預期力成上半年營收可望年增達30％。即使下半年動能轉弱，估第三季持平、第四季季減10％，全年營收仍會有不錯成長。將力成今明2年每股盈餘預期分別調升2.3％、4.2％，維持「優於大盤」評等、目標價自115元調升至120元。
亞系外資認為，在DRAM顯著回溫帶動下，預估力成第二季營收將季增5％、年增31％，上半年記憶體及邏輯需求強勁。雖然下半年展望保守，恐抵銷上半年強勁表現，仍看好力成長期營收及獲利成長表現，維持「優於大盤」評等、目標價129元不變。
另一家美系外資表示，力成首季業績表現符合預期、第二季營運展望樂觀，目前客戶需求為受新冠肺炎疫情影響。儘管下半年的需求回升程度及疫情影響仍具不確定性，但公司目前股價低於長期本益比，目前估值仍偏低，維持「加碼」評等，但目標價自130元下修至120元。</t>
  </si>
  <si>
    <t>近期新冠肺炎死亡人數逐漸上升，新北市長侯友宜25日表示，新北市目前各大醫院收治病人總共有528人，其中有77人是重症，比例15％相當高，且重症很多是長者，市府將加強醫院與長照機構防疫，落實感控、分艙、分流，除了必要性洗腎與緊急需求，其他都視訊看診，確保長者安全。
侯友宜說，今天整個到現在新北市確診人數達1926人，還是以板橋，昨天總篩檢數量6647人，是最高的一天，熱區的陽性率達4.48％、4.35％，比總平均的3.67％還要高，證明熱區比較容易感，防疫一定要加強。</t>
  </si>
  <si>
    <t>國中畢業就燒了一手好菜，可說是非常不容易。日本一名人妻在兒子國中畢業後，出了一個每天花1000日幣（約新台幣273元）做晚餐的任務，而剩下的經費便可作為他的零用錢，兒子花了8週的時間，成功做了一桌好料，讓不少網友直呼「小當家」。
今日から、息子(中3)が晩ご飯を作る事にしてました。予算は1日千円。残った分は、小遣いとして渡す約束。 pic.twitter.com/ODIjFvDaft
日本人妻@miramania56透露，兒子今年3月國中畢業後，就受到新冠疫情影響，學校也因此延後開學，而她便決定給兒子一項任務，表示假若他能用1千日元做晚餐，剩下的錢就歸他所有，而其兒子也接受挑戰，從3月10日開始執行計畫，第一天做出蝦仁義大利麵、沙拉和湯。
息子(高1)が作る晩ご飯55日目。学校が始まって2週間。やっと余裕が出来て来たので久しぶりにご飯作ってくれました。1番最初に作った海老🦐のタラコパスタ。タラのムニエル。やみつきキュウリ🥒昨日のスープ。レシピ見なくても作れるようになったと喜んでいる。あ、喜んでるのは、私です。 pic.twitter.com/yy4FPZEahx
人妻兒子的菜色起初都很簡單，第三天開始參考食譜，添加蛋白質的食物，而一個禮拜過去了，晚餐共花了3336日元，而兒子獲得3664日元的零用錢，但他並未選擇放棄，在母親節當天，他在父親的建議下，做出生魚片套餐及草莓慕斯，挑戰持續56天，他總共獲得19669日元零用錢。
息子(高1)が作る晩ご飯56日目。昨日で8週間だったので精算しました。息子の取り分は2866円合計で19669円でした。卒業してから約3カ月、コロナによる長い休みに食と経済について、大分勉強になったと思います。ほとんどのレシピを山本ゆりさん@syunkon0507 にお世話になりました！ありがとう！ pic.twitter.com/g8285Sg3SN
人妻@miramania56提到，兒子在這8週不僅廚藝變好，也懂得如何控制食材成本，還有做菜的一些小常識，例如雞腿肉雖貴，但魚類更貴，添加香油能讓食物氣味佳，了解煮完飯後會希望有人能幫忙收拾，起初他還需要靠看食譜做菜，如今甚至根本不用看，讓她開玩笑地說「兒子長大了！但老公還是那個死樣子」。</t>
  </si>
  <si>
    <t xml:space="preserve">知名美國饒舌天后卡蒂B（Cardi B）個性嗆辣直率、有話直說，面對疫情，日前一句「老娘好怕怕」紅遍全球，更被DJ Snake（蛇爺）創作成《新冠病毒Remix》（Coronavirus Remix）登上排行榜。她近日開直播大讚，「中國防疫做得很好。」
卡蒂B表示，新冠肺炎在中國武漢確診人數之所以越來越少，是因為封城的時候，大街上都大量噴灑酒精、消毒液，不光是這樣，人員還會挨家挨戶，敲門測量民眾的體溫，只要發現有人感染新冠肺炎，就會要求他進行隔離，反觀美國做了什麼。
卡蒂B坦言，「我們在居家隔離的時候，政府有在大街上噴消毒水嗎？有一個個測量體溫嗎？我現在都搞不清楚自己有沒有染病，因為今又有確診的球星說自己沒有任何症狀，那老娘到底該不該去檢測？你們全都不當一回事，請問在搞笑嗎？」
卡蒂B更砲轟美國總統川普，稱新冠肺炎為「中國肺炎」；她認為，「這是詆毀中國的行為，人家強大的很，絕對不是你冒犯的起，中國說一，老娘不敢說二。」
影片被節錄翻譯成中文，迅速登上微博熱搜，大陸網友紛紛留言「我的黨位留給妳」、「可以給卡姐安排一下央視新聞嗎」、「請提交黨申請書」、「恭喜卡姐即將在疫情後，獲得在中國巡演120場門票」。
●自2分14秒開始。
更多 CTWANT 報導
</t>
  </si>
  <si>
    <t>新冠肺炎在歐洲大爆發，新北市中和區瓦磘里里長林綺芳卻揪團前往西班牙旅行，引來外界撻伐。草協聯盟發起人李正皓爆料，指出林綺芳除了未盡責替選民服務或協調，還用瘋狂檢舉開單的方式逼退傳統市場小販。
李正皓在臉書爆料說，看到這次無視疫情前往西班牙旅行，返國後卻不去檢疫旅館報到，私自返家的里長是瓦磘里長林綺芳時，他一點也不意外。因為就他所知，林綺芳是中和唯一能做到讓里民天怒人怨的里長。
李正皓表示，去年中和瓦窯里內有一個傳統市場突然受到警方強力取締，但卻不見里長來關心或協調，他再追查後發現，原來幕後的檢舉人竟然就是當地里長林綺芳。
李正皓甚至痛批，看到她此次無視疫情前往歐洲旅行，且返國後不去檢疫旅館報到，還私自回家的行為，他真的一點都不意外，因為一個連自己里民都會欺負的人，又怎麼可能會顧慮到全民或里民的防疫？
網友回應說：「再不禁止國人出國遊玩，我們的防疫人員會累垮，台灣醫療會崩！」、「中和的人應該要憤怒。」、「唉，有這種里長真的很無言。」</t>
  </si>
  <si>
    <t>疫情未降溫，疫苗成搶手貨，台中市長盧秀燕8日在市政會議表示，最近很多市民打電話到市府詢問疫苗怎麼打？但現在疫苗太少，中央定有十大類施打順序，醫護第一大類也沒打完，還不到全民施打階段，市府對十大類可以施打的對象先進行造冊，希望爭取更多疫苗快速到達，讓全民施打。
盧秀燕表示，很多的市民朋友還有各行各業都打電話到市政府來問，「我們要打疫苗要怎麼打？」因為現在台灣疫苗還非常有限，中央配給地方政府的疫苗也非常的少，中央排定十大類施打對象，第一大類是醫護人員，醫護人員都沒打完，後續第二大類還未輪到，現在還無法全民開放施打。
她說，按照中央十大類依序來施打，被指定施打者，市府會造冊進行通知，無法自由來登記施打，包括第一類、第二類以下，皆依序造冊，疫苗施打對象和順序，是中央流行疫情指揮中心規範，全國一致，針對十大類可以施打的對象先進行造冊，市府希望爭取更多疫苗，更快速的到達，讓市民、朋友都有打疫苗的機會。
此外，引發大學夜唱團學生感染新冠肺炎的美樂地KTV，經發局長張峯源今日在市政會議專案報告時表示，東協廣場自主停業到6月28日，該廣場內因夜唱團群聚感染，波及多名大學生及家庭成員的美樂地KTV，調查實名制不實，市府針對消費者和業者，總共開出14張罰單，金額從3600元到1萬5000元不等。</t>
  </si>
  <si>
    <t>台北市長柯文哲7日下午在防疫記者會表示，北市這幾天快篩陽性的總數有減少，雙北的疫情目前趨緩，但麻煩的是全台各地都有隱藏感染源，整個社區也都有潛伏感染源，還是要維持一定程度的三級管制，用最低的成本撐到有疫苗可以打。
柯文哲說，台灣雖是特例，但跟泰國很像，就是2020年防守得不錯，今年3月才出錯，可能是因變種病毒的關係，以前傳染力較差，現在病毒總是會演化；結論就是目前雙北疫情雖趨緩，但整個社區都有潛伏的感染源，要用對經濟衝擊最小的最低成本，撐到有疫苗可打。
媒體詢問，柯曾說再三周會擴散至全台，北市的醫療量能是否夠協助南部？柯說，北市防疫專責旅館及醫院病房目前有3000床，量能沒問題，南部現在沒疫情，還不用支援，先把雙北、北部弄好。</t>
  </si>
  <si>
    <t>我高端疫苗生物製劑公司日前與巴拉圭亞松森大學醫學院舉行視訊會議，討論合作研發新冠肺炎疫苗，並在巴國進行人體試驗，雙方表達高度合作意願。外交部今天樂觀其成，將居中協調提供必要協助。
我友邦巴拉圭疫情告急，日前巴拉圭在我協助下和印度簽訂Covaxin疫苗採購合約，首批疫苗運抵巴拉圭時，巴拉圭「擴大免疫計畫」主任卡斯楚對台灣表示感謝，並透露同意台灣將巴拉圭納入疫苗臨床試驗。
外交部發言人歐江安今天表示，本月22日我高端疫苗生物製劑公司與巴拉圭亞松森大學醫學院舉行視訊會議，討論人體試驗事宜，雙方都表達高度合作的意願。政府一向鼓勵台灣企業赴友邦進行經貿投資及交流；對於這項醫衛合作，外交部樂觀其成，並將居中協調繼續提供必要協助。
她強調，一旦國產疫苗進入第三期人體試驗並獲得緊急使用授權，在先滿足內需的原則下，屆時也樂願輸出國產疫苗，提供友邦協助對抗疫情。
歐江安指出，在新冠肺炎疫情肆虐全球的危急時刻，中國運用疫苗不當擴張影響力，企圖破壞我與友邦邦誼的威脅一直存在。政府將秉持同舟共濟的精神，持續結合理念相近友好國家的力量，共同協助巴拉圭對抗疫情，保障巴拉圭人民的健康與生命不受中國政府的外交勒索。</t>
  </si>
  <si>
    <t xml:space="preserve">大陸製造快速崛起，全球PCB版圖也重新洗牌，根據Dr. Hayao Nakahara的調查報告，2019年全球前122大PCB製造商中有52家廠商來自於中國大陸與香港，相較於2000年僅6家「中國大陸製造商」大幅成長，大陸前6大廠總營收亦從2000年的9.61億美元成長至167.35億美元，雖然消費型產品為大陸PCB生產主要應用領域，近一年大陸不斷加碼5G基礎建設與強推5G內需，在國家政策當助力下，大陸PCB產業一條龍供應鏈策略，後續發展依舊強勁。
全球PCB業界推崇的調研權威N.T.Information總裁中原捷雄(Hayao Nakahara)博士發佈NTI-100 2019全球百大PCB排行與業界動態，根據Dr. Hayao Nakahara的調查報告，2019年共有122家製造商營收超過1億美元進入名單內，較2018年118家增加4家。
若依各區域來看，過去40年位居全球工廠的大陸，在政策積極扶植下，大陸供應廠快速崛起，根據報告，2019年各區域入榜家數分別為中國大陸52家、台灣27家、日本18家、南韓12家、美國4家、歐洲5家、東南亞區域4家，報告將2019年數據與2000年數據做分析比較，在2000年，美國與歐洲分別有20家、16家上榜，但到了2019年，僅有4家、5家公司上榜，相較於中日韓台入榜數從2000年83家成長到2019年109家，顯現全球PCB產業在20年之間的轉移變化。
台灣是世界最大的PCB製造區域，2019年總生產超過220億美元，但是在生產佈局上，台灣有約60%的營收來自於大陸，近年台商在大陸投資雖然仍未間斷，惟國際貿易、新冠肺炎與5G高階技術佈局的因素加總下，近年台商在台灣投資高階製程的金額屢創新高，同時為分散佈局，也開始關注其他生產基地；在生產型態上，以多層硬板、軟板、HDI板與IC載板為主，整體而言，台灣於各類型產品佈局相對其它國家競爭對手分散，而在被視為PCB高階技術戰場的IC載板區域上，台灣目前更是全球最重要IC載板製造國，領先韓、日、中，面對競爭激烈的國際戰局，台灣擁有先進半導體產業的先天優勢，更需提早部署PCB先進技術與智慧製造，結合半導體產業優勢之際也同時維持領先的競爭力。
在日本部分，2000年全球前122大PCB製造商中，日本入榜廠商有51家，相較於中、台、韓在入榜家數與產值均為正成長，日本2019年日本廠商已減少到18家，2019年總營收111.83億美元，較2000年的119.75億美元微幅下滑，顯示日本PCB發展在近幾年面臨沉重壓力。
不過，日本廠發展重點以軟板、載板為最大宗，其中軟板因手機市場競爭激烈，比重已降至40%，日PCB產業現階段正從通訊設備轉型至5G後續衍生之新興應用，如：汽車、機器人、生醫等，載板比重漸增，日本廠商在電路板高階材料仍是全球最完整並具競爭力的國家。
值得關注是，2000年全球前122大PCB製造商中，僅6家「中國大陸製造商」，其中僅汕頭超聲印製版公司(CCTC)為「中國本土製造商」，其他都是香港公司，2019年則有52家廠商來自於大陸與香港；大陸前6大廠營收亦從2000年9.61億美元成長至2019年52家總營收達167.35億美元。
目前大陸有10幾家營收略低於1億美元的「邊緣」廠商，預估未來將有更多大陸廠商上榜，雖然消費型產品為大陸PCB生產主要應用領域，但所供應的產品仍集中於多層硬板，比重高達80%，近一年，舉國不斷加碼5G基礎建設與強推5G內需，有國家政策當助力，陸資PCB產業一條龍供應鏈策略，後續發展依舊持續強勁。
至於韓國廠商部分，南韓PCB產業佈局依附著兩大品牌，像是三星電子的手機製造轉向越南，FPC生產也轉向越南，三星在大陸的所有手機製造基地都已關閉，三星電機亦關閉在昆山的HDI工廠，雖然韓國在國內生產比重有高達60%，但近年韓國PCB廠商正逐步將生產基地轉移到以北越為主的海外地區，如SI Flex在南韓已經沒有生產基地；LG Innotek關掉南韓的HDI和一般PCB工廠，目前僅集中在IC載板；產品發展策略上，除了依附於國內品牌廠之產品策略，在智慧手機外，包括：半導體、基礎建設以及消費型產品皆有著墨，產品供應部份仍以軟板與載板為主力，比重皆超過30%。
</t>
  </si>
  <si>
    <t xml:space="preserve">藥華藥(6446)接獲FDA函謂其Ropeginterferon alpha 2b(P1101)美國PV藥證申請的完成審查日期為2021年3月13日。另外，其以P1101治療或預防新冠肺炎的臨床試驗方案也已獲FDA授予Pre-IND號碼：150922，FDA將給予書面回覆，藥華藥美國子公司同仁及團隊也積極和KOL討論進入臨床試驗事宜。
藥華藥表示，P1101用於治療真性紅血球增多症(Polycythemia Vera，簡稱PV)的生物藥品上市藥證申請，依FDA法規，已於送件後第60天，即美國時間2020年5月13日正式進入藥證審查。藥華藥並已於美國時間5月28日接獲送件BLA後第74天的FDA來函，函稱FDA將依 Prescription Drug User Fee Act(PDUFA，處方用藥使用者付費法案)的標準時程(Standard)進行P1101的PV藥證申請審查，完成審查日期為2021年3月13日。藥華藥表示，原希望有機會獲得優先審查，然以現況能獲FDA確定時程，更可落實執行美國子公司的行銷規劃，產品的推出更能成功，另原孤兒藥認證資格並不會受到影響。
藥華藥進一步表示，獲送件BLA後第74天的FDA來函，對獲得P1101美國PV藥證又達到一重要里程碑，藥華藥將持續積極配合FDA進行後續相關審查作業，以確定按照表訂時程取得藥證。其美國子公司也在公司總部的全力支持下投入行銷佈局及人員聘僱，確保公司營運達到預期目標。
另外，藥華藥已在美國時間2020年5月15日向美FDA送出以P1101治療或預防新冠肺炎的臨床試驗方案，原係根據FDA之冠狀病毒療法加速專案申請，藥華藥於美國時間2020年5月22日獲FDA回應，並獲PIND號碼：150922，函中FDA表示將給予藥華藥書面的建議。
</t>
  </si>
  <si>
    <t>疫情升溫，醫護人員疲於奔命，副總統賴清德今天向民眾喊話，無接觸史、活動史且無症狀者，目前沒有篩檢必要。不要貿然前往急診室，讓自己暴露在感染風險之中，他也拜託國人，把急重症醫療資源留給需要的人，珍惜在第一線為我們奮戰的醫護人員。
賴清德今天在臉書貼上醫護人員的身影表示，「勇敢的醫療前線戰士，謝謝你們負重前行！」悶熱的防護衣，紅腫的勒痕，破皮的耳後，清晰的壓痕，都是戰士的勳章。
他說，這幾天收到很多來自第一線醫護同仁的訊息，不止討論防疫措施，「我一一感謝大家堅守崗位和疫情奮戰，也請他們代為轉達家人，我對他們的敬意」。
賴清德表示，他知道每天的確診數，讓國人有些心慌，急診室醫護人員疲於奔命的景象，曾為第一線臨床醫師的他，感同身受也萬般不捨。身體的負擔，心裡的負荷，用意志力撐起。
COVID-19輕症比例高，八成為輕症或無症狀者，他懇切的呼籲大家，無接觸史、活動史且無症狀者，目前沒有篩檢必要。貿然前往急診室，只會讓自己暴露在感染風險之中，「切勿前往」。
他也要拜託全體國人，請把急重症醫療資源留給需要的人，也請珍惜在第一線為我們奮戰的醫護同仁，因為有他們的負重前行，大家才能安心健康的生活。</t>
  </si>
  <si>
    <t>孕婦昨被列為公費接種疫苗第6類實施對象，即起開放接種，不過，原本規定，同時為第一至第三類接種對象的孕婦才能選擇疫苗廠牌，如果是一般孕婦則只能選擇AZ疫苗，引起民眾關注，不少縣市首長紛紛喊話讓孕婦打莫德納疫苗，對此，中央流行疫情指揮中心今突改口，孕婦可以從目前供應的疫苗種類擇一接種，並依其接種劑次及時程完成。
指揮中心昨將孕婦列為第6類公費疫苗接種對象，發言人莊人祥昨表示，孕婦可以打AZ疫苗，至於莫德納疫苗的部分，如果是符合第一類至第三類別的孕婦，則可以依規定接種莫德納疫苗。
相關規定曝光後，不少縣市首長紛紛表態支持孕婦改打「莫德納」，高雄市長陳其邁說，疫苗餘額充足，高市6/23擴大開放所有孕婦都可選打莫德納疫苗；桃園市長鄭文燦也表態支持孕婦施打莫德納疫苗；新竹市今（22日）上午開放孕婦接種疫苗，並提供AZ和莫德納兩款可自由選擇。</t>
  </si>
  <si>
    <t xml:space="preserve">統新(6426)2019年獲利大爆發，全年稅後淨利為0.94億元，年增率703.14%，每股獲利2.78元，董事會也通過每股配發現金股利2.0元，展望2020年，統新認為，儘管有新冠肺炎衝擊，但因為各國對5G的建設依舊相當積極，故看好薄膜濾光片的需求穩定，公司營運仍可以樂觀看待。
統新2019年合併營收6.17億元，年增率34.16%，主要成長動能為，5G商轉啟動，全球5G布建加速，在中、美、韓領先啟動服務，5G基礎建設及5G高頻、高速的網路需求，帶動公司DWDM濾光片需求成長，推升平均毛利率成長20.16個百分點至52.37%，全年稅後淨利為0.94億元，年增率703.14%，另外，統新在2019年12月中以每股100元辦理現金增資發行新股共5000仟股，其中依法保留15%予員工認購，因此認列酬勞成本3297.5萬元於資本公積員工認股權項下，致使全年結算之每股稅後盈餘為2.78元。
展望2020年，統新指出，雖有COVID-19(新冠肺炎)衝擊，但大陸、韓國等國家仍持續對5G基地台建設、大數據資料中心、AI等產業領域發展，由於5G商轉在即，新開通基地台的需求將大幅增加，為符合高傳輸、低延遲以及高容量的需求，光模組邁向高階25G應用，配合各地電信商對5G基地台的布建，將推動薄膜濾光片的需求穩定。
統新董事會通過2019年度盈餘分配案，為落實獲利回饋股東政策，公司擬配發現金股利2.0元，現金配發率達72%，以上周五(27日)盤後收盤價84.60元，現金殖利率達2.36%。
</t>
  </si>
  <si>
    <t>全球疫情延燒一年多，台灣卻才剛開始，不過幸好全球已經經歷過的事情，都有經驗作為參考。整形外科醫師黃馨慧雖不是第一線的醫護人員，但利用自己的英文與查詢醫學期刊的能力，整理了包含美國疾病管制署、Lancet、JAMA等醫學期刊，對於新冠病毒的防禦經驗，讓台灣民眾可以做好準備迎戰。以下為常見的五個問題：
1.我還沒打到疫苗怎麼辦？
全台灣確診人數飆升，但疫苗礙於施打量能與保存期限，僅先抵達部分，由第一線人員（含防疫、醫護、警消）施打，一般民眾尚無法自費施打。
黃馨慧醫師表示，還沒打到的民眾也別緊張，其實戴好口罩就有7成防禦力，不輸打疫苗。
她也分享，曾在韓國發生的真實案例。一位超級傳播者剛好坐在出風口處，2小時未戴口罩，用餐、說話，整間咖啡廳顧客因有拿下口罩進食，全部染疫，即使只有10分鐘也中標。反而在店裡工作的店員，因為從頭到尾戴著口罩，都沒事。美國CDC也有研究，2位染疫的美髮師，8天內接觸了139位顧客，平均接觸15分鐘，但彼此都有戴口罩，最後0人被感染。_x000D_
2.雙層口罩到底有沒有用？
有的，建議採用。美國CDC在實驗室模擬研究，發現外層布口罩，在內層戴醫療口罩，可以阻擋咳嗽中85%的微粒。JAMA在2021年4月最新研究指出，fitted filtration efficiency（密合過濾效率）在外層加上布口罩時從單層的66%大幅提升到81%。就連美國白宮病毒顧問佛契博士也開始戴雙層口罩。
3.一天到底要消毒幾次？
普通營業場所，一天消毒一次其實就足夠，其實不用神經質的一直消毒。美國CDC研究指出，透過表面傳染（fomite transmission）的機率小於萬分之一。除非為確診者待過的空間，24hr內建議全面再消毒一次。間隔72小時之後傳染機率微乎其微，所以確診者疫調足跡3天後，民眾其實可以放心。
4.學生去上課是不是很危險？
義大利研究18歲以下學生，發現小學生的互相感染機率相當低僅0.4%，國高中學生略高為6.5%，感染率反而在教職員之間比較多，所以歐美後來慢慢修改順序，學校停課反而是比較疫情後期的事。不過體育課就絕對禁止，因為此時呼吸急促口沫橫飛，感染機率大增。
然而新加坡發現，印度變種病毒株對孩童感染力較強，已著手研發小孩疫苗，還好症狀仍然比大人輕微。Lancet指出，2歲以下嬰兒感染比較嚴重，另外於家庭中，小孩對家人的傳染力較強。
5.我何時該去快篩？
接觸到感染者之後，平均產生症狀的時間大約是5天。Lancet指出無症狀的感染者，傳播力為有症狀感染者的兩成。目前篩檢人力已全國吃緊，黃馨慧醫師呼籲，民眾若無症狀，只是單純懷疑，千萬不要擠去急診快篩，反而增加被感染機率。</t>
  </si>
  <si>
    <t>公費流感疫苗今（1）日起開打。台大兒童醫院院長黃立民昨指出，國內連2年沒有流感、侵襲性肺炎鏈球菌疫情，民眾免疫力長期未被病毒激發，今年秋冬恐有反撲大流行，建議民眾應接種流感、肺炎鏈球菌及新冠肺炎等3種疫苗，才能避免合併感染，導致重症或死亡。至於3支疫苗的接種順序，黃立民說，流感疫苗可與肺炎鏈球菌同時打，和新冠疫苗相隔7天即可。
秋冬流感流行期將至，新冠疫情威脅尚未解除，肺炎鏈球菌也伺機而動。「李慶雲兒童感染暨疫苗發展醫學文教基金會」昨日舉行記者會，以「新左流右肺」為衛教宣導主軸。疾管署多年來皆宣傳「左手打流感，右手打肺炎鏈球菌」，今年則增加「新冠肺炎疫苗」，疾管署表示，新冠肺炎打在哪隻手都可以，重點是相隔7天。
該基金會董事長黃立民指出，各國流行感冒已連2年未大流行，多數人口未被激發免疫反應，隨著新冠疫情逐漸受控，「被壓制的流感病毒一定會回來」，他並引述國外知名期刊指出，三分之二感染科專家認為，今年秋冬流感將大流行。
冬天另一好發感染症是侵襲性肺炎鏈球菌，黃立民指出，台灣2020年感染人數從往年7、8萬人降至3、4萬人，但因重症住進加護病房人數維持在1至2萬人。他分析，確診人數下降是因輕症者不敢進醫院，但重症人數不變，顯示整體感染數並未下降，社區中潛藏感染肺炎鏈球菌危機。
台大小兒感染科醫師呂俊毅也指出，肺炎鏈球菌平時多半潛伏人類鼻腔中，當人體因感冒或免疫力下降時，不必「國際交流」就會發病，患者一旦出現侵襲性肺炎鏈球菌感染症，細菌就會侵襲到血液、腦部、心臟、腎臟及骨頭各處，死亡率相當高。
呂俊毅表示，一旦感染新冠病毒或流感，若再合併侵襲性肺炎鏈球菌感染症，將是引起重症或死亡的主因，也會增加治療難度；他呼籲今年冬天一定要「料敵以寬」，3種疫苗都打起來，尤其成年慢性疾病患者、先天或後天免疫功能不全者、65歲以上長者、5歲以下兒童等高風險族群。
新北市公費流感疫苗與肺炎鏈球菌疫苗今日開打，市長侯友宜鼓勵符合資格者都能到合約醫療院所接種，左、右手臂可同時接種，不過與新冠肺炎疫苗要間隔7天以上。</t>
  </si>
  <si>
    <t xml:space="preserve">從香港出發的郵輪「威士特丹號」上周四（13日）終於在柬埔寨靠岸，全部乘客通過檢疫獲准下船。但馬來西亞衞生部門昨日（15日）證實，83歲美國女乘客飛抵馬國後確診感染新冠肺炎，馬國全國累計22個確診病例。吉隆坡當局正與航空公司合作，追蹤同機機組人員及乘客下落。
但柬埔寨衞生部今日（16日）表示，馬來西亞可能「誤診」，已要求對方重新檢測，確保結果可信。對此馬國副總理旺．阿兹莎今日强调，馬來西亞已經2次為該婦進行檢驗，結果還是陽性，才宣布老婦確診。
《柬中時報》16日引述柬埔寨衛生部發言人稱，馬來西亞衛生部可能「誤診」，不僅是衛生部，就連「威士特丹號」郵輪母公司荷美郵輪（Holland America Line）也要求馬來西亞當局重新檢測，以確保檢測結果令人信服。
馬來西亞衛生部總監諾希山（Noor Hisham Abdullah）指出，14日共有145名郵輪乘客飛往馬來西亞。患者與同行丈夫到達吉隆坡國際機場後就被發現有症狀，該名婦女15日對病毒呈陽性反應，目前病情穩定，正在醫院隔離病房接受治療。她的85歲丈夫就呈陰性反應，但仍需留院觀察。
柬埔寨衞生部表示，當局按世界衞生組織（WHO）的檢測標準，為郵輪所有人員檢疫，確認沒問題後才讓他們下船。
鑒於船上出現確診個案，至少有兩名荷蘭籍的威士特丹號乘客被禁止登上荷蘭皇家航空KLM810返荷的航班。荷蘭外交部證實，共約11名國民被禁止登機。據報威士特丹號上有91名荷蘭公民，部分人已順利回國，必須在荷蘭接受觀察。
載有1455名乘客及802名船員的威士特丹號，本月5日駛離高雄港之後，先後遭日本、關島及泰國等地拒絕靠岸。上周五終於獲柬埔寨批准停靠西哈努克（Sihanoukville）港口，最初指船上有約20人不適，但經檢疫後確定沒有染病。總理韓森當時親自迎接乘客下船，全程沒有戴口罩，與乘客握手還與部分旅客擁抱、貼臉致意。
</t>
  </si>
  <si>
    <t xml:space="preserve">台灣民意基金會公布的民調顯示，民進黨政黨認同度在疫情爆發後出現「墜崖式崩落，流失三百萬的「死忠支持者」。台灣民意基金會董事長游盈隆今接受資深媒體人黃暐瀚採訪時表示，民進黨「低估病毒、高估自己」，結果，就是重傷，如果民進黨無法扭轉這波的頹勢，那麼2022想要選得好，那是非常困難的。
黃暐瀚今（16日）在臉書發文表示，因為疫情的關係，台灣民意基金會六月最新的民調，民進黨的認同者，狂掉了15%，大約三百萬人。為什麼會流失三百萬的「死忠支持者」，游盈隆今接受「POP撞新聞」的專訪，用八個字：「低估病毒、高估自己」，來做總結。
黃暐瀚稱，該買疫苗，卻買的不夠，檢視過去一年的疫苗政策，顯然政府只把「國際疫苗」的最大值，訂在2500萬劑，國產疫苗則擔綱2000萬劑，共計4500萬劑。問題是，國產疫苗成功與否，誰能保證？「不買足」國際疫苗，是民進黨所犯的第一個錯，而當五月疫情開始之後，確診與死亡人數不斷攀升，民眾這才知道，原來政府沒有它口中所說，做得真有那麼好。
黃暐瀚直言，不只一般民眾失望，連民進黨的死忠支持者，都搖頭嘆氣。三月時，民進黨的「強烈認同者」還有13.1%，六月剩下8.7%；至於「溫和認同者」，也從30%，降為19.5%。少掉了15%的「民進黨認同者」，等於跑掉了三百萬的死忠選民，民進黨「低估病毒、高估自己」，結果，就是重傷。
民進黨傷成這樣，黃暐瀚觀察到，國民黨卻一點好處都沒有討到，三月藍營認同百分比只剩19%，六月居然更低，變成18.9%。雖說，現在距離2022的縣市長選舉，還有一年多的時間，要說勝敗，太早了些。不過，游盈隆強調，地方選舉與總統選舉，完全不同，總統大選拋不開兩岸統獨議題，但地方選舉則與民眾的生活滿意度，直接相關，如果民進黨無法扭轉這波的頹勢，那麼2022想要選得好，那是非常困難的。
</t>
  </si>
  <si>
    <t xml:space="preserve">土耳其籍男星吳鳳來台發展多年，2015年成為台灣女婿的他，與太太陸續生下2個寶貝女兒。時常在社群平台上分享生活日常的吳鳳，先前曾說自己家鄉土耳其目前新冠肺炎疫情嚴峻，他的妹妹和外甥也都相繼確診，同時更出現喪失味覺與嗅覺的症狀，這讓他感嘆，今年真的很辛苦。
今(30日)，吳鳳再度發文，文中說自己年紀已大的阿姨也被檢查出來罹患新冠肺炎。吳鳳說：「昨天我表姐說我三阿姨也被傳染，剛剛又收到不好的消息，最大的阿姨在家跌倒然後發燒，結果她也被檢查出來是新冠肺炎」。
吳鳳表示，他的臉書上有很多家鄉的朋友，幾乎每天都會分享誰被傳染，而且不少年紀大的人已經病逝，他也擔心阿姨們的年紀都大了，且大阿姨還有慢性病；所幸醫生覺得阿姨的病症不是很嚴重，可以先在家隔離治療。
才帶家人去嘉義玩回家的他更感嘆的說，在台灣，每個人都會注意基本的防疫措施；但在國外，連去隔壁超市都有可能讓人一輩子後悔。吳鳳也在文中和大家更新妹妹與外甥目前的狀況穩定，表妹也已結束隔離；同時請大家為他的家人加油，他也很想和大家分享家人們的好消息。
</t>
  </si>
  <si>
    <t>敦睦艦隊磐石艦23日再新增1例新冠肺炎確診，使得磐石艦累計已29例確診，且其中5例是第2次採檢才發現陽性，累計國內共427人確診。中央流行疫情指揮中心表示，案427是20多歲男性，4月18日至集中檢疫所隔離採檢，一採陰性，19日起陸續出現喉嚨痛癢、咳嗽等症狀，21日再次採檢，23日確診。
磐石艦確診29例有5例是2採陽性，指揮中心專家諮詢小組召集人張上淳表示，磐石艦官兵們在集中檢疫之前已經採檢，但危險性還是在，指揮中心不會認為一開始找到24名確診個案就代表其他人安全，「否則就不用集中檢疫。」
台灣至昨天已連續11天零本土病例，指揮中心指揮官陳時中表示，敦睦艦隊染疫應該視為來自境外的「獨立事件」，目前國內仍是延續本土零確診狀態，代表台灣相對安全，但國際現況仍然嚴峻，加上敦睦艦隊個案，所以持續嚴密監測。
此外繼嗅、味覺異常後，國際上又出現腳趾出現水泡的新冠肺炎疑似症狀。張上淳昨證實，國內確實有感染個案有水泡症狀，只是還沒確定是否都位在腳趾。
先前也有國外研究指出，新冠肺炎也會造成結膜炎症狀。張上淳解釋，國內還沒有確診個案出現結膜炎症狀，因此目前還沒做相關的分泌物病毒培養測試；至於國外曾測試的國家，有些報告指出結膜分泌物有病毒，但有些沒有，因此仍有待釐清。
另外，唾液能不能拿來當作檢體篩檢新冠病毒？張上淳指出，台灣在SARS期間已用「漱口水」採集喉嚨分泌物做RT-PCR，目前也有部分醫院採用，但單用唾液檢驗，靈敏度「有待驗證」。
長期協助帛琉醫療服務的新光醫院副院長洪子仁表示，帛琉在我方出現軍艦群聚後立即採檢相關人員，至今零確診。往後3周帛琉預計採檢500人，敦睦艦隊血液抗體檢測也是觀察重點。</t>
  </si>
  <si>
    <t>彰化縣長王惠美22日宣布新增1本土確診病例，為80幾歲男性前往南彰化圓明聖道院問事、靜坐而染疫；疫調發現，主持私人神壇的南彰化里長娘本月11、12日還曾與南投縣的師兄連袂北上台北萬華龍山寺，參加渡靈活動，為了超渡染疫死亡眾生，卻因而將新冠病毒帶回彰投傳播，令眾人詫異。
王惠美重申，防疫三級警戒期間，根據中央指引禁止宗教活動嚴防群聚，不料一個多月來縣府、警方努力與廟宇協調勸導，竟是私人神壇宮廟仍在執事問事，她拜託宗教團體民俗信仰工作者自律、共體時艱，切勿以身試法，若有查到違規群聚屬實，絕對依法開罰，絕不寬貸。
彰化縣22日新增1例確診，今年累計254例，已完成50655人次篩檢，居家隔離中246人，累計居隔人數2913人。本起民俗信仰宗教活動傳播鏈，包括70歲里長、60多歲里長娘，和80歲男信眾，已3人確診，另南投縣1名男性壇主師兄也染疫，仍列感染源不明事件。
衛生局除匡列里長家親友接觸者16人，累計相關宗教與社區活動接觸者已達50多人，其中採檢有7、8成陰性，其餘仍待篩檢結果出爐。
根據彰化警方與衛生局疫調人員聯手調查發現，不只萬華來的師姐待在道院自4日留宿至10日，6日還與南投私人神壇男性壇主3人在道院辦消災祭祀法會；本月端午連假前夕，11、12日兩天，這幾位師兄姐更連袂北上，至台北萬華龍山寺參加渡靈活動，為染疫身亡的亡靈超渡儀式。
縣府也公布新增疫調足跡，包括神腦國際員家中正路門市、小北百貨員林店、全聯員林浮圳店等，呼籲6月11日至18日之間，足跡有重疊民眾做好自主健康管理。</t>
  </si>
  <si>
    <t>日本伴手禮業者紅馬-KY（2928）股東常會通過配息1元，今（15）日進行除息交易，每股參考價39.75元。紅馬今日開高後量增穩揚，隨後在買盤敲進下飆升8.18％至43元，開盤17分鐘即完成填息。早盤維持逾4％漲幅，位居觀光類股漲勢前段班。
紅馬2020年6月自結合併營收3.35億元，月減5.38％、年減28.65％。因時序步入淡季，第二季合併營收10.01億元，季減49.22％、年減14.01％，降至4年半低點。不過，累計上半年合併營收29.77億元，仍年增達12.94％，改寫同期次高。
紅馬表示，上半年伴手禮業務受疫情衝擊影響甚大，營收年減達4成。但受惠「Furusato 360」跨平台效益逐步顯現，帶動上半年故鄉納稅業務營收年增達7成、故鄉納稅總捐款金額達22.1億日圓，帶動上半年營收仍年增13％、創下僅次於2017年的同期次高。
展望後市，紅馬對下半年展望維持審慎樂觀態度。針對故鄉納稅業務，公司將持續尋求與其他大型入口網站合作，增加地方自治體滲透率與故鄉納稅回禮曝光度，預期在「Furusato 360」跨平台規模效益持續顯現下，今年故鄉納稅業務可望逐季成長。
伴手禮業務方面，紅馬雖預期短期內不會明顯回溫，但在疫情逐步受控前提下，為促進日本國內觀光復甦，日本政府預計第三季推出「Go To Campaign」補貼計畫，其中將針對旅遊業與伴手禮等產業提出重點補助，待該計畫正式實施後，公司伴手禮業務可望受惠。</t>
  </si>
  <si>
    <t xml:space="preserve">立法院今協商紓困特別條例，國民黨立委曾銘宗指出，民進黨不僅不接受國民黨提出的排富發現金方案，還提出修正動議，加碼把紓困特別預算一口氣拉高到4200億，比起原先的2100億又多了一倍，而多出來的2100億額度沒有指定用途，等於是空白授權。
根據民進黨團所提修正動議，紓困預算經費上限從600億提高到2100億，又說「並得視疫情狀況，以不超過原預算額度內再編列特別預算，送請立法院審議」，曾銘宗表示，這代表本來行政院院會通過只是要提高到2100億，附加這句等同把額度一口氣拉高至4200億。
曾銘宗批評民進黨決策如兒戲，政府應該要意識到，這些錢都是要「舉債」的，目前的特別預算幾乎都要舉債，只有極少數歲計賸餘，每筆錢都要用在刀口上，必須要確實做到紓困、振興才對，而不是這樣子空白授權，把額度一口氣拉這麼高。
國民黨團書記長蔣萬安說，國民黨團的提案是把額度增加1000億，但這1000億是有指定用途，就是排富發現金給民眾，不像民進黨，把額度再度增加2100億，卻沒有說明要如何使用，沒有指定用途。
</t>
  </si>
  <si>
    <t xml:space="preserve">新冠肺炎持續延燒，但清明連假不少景點卻湧入大批人潮，振興醫院急診重症醫學部主治醫生蔡賢龍撰文指出，現在台灣確診的狀況看來，前三大症狀為發燒、咳嗽以及喉嚨癢痛，此外，初步發燒表現比例只有低到36.63%，需要特別注意，同時他提醒，清明連假後2周內是關鍵時刻。
蔡賢龍在臉書、網站《急症最前線　投資現金流》上表示，目前台灣因為圍堵策略初步奏效，各種防疫物資準備適當，確診人數雖多，暫時仍以境外移入為主。症狀方面，發燒、咳嗽與喉嚨痛為前3大症狀，跟各國不同，比例都偏低，此外，「初步為發燒表現的比例低到只有36.63%，這需要特別注意」。
蔡賢龍說明，一開始就發燒的比例只佔36.36%，統計明顯比較少，有可能是因為能夠監控症狀傳播，提早篩檢相關接觸者，早期診斷，而非疾病中後期才發現。重新證明發燒只能夠篩檢出部分的病患。
蔡賢龍提到，若把台灣本土病例單獨拉出來看，這段時間增加的人數少，但清明連假後2周是主要觀察期，看看本土病例是否有上升，他也提醒，台灣初步取得防疫成績後，更須避免警戒心喪失，導致大量增加社區感染可能。
</t>
  </si>
  <si>
    <t>華航（2610）1月份合併營業收入為147.68億元，年增3.42％，其中客運收入106.07億元，年增12.90％，貨運收入31.40億元，年減17.84％，二月因為新冠肺炎，法人估華航客運營收估計減幅有可能超過兩成，貨運部分進口線很好，如果下半月大陸工廠復工速度加快，有機會出現正成長。
華航說明，一月因為受農曆新年旺季及選舉因素，加上北美地區與東北亞地區單位收益大幅增長，致使整體客運收入較去年同期增加；貨運部分受美中貿易戰達成第一階段協議，廠商出貨計畫延後，又因大陸市場需求不佳，多數廠商提前休廠，致使整體貨運收入較去年同期減少。
二月原本就是航空客、貨運淡季，華航原就列有減班計畫，今年因新冠肺炎，兩岸航線目前僅剩約一成航班，日本14日開始規定入境旅客有一人確診為新冠肺炎全機就不准入境，估計將是二月下半月日本線航班減幅會明顯增加，全月客運不看好，倒是貨運後市看好，有機會看到正成長。</t>
  </si>
  <si>
    <t xml:space="preserve">指揮中心今（12）日中午召開記者會，針對昨天爭議不斷的陸配子女反台政策作出回應，決定將政策喊卡，撤回大陸籍子女入境規定。指揮觀陳時中霸氣表示，「要為當初選擇國籍時負責」。消息一公布，台大醫院婦產科醫師施景中馬上大讚陳時中「以一擋百」之舉，真是太帥了！
施景中在個人臉書上指出，昨（11）陸委會將開放陸籍配偶及子女來台的政策感到隱憂，認為這政策在防疫焦灼時期「來得真不是時候」。施景中拿寶瓶星號舉例，指出有郵輪旅客不遵守自主健康管理規定，擅自下船到健身房游泳池游泳，害業者決定要封館至3月底。施景中表示「真的害人不淺，還不是單一案例」。
面對國人自主居家檢疫14天都有許多人不守規定，增加防疫困難，此時又開放陸籍子女返台，施景中顯得相當擔心。不過今日疫情指揮中心記者會，陳時中直接宣布，撤回陸委會前一日的政策，取消大陸籍配偶子女入境，堅守國境以阻擋疫情。這讓施景中樂得表示「CLOCK部長太帥了，以一擋百！謝謝陳時中部長！」
</t>
  </si>
  <si>
    <t>印度統計局29日公布數據顯示，該國本財年第四季（1～3月）國內生產毛額（GDP）年增率降至3.1％，優於預期。為了防堵新冠肺炎疫情擴散，印度全國各地實施封鎖隔離，導致各行各業與消費者信心遭到重創，連帶拖累經濟成長。印度本財年（2019年4月～2020年3月）全年GDP成長率為4.2％，不僅低於上個財年（2018～2019年）的6.1％，年增率亦創下11年來新低。
印度上季GDP年增率僅達3.1％，不如第三季的年增4.7％，但優於市場預期的0.5％～2％區間。印度國家銀行（SBI）先前預估，印度上季GDP恐怕放緩至1.2％，至於路透訪調經濟學家後預測為2.1％。
印度政府自3月25日以來實施全球規模最大、最嚴格的封鎖隔離措施，希望保護全國13億人口的健康與生命安全無虞。
印度一開始僅打算實施三周封城令，但鑒於疫情未見趨緩，總理莫迪（Narendra Modi）決定三度延後解封，一直至5月31日為止。
目前尚不清楚，莫迪政府是否會再次延長封鎖時間，但此政策已嚴重衝擊該國勞動市場。根據印度經濟監測中心（CMIE）報告預估，受到疫情影響，印度已有逾1.22億人失業，失業率飆升至27.1％。
經濟學家指出，封鎖措施對於製造業與服務業帶來極大衝擊，恐導致印度本季經濟進一步放緩。高盛銀行更預測，印度2020～2021財年經濟恐將大幅萎縮5％。
印度疫情仍然嚴重，近日更創下單日確診新高紀錄。截至29日為止，該國新冠肺炎確診病例為168,387人，死亡4,806人。
為了挽救低迷經濟，印度政府推出一連串紓困措施，首階段主要針對小型企業與農夫。印度央行本月稍早更將基準利率調降40個基點，此為今年來第二次降息。</t>
  </si>
  <si>
    <t xml:space="preserve">國產高端疫苗開打3天出現4人接種後死亡的憾事，而第六輪接種將持續至29日，中央流行疫情指揮中心指揮官陳時中今天表示，並未出現明顯緩打潮，不過接種率確實有降低。
陳時中表示，8月23日高端接種率達92.8％，8月24日為90.2％，數目約略有一些降，是有一些影響，還沒有造成緩打潮，不過確實有降低。
指揮中心統計，昨（25日）單日接種8萬3635人次，目前全國疫苗人口涵蓋率41.24％，劑次人口比44.72％。目前累計接種1049萬7159劑新冠疫苗，其中高端佔35萬1482劑。
陳時中曾表示，希望在今年10月能達到6成的涵蓋率，但有專家建議達到7成再重啟國門，對此陳時中表示，年底應該可以努力達到7成，越高越好，強調疫苗施打維持不強迫政策。至於屆時是否開放邊境，還要做綜合判斷。
</t>
  </si>
  <si>
    <t xml:space="preserve">
新冠肺炎（COVID-19，俗稱武漢肺炎）已讓全球人心惶惶，今（21）指揮中心再度宣布2新確診案例，許多人求口罩不得，只能狂洗手、消毒來防疫，卻有民眾還搞不清楚狀況，已經連續咳嗽、流鼻水一個多月，在醫師追問下，才透露曾和居家檢疫者碰面，讓布農醫師田知學罕見動怒。
布農醫師田知學在臉書《布農Doc 田知學》上斥責「這是什麼狀況！」表示一名病患聲稱已經連續咳嗽、流鼻水一個多月，病情都未好轉，才前來求診。在她追問之下，方承認在這兩個禮拜內「有幾天和香港返台的居家檢疫者碰面聊天」。這讓田知學在臉書上爆氣「政府、媒體那麼用力宣導、衛教還不夠嗎？」
田知學強調，「有旅遊史接觸史請做好做滿自主管理」。民眾一定要配合政府防疫措施，才能一起守住台灣，不再讓新冠肺炎疫情繼續擴散！更要記得，身體若有任何不適，要出去給醫生看診，讓專業的醫療人員來判斷、篩檢；有任何病情疑慮，隨時通報1922。
田知學分享完此案例後，不少網友也留言痛批「太扯了就是有這種人，衛福部和醫護人員再怎麼努力，都會因為這些人而產生防疫漏洞」、「有些人好像都不當一回事」、「總覺得一堆台灣人都有僥倖的心態，真的很不負責任」。
</t>
  </si>
  <si>
    <t>美國白宮於美東時間3日上午宣布將提供7百萬劑疫苗給包含台灣在內的亞太地區國家。對於美方在我國政府與人民全力對抗疫情之際，即時伸出援手，展現對我溫暖關懷，外交部表達誠摯感謝之意。
外交部表示，台灣與美國自去年3月共同發布「台美防疫夥伴關係聯合聲明」以來攜手抗疫，近期包括美國衛生部長貝西拉（Xavier Becerra）及多位跨黨派聯邦國會友人也都公開表達支持台灣取得疫苗，我國政府都銘感在心。台灣作為美國在印太區域的緊密夥伴，將在既有良好基礎上持續強化台美防疫夥伴關係。</t>
  </si>
  <si>
    <t>桃園市自22日進行校園BNT疫苗接種計畫，原預計10月8日前完成，但接獲中央通知疫苗延遲，現有28所學校、1.8萬名學生會受到影響，預計要延期至10月12日以後才能接種疫苗。
桃園市衛生局指出，BNT疫苗校園接種原預計10月8日前完成，因中央配發的疫苗未到，加上之後會遇到雙十節連假，預計恐需要延期至10月12日後才能繼續施打。
教育局表示，桃園市高國中生校園BNT疫苗接種計畫自9月22日開打，至今有36校、5萬9506人完成接種，28日接獲中央通知BNT疫苗會配送延遲，需至10月9日後才會再配送，原訂10月7、8日預備接種學校受影響。
教育局統計，有28校會受到影響，包括1所高中職、26所國中、1所五專，總計受影響的學生數高達約1.8萬名，市府已緊急與學校及醫院討論，後續會做好妥適安排，也請家長及學校見諒。</t>
  </si>
  <si>
    <t>中央流行疫情指揮中心今(3)日公布國內新增6例境外移入COVID-19確定病例，自荷蘭(案1139、案1140)、印尼(案1141至案1143)及烏茲別克(案1144)入境。
指揮中心指出，案1139為荷蘭籍40多歲男性船員，今(2021)年4月10日來臺工作，持有搭機前3日內檢驗陰性報告，入境後至防疫旅館進行檢疫；4月25日檢疫期滿後，由公司安排至其他住所自主健康管理，因工作需要，5月1日搭乘專車至醫院自費採檢，於今日確診(Ct值29；住院後採檢Ct值33，血清抗體IgM及IgG皆為陽性)。個案在臺期間並無症狀，已掌握同車接觸者12人，均有適當防護，列自我健康監測對象。
指揮中心表示，案1140為30多歲荷蘭籍男性船員，今年4月8日來臺工作，持有搭機前3日內檢驗陰性報告，入境後至防疫旅館進行檢疫；4月23日檢疫期滿後，由公司安排至其他住所自主健康管理，因工作需要，5月1日搭乘專車至醫院自費採檢，於今日確診(Ct值33)。個案在臺期間並無症狀，已掌握接觸者32人，均有適當防護，列自我健康監測對象。
指揮中心指出，案1141至案1143均為印尼籍男性漁工，年齡介於10多歲至40多歲，今年4月19日來臺工作，皆持有搭機前3日內檢驗陰性報告，入境後至集中檢疫所進行檢疫，5月2日進行檢疫期滿前採檢，於今日確診。3名個案在臺期間並無症狀，檢疫期間未與他人接觸，故無匡列接觸者。
指揮中心表示，案1144為本國籍20多歲女性，今年4月21日前往烏茲別克工作，4月27日返臺，持有搭機前3日內檢驗陰性報告，入境後返家進行檢疫；4月28日起陸續出現頭痛、發燒及噁心症狀，4月30日因症狀未改善，由衛生單位安排就醫採檢，於今日確診(Ct值28)。已掌握接觸者3人，皆列居家隔離。</t>
  </si>
  <si>
    <t>國內昨日新增382例新冠肺炎疑似個案，截至目前累計13555例通報，其中13095已排除，45人確診，中央流行疫情指揮中心指揮官陳時中表示，國內今日無確診個案。所有確診者中，1名死亡、15名解除隔離（其中13名已出院）、其餘個案病況穩定，持續住院隔離中。
執行官周志浩表示，目前澳洲音樂家接觸者匡列419位，澳洲音樂家來台期間共接觸419人，經調查，其中412人不需馬上採檢，持續追蹤中。目前有7人需要採檢，其中2人陰性，5人採檢中。自主健康管理者則有272人，其中2人已出境，但有聯絡兩位的國家此訊息。
中央流行疫情指揮中心今（7）日表示，法國、德國及西班牙近期COVID-19（新冠肺炎）病例快速上升，且已有數起群聚事件發生，評估已出現隱性社區傳播鏈。基於國人至該三國當地具感染風險，因此即日起提升法國、德國及西班牙旅遊疫情建議至第二級警示（Alert），民眾前往當地應加強防護。此外，從這三個國家入境的民眾，應落實14天自主健康管理。
陳時中表示，鑽石公主號19位返國旅客已完成14天集中檢疫，且經三次採檢均為陰性，於今日解除隔離。其中12人自行離開或由家人接送，7人於上午10點搭乘交通部安排的遊覽車至捷運站及火車站後各自返家；所有人返家後需進行自主健康管理。
外交部接獲帛琉官方通知，該國發現1位美籍醫護疑似感染新冠肺炎，目前已將其安置於隔離病房。我國接獲通報後，由新光醫院感染科醫師透過視訊技術指導協助採檢，及安排聯繫檢體運送事宜；檢體已於昨(6)日晚間抵台，並由專人送至疾管署實驗室檢驗，後續檢驗結果將通知帛琉及美國。
陳時中說，新冠肺炎的疫情向各洲蔓延中，各國疫情升級，由專家討論做決定。台灣目前確診數45例，截至目前疫情密集度是0.19。
外交部表示，國際的疫情採用滾動式評估，用科學的方法來做，針對德國、法國、西班牙三國的狀況，會檢討調整成黃色，也會隨時與疫情中心保持聯絡。
陳時中說，記者會的作位分布需要再調整，今天已經將桌子往後移動。
周志浩說，樂團匡列45個人是居家隔離，自主健康管理則是131個人，建議少出門，非得要出門還是戴口罩，一旦出現不適，請務必盡快聯絡就醫。
陳時中呼籲，音樂老師可以重新安排課程，並試試看遠距教學。
針對澳洲音樂家來台行蹤，周志浩表示，已經聯絡曾去過的餐廳。
案45例雖與案34不同病室卻仍確診，張上淳說，按照排班時序，3位明確診護理師沒有照顧到案45，但是醫院內部有時候可能太忙，會請同仁協助，但時間久遠，目前無從得知。案45和案42曾去過同個檢察單位(早上和下午)，而案42本身與案34的關係是曾有同個護理師照顧過。
醫師呼籲確診者的軌跡要公開，收治的醫院也該公開，陳時中回應，對疫情有幫助就會公開，無法控制的、範圍較大的也會公開，是否公開的規則就是這樣，會維持這樣的態度。
周志浩針對新兵染病一事做回應，與軍方連繫以後，發現是不實訊息。
外交部說，法國讚賞台灣防疫很好，健保系統、科技和疫情資訊透明化等，都受到推崇，這對推進WHO都是正面因素，位來持續與這些理念相近的國家合作。
周志浩說，若要做基因定序需要時間培養。張上淳補充說明，透過基因定序來探討兩者感染病毒相同，但是現在這不是重點，而是要如何防疫是重點，未來有餘力會做。
針對埃及指稱台女為感染源一事，莊人祥回應，該名旅客是指標個案，而他在旅程中曾赴埃及、杜拜等國遊玩，卻切的感染源推測是國外，而同團的許多美國旅客也有症狀，因此後來也有通報美國。
張上淳說，案45出院時有咳嗽症狀，後來也有持續追蹤觀察，後來透過採檢，也發現有確診的狀況。陳時中說，亂講講自己也不行，但如果說的是真的就沒關係。
周志浩說，發生的密度(牽扯多少人)，但如何解讀要小心，因為取決於監測系統有多少，且需按照各國的程度。陳時中補充，各國的情況難用單獨情況解讀(除非狀況明顯)，所以才需要很多專家一起解讀，這樣準確度比較高。
張上淳說，目前判斷沒有交錯環境汙染的狀況，檢察的時候是案45尚未有相關症狀的時候去的。陳時中說，案42(太太)和案45(出院者)的接觸者查清楚，才可以隔離開來，就會比較放心。
張上淳表示，目前沒有證據還境有沒有汙染，整個病房已經清潔消毒，其實就發現病毒不復存在，消毒過後也曾採檢，證實病毒已不復存在。根據當時在病房內的陪病者、病患(不論是否出院)和工作人員都有追查。
陳時中說，至於防疫人員的補助，會依據其風險及辛苦程度，依法調整補助。
周志浩澄清，埃及官方及WHO駐埃及的辦公室，都是將台籍女遊客列為指標個案，推測「台女為感染源」一事，可能是因為當地媒體不清楚指標個案的意思，所以誤稱是感染源。但我方已有將相關完整的資料傳給當地。
國家交響樂團巡演的部分，陳時中建議，可以考慮是否延後、取消，當然歡迎相關單位可以和我們討論溝通。
石崇良表示，檢疫所是對高風險的人開設的，裡面的人都是陰性，只要出現陽性症狀，就會轉送醫院負壓隔離病房。目前也有更新設備，1人1室1衛浴，也和醫院合作監測病人身體狀況的系統，形成大數據。</t>
  </si>
  <si>
    <t>新冠肺炎疫情延燒，台北市政府30日將舉行內部封城兵推，市議員許淑華提醒市民不要恐慌搶購物資，一窩蜂採購會造成防疫破口，她也建議大家參考「信義區三兩事」臉書社團發起的「採買時段分流」，以住家門牌號碼為基準分流採購，避開彼此採買時段，減少群聚風險。
台北市政府今將進行內部四級警戒封城兵推演臉，許淑華指出，日前消息一出讓民眾嚇壞了，大批市民到傳統市場、大賣場採購物資，她要拜託大家別搶購、不要恐慌，一窩蜂採購會造成更大防疫破口。
許淑華表示，封城兵推觸動市民敏感神經，緊張的情緒可以理解，她要求市府盡速研議配套措施，不要讓民眾因恐慌擠爆市場和大賣場。
她建議市民可以參考信義區在臉書成立的「信義區三兩事」社團，自主發起「採買時段分流法」，以住家門牌號碼為基準分流採購，能夠避開彼此的採買時段，減少群聚風險，讓購物更安心。
許淑華說，按門牌、樓層分組，單數門牌周一、三、五、日上午；雙數門排周二、四、六、日下午；單數樓層採奇數時段出門；雙數樓層採偶數時段出門。另外，出門前也可以先看一下目的地「Google Map人流資訊」，再評估何時出門。</t>
  </si>
  <si>
    <t>台灣進口疫苗不足，加上本土疫情近半個月以來大爆發，網傳旅行社規劃推出「接種團」，前往美西打疫苗，團費估15萬元，最快6月1日出發。一個26天的行程在LINE群組間瘋狂流傳，且保證不打AZ，引起網友熱烈討論。
經COVAX配發的41萬劑新冠疫苗日前抵台，仍不敷疫情已爆炸的台灣使用，加上國人對AZ信心不足，傳出旅行社私下規劃「接種團」行程，鎖定美西4大城市玩近1個月，除了打疫苗，還可以順便旅遊。
這份行程把出發日訂在6月1日，赴美第一天就打疫苗（以輝瑞、莫德納為主），接下來7天在飯店休息，觀察疫苗引發的副作用。6月9日起可外出、6月12日開始旅遊。
15日住拉斯維加斯；17、20日分別前往舊金山、聖地牙哥；22日回洛杉磯，隔天打第二劑。整個行程下旬結束，6月25日返台，抵台後居家隔離14天，預計7月11日出關。
事實上不只台灣，由於美國疫苗政策並不限美國人，「有護照就可以打」；越南已開出旅行團。美國地方政府更表示歡迎，大力推動「疫苗觀光」，如紐約、阿拉斯加等甚至在機場提供免費疫苗，鼓勵遊客「接種換消費」。
兩劑打下來至少待3到4周，這段期間的住宿、飲食、交通費用可觀，才會有旅行社把腦筋動到疫苗身上。業界推算，全部團費加一加差不多15萬台幣，不包括自費核酸檢測約7000元。
不過台灣目前禁旅行社出團，業界對行程內容存疑；不排除有人「化整為零」，以商務名義赴美集合。
旅行社業者分析，美西疫苗團會不會像帛琉旅遊泡泡一樣有行無市，要看接下來疫情怎麼發展，畢竟長途旅行本身具高風險，雖然15萬元很多人負擔得起，但萬一旅遊期間染疫，豈不是得不償失。也要考慮疫苗注射後的副作用，在美國當地沒健保，一旦身體不適求助無門，更慘。</t>
  </si>
  <si>
    <t>台北市萬華區年中因新冠疫情受創，近來在各界幫助下逐漸復甦。文化總會今年再度推出結合老城魅力的生活節品牌「萬華大鬧熱」，20日舉辦開幕式，為精彩的音樂祭及市集揭開序幕，活動邀來滅火器等16組團體輪番登台演出，市集上40個攤位更為在地飲食、文創的「精選輯」，成為疫後振興老城區的首場大型活動，也是為24日即將登場的年度盛事「青山祭」暖身。「2021萬華大鬧熱」生活節重頭戲音樂祭與市集活動20日盛大登場，中華文化總會盼透過活動，邀請民眾用正面力量支持萬華、振興萬華，重新感受萬華獨有的溫暖人情味。</t>
  </si>
  <si>
    <t>北京新冠肺炎疫情驚傳出現反彈，已經在11、12日連續兩日出現多起新增本土病例，其中12日新增6宗。北京13日召開第114場新冠肺炎疫情防控記者會，北京市豐台區委副書記、代區長初軍威表示，目前已經檢驗豐台區確診病例密接者139人，全部集中隔離。豐台區已啟動戰時機制，成立現場指揮部。
綜合陸媒報導，大陸國家衛健委通報，大陸12日新增確診病例11件，其中本土病例6件，均在北京。由於患者曾經去過豐台區新發地批發市場，北京官方已緊急宣布新發地批發市場暫時休市，並對該市場的商品及設備進行檢測，結果在切割進口三文魚的砧板上檢出病毒，目前進口三文魚貨源地「京深海鮮市場」也已關閉。
北京市疾控中心副主任龐星火表示，針對北京市近日疫情，市、區疾病預防控制中心12日已組織專業人員，對全市農貿批發市場、大型超市等展開排查，共採集海鮮、肉類等食品及外環境塗抹標本5,424份，完成新冠病毒核酸檢測，新發地市場發現40件環境陽性樣本，其餘農貿批發市場、大型超市均為陰性。
報導稱，隨著疫情防控形勢的變化，北京市教育委員會啟動應急預案，暫停原定下週一15日的小學一、二、三年級的返校上課，並暫停校外培訓機構恢復線下課程和集體活動。北京市場監督管理局也同步加強生鮮市場、商場超市、餐飲單位等食品安全檢查和疫情防控工作力度。</t>
  </si>
  <si>
    <t>新冠肺炎疫情延燒，微酸性電解次氯酸水的消毒、除菌效果備受青睞，水神生成機也水漲船高供不應求。水神食農業產品總代理商總經理賴思明說，微酸性電解次氯酸水除菌力高受各產業界重視，水神生成機訂購量暴增5成，目前大缺貨，催貨電話接到手軟。他並提醒，取用及儲存微酸性電解次氯酸水必須要使用不透明容器，才能維持活性及消毒效力。
總代理商寶泉旺生物科技公司總經理賴思明表示，旺旺水神的產品有微酸性電解次氯酸水的抗菌液及生成機兩大類，食品、餐廳及農牧業等各行各業在環境及設備等必須大規模及高效消毒，引發搶購水神生成機自行產製微酸性電解次氯酸水風潮，生成機體積不大（基本機型L317ｘW170ｘH302mm）、重量輕，透過電解液進行電解，產製微酸性電解次氯酸水成本低，以常用於消毒濃度40ppm的微酸性電解次氯酸水為例，每公升成本僅新台幣0.3元。
水神微酸性電解次氯酸水的消毒殺菌效力如何？賴思明表示，經委託SGS檢測、中日安全檢測及台美安全檢測等單位機構檢測，微酸性電解次氯酸水對於微生物具有良好的殺菌效果，包括腸病毒、綠膿桿菌、肺炎桿菌等14種菌株，且反應30秒幾近可達或達到100％的除菌能力。
坊間各種次氯酸水產品滿天飛，賴思明提醒民眾，一般常將「次氯酸水」及「次氯酸鈉水」統稱為「次氯酸水」，雖各具消毒效果，但是兩者成分及特性不同，不能混為一談。他強調，「次氯酸水」除菌安全有效、無副作用；「次氯酸鈉水」對皮膚、黏膜及呼吸道有刺激性，與微酸性清潔劑混合後，易產生有毒氣體。
賴思明並強調，微酸性電解次氯酸水長時間「見光」，會減弱活性及降低除菌力，所以，民眾在分裝取用及儲存時都要使用不透明容器，只要能避光的材質都可，同時還要用蓋子將瓶子封閉起來，避免揮發。</t>
  </si>
  <si>
    <t xml:space="preserve">新冠肺炎（COVID-19）疫情肆虐各國，已影響製造業、交通運輸等產業正常運作。國際貨幣基金組織（IMF）總裁喬治艾娃（Kristalina Georgieva）認為，現在要斷定疫情造成的經濟損失仍為時尚早，但她認為這對全球經濟的衝擊應屬「輕微」，中國經濟亦可望看到「V型復甦」。
美國財經媒體CNBC報導，喬治艾娃受訪時稱，中國的財政與貨幣政策已針對疫情採取了即時有效的應對措施。IMF預期疫情將讓中國經濟活動出現急遽下滑，但之後製造商會大量回補庫存，從而帶動這個世界第二大經濟出現迅速復甦，形成「V型反彈」。也就是說，疫情對大陸乃至於全球其他地區造成的經濟影響相對有限。
外界普遍用2003年SARS時期對比2020年的新冠肺炎疫情。喬治艾娃認為，兩者的時空背景不同、全球經濟環境也不同。她坦言，本次的疫情影響顯然較SARS時期更甚，但「現在要預測疫情影響還言之過早」。在疫情爆發前，IMF預測2020年中國經濟成長率為6％，而2003年GDP增速則為10％。
除了IMF正在審慎評估疫情的影響，路透報導，世界銀行總裁馬爾帕斯（David Malpass）本月初出席一場座談會時，提出新冠肺炎已奪走多條人命、並導致商家暫停營業、封城等措施，疫情嚴重性遠高預期，預告將會下修全球經濟成長預測。
世銀在疫情爆發前的1月8日曾公布報告，隨著中美貿易戰局勢趨緩，2020年全球經濟將加速擴張，預測2020年全球GDP增速會從2019年的2.4％提高到2.5％。
另一方面，多家投行則對中國經濟相對悲觀，近日已大幅下修中國經濟成長率的預測。包括花旗、瑞銀已先後將中國第一季的GDP增速分別下調到3.6％和3.8％。高盛的看法略微樂觀，預測中國第一季GDP成長率在4％。
值得關注的是，G20財長和央行行長會議即將在2月22、23日於沙烏地阿拉伯首都利雅德舉行。包含喬治艾娃等多位國際機構負責人也將出席，會上將重點討論肺炎疫情對全球經濟的影響。
</t>
  </si>
  <si>
    <t xml:space="preserve">大陸監獄新冠肺炎疫情大爆發！據大陸司法部監獄管理局負責人何平昨(21日)表示，至前天（20日）為止，湖北、山東、浙江3省5座監獄共計確診505例，其中浙江省光是20日就新增28例，當中的27例都是來自同十里豐監獄，加上先前的7例，該監獄已有34例確診案例，疫情之所以失控，都是裡面的獄警隱瞞旅遊史，上班6天才被查到。
浙江省司法廳副廳長徐曉波指出，這名隱瞞旅遊史的獄警，1月14日到19日前往武漢旅遊，回到浙江後居然繼續上班，直到1月25日深夜才被抓到，但獄中已有多人受感染。疫情爆發後，十里豐監獄依照大陸國務院的防疫要求，對監獄進行全面排查作業，只要與病例有密切接觸，就會進行隔離觀察。
徐曉波說，逮到這名疫情爆發獄警元兇後，立刻將他送往醫院檢測，果然在1月29日確診是新冠肺炎，30日依法公布該名案例，但因該獄警武漢回來後，上班6天、接觸的人過多，才會造成多名罪犯感染。
</t>
  </si>
  <si>
    <t xml:space="preserve">國內醫療量能吃緊，衛福部長陳時中今天終於鬆口，考慮蓋類似方艙醫院的醫療設施來因應當前醫療緊繃狀況，盼能讓未來疫情有備無患。
陳時中表示，全世界的醫療量能都一樣，本來就是維持一個相對的平衡，因此當有疾病爆發流行時，就會造成醫療緊繃，而為因應這樣的情形，各國都會在原來處所之外再來進行建置，「我們也不會例外，如果能夠的話，當然可以有備無患。」
陳時中說，目前各縣市已開始規劃建置，原處所以外的醫療設施，營建署現在已有比較快的設計，目前先對採檢站初步設計，讓戶外能夠快速部署，接下來就會對相關設施進行規劃。
</t>
  </si>
  <si>
    <t xml:space="preserve">艦隊有24位官兵染疫，一夕之間國軍從防疫模範生，成為全國民眾眼中的獵巫對象，輿論一面倒火力全開撻伐。磐石艦的感染源從何而來?目前仍一片謎團，但朝野似乎已定調為「海軍隱匿疫情」。眼見海軍遭到排山倒海指責，不少老海軍也紛紛跳出來強調，新冠肺炎是致命傳染病，沒有人敢隱瞞或承擔這種後果，可說有判斷錯誤可能，但絕不能說是刻意隱瞞，這對所有在海上待了45天的官而言真的太沉重，因為「絕對沒有人願意染病」。
中央流行疫情指揮中心專家諮詢小組召集人張上淳研判，疫情恐怕早在艦上已有數波感染，軍方官員說，這次敦睦出訪是史上最短天數、也是最倒楣的一次。
張上淳表示，磐石艦的感染源仍難以認定，須有更進一步的疫調，才能判斷。由於該艦2月底出航，3月12日至15日停靠帛琉，隨後又在海上漂泊30天，不排除艦上早已有感染者，現發現的確診個案恐怕是經過第2、第3波感染。
國防醫學院醫學系內科教授張峰義認為，應是早有「無症狀」感染者上船，才會造成這波疫情。
老海軍也群起表示，外界似乎都將敦睦艦隊每年出訪的目的定調為吃喝玩樂的海上郵輪行，但實際上真正的目的是要訓練官兵遠航作戰任務，以及未來幹部海上遠和經驗，外交任務只是輔助。
目前當前要務，應該是如何迅速完善的將24名染疫官兵救治康復，應該檢討的不適誰要負責下台，而是艦隊出航計畫中，是否將各種疫情應變納入計畫中?監控艦隊與掌握疫情的機制有沒有發揮功能?
更重要的是，隨船醫官出航前否受過足夠與疫情相關的專業訓練，是了解各項狀況推演及應變作為，以及軍醫體系到底有沒有提供足夠後援?尤其是第一線醫官獲得就醫資訊後，向上通報機制以及複合機制完善與否?以上全都是應該考量檢討重點，而不是一竿子打死一船人。
</t>
  </si>
  <si>
    <t xml:space="preserve">台中市政府將於中秋節過後9月23日起，為全市高中職以下（含五專專一至專三）、12 歲以上學生接種BNT疫苗。教育局指出，截至16日止，全市公、私立國高中及五 專學校計130校，已全數完成意願書回收作業，完成率100％，經統計有意接種疫苗的學生比率達94.42％ 。
台中市政府指出，為提升校園防護力，中央特別安排12至17歲以上學生接種COVID-19疫苗，預計10月19日前可為台中市各國、高中學校學生及五專專一至專三學生完成第一劑 COVID-19疫苗接種。
此次疫苗接種不強迫，學生可依照個人需求和意願自由選擇是否接種，經回收意願書後，130校計15萬7245位學生中，有14萬8478位有意願接種疫苗，有 意接種比率達94.42％，其中14萬6257位同意在校集中接種（93.01％）、自行至醫療院所施打計2221人（1.41％）。
市府指出，此次校園COVID-19疫苗接種作業，將全市劃分為42組，每組均有合約醫療院 所至區內各國高中及五專學校，為學生接種疫苗；教育局已請學校務必留意學生接種疫苗後身體狀況，後續幾日的教學活動以靜態活動為主。
市府表示，接種疫苗後學生身體如有不適反應，可申請疫苗假，不列入出缺席紀錄，疫苗假以三天為原則（含接種當日），必要時得延長。學生若選擇不接種疫苗，未來也不用擔心需接受快篩才能進入校園學習，仍可正常到校上課，教育局將持續督導各校落實各項防護措施，維護校園師生健康。
</t>
  </si>
  <si>
    <t>巴西總統波索納洛（Jair Bolsonaro）發燒到38度，而且在新冠病毒測試中也呈陽性，所幸在周二已退燒。波索納洛說，他是服用羥氯喹才能迅速康復的。然而這種抗瘧疾藥物尚未被證明對COVID-19有效。
美聯社報導，波索納洛在周一發燒、肌肉酸痛和全身不適，緊急送往醫院接受了X光檢查，確定還沒有肺部重症，但是新冠病毒測試呈現陽性，被視為是輕度感染者。截至週二，他的發燒已消退，並且再次出席公開活動，他將病情好轉歸因於服用羥氯喹。
這位65歲的右翼民粹主義者，在疫情爆發期間，仍然不戴口罩、不遮掩臉部，喜歡與人群在一起而聞名，即使巴西的新冠疫情持續嚴重，他也依然如此，終於在上周出現染病症狀。
在經過周六周日的治療似乎已有好轉，他說「我很好，很正常。我甚至想出去散散步，只是被醫療團隊反對，而不能這樣做。」
周二晚些時候，他在臉書上發布了一段影片，談他的感病心得，他說已服用了第3劑的羥氯喹，並將病情好轉歸因於這種藥。
他說：「今天我感覺好多了。我服用了羥氯喹治病，我也知道他們(指醫學專家)說羥氯喹沒有治療新冠肺炎的科學證明，但是我真實的感覺有效，所以我相信羥氯喹。你呢？」
他的言行讓人聯想到美國總統川普，川普也是堅持不戴口罩，堅持不認為新冠疫情嚴重，同時也是力荐羥氯喹可以治療與預防新冠肺炎。
巴西是世界第六大國家，擁有超過2.1億人口，是新冠病毒疫情最嚴重的國家之一，超過6.5萬人死於新冠病毒，總感染人數超過150萬。
感染人數與死亡人數都是世界第二高的，僅次於美國，由於缺乏廣泛的病毒測試，巴西的染疫人數只會更高。僅在星期二，確認有1,254人死亡。
里約熱內盧州立大學政治學教授莫里西奧·桑托羅(Maurício Santoro)說，波索納洛總統可說是「忽視新冠疫情嚴重性的民主國家元首」，這一次他也受到感染，終於打擊了他的信譽，希望這起事件，將可提醒大眾防疫的重要。
波索納洛在疫情嚴重時期仍頻頻經常出現在公眾場合，有時不戴口罩，與支持者握手。他曾說，「他過去曾經是運動員，因此體格很好，可以保護他免受病毒的侵害，就算真的感染，那也不過是一場小感冒。」
即使許多意見提醒他，巴西應該學習其他國家，封鎖城市，降低經濟活動，但是波索納洛說，他沒有辦法使70％的人口，因新冠病毒而停止生活，而且他認為地方當局關閉經濟活動的努力，負面影響會比放任病毒擴散還來的更大。
在4個月前，波索納洛的前任衛生部長，正因他不聽從勸告、對羥氯喹的無條件相信效憤而辭職，之後是由一位沒有公衛經驗的臨時部長代理。
即使如此，波索納洛的支持者仍然很多，西拉斯·里貝羅（Silas Ribeiro）在里約大街上說，他相信總統的說法，同意病毒是被誇大的。他說：「我們的總統是一個受歡迎的人。他表明自己不怕死亡。他將保持健康，並度過這種疾病。」
世界衛生組織緊急情況負責人邁克‧萊恩（Michael Ryan）博士說，他希望波索納洛能早日康復，並且表示，巴西總統的感染「證明了這種病毒不區別身分，無論是王子還是貧民，都有可能感染。」</t>
  </si>
  <si>
    <t>中央流行疫情指揮中心今(4)日公布國內新增5例COVID-19確定病例，均為境外移入；另確診個案中新增1例死亡。
指揮中心說明，今日新增5例境外移入個案，為4例男性、1例女性，年齡介於20多歲至50多歲，分別自印尼(3例，案16361、案16362、案16363)、貝里斯(案16364)及美國(案16365)入境，入境日介於今(2021)年9月20日至10月2日，皆持有搭機前3日內檢驗陰性報告；詳如新聞稿附件。
指揮中心表示，今日新增1例死亡個案(案15920)，為70多歲男性，具慢性病史，無相關活動接觸史，8月10日因其他原因就醫採檢並住院治療，8月11日確診，9月4日解除隔離，10月2日因其他原因死亡。
指揮中心統計，截至目前國內累計3460241例新型冠狀病毒肺炎相關通報(含3442726例排除)，其中16255例確診，分別為1620例境外移入，14581例本土病例，36例敦睦艦隊、3例航空器感染、1例不明及14例調查中；另累計110例移除為空號。2020年起累計844例COVID-19死亡病例，其中832例本土，個案居住縣市分布為新北市412例、臺北市319例、基隆市29例、桃園市26例、彰化縣15例、新竹縣13例、臺中市5例、苗栗縣3例、宜蘭縣及花蓮縣各2例，臺東縣、雲林縣、臺南市、南投縣、高雄市及屏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國內日前迎來降為二級警戒後首個中秋連假，4天假期各景點都被人潮塞爆，外界擔心中秋假期恐釀成疫情破口，中央流行疫情指揮中心副指揮官陳宗彥今表示，目前還在持續觀察中，一般都會觀察2周的時間，提醒民眾若有相關旅遊史、有症狀，就醫時須提醒醫師注意。
昨日(21日)中央流行疫情指揮中心指揮官陳時中表示，連假期間看到大家，尤其在海邊還是有不戴口罩的時候，也有看到夜市邊走邊吃，倒不是說很多，比較多的是海邊戴口罩的問題。
對於中秋連假的風險，陳宗彥今日表示，我們會持續觀察，一般都會觀察2周的時間，還是要提醒民眾，現在還在二級警戒，自己外出、居家、辦公、上學，若有症狀、有旅遊史，就醫時還是要提醒醫師注意。</t>
  </si>
  <si>
    <t>「永遠的小倩」王祖賢息影多年，移居加拿大專心修佛，不過她的動態仍是許多人關注焦點，近日有網友曝光她參加公益活動側拍照，雖然打扮樸素，但仍能看出她保養得宜，讓粉絲驚豔。
王祖賢穿著樸素出席華人公益活動，雖然照片有點模糊，但素顏的她保養得宜，依舊看起來狀態很好，完全不像53歲，讓網友也大讚「還是一樣漂亮」、「身材還是維持不錯」。
雖然王祖賢人在加拿大，但她也很關心新冠肺炎疫情，之前慶53歲生日時，戴口罩替武漢加油，並提醒粉絲要記得戴口罩、注意手的潔淨。</t>
  </si>
  <si>
    <t xml:space="preserve">歐洲的新冠肺炎疫情嚴重，仍看不出如何緩解，相對東亞的疫情已過高峰期，於是在日本國會上討論，日本是否要出手支援?日本副首相、財政大臣麻生太郎略在回應時，略帶抱怨的提到義大利在2月底相當輕忽新冠病毒疫情，甚至曾說「那是黃種人的病，不是我們的病」這種話。
推特上有人分享麻生太郎在日本眾議院的一段對話內容，在3月24日的財政金融委員會會議上，國民民主黨議員吉良州司問道：「在本次新冠肺炎疫情中，日本能否在G20的框架下，出手支援義大利、西班牙這些財政基礎薄弱的歐洲國家？」
麻生太郎表示：「2月底時，在利雅德召開的G20財長和央行行長會議上，我有說過這樣的建議，但是他們沒有任何反應。」
「一周後舉行了G7財長電話會議，我再提到疫情的問題，並且問他們有什麼想法？'結果義大利代表直接說『那是黃種人的病，不是我們的病。』
【正直過ぎる麻生さん😅】麻生大臣「2月末の会議でコロナの話が出たが欧州は無反応。1週間したらG7の電話会談を申し込んで🇮🇹が色々言う。『つい一週間前に隣の席で”何の関係もない。あれは黄色人種の病気で俺達の病気じゃない”と誰が言ったんだ。お前じゃないか』と言ったのがこの間の第一回の会議」 pic.twitter.com/0YlQbE3SGX
麻生太郎略帶不滿的表示「這種話是誰說的？不就是你(義大利代表)說的嗎？到底在想什麼?」
這則推文得到不少留言，「歐洲對亞洲的岐視仍在持續」、「德國就發生把日本球迷趕出足球場的事情」、「一個月前，倫敦市市長還提議代替東京辦奧運會，但現在英國有2萬人遭感染。」
雖然麻生太郎做了不少抱怨，但是日本在3月11日，已向世衛組織捐助了4600萬美元，協助其他受疫情影響國家。
</t>
  </si>
  <si>
    <t>美國贈送250萬劑莫德納疫苗來台，針對長者是否可挑選疫苗，台北市長柯文哲21日在防疫記者會表示，AZ跟莫德納疫苗效果沒什麼太大差別，但當然有血栓疾病就打莫德納疫苗，此外2個效果副作用無明顯差別，這周AZ差不多打完，剩下都莫德納。
柯文哲說，單一新聞事件有影響AZ疫苗接種，但台北市民還是有一定的素質，18日雖然接種率掉下來，19、20日又回去了，AZ跟莫德納除非有特殊理由，否則其實效果沒啥差別。
柯說，中央應很快宣布優先施打者有懷孕或吃避孕藥的、對賀爾蒙刺激治療的人，另外還有廣義的血栓疾病，例如，塞心臟是心肌梗塞，塞腦袋中風，深層靜脈栓塞，掉下來變肺栓塞，因AZ有會血栓疾病問題，以上這幾種病都要打莫德納。
柯說，扣掉這些外，2個疫苗效果副作用無明顯差別，這周AZ差不多打完，剩下都莫德納。
對於北市確診數下降，是否公布足跡？柯說，目前還是以精準疫調，效果還不錯，當精準疫調與快篩陽性總數配合，會比較實在，採取最有效方式執行清零計畫。</t>
  </si>
  <si>
    <t xml:space="preserve">嘉義市1名33歲李姓男子平時身體正常沒有特殊疾病，但上月10日施打AZ疫苗後，19日出現頭痛、胸悶等症狀，隔日狀況未改善緊急就醫，就醫後陸續做移除血栓、心導管手術等，今天上午在醫院拔管宣告死亡，法醫今天下午相驗，將擇日解剖釐清死因，院方也已申報疫苗不良事件。
據了解，李姓男子平時身體沒有異狀，9月10日打完AZ疫苗後9月19日向家人反應有頭痛、胸悶的狀況，且情形持續到隔天都沒有緩解，家人立刻將其送醫，入院後立即急救。
李姓男子住院後自9月22日起陸續做了心導管手術、開顱手術等，狀況不理想，持續昏迷，至昨天仍有動手術，今天早上10點在醫院拔管宣告死亡，檢警下午會同法醫相驗，死因不明，待解剖釐清死因。衛生局指出，醫院向中央申報為疫苗不良事件，衛生局也協助家屬申請預防接種的受害救濟等。
</t>
  </si>
  <si>
    <t>新冠肺炎疫情在全美擴散，舊金山確診案例不斷攀升，舊金山政府致電希望勇士能取消在Chase Center的比賽，但勇士球團拒絕這項決定，依舊傾向正常比賽。
舊金山公共衛生部門主管帕金斯表示，「我已經親自和勇士負責人威爾茲談過話，表達出先前取消比賽是可以自行決定的，但如今已成為強制執行，希望他們能在我方做出強制令之前做出正確決定。
然而不論舊金山市政府的多方勸說與建議，勇士球團回覆的答案永遠是「感謝建議」。</t>
  </si>
  <si>
    <t xml:space="preserve">新冠肺炎疫情持續，口罩、酒精等防疫物資因民眾搶購需求大增，除台酒、台糖等公營酒廠外，台南市政府協調轄內民營酒廠，撥出部分產線生產防疫酒精，向中央爭取業者可免徵烈酒稅，獲得全久榮、坤展2家酒廠響應，加入酒精國家隊行列吧，也是全台之先，預計每日可增加10萬瓶350毫升酒精產量。
隨著新冠肺炎疫情延燒，民眾對消毒酒精的需求日漸增加，台南市府與民營酒廠協商，14家中有2家業者願意加入75％酒精生產行列，並建議中央採徵用方式，讓業者免稅，6日經濟部舉行「研議民營酒廠試辦參與防疫酒精生產會議」，中央疫情指揮中心同意，並由南市2家業者做區域性試辦，再逐步推行到全台。
目前南市有隆田酒廠日產12萬瓶300毫升酒精，天乾製藥生產1萬瓶500毫升酒精，全久榮、坤展分別是高粱酒、料理米酒製造商，投產後則日產10萬瓶350毫升酒精，初步以供應原有通路及南市為主。
台南市長黃偉哲表示，南市除了多家工廠投入口罩國家隊外，現在則有2家民間業者率先加入酒精國家隊行列，是全台第一，全久榮、坤展願意捨棄部分獲利協助防疫工作，是有社會責任與大愛的企業，在政府、民間通力合作下，增進防疫動能，也希望帶動更多企業加入。
黃偉哲說，包括戴口罩、酒精消毒、社交距離等種種防疫措施，都是為了替台灣力保一線生機，被問到接下來的防疫，他指出會尊重中央公告，但會視疫情發展超前部署，包括菜市場、夜市、賣場等要嚴格管制人數，五一勞動節連假也可能取消，最嚴重的狀況就是禁足、封城，但希望不要走到這一步。
</t>
  </si>
  <si>
    <t>內蒙古阿拉善盟額濟納旗近日爆發本土疫情，昨（25日）再新增15例本土確診病例。當地宣布自當日凌晨零時起實施封區，要求當地居民和遊客足不出戶、嚴禁聚集。據了解，每年10月是當地旅遊旺季，該人口約只有3.6萬人的小城，目前約有9700名外地遊客滯留。
上周一（18日），5名額濟納旗人與外地遊客接觸後確診，隨即實施封閉管理48小時，並展開大規模核酸檢測。從22日起，額濟納旗每日為滯留遊客免費提供1餐正餐、1個醫用口罩、一份泡麵、火腿和礦泉水。當地要求旅館及酒店於這段期間實施價格控制，規定房租每天不超過200元（人民幣，下同），由市場監管部門監督。有當地酒店負責人稱，疫情之下，單是一日的人力成本便損失7000元。
自疫情爆發以來，當地不少牧民紛紛拿出家中的米麵，製成油餅、饅頭等食物派發給滯留於民宿的遊客。一些牧民甚至向地方官員表示願意捐出駱駝和羊。額濟納旗文化旅遊廣電局於上周四（21日）對滯留當地的遊客表示，將為滯留遊客贈送當地3個景區門票1張，自2021年起，3年內可免費遊覽。</t>
  </si>
  <si>
    <t>美國總統川普坦言，疫情初期為了避免恐慌，淡化疫情的嚴重性。對照大陸近幾個月來，陸續公布的防疫時間軸、抗疫行動白皮書等，都闡明對美方已多次通報疫情，從領導人層級，到學界交流皆有。僅從疫情爆發後到三月底，陸美就有超過40次的疫情溝通。
新華社4月6日曾發出一篇3萬字的報導，以時間軸方式，詳述從去年12月底到3月底，大陸的防疫進度和向外界通報的情況，其中對美國的通報著墨最多。
該萬言時間軸，列舉了超過40次與美方的溝通。層級從習近平與川普的元首通話、國務委員王毅與美國務卿蓬佩奧通話、中美疾控中心主任通話、國家衛健委收到美方通報，到大陸疾控中心接待哥倫比亞大學學者到訪及中美流行病學學界的交流等，全都詳細列出。
新華社4月26日以「美國疫情時間線須盡早釐清」為題報導，提到美國加州聖克拉拉縣政府公共衛生部門日前發布的通報顯示，早在2月6日當地就有人死於新冠肺炎，這比美國此前公布的首個新冠肺炎死亡病例早了20多天。由于該病例沒有國外旅行史，這一發現意味著美國疫情可能早在1月初到1月中旬就已經進入社區感染階段。
此外，在6月大陸發布《抗擊新冠肺炎疫情的中國行動》白皮書，強調在武漢爆發疫情後，1月4日，中國疾控中心負責人與美國疾控中心負責人通電話，介紹疫情有關情況，雙方同意就信息溝通和技術協作保持密切聯系。1月5日，武漢市衛生健康委在官方網站發布《關於不明原因的病毒性肺炎情況通報》，共發現59例不明原因的病毒性肺炎病例，大陸向世界衛生組織通報疫情信息。世界衛生組織首次就武漢出現不明原因肺炎病例進行通報。</t>
  </si>
  <si>
    <t xml:space="preserve">二月十四情人節，台中市主辦的2020台灣燈會規劃璀璨燈組，浪漫氣氛吸引許多情侶朝聖，市長盧秀燕在臉書分享充滿幸福氛圍的燈區影片，她表示，2020台灣燈會體現了台中這座城市的浪漫，期待能帶給每個到來的朋友歡樂與幸褔，並邀請大家情人節到台中賞燈。
盧秀燕分享的影片內容，有許多情侶到訪台灣燈會必拍的浪漫燈組，更有不少戀人、夫妻手牽手走在如夢似幻的繽紛燈組間，臉上洋溢幸福笑容。
「台灣燈會創造浪漫回憶和幸福時刻」，盧秀燕說，讓平凡的日子充滿驚喜與希望，不論你們的關係是戀人、夫妻或是朋友、家人，在最浪漫的節日裡，我要對你們說：2020愛你愛你！
盧秀燕在臉書發文，獲網友熱烈迴響留言按讚，「特別喜歡今年的燈會，滿滿的幸福，謝謝台中」、「情人節快樂，有你真好」、「看到這樣的景色，真是讓人陶醉」、「祝福天下有情人終成眷屬！燈會真的精彩歡迎來台中賞燈！」、「我台中人~我驕傲，歡迎大家來看花燈」。
市府表示，今晚主展區后里森林園區規劃情人節限定「愛的流星雨」無人機展演，以「浪漫、幸福、愛在台中」為主題，將有情人節快樂字樣、邱比特射箭穿心圖騰等，表演時間除原訂的晚間7時10分，9時10分將再加碼演出，浪漫點亮台中夜空。另無人機展演須視天候條件評估展演完整性與飛行安全，如遇下雨或4級以上陣風，展演延後或取消。
另外，副展區文心森林公園今日至16日一連三天晚間6時至8時，在情人光廊前推出情人節限定活動，只要與情人光廊合照並打卡公開分享，及hashtag「＃2020台灣燈會＃璀璨台中＃文心森林公園＃情人節快樂」，就可獲得愛心棉花糖1串，預計送出1000串，數量有限，送完為止。
</t>
  </si>
  <si>
    <t>據《路透社》報導，以色列衛生部1日宣布，以色列施打輝瑞疫苗的年輕男性，少數出現心肌炎的症狀；其中，又以16至19歲男性出現心肌炎比例為最高。對此，輝瑞表示並未發現到較一般人預期更高的心肌炎發病率。
以色列衛生部公布的調查研究顯示，在2020年12月至2021年5月期間，總計超過500萬人接種輝瑞疫苗；其中275人出現心肌炎。大部分出現心肌炎的患者，住院時間不超過4天，95%的人症狀輕微。這項研究由3個專家團隊所進行。
此外，研究發現16歲至30歲的男子，在接受第二劑輝瑞疫苗施打時，很可能出現心肌炎；其中，又以16歲至19歲的男性最容易出現該症狀。
不過，輝瑞則在聲明中堅稱，接種輝瑞疫苗不會出現心肌炎。該公司已收到以色對心肌炎的報告，會徹查不良品，並定期與以國衛生部門會面以掌握最新數據。
事實上，在這份研究報告出爐之前，以色列已延後12至15歲的青年接種疫苗。不過，就在報告正式公布之際，以國官方已批准12至15歲的青少年接種疫苗，最快下週便可開始施打。以色列疫情因應協調員艾希（Nachman Ash）強調，「疫苗的功效遠大過風險」。
美國疾病管制暨預防中心（CDC）下的諮詢小組，5月時建議應進一步研究心肌炎與mRNA疫苗施打的關聯性，包括輝瑞與莫德納研發的疫苗都是mRNA疫苗。儘管心肌炎的發生案例比預期低，但該小組還是認為藥廠應提出「潛在不良事件報告」。
《路透社》指出，以色列疫苗接種率在全球名列前茅，接種率約55%。目前新冠肺炎每日確診數已由1萬例降至100多例，經濟已開始開放，社交距離限制也解除，進入餐館所需的綠色疫苗通行政也放寬；但旅遊入境限制仍存在。</t>
  </si>
  <si>
    <t>新冠肺炎疫情延燒，在東部離島的綠島鄉有傳出遊客疑似染新冠肺炎病毒，綠島鄉長謝賢裕臉書po文澄清，遊客是腸胃型感冒，採檢為陰性，請勿以訛傳訛。
另外，謝賢裕表示，黑鷹直升機26日到綠島，是接送空勤5位長官到綠島參加森林火災防護會勘及會議，並非病患接送任務，請大家安心。</t>
  </si>
  <si>
    <t>彰化縣新冠肺炎疫情嚴峻，確診人數突破160人，辛苦的警、醫護守在第一線守護人民，1日晚間彰化縣田中警分局闖入一名男子，送來6大箱總計1萬2千片口罩，林男表示為了感謝第一線警察，用行動力挺，提供給第一線執行防疫工作的員警使用，讓員警驚訝大呼好暖心。
超暖心，1日晚間10點左右，林姓男子獨自開車到田中分局，搬運自家工廠生產的醫療用口罩要送給員警，表示為了感謝警察人員平時維護治安、交通工作之外，現在還要投入防疫稽查等，相當辛勞，口罩要捐贈給第一線執行防疫工作的員警使用，讓警方不用為了防疫物資不足而受到影響。
田中警分局表示，林姓口罩廠負責人來自社頭，相當低調，當天送來以後他表示希望藉由這微薄之力，來保護第一線的員警，讓員警多一分保障，一起度過這個嚴峻的疫情，也希望能為在地鄉親、為防疫工作盡一點心力，同時感謝警方的努力。
田中分局長鄭頴聰說，隨著新冠肺炎疫情持續升溫，警方站在第一線強力執法取締及宣導，讓相關防疫物資需求不斷增加，感謝在地企業捐贈口罩，未來將發配給第一線外勤單位的同仁使用站在前線防疫的員警，防疫工作更是不可鬆懈，也提醒民眾，務必保持社交距離，外出時口罩戴好戴滿，勤洗手避免群聚，保護自己也保護他人。</t>
  </si>
  <si>
    <t>台灣疫情升溫，許多店家宣布入內須實聯制，一名網友分享照片說，去麥當勞意外發現有位客人留資料的字跡極度潦草，幾乎看不懂是在寫啥，因此有朋友吐槽「也許是醫師在開處方籤」讓他超不爽，意外引發網友討論。
一名網友昨在臉書社團《爆怨2公社》發文說，現在去麥當勞要實聯制，動手留名字和電話並不困難，若不想寫可以改去得來速，何必這樣惡搞。從照片中可見，實聯制資料板子上，有位客人填寫姓名和電話的字跡非常潦草，幾乎看不出來寫什麼。
該網友表示，有朋友說也許這位客人的職業是醫生，所以寫字像開處方簽一樣，大家都看不懂，好笑歸好笑，但在目前的情況下他真的笑不出來。
照片曝光後引起網友討論，「服務業真的覺得苦，苦口婆心勸說請以正楷填寫以免服務人員看不懂，還要被嗆說是有業績可以抽成嗎？」、「應該要當場確認，沒有寫清楚一律不給過、不給買」、「什麼奇葩的人都有」、「這時候就要拿進去問（用唱名），他X的誰留的假資料，叫到最後沒反應就是那個人」。</t>
  </si>
  <si>
    <t>蔡英文總統今天表示，臺灣的防疫表現受到國際肯定，過去我們組好國家隊，現在要打入國際盃，和其他國家一起進行防疫工作。在臺灣行有餘力的情況下，基於人道考量，將會在口罩、藥物、技術等三個方面協助國際社會，與國際社會共度難關。
蔡英文今天前往國家衛生指揮中心，首度戴上口罩，聽取疾病管制署署長周志浩說明COVID-19疫情現況及應處作為。蔡英文隨後致詞時表示，從農曆新年疫情指揮中心就開設了，她記得，在除夕那天，還一直用電話在互相溝通事情，這是她印象最深，也最忙碌的除夕。
她提到，在現在每一天疫情指揮中心開記者會，應該是收視率最高的時候，一則以喜，一則以憂。憂的是因為疫情的關係讓大家比較警覺，憂心疫情失控，所以每天都要藉由疫情指揮中心的報告，了解疫情是不是處於穩定的狀態。
喜的是整個社會對專業人員的尊敬及信任越來越深，對一個民主國家來說，這是非常珍貴的資產，整個社會對政府處理疫情的專業人員充分信賴及尊敬，「這是讓我們感到非常欣慰的事情，也值得肯定」。
蔡英文透露，她跟國人一樣都很關心疫情，所以每天也都會收看記者會，疫情發展到現在，陳時中指揮官帶給全體臺灣人平靜及受到照顧的感覺，「這段時間，陳指揮官非常辛苦，記者會也很貼心的安排手語老師，非常感謝他們這段時間的服務」。記者會不僅是大家團結的時刻，對國人凝聚共同對抗疫情的意志力也非常重要。
她說，這段時間，有時候她也很害怕接到陳時中的電話，因為可能是確診的人數比較多，她的心情也會比較不好一點；但是她又很期待陳打電話告訴她每一個重要的發展，她相信她的心情跟其他國人是一樣的，「每天起起伏伏，但是心裡還是有穩定的感覺，因為我們有一個很好的團隊在照顧這個國家及每一個國人」。
蔡英文強調，這段時間由於我們的團結讓臺灣的防疫表現受到國際肯定，過去我們組好了國家隊，現在也要打入國際盃，和其他國家一起進行防疫工作。
她說，病毒不分國界，全世界攜手合作，才能有最大能量來控制疫情，幫助其他國家，也是幫助臺灣。因此昨天她也宣布了，在行有餘力的情況下，基於人道考量，我們將會在口罩、藥物、技術等三個方面，協助國際社會，她相信只要大家團結一致，一定能夠度過疫情的挑戰。
近來有網友非常心疼陳時中部長都沒有休息，開玩笑說陳部長有雙胞胎代打上陣。蔡英文表示，不僅是陳部長，她相信，每一個人都肩負很沉重的責任，「所以請大家務必要珍重、照顧好自己的身體，你們的健康，就是這個國家的健康」。她也帶了充滿維他命C的芭樂來慰勞同仁，請同仁們一定要珍重、保護好自己、保重身體，「這是總統的請求，也是命令」。</t>
  </si>
  <si>
    <t>中央流行疫情指揮中心今(14)日公布國內新增5例COVID-19確定病例，分別為2例本土及3例境外移入；另確診個案中無新增死亡。中央流行疫情指揮中心指揮官陳時中表示，兩例都是新北市幼兒園居家隔離對象，居家隔離期間檢驗出來，沒有向社區擴展，在控制範圍內。
指揮中心說明，今日新增2例本土個案，案16204、案16205分別為30多歲男性及未滿5歲女性，為同住家人，因有北部某幼兒園相關接觸史，於9月6日匡列為居家隔離對象。案16204於9月12日出現發燒等症狀，2名個案由衛生單位安排採檢，於今日確診，衛生單位刻正進行相關疫調及接觸者匡列。
指揮中心表示，今日新增3例境外移入個案，為1例男性、2例女性，年齡介於30多歲至60多歲，分別自柬埔寨(案16206)、美國(案16207)、印尼 (案16208)入境，入境日期介於8月20日至9月1日，均持有搭機前3日內檢驗陰性報告。
指揮中心統計，截至目前國內累計3028468例新型冠狀病毒肺炎相關通報(含3011399例排除)，其中16098例確診，分別為1474例境外移入，14570例本土病例，36例敦睦艦隊、3例航空器感染、1例不明及14例調查中；另累計110例移除為空號。2020年起累計839例COVID-19死亡病例，其中829例本土，個案居住縣市分布為新北市411例、臺北市318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三峽恩主公醫院因醫療作業疏失，將未稀釋的原液疫苗BNT誤認是殘劑疫苗，原本可供150人施打的疫苗變成25人施打，其中一人就是新北市議員林金結54歲大嫂，林金結姪子林喬豐今表示，媽媽本身有心臟病史，昨早打完疫苗無不適，下午反應有點胸悶頭暈，收到恩主公醫院通知後，昨晚8時30分到恩主公醫院觀察住院，目前在醫院觀察中，因打點滴反應頭暈想睡。
「醫院確實有點誇張」，林喬豐說，家人都很擔心，媽媽昨天住院前也很緊張，邊講話手邊發抖，感覺已經在交代後事，這明顯是人為疏失，因為有問題的都單號窗口、雙號沒事，因媽媽有心臟病史，怕打到未稀釋疫苗藥效發作後副作用會比較強大，院方說要住院觀察2到3天。
林喬豐說，希望未來醫院要再細心注意，他及媽媽不會向醫院求償，人平安健康就好。
新北市議員林金結表示，昨天大哥打電話給我，大嫂昨早在鶯歌永福宮接種BTN疫苗，後來接到恩主公醫院打電話要大嫂住院，他原以為是詐騙集團，後來才知大嫂打到未稀釋疫苗。</t>
  </si>
  <si>
    <t>台灣近日出現多例猝死家中的確診個案，引起外界好奇背後原因，對此，胸腔暨重症醫師黃軒表示，輕症或無症狀患者仍會死亡，當隱形缺氧的狀況發生，早上還可意識清楚、可以正常應答的患者，晚上可能就心跳停止了。而這樣的情況連患者本身都沒有察覺，何況是未受專業醫療訓練的家屬。
胸腔暨重症醫師黃軒在臉書發文表示，台灣連續3天出現多例死在家中的新冠肺炎確診病例，永和70多歲確診男在家無呼吸送醫不治、70歲染疫婦拒就醫死在家中、58歲男猝死家中等，讓許多人好奇，為何新冠肺炎的患者容易猝死在家中？
黃軒透露，他在門診也遇過這樣的狀況，一名62歲的患者坐下之後，笑著對他訴說過去一周出現的症狀，下秒竟就嘴唇變黑、額頭冒冷汗，說話變得斷斷續續，讓他立刻要求護理人員使用氧氣，而這種情況其實就叫作「隱形缺氧（silent hypoxia）」。
黃軒指出，許多研究都說新冠病毒會影響肺功能，儘管對患者來說，症狀可能還不是很明顯。在國外建議新冠肺炎輕症、無症狀感染者在無明顯症狀的情況下，可以待在家裡，但許多患者要去醫院就診時，往往都太遲了，許多人已經死在家中。「輕症或無症狀，仍然會死亡！」
黃軒表示，無症狀或輕症的感染者，如果合併隱形缺氧的狀況，他們的症狀往往會讓許多醫師大吃一驚，因為在臨床上認為缺氧的人，應該會語無倫次、休克，但這些患者往往「意識清楚」、「情緒平穩」，還能「正常應答」與醫師聊天，甚至滑手機。
黃軒提到，這些隱形缺氧，有時逐漸發生，有時很快，早上沒症狀，晚上就心跳停止了，這使一般人難以察覺，所以也被稱為「隱形殺手」。幾乎在所有臨床經驗中，肺部發生疾患時，吸收氧及排除二氧化碳的能力也都會出問題，但新冠肺炎卻不同。
黃軒也說，醫界從在高海拔登山者、飛行員身上觀察到這些隱形缺氧的現象，由於山上高度增加時空氣稀薄，每次吸氣獲得的氧分子也較少，但只要急促呼吸幾下時，仍可以排出二氧化碳，而新冠患者的狀況與此有些類似。
黃軒指出，無症狀或輕微感染者的病患染疫初期，多保有良好的心臟功能，因此仍有能力將血液輸送到身體末梢部位，但病毒會讓身體逐漸缺氧。初期，病患並不會感到呼吸困難，但部分患者會逐漸覺得「難以呼吸」或「感到胸悶」。而這2症狀都被美國疾病管制與預防中心列為緊急危險徵兆的症狀，病情恐變得相當危急。
黃軒解釋，肺臟和肺泡上有非常多的ACE2。一旦病毒侵犯細胞達到一定數量，人體免疫反應和病毒之間的大戰就會造成許多肺泡破壞，恐會阻礙氧氣從肺泡進入血液的通道，如果病人心臟夠強，可用肌肉多作幾次的呼吸急促代償，多吸一點氧分子，二氧化碳也可較快排出體外，因此較不受影響，反之就會慢慢造成隱形缺氧。
黃軒直呼，「不要告訴我，無症狀或輕微感染者，肺都是健康的，人也是不會死的！」這一切都只是死神的慣用手法，連病人本身都不知道自己快死了，何況是沒有受過醫療訓練的家人呢？</t>
  </si>
  <si>
    <t>中小企業有福了！新北市政府勞工局為獎勵企業辦理友善家庭暨工作平等措施，針對企業提供勞工優於法令的措施提供現金獎勵金，最高給予5萬元！今年更放寬讓30人以下的企業也可申請，自3月1日起至5月31日止，歡迎符合資格的企業踴躍提出申請。
勞工局長陳瑞嘉表示，去年首次採獎勵的方式，鼓勵企業辦理優於法令的職場友善措施，共有15家企業獲獎，頒發獎勵金35萬元，實際受惠勞工達2,538人。今年擴大申請對象資格，只要合法登記的企業，在新北市境內設有營運據點（不需登記設立在新北），有辦理優於法令的友善家庭或工作平等措施，並有新北市勞工實際受惠，即可提出申請，通過審核者，每項措施獎勵1萬元，最高5萬元。希望鼓勵更多企業主動發現勞工的需求，提供相應貼近優於法令的措施，讓更多新北市的勞工朋友，能安心兼顧工作與家庭，讓新北市成為一個幸福友善、安居樂業的城市。
勞工局表示，企業在去年提供勞工優於法令的措施，如增加法定以外的產假、婚假、陪產假天數，或提供有薪家庭照顧假、全薪生理假、有薪陪產假、有薪子女新生入學、畢業典禮假等，或在110年2月底前，因應新冠肺炎防疫需求而有提供友善家庭相關措施者，如有薪的隔離檢疫假、有薪防疫照顧假或其他措施，並有新北市勞工因此受惠，都是獎勵的對象。勞工局期待藉此鼓勵企業提升勞工福利，也照顧勞工健康及家庭需求。</t>
  </si>
  <si>
    <t xml:space="preserve">桌球明星夫妻福原愛與江宏傑鬧婚變，女方還被拍到跟高帥男出遊過夜，事後澄清「一人一間」沒出軌，但仍引發負面輿論，而事件持續延燒，過去曾爆出福原愛堅持離婚並打算不再回台灣，但知情人士卻表示她其實很想念媽媽跟孩子們，希望快點見面，只是基於某些考量，因此遲遲沒能返回台灣。
福原愛、江宏傑婚變持續延燒，昨(3/10)福原愛接受專訪的報導曝光，表示確實因很多事情精神壓力大，突然想到認識多年但沒聯絡的高帥男，坦承是自己主動聯絡，才相約出遊，也因為隔天想繼續在橫濱散步，因此提出住一晚的請求，不料本是出門散心分散注意力，卻引發軒然大波，福原愛對於自己的輕率行為，再度道歉，但強調彼此「絕對不是不倫關係」。
至於她遲遲未返台，據日媒《體育日本》報導，福原愛原本確實是下周要回台灣，但事發後考量媒體對兩人婚變一事報導過熱，這時候返台，肯定吸引媒體包圍，為了不對新冠肺炎疫情造成不必要的群聚，因此決定延後返台。
報導也指出，事發後江宏傑在本月8日參加《全明星運動會》春酒，也真的有相當多記者到場，場面一度混亂，如當時福原愛回台，將猶如「撲進火坑的蟲子」，而知情人士透露，福原愛其實想念孩子們跟媽媽，尤其4月小兒子就要過2歲生日了，她希望屆時能陪在孩子身旁，為此煩惱兩難。
</t>
  </si>
  <si>
    <t>鑑於新冠肺炎超速蔓延，人口超過13億的印度宣布全國封鎖21天，創下史上最大規模的鎖國行動。
■India, population 1.3 billion, orders 'complete' coronavirus lockdown.
為因應新冠肺炎疫情，防範感染擴大，印度總理莫迪（Narendra Modi）3月24日宣布，將自25日零時起，全國封鎖21天，全國超過13億人將完全禁止出門。
莫迪宣布全面鎖國令時，印度國有519例確診病例，有10例死亡。到3月31日時，印度累計確診數達1,251例，有32人不治身亡。
與歐美國家相較，印度疫情擴散的速度算是相對溫和，但公共衛生學家認為，印度疫情數據有遭嚴重低估之虞，因為截至3月22日，印度全國接受檢測的人數還不到17,000人。
莫迪是在3月24日晚間發表電視演說宣布全國展開全面封鎖，他表示根據衛生專家的研究，要21天才能阻斷新冠肺炎的傳播，因此宣布印度將自25日零時起全面鎖國21天。
21天禁足令衝擊經濟
莫迪強調，「每位國民都要嚴格遵守封鎖規定，禁止踏出家門，這21天把外在世界全忘了吧。」他警告，如果不遵守21天禁足令，全國將會倒退21年。
莫迪表示，「整個國家將處於封鎖狀態，全面封鎖。為了拯救印度，為了拯救印度的每一個公民，您、您的家人……每條街道，每一個地區將全面封封鎖。」
莫迪坦言，全面鎖國經濟代價巨大，「我們將不得不為此付出經濟代價，但這是每個人的責任。」
才剛發布鎖國令，印度就湧現大批的物資搶購亂象。包括新德里與金融中心孟買等大城，都看到民眾擠爆當地的商店與藥房。
印度當地媒體報導，新德里沙加布爾地區一家商店的老闆透露：「我從未見過社會如此動盪，我們所有的庫存，包括米、麵粉、麵包、餅乾、食用油等各種商品，全都被搶購一空。」
莫迪先生後來向民眾喊話，所有物資政府會充份供應，而且大家外出搶購反而會增加傳播新冠病毒的風險。
根據新措施，所有非必需業務將關閉，但醫院和其他醫療設施將照常營運。各級學校和大學院校將全面關校，幾乎所有公開活動都全面禁止。
亂跑者將重罰伺候
任何違反規定的人將面臨最高2年的拘役和高額罰款。事實上，在宣布全面鎖國的前兩天，印度就採取宵禁措施，為全面鎖國進行測試與準備。
莫迪宣布從22日上午7時至晚間9時，印度實施為期14個小時的禁足令，並希望下午5時民眾可以一起走到自家陽台或是在門口，以拍手或敲鑼打鼓，為第一線醫護人員打氣。
印度南部城市韋洛爾（Vellore）基督教醫學院的病毒學退休教授約翰（T. Jacob John）當時就警告說，「印度處於大爆發的初期，印度的病例很可能激增，進而癱瘓本來已經超載的醫療基礎設施。」
根據統計，目前印度總共擁有的呼吸機數量大約在40,000台左右，平均每84,000人才配有一張隔離病床，醫生配比則為11,600：1，如果疫情發生進一步的擴散，絕對超出印度醫療系統所能負荷。
直到3月底，印度政府才批准民間實驗室開始進行檢測的工作，少數公司被授予測試試劑盒的許可。按照一些醫藥公司的預測，測試套件要在4月初才能夠大規模地進行生產。
但如果不進行大規模檢測，則又會無法發現社區傳播情況，從而無法有效採取措施，遏止疫情進一步擴散。</t>
  </si>
  <si>
    <t>金管會日前舉辦「110年度保險競賽」頒獎典禮，110年度因應新冠肺炎疫情，新設立疫情紓困措施競賽，富邦人壽獲「紓困績優獎」肯定，並在微型保險競賽榮獲「業務績優獎」及「身心障礙關懷獎」。
新冠肺炎自109年起延燒至今，富邦人壽響應政府推出「保單借款紓困方案」，總計借款金額逾18億元，加計富邦人壽推出的「安心貸」服務，共協助超過4萬名保戶紓解經濟困境。此外，在理賠方面，富邦人壽秉持從寬、從優原則，推出多項理賠與彈性解釋措施；另外在繳費方面，受疫情影響保戶之保費及保單借款利息可緩繳，減輕保戶經濟負擔。
富邦人壽攜手縣市政府及公益團體，運用微型壽險保單協助弱勢民眾降低人生風險，積極響應主管機關倡議之普惠金融精神，此次在微型保險競賽中，榮獲「業務績優獎」及「身心障礙關懷獎」，這也是富邦人壽第六度榮獲微型保單競賽大獎。
富邦人壽自103年起響應政府政策，與縣市政府及社福團體等44個公益團體合作推動微型保險，至今守護全台逾7萬名弱勢民眾，保額超過286億元，111年預計再擴大嘉惠1.2萬人，持續為弱勢族群打造穩固的後盾。</t>
  </si>
  <si>
    <t>台灣疫情持續緊張，幸好台股在連日重挫後率先強彈，外資研究機構包括：里昂、匯豐、瑞銀等全轉向高殖利率投資策略，從防禦特質帶起反彈，連兩日布局的國際資金收到極佳效果，匯豐更把台股投資評等一口氣拉升至「加碼」，展現頂著風雨愛台灣決心。
里昂證券台灣區研究部主管陳鈞寧提出防禦性投資觀念，國際資金17日果斷優先回補跌深、高殖利率個股，瑞銀、匯豐證券等同樣青睞高殖利率股；摩根大通證券台灣區研究部主管哈戈谷（Gokul Hariharan）則認為，台股電子股基本面與需求面絲毫沒有轉壞跡象，未來幾季獲利甚至持續高漲，這時反而可趁過度回檔時承接如：祥碩、聯發科、聯詠、欣興、玉晶光、信驊等，從中期觀點來看，台積電也有一定吸引力。
匯豐證券指出，台股受到新冠肺炎本土疫情爆發影響，大量使用融資的一般投資人拋售持股，導致股價修正大段，然匯豐先前存有台股評價過高之疑慮，卻也在大幅回檔後消散，因此，逆勢將台股的投資評等由「減碼」，跳升至「加碼」。
升評台股的理由，除了因劇烈回檔導致評價開始散發出吸引力外，匯豐證券亞太策略研究團隊主管林傳英（Herald van der Linde）指出，台股在2020年繳出企業獲利大增27％的高水準後，儘管基期已拉高，市場共識是2021年還會再年增36％，展現強悍的基本面，也是過去十年來的最佳動能。同時，台股在亞太區域中，向來也被視為高現金殖利率市場，是另一大利多。
瑞銀證券台股策略分析師陳玟瑾提醒，台股何時穩定取決於台灣新冠肺炎疫情變化，以及對外部對通膨壓力是否導致美國收縮資金的憂心，高波動環境說不定會延續三至四個月，在投資組合中，必須布局高殖利率、產業趨勢正向，以及回檔後散發投資價值的個股。
值得注意的是，台灣身為外銷導向經濟體，匯豐認為，內需狀況並沒有完全反映在股市表現上；若從本土疫情影響部分內需消費產業的情形來看，萬一使當地經濟活動減緩，對台股整體企業獲利影響也不大。</t>
  </si>
  <si>
    <t>新冠肺炎疫情嚴峻，新北市民政局今天公告，新北各戶所除嚴格落實「實聯制」出入口防疫及環境清消，17日起暫停夜間延時服務，及假日預約結婚登記服務，防堵可能破口。
民政局長柯慶忠表示，本土確診案例持續攀升，為防堵疫情擴散、阻斷傳播鏈，新北市各戶政事務所已專人協助實施「實聯制」，並嚴格落實測量體溫、手部噴酒精消毒防疫措施，提高清消頻率，並管控人潮分區分流。
柯慶忠表示，調整戶政服務時間為週一至週五上午8時起至下午5時30分止，暫停夜間延時服務及假日預約結婚登記服務，以降低人潮群聚接觸。
民政局專門委員陳耀川表示，疫情期間民眾可多加運用內政部系統線上申辦戶籍登記（網址：https：／／www.ris.gov.tw／app／portal／260），避免路程奔波往返，減少群聚感染風險，如需親至戶所申辦業務，則應落實現場防疫措施。</t>
  </si>
  <si>
    <t>台北市今晚間再度公布最新北市1例確診個案的公共場域足跡，確診者案15396曾在7月9日、10日連續兩天，早上5點45分至下午2點在信義區的永利市場，日前永利市場已封市3天急清消。
北市府表示，永利市場攤販(案15396) 與案15255一起在環南市場批菜，案15255確診後，北市府立即進行疫調匡列接觸者安排隔離，並啟動精準疫調，提前替親密接觸者於隔離期間採檢，一名攤商於居隔期間確診 (7/12確診，編列案號15396)。
目前永利市場內部攤販已全數封攤，7/11日清消完成，停業至15日。</t>
  </si>
  <si>
    <t xml:space="preserve">國內本土疫情仍在高峰，昨天又新增297例本土確診，及19名死亡個案，再創單日死亡新高，讓民眾出門買菜人心惶惶，怕把病毒帶回家中因此染疫，林口長庚兒科急診醫師吳昌騰表示，最新研究顯示，病毒載量極高的患者，有超過三分之一的人是沒有症狀，平均年齡37.6歲，可能是「大量傳染的源頭」，呼籲大家盡量少去市場、超市，若怕把病毒帶回家，記得蔬菜不要生食、用專用盆子洗生肉、勤洗手等4大清洗食物關鍵要注意。
吳昌騰27日在臉書表示，新北確診者足跡有70至80%都在市場，同時一篇發表於《科學》的最新論文指出「少數感染者會導致所有傳播」，裡頭提到這些病毒載量極高的患者，有超過三分之一的人是沒有症狀，或是症狀極輕看似健康的感染者，平均年齡是37.6歲。他們與確診的重症患者具有相同水平的病毒傳播能力，因此這些少數的病例「可能是大量傳染的源頭」，觸發社區疫情爆發的關鍵。
吳昌騰表示，在疫情控制住之前，拜託大家，市場、賣場、超市還是盡量少去，若非去不可就必須保持社交距離和強制戴口罩，假如害怕病毒停留在食物上帶回家，他過去也分享過4大方法保證食物安全。
第一：清洗食物
科學的做法是蔬菜水果要吃之前，請先用自來水清洗，這樣可以將附著在表面的病毒過濾掉80至90%。
第二：蔬菜盡量不要生食，而應炒熟吃，水果最好削皮
因為新冠病毒怕熱，在溫度56℃狀態下30分鐘內能被殺死，而炒菜等溫度能達到100℃甚至更高，病毒能立即被殺死，因此吃熟食可有效地防止被感染。
第三：清洗生肉
洗生肉的時候，最好把肉放在專門用來洗肉的盆子裡、加水浸洗，能夠防止把可能攜帶的病毒或者其他致病菌濺到廚房其他食物、餐具上。
第四：勤洗手
在烹調處理食物之前、期間及之後都要洗手，當接觸過動物或者動物產品後，注意用肥皂洗手，避免沒有洗手就觸摸眼睛、鼻子和嘴巴；處理熟食和生食之前要注意洗手；上完廁所、吃飯前要注意洗手。
吳昌騰表示，新冠病毒通過飛沫、直接接觸傳播到蔬菜、肉和水果上，理論上能存活最長不會超過48小時，但病毒只能藉助活的細胞，例如需要在人、動物的細胞進行繁殖複製，因此超市的蔬菜、肉和水果上的病毒，存活時間不會太長。
</t>
  </si>
  <si>
    <t>國內疫情嚴峻，高雄多家星級飯店「重出江湖」改賣便當度小月，漢來美食旗下5家餐廳周四起賣特製便當搶市，但由於來客數雪崩式下跌，兩家餐廳明起暫停營業。高雄福華飯店今（17）日中午半小時賣出百餘個便當、高雄英迪格酒店也搶推輕食餐盒。
漢來美食透露，這波疫情相較去年來得更急，大家都不敢到餐廳用餐，旗下餐廳來客數呈現雪崩式下跌，平均剩下3成左右，因此包括福園、名人坊、海港、翠園、漢來蔬食等5家餐廳，5月20日起再度推出星級便當。
漢來美食指出，去年疫情間3至5月，賣便當進帳2000萬元，如今再賣便當因應，營收只是杯水車薪；另外，漢來飯店旗下紅陶上海湯包、海鮮火鍋18日起暫停營業，將視疫情狀況決定而復業，期間人力彈性調度，消化積假或是到其他餐廳工作。
高雄福華飯店去年3個月期間，平均每天賣出200多個便當。業者透露，這波疫情有7成訂房延期，喜宴也往後延，因此昨天開始中午及晚間時段開始販售便當，今天午半小時就賣出100多個便當，也不乏公司行號預定。除中西式料理提供四款精緻餐盒外，也加賣港點。
高雄英迪格酒店則推出兩款外帶輕食餐盒，今起開放預訂，採取前一天預約制。業者表示，1樓咖啡廳也推出外帶飲品、餐點享75折優惠；早餐則由專人送餐盒至房門口，讓客人安心享用。
HOTEL COZZI和逸飯店·高雄中山館也搶攻「防疫便當」主打「精緻主廚餐盒」，共有8種選擇；另提供有大量鮮蔬的清爽沙拉餐盒，替上班族和外食族兼顧均衡營養。</t>
  </si>
  <si>
    <t xml:space="preserve">患者說謊害慘全州！澳洲的南澳省出現36個新增確診，包括4月以來首見的本土病例，因此該省自19日起全面封城6天。但沒想到，這一切都是因為一名患者，撒謊提供錯誤的接觸史訊息，誤導防疫當局所致。
官員表示，如果該患者照實說，南澳省不必進行大規模封城，因此21日午夜起，該省提前3天解封。
這名男子染疫後，告訴有關單位，他只有去阿德雷得的一家披薩店買披薩而已。這項訊息令衛生當局繃緊神經，因為官員認為，男子僅暴露在病毒極短時間就染疫，那麼這串病毒的具高度傳染性。
但事實並非如此，男子是披薩店的輪班制員工，並非顧客。他因為與一名擔任保全的新冠患者一起工作，所以被傳染。真相大白後，讓官員氣炸，但也鬆了一口氣，因為情況並非預想那麼嚴重。
南澳省長馬紹爾表示，「說我氣到冒煙，已經是很客氣了」「我不會因為1個人的可恥行為，就讓全省沒必要地多封鎖1天。」
南澳州警局局長史蒂芬斯說，「如果此人對接觸追蹤團隊據實以告，我們也許不必實施6天封城。」他在被問到，披薩店員工惹眾怒，該店安全堪慮，警方是否該為披薩店提供保護，史蒂芬斯說，他們正在考慮。不過該患者不會被罰款或起訴，因為說謊沒有相關罰則。
</t>
  </si>
  <si>
    <t>北市某旅行社公告，經台北市衛生局通報，公司有同仁4月2日確診新冠肺炎，經查此同仁為代理部主管，因屬新成立部門，該部僅該員1人，沒有業務也無與其他同事互動，但3月30日上午曾短暫到會議室介紹講課老師便離開，公司將暫停營業至4月13日，4月14日恢復上班，暫停營業期間。
該旅行社強調，衛生局已於4月3日至公司場勘和了解，初步認定被感染的風險很低，公司在2日實施辦公室全區消毒，並暫停開放辦公室及實施人員健康管理至4月13日。</t>
  </si>
  <si>
    <t>網紅四叉貓「劉宇」日前在Facebook公布自己接種高端疫苗後，前往禾馨做的檢驗抗體報告，但國內並未開放民眾自費檢驗抗體，北市衛生局也將調查是否對診所開罰。不過，禾馨診所營運長林思宏今在社群平台貼出公文，早在6月9日就已經發文報備北市府。
中央流行疫情指揮中心昨指出，並未開放民眾自費檢測抗體；北市衛生局指出，若幫民眾執行相關檢驗，會有自費收費標準問題，中央沒有開放指定機構外從事檢驗抗體，醫療機構即便向衛生局申請自費收費標準也不會同意，只要被檢舉，將依據醫療法處分5萬到25萬元。
不過，林思宏在昨晚間11點多發文表示，有媒體稱，禾馨自費CoV-2 IgG抗體篩檢沒有向北市府做過報備，其實早在今年06月09日也就是好心肝事件爆發的同一天，禾馨醫療各院所就已發函給北市府過，但也不是北市府問題，是當時相關規範並未制定，特此澄清，禾馨醫療會依規定儘速補足程序。
林思宏說，中央流行疫情指揮中心發言人莊人祥昨也提到，向地方政府衛生局申報核可後，就可以檢驗；對此，四叉貓也在臉書發文，盼禾馨卡住的申請能就此解套。</t>
  </si>
  <si>
    <t xml:space="preserve">新冠肺炎擾世已足足400多天了。這些日子以來，全人類應該都深深體悟到，新冠疫情最可怕的並不是死亡人數和醫療崩解，而是政治的副作用。有評論家喻之為史上最政治的一場瘟疫，畢竟它不但已淪為全球兩大強權的博弈籌碼、民族及孤立主義的尚方寶劍，更進一步地讓意識型態的對峙，斬斷了抗疫的專業，讓許多荒謬的反智行為，占據了人類進步的空間。
比爾蓋茲應該對此最有感觸！照理說，在1995～2007連續13年蟬聯《Forbes》世界首富的比爾蓋茲，應是最擅算計的智者，此外，他在2015年預言未來數十年，人類可能因病毒損失千萬條性命，也彰顯了他的睿智與遠見，但最近卻有些聲名狼藉。
原來，比爾蓋茲2008年離開微軟後，把580億美元的財產捐到蓋茲基金會，致力於公益。去年疫情發燒，基金會陸續投資一億美元支援疫苗及藥物研發。這原為美事一樁，但整件事，卻被黑化成一樁樁的陰謀。
2020年12月底，羅馬尼亞、泰國與阿拉伯世界開始流傳一支影片，警告世人，比爾蓋茲將透過疫苗計畫「完全統治」世界。最荒謬的推演是，說他將趁著疫苗接種植入微晶片，以追蹤與控制人類。這讓一位企業主忍不住語帶同情地說：「真傻！放著舒服的退休生活不過，還惹了一身腥。」
但即便有人在醜化疫苗，多數人都仍想望它的到來，還因此出現橫亙在富人與窮人間的「疫苗鴻溝」、強國與弱國之間的「疫苗主權」爭奪戰。使得同樣是疫苗，有人等得崩潰，有人輕鬆插隊，道出普世眾生「同命不同價」的殘酷。
在疫苗搶翻天之際，由於美國佛州是最早開放疫苗施打的區域之一，加拿大航空公司Momentum Jets就透露，當地富豪願以70萬～224萬台幣價錢購買當日往返佛州的機票，為的就是能搶先施打。讓平凡人只能對著疫苗接種「食物鏈頂端」的富人，望之興嘆。
所幸，人性依舊存有光輝。印度裔英格蘭小姐穆克吉和愛爾蘭總理瓦蘭德卡，都重披白袍投入診治病患的第一線。而當所有人都用盡氣力避免自己感染COVID-19時，世界上也有一群人自願染上病毒。
記者衝第一線，搶當疫苗試驗受試者
近來聲名大噪的非營利組織One Day Sooner（快一天也好），早在去年就號召全球自願施打實驗疫苗的勇者，2021年初，他們更在英國實驗，自願在體內接種新冠肺炎病毒，為的就是能快速催生救世仙丹。一位23歲的志願者就表示：「疫苗愈早研發成功，可能一天能拯救7000多條人命！」
而《遠見》記者蔣濬浩秉著永遠衝到「第一線」的記者魂，也「以身試針」地成為台灣本土疫苗的受試者。同時，本期的封面故事，則以《疫苗過後，疫苗過？》為題，除了電訪到以色列疫苗接種者，為疫苗釋疑，並分析在這場疫苗戰中，台灣未來的贏面與輸面。
誠如衛福部長陳時中所言：「防疫已通過期中考，但期末考要靠『疫苗』。」究竟投身於疫苗催生的比爾蓋茲到底搞的是循私為己的「陰謀」，還是造福世人的「陽謀」？智者自有論斷。但至少，世界上還有太多為人類犧牲付出的傻瓜，足以贏得你我的掌聲。
本文作者：李建興
(本文摘自《遠見雜誌3月號417期》)
</t>
  </si>
  <si>
    <t>針對地區65歲以上並於6／19前接種第1劑AZ疫苗的長輩鄉親，金門縣政府今天宣布，8／28將再度啟動4座大型接種站施打第2劑AZ疫苗，提醒大家多加留意。
4座大型AZ疫苗接種站為金城鎮金城體育館、金湖鎮金湖小巨蛋、金沙鎮金沙國中體育館、金寧鄉金寧中小學；另烈嶼鄉部份將由烈嶼衛生所於8月25日至27日分批接種。
縣府表示，中央流行疫情指揮中心規定AZ疫苗第1、2劑接種間隔為10至12周，縣府繼6／16設置4座大型疫苗接種站，為鄉親提供服務後，此次在第2劑開打時，再度啟動大型接種站服務。
縣衛生局說明，8／28在4鄉鎮開設AZ疫苗第2劑大型接種站，接種對象為65歲以上，且於6／19以前曾於縣內醫療院所接種AZ疫苗第1劑的長者。
該局將採取第1劑接種模式，日內循民政系統陸續派發通知單，以村里為單位，希望長者依照排定時間，分流前往接種站接種疫苗，以免久候。
衛生局並提醒，前往接種站接種疫苗時，應攜帶健保卡、身分證、疫苗接種卡(黃卡)。</t>
  </si>
  <si>
    <t>新冠肺炎疫情持續延燒，衝擊市場投資情緒，使得行情波動度大增，然而也可能創造了進場時機。但是疫情發展無法事先掌控，對於想要控制投資風險並追求目標收益的投資人，此時階梯到期新興市場債券基金是不錯的選擇。
宏利投信指出，「階梯到期債券基金」是指投資組合涵蓋不同時間到期的債券，相較於目標到期債券基金，階梯到期債券基金的平均存續期間更低，能有效降低利率風險敏感度。
階梯到期債券基金是將目標到期策略僅有單一到期時程的機制，進化為不同階段的到期日，不僅提升資金運用彈性，資金分批落袋也較安心，是近年國際金融機構對抗高波動市場的穩健收益新利器。
宏利投信指出，以2月24日展開募集之宏利七年階梯到期新興市場債券基金（下稱該基金）為例，原則上投資該基金屆滿五年後，約可領回投資金額的三分之一以內（當時持有單位數的30％），滿六年後再領回約三分之一以內（當時持有單位數的45％），七年期滿後將剩餘單位數全數領回。投資組合包含存續期間長短不同的債券，能強化風險與收益的平衡。
該基金聚焦於新興市場債券，宏利投信指出，隨中產階級擴張，新興市場經濟由出口導向轉向消費能力增加帶動，有利擴大內需，儘管存在地緣政治問題和持續貿易爭端，新興市場經濟仍能維持穩定成長，新興債亦有基本利差空間與息收。即使地區風險仍須留意，然新興國家高收益債券違約率仍繼續維持低檔。而該基金之投資組合中至少有七成為投資等級債。
在利率可能走低帶動各類金融資產收益率下滑的趨勢下，又遭逢新冠肺炎疫情等變數衝擊市場，更使得階梯到期新興市場債券基金的防禦優勢更容易受到市場的關注，適合欲控管金融投資風險並且想追求目標收益的投資人。
宏利七年階梯到期新興市場債券基金聚焦於風險調整後報酬率（夏普指數）較佳的美元計價新興市場債券，可望有效率的達到目標收益，不失為投資人在波動時代追求收益的優質選擇。</t>
  </si>
  <si>
    <t xml:space="preserve">日本國內的新冠肺炎疫情還沒有平息的跡象。日本傳染病研究專家、東北醫藥大學特任教授賀來滿夫接受《每日新聞》專訪時預測，日本的疫情恐怕4至5月才是顛峰期。
他以SARS為例指出，2002年11月確認了SARS病毒，2003年3月至4月疫情達到顛峰，同年7月告終。因此推測這次的新冠肺炎從2019年12月開始流行，2020年4至5月是顛峰，可能持續到8月，持續到夏季以後的可能性低，但實際上會如何還不清楚。到3月底應該可以知道現在採取的對策有沒有效果，至於會流行到何時，應該可以慢慢地看出來。
賀來還指出，新型冠狀病毒的潛伏期間為1至12天半，80%的感染者症狀輕微，死亡率為3‧8％，年長者及宿疾患者感染後容易重症化。這些數據都是根據大陸的病例，今後日本有必要再精確地調查日本自身的數據。
針對日本政府在疫情發生初期的邊境檢疫對策，賀來指出，去年12月起武漢的感染可能已經擴大，說不定感染者當時已通過日本海關的檢疫進到日本。邊境檢疫只能測量體溫，很難有效地篩檢出感染者。
</t>
  </si>
  <si>
    <t>中央流行疫情指揮中心今(11)日公布國內新增11例COVID-19確定病例，分別為1例本土個案及10例境外移入；另確診個案中無新增死亡。
指揮中心發言人莊人祥表示，今日新增1例本土個案(案16411)，為40多歲女性，今(2021)年10月9日因其他原因就醫採檢，並於今日確診(Ct值34.9，血清抗體IgM陰性、IgG陽性)。該案居住在新北市汐止區的幼兒園教師，工作地點在台北市內湖區，初步研判是舊案。
莊人祥說，目前共匡列67人進行居家隔離，包含同班級內的學生、教師與家長；其他班的則列為自主健康監測。羅一鈞也補充，該個案被發現的第一時間，就已經積極進行疫調與採檢，若最後居家隔離者的採檢結果都是陰性，會因舊案提早將接觸者解除隔離，這部分將是疫情發展而定。
醫療應變組副組長羅一鈞表示，個案的血清抗體IgG為陽性，應是7月打過一劑莫德納疫苗所致，但N抗體也呈現陽性，就表示該個案曾經感染過。
指揮中心說明，今日新增10例境外移入個案，為5例男性、5例女性，年齡介於10多歲至50多歲，分別自印尼(3例，案16405-16407)、美國(2例，案16408、案16412)、菲律賓(2例，案16409、案16410)、新加坡(案16413)及蒙古(2例，案16414、案16415)入境，入境日介於9月26日至10月9日，皆持有搭機前3日內檢驗陰性報告。
指揮中心統計，截至目前國內累計3602515例新型冠狀病毒肺炎相關通報(含3585122例排除)，其中16305例確診，分別為1668例境外移入，14583例本土病例，36例敦睦艦隊、3例航空器感染、1例不明及14例調查中；另累計110例移除為空號。2020年起累計846例COVID-19死亡病例，其中834例本土，個案居住縣市分布為新北市412例、臺北市319例、基隆市29例、桃園市27例、彰化縣15例、新竹縣13例、臺中市5例、苗栗縣3例、宜蘭縣及花蓮縣各2例，新竹市、南投縣、雲林縣、臺南市、高雄市、屏東縣及臺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 xml:space="preserve">新冠肺炎病毒在美國各區漫延，全球窗飾產業領導廠商億豐(8464)指出，由於各地紛紛採取新的防疫措施，將造成美國主要客製化窗簾(含:百葉門、百葉窗及軟質窗簾)，按各州規範延後出貨。對此，億豐已採各項措施應變，包括：1.通知客戶相關應變；2.調整內部出貨排程；3.積極配合各國、各地政府防疫作為；4.持續密切注意疫情發展等方式因應。
為防範疫情擴散，美國德州所屬Denton County，要求居民自3月25日深夜，盡可能待在家中、關閉非必須商業活動，執行期計為1周。此外，佛羅里達州所屬Orange County，從3月26日深夜，將升級防疫措施2周。
億豐配合美國各州防疫，億豐在美國德州Denton County的客製化蜂巢簾、仿木百葉窗輕組裝廠及窗簾轉運，採停工1周。億豐在佛州Orange County的客製化轉運點，則停止上班2周。億豐另更新美國加州防疫近況，在加州的生產、轉運據點，億豐由稍早計畫的產線輪班，改為停班至4月19日。而在美國非生產、轉運作業，則已採在家工作對應。
</t>
  </si>
  <si>
    <t>為防堵新冠肺炎疫情擴散，北市政府衛生局針對未配合居家檢疫者持續開罰，9日1名自陸港澳流行地區入境的民眾，未依規定填寫居家檢疫地點，依「嚴重特殊傳染性肺炎防治及紓困振興特別條例」，從重裁罰100萬元，因該民眾無視法令，竟從台北又前往高雄欲出境，因此從重裁罰。台北市副市長黃珊珊表示，開出第一張違法居家檢疫規定的100萬元罰單。
衛生局指出，受罰民眾9日自大陸廈門入境，居家檢疫日期為9日至23日，解除檢疫日為24日，但該民眾自松山機場入境時不配合填寫資料，機場檢疫官立即協助安排入住旅館，經民政及警政人員親訪旅館，確認該民眾未入住，隨即提送警政單位協尋。
廈門入境 不配合填資料
北市衛生局查驗後，發現該民眾又前往高雄國際航空站搭乘班機欲出境，無視居家檢疫規定及未依指定住所進行檢疫的事證明確，已涉及違反傳染病防治法，依嚴重特殊傳染性肺炎防治及紓困振興特別條例規定，從重裁處100萬元整，北市衛生局已於3月11日開立裁處書。
經由衛生福利部疾病管制署台北區管制中心與高雄市政府衛生局三方協調後，該民眾已移至高雄的集中檢疫場所安置。
北市隔離檢疫 無失聯者
北市衛生局統計，截至10日止，依情節輕重共開罰70人。黃珊珊表示，目前台北市居家檢疫1387人，無症狀者1375人，有8人就醫，4人有輕微症狀；居家隔離人數則有63人，已解除列管336人，目前狀況皆正常，沒有失聯者。</t>
  </si>
  <si>
    <t>中央疫情指揮中心指揮官、衛福部長陳時中的設計師兒子陳彥安日前替Wecare高雄繪製一款「洗手罷韓」T恤。網友回應，「都甚麼時候了！？」
根據中國時報記者報導，洗手罷韓」T恤除印製「內外夾弓大立腕」洗手標準程序之外，還多了兩個「蓋下同意、投票」的動作。預計21日在網路平台及光復高雄總部上架販售，一件售價500元。
陳彥安本人也在自己臉書呼籲大家洗手做防疫，還強調「高雄人手洗乾淨回家投票」。
報導指出，陳彥安受訪時表示「以防疫為主，不希望分散防疫相關的新聞注意力」，希望外界不要著墨在他的身分上。
對此，網友回應，「都甚麼時候了！？」</t>
  </si>
  <si>
    <t xml:space="preserve">衛福部長陳時中今天透露，我國所採購的高端疫苗確實很有可能會打不完，不過目前高端疫苗正在向友邦巴拉圭申請緊急使用授權（EUA），也有多國向我接洽疫苗捐贈事宜，會盡全力讓高端疫苗被妥善運用不浪費。
立法院衛環委員會今邀陳時中進行施政報告，民眾黨立委高虹安提出質詢，認為衛福部自8月23日起就不曾公布高端疫苗的到貨量，以及完成封緘的相關劑量，與BNT、AZ、莫德納有清楚的到貨量新聞稿相比，資訊完全不透明，要求衛福部檢討改善。
對此，陳時中口頭表示，目前已施打的高端疫苗共有136萬劑，還有230萬劑庫存，保存期限可至半年，應不會有過期問題，將依照委員的建議，於官網上公開目前高端疫苗的到貨量以及封緘數量。
國民黨立委洪孟楷則詢問，目前還未到貨的200多萬劑高端疫苗，最後有無可能打不完？有無機會贈給其他國家？還是說高端根本是很難送人的燙手山芋？
陳時中回應，以目前的接種情形來看，確實政府採購的500萬劑高端，可以預測會打不完，至於能否贈送他國使用，要看高端是否有取得其他國家的EUA，目前該公司也正在巴拉圭努力申請，也有很多國家在跟我接洽。
指揮中心統計，截至目前我國共有75萬2654人接種第1劑高端，61萬4535人打完2劑，但23至24日接種第1劑高端的僅528人，施打第2劑的僅833人，數據不甚理想，陳時中解釋，這是因接種高峰已過才會出現緩打潮。
</t>
  </si>
  <si>
    <t xml:space="preserve">新冠肺炎疫情延燒，陸委會主委陳明通日前以「小明的故事」為由，推動陸配子女來台措施，但一日之後政策大轉彎並遭到撤回。小明爸爸心急如焚，接受訪問希望政府能再考慮政策。不過，身為大陸配偶的網紅「廣告小妹」卻發現眉角之處，直言小明爸爸藉口一堆，就是不願承認「北京戶口好處多」。
為了解決受困在境外陸配在台生活的陸籍子女，陸委會日前宣布放寬條件，讓一些陸配子女可入境，但衛福部長陳時中宣布，撤回所有對陸配子女的管制措施，不具我國國籍的陸配子女，仍滯留在中港澳者，不同意入境。
對此，小明爸爸非常著急，接受《東森新聞》採訪時表示，他當初沒考慮身份是哪邊較好，只是因為長時間都在北京生活，才讓孩子辦理戶籍，並計畫等孩子國小畢業，就回台灣生活。而且他也不想像黃安一樣，濫用台灣的資源。
不過，廣告小妹一看到關鍵字就知道眉角在哪裡。廣告小妹於臉書發文指出，基於同為同胞加上小明是個孩子，她不想為難誰，所以她保持安靜。但她想請小明爸自重，一個理由要靠更多理由來圓。小明媽是北京人，取得中華民國身份證的前提是放棄中國籍。中國籍不可惜，可惜的是北京戶口。「偶上海戶口，偶懂的」！
廣告小妹更指出這張戶籍的好用之處，「一張北京戶口意味著什麼，你我心知肚明。教育費、醫療費，都看戶口簿啊！另外，在祖國繼承房產、遺產也需要一本紅色護照啊....... 扯什麼黃安呢」。
廣告小妹直言，她支持撤僑要考量到台灣籍配偶和子女。但是小明的所在地是北京，全中國醫療最靠譜的城市之一。請不要拿小明跟武漢包機相較，拜託。她同情小明被迫與父母分離，可她無法認同小明爸的藉口一堆就是不願承認「北京戶口好處多」。
廣告小妹戲言，幾個朋友忍不住私下來問北京戶口和上海戶口到底有多好用。她想了想：「憑著北和上的戶口去相親，可以挑長得最帥的外地男人！咱還能天天換帥哥，反正祖國人口多換不完的。乾隆後宮佳麗三千，本宮後宮陣容百萬起跳啊！」
</t>
  </si>
  <si>
    <t>為了減緩新冠肺炎疫情擴散帶來的經濟衝擊，亞洲多國央行19日相繼採取寬鬆貨幣政策，包括澳洲、菲律賓與印尼央行都宣布降息。而澳洲央行（RBA）除了將基準利率調降一碼至歷史新低0.25％，此為本月以來第二度降息，更宣布首度實施量化寬鬆（QE）政策，希望挽救低迷經濟。
印尼央行周四將七天附買回利率下調一碼至4.5％，不僅連續二個月降息，更創下2018年4月以來新低，市場原本預估該央行將維持利率不變。
至於存款利率和放款利率亦各自調降1碼，分別降至3.75％與5.25％。
菲律賓央行則宣布調降基準利率兩碼，從3.75％下調至3.25％，自周五開始生效。
澳洲央行周四除降息一碼外，更首度宣布實施量化寬鬆政策，希望緩解疫情衝擊。RBA為3年期公債殖利率設定0.25％的目標，並打算20日起透過在次級市場購債方式達成目標。
RBA亦為銀行體系提供三年融資計畫，希望為中小企業提供信貸支持，融資規模至少900億澳元，並採固定利率0.25％。
該央行強調，在疫情擴散的此刻，將盡一切所能確保借貸成本低廉、企業皆能獲得貸款支持。
利率破底讓澳元兌美元匯率19日一度崩跌至0.5510美元，改寫2002年底以來最低。但受到RBA實施QE政策消息提振，澳元跌幅收窄至0.16％，兌0.5758美元。
印尼央行在降息的同時，也調降經濟預測，由於受肺炎疫情擴大拖累，該行將印尼今年全年GDP成長率預測值，從上個月預估的5％～5.4％區間，調降至4.2％～4.6％區間。明年GDP則預估達5.2％～5.6％。</t>
  </si>
  <si>
    <t>中央陸續配發15萬劑的莫德納到各縣市，新北市衛生局長陳潤秋今上午8時許在市政會議表示，中央總共配發給新北市9800劑，昨天先到5700劑，後續會再補4100劑，全數給新冠肺炎專責病房內工作者接種，由專責醫院在院內直接安排接種。
新北市政府今上午召開市政會議，陳潤秋報告，新北市累計確診數以板橋、中和、三重、新莊、永和比較多，發病日最高峰集中在上月17日、24日、25日，後面看起來有趨緩，要持續觀察；新北市共36個篩檢站，整體陽性率1.06％，其中板橋區昨日採檢1016人、整體陽性率1.77％，中和區昨日採檢705人，陽性率1.78％。
陳潤秋說，中央預計配發給新北市9800劑莫德納疫苗，昨天先到5700劑，後續會再補4100劑，全數給新冠肺炎專責病房內工作者接種，由專責醫院在院內直接安排接種。
新北市衛生局補充，9800劑莫德納疫苗今日開始接種，接種對象為新冠肺炎專責醫療院所直接照顧確診、疑似個案第一線工作人員（風險等級1），以及非直接照顧確診、疑似個案的第一線工作人員（風險等級2），並視前述對象接種情形，逐步放寬至所有第一類醫事及非醫事等工作人員接種。</t>
  </si>
  <si>
    <t>新冠肺炎衝擊產業，學校建教合作廠商仍力挺學生，新北市長侯友宜14日上午至「全球傳動科技公司」參訪，體驗該公司與瑞芳高工合作的職業技能訓練實況。侯友宜表示，今年市府加碼400萬「新北學霸-建教合作圓夢獎學金之紓困專案」，希望鼓勵優秀建教生奮發向學。
新北市教育局指出，新北開辦建教合作班已邁入第50年，目前有10校10科辦理，約2400人，讓經濟有困難學生能在學習之際兼顧生活品質，並增加未來就業競爭力。
新北市利用無名氏善款400萬成立專案計畫「新北學霸-建教合作圓夢獎學金之紓困專案」，補助195名優秀建教生每人約2萬獎學金，另外也補助200名擁有相關職群技術士證照學生3000元。
侯友宜表示，市府為協助弱勢家庭，推出公私協力「疫情幸福援五曲」，包括幸福保衛站、幸福晨飽、午餐補助、實物銀行、建教合作圓夢獎學金與非自願離職勞工子女生活扶助等多元協助策略，期盼有效落實社會救助。
新北市教育局表示，全球傳動在業界有舉足輕重的地位，學生畢業就有機會進入公司，讓孩子能在畢業前就找好工作，學生們受益良多。
新北市教育局指出，市府自2019年起，每年投入1億元經費推動「贏得未來‧技職人才」計畫，完整新北市一貫化技職人才培育體系，未來也會繼續尋找更多優質企業合作，孩子選擇更多元。</t>
  </si>
  <si>
    <t>美國眾議院周三以壓倒性多數，火速通過規模高達83億美元防疫支出法案，並送交參議院表決，為防堵新冠肺炎疫情擴散與開發疫苖提供資金。
該支出法案規模遠遠超出川普政府最初提出的25億美元。在白宮支持下，國會眾領導人正卯足全力讓法案能快速通過，如此川普總統可能本周就能簽署完成立法。
眾議院在協商者公布該支出法案幾個小時後，即以415票對2票的壓倒性表決結果予以通過，凸顯出美國國會對於盡快化解新冠病毒危機的急切。目前美國的新冠肺炎確診病例已經超過129人，截至周三確診死亡病例又增加兩人，使總數達到11人。
該支出法案包括用於擴大檢測新冠病毒的經費。根據該法案，逾30億美元將用於研發新冠病毒疫苗、檢測試劑與療法。為了協助控制美國境外的疫情傳播，該法案亦將撥款12.5億美元用於國際項目。
各州與地方政府將獲得9.5億美元支應防疫經費。逾3億美元將用來支應無力負擔疫苗費用的人。此外，因新冠肺炎疫情而受到衝擊的小型企業可申請聯邦低利貸款。
在眾院即將表決前，4名民主黨與共和黨國會最高領導人收到一份機密簡報，內容涉及一旦華府爆發疫情時的國會應變計畫。美國國會大廈遊客中心每年吸引約300萬人參觀。</t>
  </si>
  <si>
    <t xml:space="preserve">
因為南韓大邱新天地教會發生新冠肺炎（COVID-19）超級傳播事件，台灣中央流行疫情指揮中心在20日提升南韓旅遊疫情建議至第一級注意。目前尚有約400人仍聯繫不上。此教會超級傳播事件已成為韓國新冠肺炎疫情核心，在全國近1600起病例中，逾半與該教會信徒有關，據傳新天地教會組織相當龐大且富裕。
早在數年前就有外媒對新天地教會撰寫報導，指出這是一個南韓邪教團體，利用謊言騙取信任。新冠肺炎在新天地教會內傳播開來，始於一名61歲女信徒，也就是韓國第31起病例。這名婦女2月10日出現發燒症狀後，又在韓國第4大城大邱出席至少4場教會禮拜，之後才被確診。
而這名婦女在確診後，還曾二度前往新天地教會參加禮拜，目前當局掌握一同與會的人有1001人，但還有將近400人聯絡不上，成為一種不定時炸彈，政府也擔心，有些信徒為了隱匿疫情，會不承認自己的身分，導致疫情難以掌握。南韓防疫當局也召開記者會說明，第31例病例的大邱婦人可能也是經由人傳人感染，也可能並非第一名在教會中傳播病毒的患者。
新天地教會全名「新天地耶穌教證據帳幕聖殿教會」，1984年3月14日由現年88歲的李萬熙（Lee Man-hee）所創立。信徒都相信李萬熙是耶穌轉世或耶穌派來的使者，據稱擁有超過12萬名信徒。但因為經常惹出爭議，所以常被譴責為基督教異端、邪教團體。教會網站則自稱是「神在世上獨一無二的國和聖殿」，並發誓「如蠟燭般犧牲我們的肉體」來順從耶穌旨意。
根據紐西蘭媒體《先驅報》在2017年的報導，新天地教會透過洗腦來破壞信徒與家人間的關係，更有學生堅信教育已經沒有實質幫助，將一整年的學費捐獻給教會。英國英格蘭教會和韓國基督教會聯盟曾發出警告，新天地教會是「非常危險的團體」、「極端主義分子」，不僅慫恿信徒離家出走，也會洗腦信徒捐獻財產，對象不限韓國本地人，全國各地教會都在掌控範圍內。
新天地教會在韓國知名成功的程度，足以動員數千名信眾，在高規格場地集體演出。例如2012年他們就曾在首爾的蠶室奧林匹克主競技場（Jamsil Olympic Stadium）舉行活動。當時有數百名表演者上演聖經場景與主題，同時還有數千人依序翻動彩頁書，創造出不斷變化的大型圖像背景，場面猶如北韓的團體操表演。
更多 CTWANT 報導
</t>
  </si>
  <si>
    <t>每年都吸引上百萬人參與的台北最High新年城即將登場，面對新冠肺炎新變種病毒Omicron，台北市長柯文哲說有可能3天前取消，他28日再被問及是否有防疫計畫時強調，「放心好了，把去年那套拿出來修一修就好。」
Omicron病毒來勢洶洶，讓眾所期待的跨年活動增添不少變數，柯文哲今出席藝術公車巡禮活動，被問到跨年晚會有無防疫計畫，他指出，當然有計畫，去年就在疫情下辦過跨年，放心好了，把去年那套拿出來修一修就好，「現在不要問我1個月後的事。」
不過，不少外地民眾為了參加跨年老早訂好飯店，也有攤商陸續備貨，萬一活動在3天前突然取消，恐怕損失不少。柯文哲重申，後疫情時代的對應原則是「應變跟保險」，大型活動因應疫情怎麼處理都準備好了。</t>
  </si>
  <si>
    <t>新北市疫情嚴峻，中和警分局偵查隊今（5日）再度傳出偵查隊某隊員PCR陽性確診，中和警分局表示，已要求密切接觸者自主居家健康管理及再度安排採驗，目前偵查隊業務由市刑大接手，治安不打烊，全市至今已累計15名警員染疫。
中和警分局表示，上月2名交通分隊警員、1名南勢所警員及2名偵查隊員染疫，今（5日）再度傳出偵查隊某隊員PCR陽性確診，全分局累計共有6人染疫。此外，據新北市警察局統計，蘆洲3名、新店1名、刑大2名、樹林1名、板橋2名、中和6名，共有15名警員染疫。</t>
  </si>
  <si>
    <t xml:space="preserve">新型肺炎來勢洶洶！美國國防部三月初警告：30天內將形成全球大流行！即使公衛專家們用盡蠻荒之力加速防疫，但對於防治與控制仍極其有限，全球瀰漫著一股不確定的氛圍。Discovery頻道《冠狀病毒：無聲殺手專訪感染過SARS 的梁浩南醫師，分享SARS 與新冠病毒不同之處。然這次新冠肺炎中的無症狀患者 才是兇猛未爆彈。《冠狀病毒：無聲殺手》於3月9日晚間11點首播，以防疫經驗鑑古知今，卸下民眾焦慮和不安！
新型冠狀病毒在武漢發現以來造成絕大衝擊，至今全世界就將近十萬人被感染。它的感染力超強，只要證實一人感染，背後就有3-4個潛在的感染者。新加坡防疫專家說，防疫的核心要建立在「醫療金字塔」上，雖然在有限資源下，大多數醫生會優先治療症狀最嚴重、也就是金字塔頂端的病患。
但實際上這些人只佔1、2成，其餘8成在金字塔底層的無症狀者患者，很可能不知情之下活躍地走動，四處散播病毒，若無適當隔離，社區型疫情可是會迅速炸開！
新型冠狀病毒疫情險峻，各界都在關注疫苗什麼時候能夠研發面世呢？梁浩南醫師提到「這次遇到新冠病毒，一個不幸中的大幸，是我們能利用對SARS冠狀病毒疫苗原有的瞭解以同樣原則，應用在2019新冠病毒上，然而壞消息是…研發製作新冠病毒的疫苗， 得花上好幾個月，還得經多次臨床試驗，疫苗才能用來對付流行病，這絕對會花上9至12個月，這會需要時間。」
隨著疫情升溫，許多醫院也陸續設立了警急應變小組以處理層出不窮的患者，成立遠程醫療小組與線上諮詢平台，讓不確定是否得病的民眾隨時獲得充分資訊，不至因害怕而擠爆醫院，造成醫療上的浪費與負擔。
Discovery頻道《冠狀病毒：無聲殺手專訪感染過SARS 的新加坡傳染病專家梁浩南醫師，分享SARS 與新冠病毒不同之處，並說明防疫核心須建立在醫療金字塔上，實際走訪新加坡，看看醫療團隊的防疫SOP，以及如何利用遠程醫療小組、線上諮詢平台提供即時的資訊與服務。
此外；接著也將播出《人物誌 : 鍾南山》深入介紹這位抗SARS英雄、《殺手病毒: 流感》流感病毒演進對世界的威脅等，看看當時人們如何對應與平息這些致命的危機。《冠狀病毒：無聲殺手》將於3月9日晚間11點準首播，一起用知識做後盾，以防疫經驗鑑古知今，卸下你的焦慮和不安！ SARS英雄、《殺手病毒: 流感》流感病毒演進對世界的威脅等，看看當時人們如何對應與平息這些致命的危機。
</t>
  </si>
  <si>
    <t>近日傳出高鐵員工「偷跑」接種莫德納第2劑，引發外界關注。而國內尚未接種莫德納第2劑的民眾高達262萬人，其中不少人第1劑已屆滿10周，究竟何時能完成接種，中央流行疫情指揮中心指揮官陳時中今天透露，「我想很快就會有好消息」。
陳時中30日表示，莫德納「應該也有機會再到貨」，今天再度鬆口「很快就會有好消息」。面對媒體追問，他又說「大家稍微等待，到了我們就會跟大家報告」。
至於第11輪預約接種規劃，民眾最關心BNT疫苗可以開放至哪個年齡，莊人祥表示，目前是將前天到貨的54萬劑撥出38萬劑，提前至第10輪使用，另外校園接種原先估算30萬劑，後來確認只需16萬劑，因此會有多出來的部分，會精算之後確認第11輪如何開放。
昨（1日）疫苗接種共33萬7330劑，目前國內疫苗人口涵蓋率57.24％，劑次人口比69.41％。陳時中表示，昨天接種較多的是高端第2劑，共14.5萬劑，其次為BNT疫苗第1劑，共13.6萬劑。</t>
  </si>
  <si>
    <t>東京奧運延到明年7月23日到8月8日舉行，不少國際重要賽事日程也必須錯開，原定明年8月在西班牙韋爾瓦（Huelva）舉辦的世界羽球錦標賽，將延後到11月29日到12月5日進行。
世錦賽延期是世界羽聯（BWF）和西班牙羽球協會討論過後的決定，也讓羽球選手明年有兩項大賽可以做為奮戰目標，就是奧運和世錦賽。
世界羽聯主席拉森（Poul-Erik Høyer Larsen）認為，修改世錦賽賽程，對羽球運動是最好的決定，「BWF和西班牙羽球協會有信心，調整過日程的世錦賽會很成功，也給大家都有公平競爭的機會。」
從2005年起，羽球世錦賽都是在非夏季奧運年的每年7月底到8月登場，這次因為新冠肺炎疫情讓東京奧運從2020年延到2021年，才會兩項賽事同年登場，西班牙羽協卡貝羅（David Cabello）表示：「希望在西班牙韋爾瓦的羽球世錦賽，會在西國和世界各地成為很特別的一場賽事。我們很開心讓這項大賽在一年的尾聲登場，可以讓主辦單位盡可能送上最棒的比賽。」
2021羽球世錦賽主場館是馬琳體育館，以西班牙女子羽球名將馬琳（Carolina Marin）為名，韋爾瓦是她的故鄉，她曾2014年、2015年、2018年三度摘下羽球世錦賽金牌，更多資訊還待官方確定後會公佈。</t>
  </si>
  <si>
    <t>台灣不少打過2劑高端疫苗的民眾，想要出國必須再接種其他國際認證的疫苗，外界好奇就叫混打還是重打，台北市長柯文哲15日表示，高端不被國際社會承認，這叫重打。
市議員潘懷宗今午在市政總質詢提出，台灣民眾打完2劑高端，出國必須再打2劑國際認證疫苗，這算是混打還是重打。
柯文哲回應，疫苗有不同機制，有的是蛋白質、有的是mRNA，有的是減毒病毒，不同疫苗針對同一個病毒，不同機制的疫苗可以混打，但可否混打還是要看科學研究，像AZ已經可以再混打mRNA，至於其他混打模式要看有無論文出現才能確定。
他強調，高端拿不到WHO認證是早就知道的事，1年前就預測到，世界強權包括中、美、英、蘇、德，是強權在決定市場，台灣拿不到WHO本來就預測得到的事，打完高端再接種其他疫苗，這叫重打了，因為不被國際社會承認，所以不是混打。</t>
  </si>
  <si>
    <t xml:space="preserve">林志玲老公AKIRA同屬的「放浪兄弟」（EXILE）成員小林直己，昨（4日）驚傳確診新冠肺炎，根據日媒報導小林直己本月3日覺得身體不太舒適，隔天立刻接受PCR檢測，檢測結果呈現為陽性反應，日本經紀公司表示：「目前小林直己不會參加團體近期的演出活動。」
日本知名唱跳男子團體放浪兄弟（EXILE）兼三代目 J SOUL BROTHERS from EXILE TRIBE成員小林直己確診新冠肺炎，他將不會出現於本月10日至12日原本要舉辦「EXILE TRIBE LIVE TOUR 2021 "RISING SUN TO THE WORLD"」的演出，原本今晚8點舉行三代目J Soul Brothers直播活動將取消。
Naoki Kobayashi（@naokikobayashi_works）分享的貼文
小林直己今年36歲，是日本的舞者、演員，擁有187公分的高挑身材，高中時期因為未來夢想想成為一名歌手，開始學習歌唱、跳舞，高中畢業後，就讀法政大學，但為了追求「把跳舞作為工作」這個夢想，從法政大學休學，2006年透過舞蹈團體「RAG POUND」，與AKIRA認識。
Naoki Kobayashi（@naokikobayashi_works）分享的貼文
去年12月時放浪兄弟成員佐藤大樹就曾染疫，疑似是工作同事有人確診，被匡列後去檢測，才發現自己確診新冠肺炎，日前放浪兄弟才剛發表新單曲，還好其他成員檢測皆為陰性，日本經紀公司目前請專家組成的「LDH新型冠狀病毒感染對策專家團隊」的建議，每天對全體員工進行體溫測量和身體狀況報告，作為應對新型冠狀病毒傳染病的對策。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 xml:space="preserve">韋禮安5日迎接33歲生日，領養三隻貓咪的他，選在這天首播新歌〈貓咪共和國〉，也是他合作國際音樂公司The Orchard後推出的第一個作品，別具意義！他昨在工作中度過生日，提起願望，韋禮安希望周遭所有人平安順利，新冠肺炎疫情快快過去，同時預告即將推出新專輯！
韋禮安去年捲入與前東家福茂唱片的合約糾紛，雙方走上法院打官司，雖目前仍由律師處理中，但韋禮安昨帶來好消息，宣布合作國際音樂公司The Orchard、將推出睽違4年全新專輯，韋禮安昨表示：「正朝這個方向（今年發片）努力！很快，感覺幸福來得非常突然！」感謝歌迷們不離不棄、耐心等侯。
新歌〈貓咪共和國〉創作靈感來自韋禮安收養的三隻貓咪，他常跟朋友開玩笑，自嘲住在巨大的貓砂盆裡，日常會有許多驚人的把屎把尿；前陣子，他發現愛貓改變習性、隨處尿尿，某次氣得正在訓斥貓咪們，突然發現自己臉上濕濕，抬頭一看，才發現原來是家裡天花板漏水，根本不是貓咪不乖，趕緊奉上罐頭，討好愛貓們。
還有一次，一隻蟾蜍不知好歹跳進家裡跟三隻貓咪玩，最後蟾蜍黏滿貓毛、一臉狼狽，韋禮安趕緊解救蟾蜍放生，「還好貓咪沒有咬蟾蜍來送我，聽說貓送主人東西，是覺得你沒有維生的能力，我想，我的貓應該覺得我過得還可以」。
</t>
  </si>
  <si>
    <t xml:space="preserve">進入秋冬之際，新冠肺炎在歐美兩地又有捲土重來之勢，確診人數激增，加上財政紓困方案談判在大選前再次陷入停頓。26日美股三大指數重挫，道瓊一度跌720點，最終收盤道瓊下跌650點，創9月3日以來最大單日跌幅。
美國股市今天開盤重挫，一路走低，主因白宮官員表示對國會通過新的防疫紓困方案不太樂觀。
道瓊工業平均指數下跌650.19點或2.29%收2萬7685.38點。史坦普500指數下跌64.42點或1.86%至3400.97點。那斯達克綜合指數下跌189.34點或1.64%至1萬1358.94點。
此外，新冠病毒感染數激增，投資人擔憂再次實施封鎖將對經濟形成衝擊，歐洲三大股市今天下挫。倫敦FTSE 100指數滑落68.27點或1.16%，以5792.01點作收。法蘭克福DAX 30指數重挫468.57點或3.71%，收在12177.18點。巴黎CAC 40指數跌93.52點或1.90%，收4816.12點。
</t>
  </si>
  <si>
    <t>法國近日新冠肺炎疫情又反撲，政府再度採取封城手段降低感染風險，因為封城市從4月開始為期一個月，因此原定5月下旬開打的法國網球公開賽恐怕準備工作受到影響，可能會再像去年一樣延賽，更嚴重甚至可能得取消。
法國從周六開始進入第三次全國封城，希望控制新冠肺炎傳染範圍，體育賽事因此也受到影響，而法網在去年就從原定5月23日開打，言了4個月到9月才進行，今年度賽程恐怕也要再延一次，法國體育部長瑪拉辛妮亞奴（Roxana Maracineanu）說：「我們正在和法國網球協會開會討論，看看是否應該修改比賽日期，因為其他重要體育競賽也一樣要挑整日程。」
「雖然所有高層級賽事早早就安排好，我們也希望減少風險，不想要病毒在職業運動賽事中傳播。」
法國總統馬克洪表示，希望可以在5月中解除封城，本周稍早法國網協主席莫瑞頓（Gilles Moretton）表示，無法想像這場四大賽面臨取消危機，但大家必須為了降低新冠肺炎傳染風險採取必要措施，最糟的情況就是今年法網停辦一屆。
莫瑞頓補充，大會現在仍朝如期舉辦法望努力籌備，目前最壞打算是不開放觀眾進場，會密切注意疫情發展及政策，隨時和球員保持聯繫，更新最新狀況。</t>
  </si>
  <si>
    <t>立法院已同意追加1500億元紓困特別預算，明天起財委會將進行審查，「紓困陳時中」行政院政委龔明鑫明天也將啟動受困產業關懷之旅，首站將抵婚紗業。
龔明鑫明天下午一點將偕同經濟部次長王美花，拜會受衝擊婚紗業代表─最佳風情國際婚紗，了解婚紗業受衝擊情況，並說明宣導政府紓困措施。
官員表示，婚紗業日前在經部座談曾建議，不要用今年任二個月平均衰退五成營收和去年同期作比較，因去年受香港反送中影響，原本生意就受到影響，因此建議放寬。
經部官員表示，不論服務業或製造業，艱困企業定義都以五成為原則，但有很多元的 彈性，不只今年任二個月平均可和去年同期，前年同期，去年下半年平均，或今年任二個月平均作比較，甚至也可以只用今年一個月作比較，條件非常寬鬆，目的就是要協助企業挺過寒冬，不要因疫情挺不過去而關門。
至於製造業，若有特殊產業，營收衰退比例也可不以五成為限，可申請專案紓困。符合要件的艱困企業，均可申請員工薪資補貼四成，上限每人每月2萬元，補貼3個月；同時還有申請一次性營運資金補貼，以員工數每人1萬元計，以減輕企業租金壓力，同時未承租辦公場所的企業也能公平領得到。</t>
  </si>
  <si>
    <t xml:space="preserve">新型冠狀肺炎疫情尚未趨緩，而飛沫及接觸傳染是主要途徑，新竹市建功國小的老師出奇招，開學時特別在每個學生的座位上，放了綠色的大型壓克力隔板，避免學童口沫及食物飛濺，也提醒學生養成良好用餐習慣，奇特的用餐景象，成為校園防疫新指標。
老師為讓小1學生安靜坐在自己座位用餐，製作長型的綠色隔板，用餐時就請每個學生放在座位上做阻隔，除避免學生用餐時口沫橫飛，也提醒學生養成良好用餐習慣，而且還要加強落實量測體溫及宣導做好個人衛生、勤洗手動作。
新竹市建功國小校長劉芳遠說，使用隔板後的效果不錯，學生大多能安靜在自己座位用餐，且不會有交換食物等情況，而用餐後，老師也會指導或協助學生擦拭及清洗隔板，這樣的隔板可重覆使用，也不會影響其他上課時段的視線，效果還不錯，其他年級的老師也相繼考慮採用。
市府教育處表示，先前已有其他縣市也使用類似的小型隔板，在用餐時來區隔學生，避免學生交換食物或口沫飛濺，市府並未硬性要求，基於防疫工作的謹慎態度，都尊重各校及各班老師的做法。
更多 CTWANT 報導
</t>
  </si>
  <si>
    <t>（[email protected] 2020全球線上發表會邀請函。圖／宏碁提供）
品牌廠宏碁（2353）今年度新品發表會時程，在新冠肺炎（COVID-19）疫情肆虐下大受影響，原照慣例會在第二季初舉行的春季新品發表會取消實體活動後，再延至季底舉行。今（27）日宏碁正式發出預告，[email protected] 2020全球線上發表會將於台北時間6月23日晚上9點，與歐美同步線上發布。
宏碁董事長暨執行長陳俊聖先前透露，6月登場的新品發表會將分別在電競Predator、Acer Nitro系列，與專業創作者ConceptD創系列推出搭戴最新一代CPU、 GPU平台架構規格之新品。此外，宏碁今年還將再推出除了Predator掠奪者、 ConceptD創系列兩大子品牌外的第三個PC相關產品系列的新子品牌，這也是其繼創作者領域後，聚焦的另一個微趨勢新藍海市場。</t>
  </si>
  <si>
    <t xml:space="preserve">新冠肺炎疫情升溫，全台累計確診達40例，由於日租套房大多沒有旅客登錄以及防疫通報制度，恐成為防疫漏洞，對此，新北市長侯友宜今（2日）上午表示，針對有故意隱匿、包容居家檢疫者逃跑者，連帶責任一定追究。
侯友宜強調，嚴格執法毫不寬貸，對於居家檢疫、居家隔離的逃跑者，不光是他本身的責任，若有協助、幫忙都會追究責任。
</t>
  </si>
  <si>
    <t xml:space="preserve">前女「F4」成員劉樂妍已將事業及生活重心移往對岸，現在因新冠肺炎疫情致使陸演藝圈全面停工，她本想好好躲在大陸住處等待疫情過去，然因為官司問題，致使她必須返台出庭，如今傳票不斷寄送到她手上，讓她無奈哭喊不是怕當被告，而是怕遭「雙重隔離」。
劉樂妍上周才抱怨過因官司被傳喚出庭，然上回已因工作而有一次傳喚未到記錄的她，怕再不現身就會被限制出境，且因為她從大陸回台，出庭前需隔離14天，讓她哭喊：「這不是強迫我在台灣要呆(待)很久嗎？」，也導致出庭一事擱置。
而她昨(2/25)又po文，透露台灣法院的傳票不斷寄到她手上，但她的困境完全無解，表示當被告無所謂，但「問題就不是不回去，你什麼時候不隔離，我什麼時候回去呀？」，原來因為新冠肺炎疫情升溫，她返台出庭，首先要被隔離14天，而出庭完回到大陸，又得隔離，「雙重隔離」的情況下，「我什麼事都不用幹，我就來回隔離就好啦！」，直呼目前處境「真的會發瘋」，更雪上加霜的是：「喂~我可是湖北人呢！！」。
</t>
  </si>
  <si>
    <t>彰化縣新冠肺炎疫情再添1死，南彰化一名確診里長1日確診送醫治療後，9日返家自主健康管理，13日與女兒通電話時突然昏迷送醫後死亡，13日宣告不治，遺體14日火化，家屬氣憤為何採檢陰性仍急著火化，衛生局對此回應，依中央規定在自主管理期間死亡，仍判定為第五類法定傳染病，因此必須24小時內火化。
據了解，振興里長6月1日確診住進彰濱秀傳醫院治療，6月9日出院返家自主隔離，衛生居發函要求里長自6月9日起至6月23日必須自主健康管理，但13日自主健康管理期間，里長與女兒通電話時，突然身體不適失去音訊，女兒意識到危險打電話叫哥哥返家察看，就發現里長口吐白沫倒在地上。
隨後里長被送往二林基督教醫院救治無效，院方隨即針對里長遺體採檢發現是陰性，但家屬質疑，為什麼陰性死亡證明還是開立第五類，讓父親14日就遭火化，1日確診9日返家，13日就死亡，痛批衛生局的處置就有問題。
議員張國棟表示，該里長與他私交甚好，在隔離期間一共通了3次電話，第4次就是他出院到家與他報平安的時候，但沒想到突然就傳來噩耗，相當不捨，他認為衛生局對病患的情況要有更透測的掌握，不然在家自主隔離僅有一人，發生危險家人根本來不及反應。
衛生局回應，該名確診者在5月下旬發病後送醫治療，依中央規定在發病日10天後CT值大於30的話，就可讓患者回到家中自主健康管理，但不幸在自主管理的第4天因身體不適送醫不治，事後採檢雖然呈陰性，但依中央規定在在自主管理期間死亡，仍判定為第五類法定傳染病，因此必須24小時內火化。</t>
  </si>
  <si>
    <t xml:space="preserve">白宮新冠肺炎工作組協調官比爾斯（Deborah Birx）周日提出警告表示，由於全國醫療系統已經陷入對抗單日死亡數日益升高的苦戰，近來確診數持續加速急升，可能成為美國史上最艱難的時刻。
比爾斯周日接受NBC訪問時表示：「這不僅是最嚴重的公衛事件，這是這個國家所要面對最嚴重的事件，不只在公共衛生方面」。
隨著美國第三波疫情急飆，近來許多公衛官員都對疫情發展表達深切的擔憂。上周三美國疾病管制與預防中心（CDC）主任雷德菲爾德（Robert Redfield）表示：「未來幾個月，將是這個國家公衛史上最困難的時刻」。
比爾斯表示：「這個秋冬季節疫情的飆升，綜合了我們在春夏兩季看到一切，再加上這個秋季的激增正在轉變成冬季的激增，我認為這就是雷德菲爾德博士如此決斷向美國人民呼籲的原因」。
美國新冠肺炎單日死亡病例迭創新高，因為感恩節群聚的關係，染疫死亡數字料將進一步惡化。根據路透社統計，上周五美國單日確診達22萬8,407人，再創新高，全美單日多達2,568人死於新冠肺炎，目前累計死亡患者人數逼近27.9萬人。
華盛頓大學醫學院「健康指標和評估研究所」（IHME）已經提出警告，即使疫苖開打，美國到明年4月1日前的染疫死亡人數恐將達到53.9萬人，較目前驚人的數字還要再增加約一倍。
</t>
  </si>
  <si>
    <t>全球新冠肺炎疫情嚴峻，國內社區傳播的風險也日漸提升，民眾應如何自我保護？台大醫院小兒感染科主治醫師李秉穎表示，進入這個階段時民眾必須注意衛生習慣，時時勤洗手並徹底洗淨，積極做好自主健康管理，以減低減染的風險。
李秉穎說，這個時期所有大型活動應該停止，以免吸引人群聚集；民眾也應避免進出人潮擁擠的場所；公共環境的清潔衛生更須加強，增加消毒頻率。民眾外出要戴口罩，尤其是到密閉空間或人比較多的地方，更要戴好口罩以防萬一。
實際醫療方面李秉穎強調，民眾若出現相關症狀，或發現周遭的人有類似情形，必須迅速通報，趕快進入醫療程序並就診檢驗，以確定是否感染新冠肺炎，如果確診就要按照程序處理，該隔離該治療就按部就班進行。
前衛生署長、現任亞洲大學教授楊志良則表示，過去也有類似的流行病處理經驗，例如A型H1N1流感、SARS，民眾不必過度恐慌。如果這次新冠肺炎進入社區傳播的階段，就表示先前的防堵策略結束，國內病例增加很多，沒有辦法、事實上也不需要再追蹤每個病例的感染源頭，重點變成個人防護。
楊志良說，這時所有大型活動應該停止，減少人群聚集。民眾應避免出入公共場所以及人多的地方，個人衛生習慣也要加強，如勤洗手，著重居家清潔、消毒等。
至於民眾外出要不要戴口罩？楊志良認為，開闊空間應該不用戴，病毒傳染有一定的距離。口罩也是重要的防疫資源，且對抗新冠肺炎疫情應該是一段不算短的時間，不應輕易浪費，還是要斟酌使用。
此外，學生進學校量體溫一事，楊志良建議在教室門口量就好，不要在校門口，否則會大排長龍相當不方便。何況校門至教室應該都是開闊空間，在教室門口量體溫的效果也一樣。</t>
  </si>
  <si>
    <t>新冠肺炎疫情逐漸趨緩，大千健康醫療體系總裁徐千剛感謝醫護同仁在疫情嚴峻期間，全力配合中央政策、堅守醫療第一線，讓他十分感動，因此購買520張渡假村住宿券及200張溫泉券，慰勞大家的辛勞，盼疫情早日結束，讓醫護人員可以和家人一起度假、放鬆，享受家庭之樂。
新冠肺炎爆發之際，民眾對新冠肺炎疑似或確診病人都避之惟恐不及，大千綜合醫院護理師魏思華、吳安福卻自願到專責病房照顧病人。吳安福指出，家人一聽到他的決定後，都給予滿滿的支持，讓他十分感動。魏思華則耐心向擔心她的家人們，說明照顧病人的重要性，以及完善的防護措施，讓家人放心。
大千醫院團隊全力配合政府政策，第一線的急診醫護在為疑似個案進行採檢，常常穿著防護衣、面罩而滿身大汗，他們認為這些汗水是驕傲的印記，一點都不覺得辛苦。徐千剛對於疫情期間各單位善盡職責、全心抗疫，所有的辛勞和汗水都讓他相當感動，感謝同仁守住苗栗健康，希望疫情能盡早結束，讓辛苦的醫護人員好好休息。</t>
  </si>
  <si>
    <t xml:space="preserve">帛琉駐台大使歐克麗今天證實，帛琉總統惠恕仁（Surangel Whipps Jr.）將訪台，確切時間則視台帛何時執行旅遊泡泡，「可能落於3月底或4月初」。
歐克麗（Dilmei L. Olkeriil）今天以電子郵件告訴中央社，台帛正在協商惠恕仁的訪台細節。她強調，帛琉赴台的旅客應不必隔離，畢竟帛琉境內並無2019冠狀病毒疾病（COVID-19）案例，帛琉旅客抵台時，也將交付COVID-19的陰性檢測報告。
她說，帛琉今年1月便開始推動注射疫苗計畫，而美軍醫療小組也正在帛琉協助當地落實這項計畫。
指揮中心指揮官陳時中今天說，旅遊泡泡涉及兩國間的協議，先前雙方早已開始洽談，但因過年及桃園醫院事件讓討論進度延滯，目前台灣對於防疫基本要求及需求已經訂出，將盡快和帛琉洽談，只要雙方合意就能盡快實施。
</t>
  </si>
  <si>
    <t>新冠肺炎疫情全球爆發已逾一年，六大壽險公司陸續擴大對新冠肺炎的理賠範圍，共通四大原則，一即新冠肺炎不列入健康險除外責任，即一律理賠；二是入住負壓隔離病房視同加護病房，多有加倍理賠；三是今年的新解釋，即因醫療量能不足，確診後入住檢疫所或防疫旅館亦視同住院；四是因無法住院的門診治療，亦給付住院保險金。
但各家還有各自不同的擴大理賠項目，如投保醫療險對法定傳染病，免30天等待期，馬上投保馬上有保障的，有國泰人壽、南山人壽與台灣人壽，新光人壽是部分保單有註明免等待期。而新冠肺炎可能需要插管治療，有特別強調視同氣切手術理賠的，有富邦人壽、南山人壽與中國人壽。
國壽則強調，若因確診新冠肺炎，在大陸或其他海外地區進行治療，相關費用收據、診斷書等文件「免認證」，以發揮醫療保障功能。
六大壽險公司從去年3月新冠肺炎爆發至今，亦已有保戶申請理賠，國壽即已理賠染疫保戶約1,201萬元，其中有三位為不幸染疫身故，身故金339萬元，另有63位申請醫療險理賠，金額共862萬元。且國壽挺醫護，若染疫的醫護人員同時是國壽個險保戶，即提供5萬元慰問金，縱使染疫醫護非保戶，亦提供2萬元慰問金。
富邦人壽則表示，到5月底，其入住負壓隔離病房保戶，已累計給付68件，共424.4萬元，插管治療一件共1.1萬元。確診關懷慰問金累計79名保戶、及七名醫護／防疫人員申請慰問金金額累計73.4萬元。
台壽則表示，已有30件理賠案，中壽則有一件給付11萬元。</t>
  </si>
  <si>
    <t xml:space="preserve">在臺菲籍女看護日前透過臉書批評菲律賓新冠肺炎政策，遭菲國駐臺官員警告將送返菲國。外交部今天發表聲明，強調我國是主權獨立國家，外籍移工在我國享有「國民待遇」，包括言論自由，各國政府應予尊重，也不宜在未經兩個政府協商情形下，逕將當事人遣送出境。
一名在雲林工作的菲籍女看護發文批評菲律賓總統杜特蒂的政策，遭菲律賓駐臺人員登門警告，指稱她可能觸犯台灣與菲律賓的誹謗罪，並擬將這名女看護「遣返」回菲律賓，引發網路上熱議。
外交部發言人歐江安表示，菲國勞動部4月25日聲明指出，在台灣的菲籍看護移工在臉書發表批評菲國政府疫情作為失當等言論影片，及其支持者盲從，雖遭菲國駐臺人員警告，但仍繼續發表類似批評，因此菲國駐臺勞動官員擬將該名移工送返菲國。
她說，外交部特此聲明，我國是主權獨立國家，外籍移工在我國享有「國民待遇」，權益均受相關法令保障，其中包括言論自由，各國政府應予尊重。本案任何人或機構均無權逕向移工本人、經其雇主或仲介關切施壓，也不宜在未經兩個政府協商情形下，逕將當事人遣送出境。
根據媒體報導，菲國總統府4月26日已否認菲國政府要求將抨擊杜特蒂總統防疫政策的移工遣返回國。歐江安強調，本案如果菲方經適當法律程序判定該移工確有違反菲國相關法律情事，可循外交途徑向我國政府提出司法互助請求，我方可依據相關協定與菲國政府積極協商處理。
菲律賓是我國「新南向政策」重要夥伴國之一，菲國在臺灣約有15萬名移工，對協助臺灣的經濟發展貢獻卓著。歐江安表示，我國願與菲方持續提升雙邊協商機制，深化兩國各層面的合作關係。
</t>
  </si>
  <si>
    <t>中央流行疫情指揮中心開放第九類、第十類的公費接種對象，登記打疫苗的意願，但有民眾抱怨，不知道BMI值大於等於30是否符合第九類的資格，對此，發言人莊人祥解釋，目前定義是民眾在去年1月至今年5月，曾被診斷為肥胖症的人才符合資格。
公費疫苗接種預約平台6日上線，第九類、第十類公費接種對象可登記接種疫苗意願，其中第九類的定義是「19至64歲具有易導致嚴重疾病之高風險疾病者」，包含糖尿病、慢性肝病（含肝硬化）、心血管疾病（不含單純高血壓）、慢性肺病、腎臟疾病及免疫低下等疾病的門、住診紀錄患者，及「罕見疾病及重大傷病者」和「BMI≧30者」，預估有387.5萬人。
一名網友日前在臉書社團《我是中和人》上詢問，政府規定的第九類高風險疾病、重大傷病，登記之後要有什麼證明嗎？因為家人是個大胖子，有三高的問題長期服藥，但也沒拿重大傷病卡。
實際查詢「衛福部重大疾病編碼資料」發現，罹患三高的患者不一定都算是重大傷病，但如果是罹患糖尿病與肥胖症的患者，那就列在高風險疾病列表中的E項目裡面。
根據《TVBS》報導，一名姜先生透露，BMI值大於等於30很少會註記在健保診斷上，所以健保局那邊也沒資料，打1922專線詢問，不是轉給健保署就是網路訊問，三方都沒有答案。對此，發言人莊人祥表示，並沒有規定說BMI值大於30，現在的定義是用健保診斷上面的「肥胖症」，而且要在過去一年內有就醫紀錄。
根據中央流行疫情指揮中心公布的「公費疫苗接種對象」，第九類為可能增加感染及疾病嚴重風險的人，其中資格包含19至64歲具有易導致嚴重疾病的高風險疾病者，包括糖尿病、慢性肝病、腎臟病、免疫力低下等疾病，有門、急診就醫紀錄者，或經醫師評估符合資格者，以及罹患罕見疾病與重大傷病的人。</t>
  </si>
  <si>
    <t>新型冠狀病毒持續蔓延，台灣內需市場因而受到衝擊。財信傳媒董事長謝金河指出，他昨天到鼻頭角，平常吃飯要預約排隊的餐廳顯得冷清，他感嘆表示，如果若平常都難訂到位的餐廳都這樣，可以想見這次疫情撞擊的內需產業到什麼樣的慘況。
謝金河在臉書指出，新冠病毒橫掃全球，台灣的觀光產業哀嚎不已！他昨天與好友到鼻頭角步道走一圈。他提及，每次來到鼻頭角，要來海園吃飯，都會建議朋友們先行來步道走走，走回來再吃飯，這條稜谷步道正好從漁港邊出來，正好繞行鼻頭角一圈，在夕陽西下前，景緻更是優美。
「不過，今天的海園跟平日的高朋滿座完全不一樣」。謝金河指出，他沿著港邊走一回，港邊的餐廳都沒有人，平常吃飯要預約排隊的海園也顯得冷清，除了他們之外，只有一桌客人在用餐，「如果平常都難訂到位的海園餐廳都這樣，可以想見這次疫情撞擊的內需產業到什麼樣的慘況」。他直言，這次疫情造成的消費急縮，看起來影響內需消費很大！
然而，對於中央有意發放振興抵用券，高雄六合夜市管委會主委莊其章認為，消費券多發一點，鼓勵民眾刺激內需，可望帶動商機。</t>
  </si>
  <si>
    <t xml:space="preserve">口罩解禁是否有時程？指揮中心指揮官陳時中表示，目前口罩庫存量已達滿水位，也正積極尋找倉儲。至於開放時程，他表示仍需一定的步驟，朝開放之路上，首先調整為定額徵收，第二是讓戰備庫存量能滿載，第三是能夠有力量援助其他國家，這幾個方向不變。
定額徵收或要如何及早發展外銷和內銷的通路？陳時中表示經濟部正在與口罩國家隊洽談，定額要如何照比例徵收等正在研議，相信口罩要外銷很快會啟動。他也強調口罩開放後，未來政府仍有責任對於各防疫戰備物資徵收儲存，並持續朝國產國用努力。
</t>
  </si>
  <si>
    <t xml:space="preserve">大聯盟與球員工會達成共識，計畫在7月初美國國慶日復賽，目前的方案是每位球員量體溫、每周多次PCR檢測、有症狀者立刻隔離。但是也有球員覺得風險太高，聯盟表示不願意回來的球員可以選擇繼續放無薪假。
總裁曼佛雷德(Rob Manfred)說：「如果有球員因健康問題或對防疫有疑慮，我們絕不會強迫他們復工。」
如果有人染病怎麼辦？全隊都因此隔離就沒辦法打球了。曼佛雷德說：「專家建議我們不必建立14天隔離規定，任何被驗出染病的球員將被單獨隔離，其他球員照常比賽，染病者持續隔離到兩次採檢陰性就可歸隊。」
大聯盟與球員工會同意不強迫復工，但仍希望「絕大部分球員都能回來」，不願意的當然也就沒有薪水。身價很高的費城人哈波(Bryce Harper)與幾位球員公開反對減薪，最後看他們是否會屈服於同儕壓力。
</t>
  </si>
  <si>
    <t>根據大陸國家衛健委19日公布最新數據，新冠肺炎疫情爆發中心武漢18日新增確診病例「清零」，大陸新確診病例全為自境外輸入，並有持續增加之勢。值得注意的是，北京當天境外移入共21例，占全國境外移入病例已逾6成。北京市疾控中心表示，境外輸入病例已成為北京疫情防控工作的主要挑戰。
大陸國家衛健委表示，近期大陸境外輸入病例明顯增加，北京、上海、廣東都有病例輸入，全大陸18日新增病例34例，全為境外輸入，北京、廣東、上海分別新增21例、9例、2例。
目前北京境外輸入病例快速增加，18日新增21例確診病例，比2月29日首次報告境外輸入病例增長10倍，近三周尤其是近一周來，呈現明顯增長趨勢。
北京市疾控中心副主任龐星火指出，目前北京境外輸入病例居大陸之首，截至18日，累計病例64例，占全國境外輸入確診病例總量的34％。尤其是18日當天，新增境外移入21例，占全大陸62％。
龐星火表示，目前北京境外移入病例多以入境中轉旅客為主。64例中，在北京有常住地的14例，占比22％，78％病例是中轉旅客。此外，留學生居多，64例中，留學生有27名，占病例總數42％。至於來源，多是歐美國家。</t>
  </si>
  <si>
    <t xml:space="preserve">據界衛生組織(WHO)公布的資料，目前全世界共有70種新冠病毒疫苗正在研發之中，其中3種已經開始進行臨床試驗，其中2家為美國莫德納(Moderna)製藥公司與伊諾維(Inovio)製藥公司，另1家則為大陸解放軍事科學院軍事醫學研究院與康西諾公司合作研發。目前進度最快的是大陸康西諾公司，已於上周進入第2階段臨床實驗。
據陸媒報導，大陸康西諾公司與解放軍軍事科學院軍事醫學研究院生物工程研究所合作研發的新冠疫苗屬於腺病毒載體疫苗，從上個月開始的第1期臨床試驗已結束，目前目正啟動第2期試驗。預計第2期臨床試驗規模更大，試驗時間6個月。
此外，上周美國食品藥品監督管理局(FDA)亦宣布受理伊諾維公司提出的新冠病毒疫苗臨床試驗申請，此型疫苗是DNA疫苗，首批試驗結果預計於今年夏末公布，爭取2020年底實現量產。
報導說，莫德納公司也是在3月獲得了美國食品藥品監管部門批准，跳過了常規疫苗開發需要進行的多年動物實驗階段，快速進行人體臨床試驗。
WHO公布的檔案還指出，美國大型製藥公司輝瑞(Pfizer)製藥和法國製藥公司賽諾菲(Sanofi)合作開發的疫苗也加速進行，目前已經進入了人體臨床試驗之前的階段。
醫學與傳染病專家都表示，疫苗是控制新冠病毒的最有效方法，現在，世界上很多大大小小的製藥公司都開始了疫苗的研發。業界希望疫苗能於明年上市，但專家認為最快也大約需要18個月左右。
</t>
  </si>
  <si>
    <t>經營兒童美語教材出版30餘載的高雄大學校友李宗銘靠著獨特的生意眼光，在SARA期間闖出一片天，這波新冠肺炎疫情，他也透過「送課」幫助同行與留住學生，讓遠距教學產業不受影響。
獲選國立高雄大學第4屆傑出校友的李宗銘說，「需求即商機」，激發他1987年創立「美樂蒂文教科技興業股份有限公司」，歷年下來，進口、改編、自編各種兒美教材出版品，打出市場口碑。
李宗銘說，公司開發遠距教學已超過10餘年，源自2003年SARS疫情波及台灣，提供國小學童線上學習資源，後來將此經驗技術帶往大陸發展，雖然經歷過許多風風雨雨，但也成就今日的美樂蒂。
李宗銘於2008年陷入經營瓶頸，當時覺得：「景氣愈來愈差，多做不會多賺。」因此，報考高雄大學高階經營管理碩士在職專班（EMBA）。
經過課堂洗禮，李宗銘對做生意有了不同的見解，來自不同產業的同窗不吝分享，都為他公司數位化轉型添加動能，他認為，做生意很難，得自我突破，除按部就班之外，「腳墊高點、手伸長些就摸到了！」
去年新冠肺炎席捲全球，也影響李宗銘在大陸的生意，財務吃緊，瀕臨倒閉邊緣。後來，他與幹部開會決議，推出「送課」方案，意即美樂蒂供給客戶（加盟補習班）遠距教學課程，盼留住學員。
李宗銘回想當時決策考量，他分析，「送課」並不容易，除諸多成本得由總公司吸收外，但也能體現平時練兵成果，也為加盟夥伴送暖補血，成就共好。</t>
  </si>
  <si>
    <t xml:space="preserve">美國華盛頓州州長英斯利（Jay Inslee）今天表示，除非拿出「實際作為」，否則州內武漢肺炎病例可能在8週內增加到6萬4000人，這讓他考慮採取強制性措施。
華盛頓州的2019年冠狀病毒疾病（COVID-19，俗稱武漢肺炎）確診病例從105例增至今天的267例，有24人喪生，病例大多在大西雅圖地區。
英斯利表示，流行病學家警告，州內實際病例可能多達500到2000件，鑒於這個疾病具高度傳染力，病例可能每5到8天就翻倍。
英斯利說：「不論今天是500例還是1500例或2000例，都會在很短時間內變成一個很大的數字。」
當記者問到，州政府是否會採取強制性措施，例如全州或重災區採取學校停課措施，英斯利表示，他預料「很快」就會發布相關消息。
他說：「停止任何社會活動都會對民眾日常生活造成巨大影響，有必要考量是否有辦法加以減低或緩解。」
英斯利說：「假如我們沒辦法減緩疫情蔓延的速度，今天若有1000人感染，華盛頓州7到8週內就會有6萬4000人染病，下一週可能變成12萬人，再隔一週又會再成長為25萬人。」
英斯利簡報結束後，有報導說華盛頓州有可能封鎖全州；但發言人針對記者提問時表示，州長並沒有這麼說。
根據馬里蘭州約翰霍普金斯大學（Johns Hopkins University）管理的統計數字，武漢肺炎病毒在美國造成至少28人喪生，1025人感染。
西雅圖雖為重災區，當地學校卻大多仍未停課，引發批評聲浪。
英斯利上個月已於華盛頓州通報首起武漢肺炎病毒死亡病例後，宣布進入緊急狀態。
</t>
  </si>
  <si>
    <t xml:space="preserve">新冠肺炎疫情持續，19日傳出1名發燒的印尼失聯移工，在就診時落跑，雖然後遭警方逮捕，但已引發社會虛驚，更有人直指這些逾期、失聯的移工，就是防疫的大破口，移民署20日推出「擴大自行到案2.0」，鼓勵外來人口主動投案，3大優惠措施為「不收容、不管制、低罰鍰」，希望失聯、在逃的移工可以儘快出面，並在專案安排下返回自己國家。
移民署副署長鍾景琨指出，肺炎疫情蔓延全球，而國內第32例失聯移工確診後，「失聯移工是否成為防疫缺口？引起廣泛討論。為配合我國防疫政策，移民署即日起推動「擴大自行到案專案」，專案實施期間為期3個月，自2019年4月1日起至6月30日止，宣導期間（3月20日至3月31日）也可以適用專案減免處罰。
移民署指出，3大措施為「不收容、不管制、低罰鍰」，鼓勵逾期外來人口及失聯移工主動投案，由移民署協助他們儘快返回母國。專案期間自行到案者，除免予收容外，還免除禁止入國或不予許可期間，處法定最低額度逾期罰鍰新臺幣2000元。
而專案結束後，移民署將推動完成入出國及移民法修法作業，參照其他先進國家作法，加重逾期的相關罰則。此外，俟疫情和緩後，也會加強查緝力道，推動全國大掃蕩勤務。
移民署表示，防疫期間將加強外來人口的衛教宣導工作，透過移民輔導、臨櫃受理、網路社群等各種多元管道，另增設防護隔離設備保護執勤同仁安全。移民署呼籲逾期停（居）留外來人口，能夠在專案期間主動投案，儘早返家。相關專案資訊可撥打移民署「0800-024-881」專線，或勞動部「1955」專線洽詢。
</t>
  </si>
  <si>
    <t>大陸國家衛健委19日公布，18日大陸共新增新冠肺炎確診118例，數量較上一日小幅增長，且106例為本土案例，主要分布在東北、京冀地區。
本土病例中，吉林43例、河北35例、黑龍江27例、北京1例，總計破百例較上一日的93例小幅增加。境外移入病例數量18日新增12例，其中上海4例、浙江3例、廣東3例、山西1例、陝西1例。
河北省35例均位於石家莊市，且有多名兒童確診。而黑龍江省27例確診中有23例在綏化市望奎縣，望奎縣19日發布公告，要求全縣居民一律禁止離開家門，暫定一周。吉林方面，通化市自18日23時起，將通化市東昌區全域調整為中風險地區。</t>
  </si>
  <si>
    <t>因應全球新冠肺炎疫情，為協助社區做好防疫及維護管理，台中市政府特別針對防疫期間社區防疫整備、如何進行區分所有權人會議等議題，製作好讀易懂的指引懶人包，協助社區持續管理組織運作。
都發局指出，依公寓大廈管理條例規定，各社區每年至少應召開1次定期的區分所有權人會議，社區若因應疫情延期召開，雖內政部函示得暫不處罰，等疫情趨緩後，仍應於本年底前擇期召開。
但許多社區面臨管委會任期將至，擔心委員解任後，社區僅推舉1位召集人作管理負責人，恐有事權集中、與社區長久的委員會合意制度有所差距的疑慮。
都發局表示，為利防疫期間社區召開區分所有權人會議需求，都發局特別製作區權會召開指引，用4招輕鬆解決，分別是區權會配合防疫變更開會進行方式，工作與財務報告提供區權人書審；社區「分棟分區」分處報到、以投票方式決議與選任委員；計票過程配戴口罩、手套，會議結束須全面消毒；逾管委會任期，區權人可互推1人為召集人，再依前3招快速、避免群聚討論的方式召開區權會議，協助社區組織運作順暢。
住宅處強調，針對防疫期間社區維護管理措施，有關管理服務人員、社區住戶等不同對象，市府也以簡單易懂的方式製作成社區整備指引，並提供社區自主檢核表、訪客登記表文件，供防疫期間有需求的社區管理運用。懶人包請上網站 https：／／thd.taichung.gov.tw／2154346／post 查詢。</t>
  </si>
  <si>
    <t>此次確診感染新冠肺炎的澳洲音樂家，入境台灣後出現咳嗽、流鼻水、鼻塞症狀，因非典型新冠肺炎症狀，被診斷為類流感，錯失及時確診的機會。新冠肺炎的3大症狀為發燒、咳嗽及倦怠，國內45名確診者中，約有8人屬於不典型症狀。中央流行疫情指揮中心表示，新冠肺炎相當詭譎，會提醒醫師特別注意。
這名澳洲音樂家雖然在台期間曾至診所就醫，卻因診所看不到旅遊史，加上他的症狀只有咳嗽、鼻塞、流鼻水，醫師診斷為類流感，未安排採檢。
專家指出，新冠病毒特別不穩定，在複製的過程會產生變異，因此可能產生各種症狀。根據瞭解，國內確診新冠肺炎的45人中，有7人出現流鼻水症狀、1人出現腸胃症狀，都不屬於咳嗽、發燒、倦怠3大症狀。
至於出現流鼻水症狀的7名確診病例，分別是國內第2名本土病例案9、曾赴澳門的案16、引發家庭群聚的案27、院內群聚感染的清潔工及護理人員（案35至38）。而出現腸胃症狀的，則是日前確診、曾赴菲律賓的北部男子（案44）。
中央流行疫情指揮中心監測應變官莊人祥表示，疫情越來越詭譎，面對這類不典型症狀的患者，民眾和醫師都要特別小心。指揮中心先前已擴大社區篩檢系統，面對有旅遊史、出現症狀的民眾，醫師若懷疑有感染可能，都可安排採檢。此次澳洲音樂家是醫界的一項教訓，指揮中心先前已發函允許醫師採檢，將進一步提醒醫界留意不典型症狀者。</t>
  </si>
  <si>
    <t>寇世勳電影新作《一家之主》原訂將在下月11日登上大銀幕，不過近來台灣疫情險峻，更有近一半戲院也暫時關閉中，於是該片宣布延後檔期，新的上映日則待疫情和緩後商討公布。寇世勳對此表示：「做為一個演員，我完全尊重製片方（投資方）對於上片檔期的決定；更何況現在是『非常時期』，完全可以理解，我也支持。只希望疫情可以得到控制，讓一切盡快恢復正常。」
導演王希捷首部執導劇情長片，上映之路一波三折，不過她也表示全力配合防疫，「現在沒有比配合防疫政策和民眾的健康安全更重要的事，電影本應撫慰人心與反映社會，《一家之主》還會有更適合出現、來撫慰觀眾的時機。我也相信危機就是轉機，在這個轉機中，我們多了一個沉澱的機會，可以做更多準備。希望與大家一起在非常時期保持正念。祝願一切平安，靜待疫情過後，與各位在電影院相會。」</t>
  </si>
  <si>
    <t>屏東Delta病毒群眾案中，枋寮果農夫妻的感染途徑雖現曙光，但感染源仍未明，為此，屏縣府針對到過枋寮醫院的民眾擴大篩檢，但至今仍有942人未篩，當中最關鍵的6月16日也還有17人沒篩，屏東縣長潘孟安呼籲民眾快去篩。
枋寮確診果農夫妻足跡單純，而因多次出入枋寮醫院、加上6月16日與枋山確診阿嬤在同一時間處同一候診區，因此屏縣府將枋寮醫院列為高風險區，分別在枋寮國小、東海國小、建興國小開設篩檢站，除提供枋寮、春日鄉民篩檢外，更針對14日後到過枋寮醫院的民眾篩檢。
而3篩檢站的任務於日前結束後，屏縣府接續在枋寮醫院、恆春南門醫院、潮州茂隆骨科、屏東市國仁醫院設篩檢站，但截至5日止，屏縣府發現，總共僅採檢3478人，還有942人未篩，當中屏東縣占909人、外縣市占33人，而最關鍵的6月16日還有17人未篩檢。
「未篩檢的快去篩！」對此，屏東縣長潘孟安喊話，要圍堵社區感染，一圈又一圈的擴大篩檢很重要，請民眾務必要配合政策，針對6月16日未篩檢的17人，縣府已要求枋寮醫院限期內完成，同時也請衛政、警政單位協助，透過衛生局的資料逐一致電通知篩檢。</t>
  </si>
  <si>
    <t xml:space="preserve">新冠肺炎疫情全球持續升溫，英國甚至傳出變種病毒，疫情期間就曾發生過白目民眾朝無辜的人亂吐口水，導致對方罹患肺炎病死，這次美國一名年輕人，在電梯內對一名老伯吐口水，結果下一秒被拖出電梯爆打，監視影片曝光後，網友大讚「實在太爽了」！
網路瘋傳的這段監視器影片，狹小電梯裡有3名乘客，電梯門正要關起來時，一名金髮年輕人衝進來，老伯要求他搭下一班，以減少密閉空間裡的人數，但年輕人不甩老伯，強硬進到電梯，接著脫下口罩朝老伯吐口水。
電梯門打開前，老伯先將手裡的小推車給一旁妻子，接著門打開後，老伯一把抓住年輕人，朝電梯爆揍一頓，年輕人試圖還手，但馬上就被老伯拖出電梯，壓制在地上，電梯門即將關閉前，老伯拉著妻子成功搭乘，被爆打的年輕人不死心還想進來，結果被老伯推出去。
帥氣老伯教訓白目年輕人的影片，讓網友直呼痛快，稱讚老伯「好功夫」、「老伯威武」、「一秒KO年輕人」、「打太輕了啦」、「妻子很淡定，應該是知道老公真功夫」、「看了有夠爽」、「年輕人終究是年輕人」。
</t>
  </si>
  <si>
    <t>基隆一名年約63歲陳姓男子5月底確診，住進基隆長庚醫院治療，醫師照X光檢查發現其血氧濃度不到90％、肺部浸潤嚴重，情況相當危急，立即給予高流量鼻導管氧氣機治療，目前大幅改善，男子開心的在病房比讚，感謝醫護人員。
陳男5月底出現全身無力、呼吸喘等不適症狀，立即前往基隆長庚醫院掛號診察，篩檢確診，當時男子缺氧嚴重，血氧濃度不到90％、肺部浸潤嚴重，入住加護病房，院方趕緊給予高流量鼻導管氧氣機治療，維持血氧濃度，情況一度危急。
所幸陳男意志堅強，始終不放棄，在醫護人員不斷鼓勵下，歷經一個月的治療，逐漸戰勝病毒，6月28日由加護病房轉到普通病房，醫師透過X光檢查發現，陳男肺部浸潤狀況已大幅改善，原本必須給予給予90％氧氣才能維其體內血氧濃度，目前只要給予40％氧氣，就能維持運作。
陳男漸漸恢復健康，臉上再現笑容，在病房開心的和醫護人員一起比讚，他表示，很感謝醫療團隊的努力，一直守護著民眾的健康，也感謝巿府積極防疫，在雙北疫情夾擠下，未讓疫情擴大，並守住醫療量能，相信再診療一段時間，就能康復出院，恢復正常生活。
基隆長庚醫院長賴旗俊指出，目前院內總計有10台高流量鼻導管氧氣機，包括5月疫情尚未暴發前，自行購買的4台，日前又獲捐贈2台、政府配置4台，未來重症病人有需求時，會立即給予使用，即時搶回寶貴的生命，也能超前部署，他強調，目前醫療量能無虞，請民眾放心，也呼籲做好防疫措施不必恐慌，相信大家很快能戰勝這場疫情。</t>
  </si>
  <si>
    <t>新冠肺炎趨緩，北市市立高中職及國中平日及假日之室內、外校園場地，自6月20日（周六）起全面恢復正常開放，供一般民眾運動及租借使用，但仍應符合防疫新生活規定，若有本土確診案例，將視情況調整開放範圍。且為因應境外生及109學年度秋季入學新生，北市觀傳局表示，已超前部署接洽多間旅館，預計將來可以各種價位、提供近千間房源，讓境外生放心返台。
北市副市長黃珊珊指出，從6月20日後就是全面性的開放，包括早上的晨間運動及下課後的晚間運動，假日則是全面開放，但為保險起見，相關措施如實名制、量測體溫、不共餐、加強消毒等措施仍會實施。
針對開放時間，教育局長曾燦金指出，平日上課日的開放時段為上午5點至7點、下午開放時段為下午5點半至7點半，至於例假日開放時段為上午5點至晚間9點半。若學校寒暑假有課輔課程，則會比照一般的上課時段開放。
此外，北市昨原要宣布敬老卡加碼方案，卻臨時喊卡，對此，黃珊珊表示，避免北市出現加碼之亂，目前要先解決資料比對與人員訓練，完成之後再公布，並且考慮讓大家上網登入，或開設據點幫忙長者靠卡完成，最快本周全公布。
根據統計，目前仍有2萬6000名境外生未能返台就學，加上預計入學新生預估1萬6000人，總數已達4萬2000人。觀傳局局長劉奕霆表示，由於境外學生數量眾多，市府已主動和數間大型旅館聯繫，現也另有14間旅館已提出防疫旅館申請，預計審查通過後可新增890間房的居家檢疫量能。</t>
  </si>
  <si>
    <t>創源生技（4160）去年擴展基因檢測範疇，帶動業績再創歷年新高，2019年整體營收較前一年成長13％，而在新冠肺炎（COVID-19）衝擊之下，仍不畏威脅、逆勢增長，2020年1-2月營收又較去年同期成長11％，表現亮眼。執行長蔡政憲博士表示，成長動能源自於兩主要原因，其一，基因檢測從流感易感性單項，擴大為流感綜合評估3大檢測內容，隨著疫情發展，健康意識飆升，該項創舉引起市場高度共鳴；其二，化學、生物資訊團隊長期以來提供客戶研發動能，在疫情爆發第一時間，即時提出多項幫助COVID-19新藥開發主題，獲國家級研究單位與醫學中心重用；創源從預防醫學、藥物研發到細胞治療，針對疫情提供整合性多元解決方案，後勁發展備受矚目。
2019年，創源初步導入流感易感性檢測項目，作為基因檢測發展主要目標之一，在疫情爆發後，更立即擴張檢測範圍，納入民眾深度關切的3大流感綜合評估內容，包含流感病毒感染力、免疫反應與疫苗效力，該項策略受到醫界大力支持，並獲得市場廣大回響；此外，因應未來病毒威脅常態化，創源在醫界專家指導下，進一步投入5年流感與呼吸道病毒感染疾病研究計畫，持續擴增疾病感染防護能量，涵蓋從呼吸道病毒感染預防到病程管理服務，從核心落實防疫措施，將大幅提升民眾防禦力。
另一方面，透過提供科學資訊平台，創源在第一時間站上防疫前線，不僅幫助研究新型冠狀病毒（SARS-CoV-2）對肺部組織感染途徑與傷害，以及入侵人體的主要受體－ACE2於各組織之基因表現判讀；同時供應多種主題藥物應用開發平台，如AI藥物合成設計路徑分析、老藥新用和中草藥抗病毒篩選、流感病毒新藥篩選等，藉由賦能平台加快國內藥物研究速度，甚至偕同國家級研究單位進行病毒新藥應用研發，輔助財團法人、醫學和研究單位共同深度對抗新冠病毒，後續發展不容小覷。
此外，創源於2018年積極開創遠距服務系統，2019年將數位轉型列為企業主要經營計畫之一，成立數位發展專業團隊，策略性的升級服務平台，規劃從採檢到報告查詢全程數位化，適逢疫情所需，數位轉型再度受到醫療院所和保健單位響應支持，未來將進一步開發資訊串接，整合產業鏈資源，策劃集團一站式服務平台，為消費者建立完善的遠端醫療保健網絡，預計帶動整體服務銷量再創新高。</t>
  </si>
  <si>
    <t>南科管理局9日在台南、高雄園區啟動快篩站，台南園區快篩站13日上午篩檢群創光電524名外籍移工，其中1人呈陽性反應，現場支援醫院立即進行PCR採檢，所幸PCR檢測後轉陰性，虛驚一場。
台南市政府衛生局表示，今天台南園區快篩站，有一名移工快篩採陽性，現場立即進行PCR採檢，後續專車送至預先規畫1人1室隔離的場所安置，所幸經PCR檢測後為陰性。
南科台南園區快篩站自啟用至昨日止，累計已完成3916人快篩；9、10日2天安排1765人快篩，其中7人快篩陽性、PCR全轉陰性；11、12日2天總計2151人全採陰性。
南科管理局副局長鄭秀絨表示，今天上午已快篩524人，下午預計會再採504人。</t>
  </si>
  <si>
    <t xml:space="preserve">一些國家的新冠肺炎疫情出現反覆加劇了市場對全球經濟持續下行的擔憂，國際黃金現貨價格已漲翻天。7月8日，國際金價攀升至1818.02美元/盎司，創下2011年9月以來的新高。
荷蘭國際集團駐新加坡大宗商品戰略主管派特森表示：「鑒於美元疲弱、新冠肺炎病例激增，以及一些官員質疑美國經濟復甦的成效，黃金價格將穩固地保持在每盎司1800美元以上。」
新冠肺炎確診病例的激增是推升金價上漲的一大因素。目前美國的確診人數已超300萬，佔全球確診總人數的1/4以上。美國克利夫蘭聯邦儲備銀行行長梅斯特表示，有關美國疫情傳播的數據正使經濟面臨更大下行風險。亞特蘭大聯邦儲備銀行行長博斯蒂克表示，美國似乎毫無起色的經濟將需要美聯儲或財政部門採取更多行動。華僑永亨銀行經濟學家認為，如果美國的新冠肺炎確診病例數量仍不下降，黃金價格甚至有可能在年底前超過每盎司2000美元。
除疫情因素，專家認為目前全球範圍內寬鬆的貨幣政策料將延續，也為金價穩步上漲提供理想「土壤」。世界上最大的對沖基金橋水基金創始人達裡奧認為，投資者應該更青睞股票與黃金而非債券與現金，因為許多債券的收益率為負值，且世界各國央行將印刷更多鈔票。
</t>
  </si>
  <si>
    <t>中央流行疫情指揮中心近日宣布全國升為三級警戒，為避免群聚疑慮，多個會議暫緩舉行，原本要在第二季舉行的基本工資工作小組會議可能也無法舉行，勞動部官員表示，目前朝向參考去年作法，提供資料給委員，再請委員以書面回覆訊息。
勞動部條件司司長黃維琛表示，會在近幾日內把如5月的消費者物物價指、失業率等提供給委員參考；而基本工資審議會往例都在第三季辦理，但此次遇到疫情會改採其他方式嗎？他說，第三季是7、8、9月，到時候會視疫情情況，再做後續討論。</t>
  </si>
  <si>
    <t>新冠肺炎疫情爆發逾百日後，中共總書記習近平10日上午抵達疫情最嚴重的武漢視察。香港《經濟日報》引述觀察人士稱，此行釋放3大政治訊號：一是疫情已暫告緩和；二給予復工信心和鼓勵；三是安撫為控制疫情而被封城的民眾。
新冠肺炎去年12月爆發，武漢1月23日「封城」控制疫情。外界此前已預期，習近平很可能在疫情出現大約100天後赴武漢考察，習近平昨天的行程證實這一推斷。
觀察人士分析，習近平此行釋放三大重要政治訊號：其一，防疫取得階段成果，進入緩和期。武漢是全陸疫情最嚴重區域，習考察武漢，被視為大陸疫情是否階段性、實質地好轉的一個重要觀察窗口。
而據大陸國家衛健委官網通報的最新數據反映，9日僅新增新冠肺炎確診病例19例，扣除湖北省與境外輸入這兩個來源，其他省市地區已經連續3天新增確診掛零。
分析指，習近平此刻到武漢，頗有宣告此前防疫措施取得成效，疫情暫受控、甚至有趨緩之勢。
其二，給予企業復工信心和鼓勵。儘管大陸疫情數字趨緩，但部分企業復工仍如履薄冰，憂慮新冠肺炎會隨復工出現群聚感染而再度擴散。日前有數據就顯示，北京高新企業的復工率只有4至8成左右。
觀察者指出，習近平親赴疫情最嚴重的武漢視察，釋出疫情暫受控、企業可放心復工的訊號。有專家指出，大陸復工率至本月底有需要提高至90％以上，以減少中國經濟受損程度、護航就業。
其三，安撫受封城影響的湖北民眾。武漢封城、湖北封城有助切斷新冠肺炎傳播鏈，對陸抗疫有貢獻，但卻嚴重影響當地居民生活；政治觀察者指，習此時到訪武漢，便頗有安撫當地民眾的意味。</t>
  </si>
  <si>
    <t>台灣本土疫情升溫，今傳出台北捷運有員工確診的消息，但北捷僅回應，疫情確診人數及情況，由指揮中心公布為準。
北捷表示，疫情確診人數及情況，由疫情指揮中心公布為準。因應疫情發展，台北捷運為預防有人員確診、隔離及自主管理，並且降低影響營運風險，啟動行車、站務及維修等第一線人員分組執勤。
另北捷也說，行政人員則會開始異地辦公，依照業務支援性質分散於不同建物。相關主管視訊設備均已設置完成，隨時透過視訊會議，確保業務不受疫情影響，持續順利推動。</t>
  </si>
  <si>
    <t>蘇揆去年上任以來，遭批「政通人不和」，年底內閣改組傳聞不斷。尤其昨中天新聞台不予換照，再加深國內對立。蘇揆上午罕見在行政院會提出自省，說任何做得不夠、不好，都請各部會及各界隨時指正，多多指教，他也會自我檢討。
內閣近期因萊豬明年元旦叩關、中天新聞台關台事件，不斷製造國內對立，引發蔡政府領導危機，蘇閣是否將在年底去職，引發熱議。行政院祕書長李孟諺轉述蘇揆在院會談話時說，蘇揆特別提及2019年1月14日承擔重擔以來，感謝所有同仁一起努力，上任第一天就到桃園機場，防治非洲豬瘟；另外新冠肺炎因各界的努力，國內已有220天零確診，因應疫情發放的三倍券，經由2300萬人領券也讓台灣內需擴展。
蘇揆也說，雖然一路走來克服很多困難，也展現了很多成效，但這段時間還是有一些值得要檢討的地方，「有錯就要認，有過就要改」，尤其要從自身自省做起，不能自以為是，也不能因為有些成就就驕傲，反而應該謙卑應該聽取不同的意見，讓我們跟這塊土地上所有的人不分朝野政黨不分地方中央，不分意見不同，都要凝聚力量，因為我們是同一個國家，同樣要守住這塊土地一起努力。
蘇揆指出，在過程中也許因為誤會、攻擊，我們會一而再受傷，但還是要拼命站起來，因為我們有要共同守護的事物，一定要繼續堅持，才能跟不能切割的人，守住這塊土地，守住這個國家，才能福國利民。
蘇揆強調，從最近的狀況檢討、謙卑，任何做得不夠不好，蘇揆請部會及各界 隨時指正，多多指教，蘇揆也會自我檢討。</t>
  </si>
  <si>
    <t xml:space="preserve">北部染疫醫爆發院內感染，不少民眾質疑醫護人員未遵守防疫SOP，導致染疫。對此，中央流行疫情指揮中心專家小組諮詢委員李秉穎今表示，發生院內感染很難追溯感染源，打個噴嚏幾個小時都還具有感染力，無意觸摸眼、口、鼻，都有染病風險。
台大醫師兼指揮中心專家小組諮詢委員李秉穎今（18）天上廣播節目《周玉蔻嗆新聞》表示，院內感染很難追感染源，而新冠病毒最可怕的地方，就是不用飛沫傳染，沒有直接面對病人，都有可能得到感染，更何況是戴口罩，且總有脫下口罩的時間，若手未好好的消毒，又接觸眼、口、鼻，就會得到感染。因此，所有的醫護人員皆不要摸眼、口、鼻，不論鼻過敏多麼嚴重。
李秉穎說，病毒離開人體，不會馬上死亡，若一個人打了一個噴嚏，導致桌面殘留病毒，這病毒可能幾個小時，甚至一兩天後依然是活的，且具有傳染力，因此下一個人接觸，再觸摸眼、口、鼻，仍會感染，這無法匡列所謂的接觸者。
李秉穎表示，去年北部某醫院發生院內感染，在環境內找到很多新冠病毒存在痕跡，這是醫院感染管制必須很重視的事，一個新冠病人是處於一個病室、隔離病房， 病毒會存在的環境就僅此該病房而已，沒有其他危險性，唯獨進入病房的人要多注意。若是一名醫護人員染疫，醫院內各個角落恐已有病毒，因此就算戴著口罩，在不知不覺情況下，仍會發生接觸傳染。李秉穎再次呼籲，所有醫療人員要提高警覺，謹守勤洗手、戴口罩、禁摸眼口鼻，才能保護自己。
</t>
  </si>
  <si>
    <t>三商美邦人壽及同為三商投控成員的三友藥妝共同攜手送暖給因新冠狀肺炎疫情而辛勞的醫護人員，聯名捐贈2,000條日本原裝進口馬油護手霜予新北市衛生局，以緩解醫護人員因過度清潔導致手部肌膚粗糙龜裂。三商美邦人壽及三友藥妝藉此表示感謝與關懷，也為第一線抗疫醫護人員加油打氣。
同時，三商美邦人壽為提供保戶更安心的服務，在第一時間即啟動各項保戶關懷措施，針對保戶最關心的理賠及繳費，提供快速理賠服務、放寬理賠申請、保費緩繳作業等，並且對現售部分住院醫療保險以批註條款方式取消「法定傳染病」30天疾病等待期之限制，保戶毋須另外付費，保障立即生效，一旦確診罹患新冠肺炎，理賠機制隨即啟動。
三商美邦人壽表示，為與國人共體時艱，推出「三商美邦人壽醫把罩一年定期住院日額健康保險」，保障內容包含住院醫療保險金、加護病房暨燒燙傷中心醫療保險金等多項保障；若不慎感染新冠肺炎，入住負壓隔離病房將比照加護病房標準核算加護病房暨燒燙傷中心醫療保險金，讓民眾在面對疫情時，可以輕鬆架構防疫保護罩，為自身的醫療保障升級。</t>
  </si>
  <si>
    <t>新冠肺炎肆虐全球，各大製藥廠如火如荼研發疫苗，但業者對疫苗的訂價意見不一，阿斯特捷利康（AstraZeneca）和嬌生（Johnson ＆Johnson）承諾不會利用疫苗獲利，而Moderna與美商默沙東則暗示新冠疫苗訂價一定會高於生產成本。
製藥廠的高階主管21日參加美國眾議院能源商務委員會與調查小組委員會的視訊聽證會，表達各公司對疫苗訂價的意見，不過業者並未透露訂價的細節內容。
阿斯特捷利康和嬌生的主管表示，至少在新冠肺炎大流行平息之前，公司將以成本價出售疫苗。
至於Moderna與美商默沙東的高階主管則指出，疫苗的訂價會高過製造成本。美商默沙東的疫苗最快要到2021年才會問世。
與BioNTech合作開發疫苗的輝瑞（Pfizer）表示，公司打算從疫苗獲利，但訂價不會過高，價格會反映疫情的「特殊時期」。
隨著外界最看好的疫苗在7月進入最終測試階段，疫苗的訂價逐漸成為製藥廠重要和敏感的議題，政府與私人保險公司預期將承擔疫苗費用。若是訂價不當，可能引來醫師和患者的長期批評。
伊利諾州議員夏考斯基（Jan Schakowsky）在聽證會中表示，提供安全和有效的疫苗固然重要，但如果價格成為阻礙，無法讓所有美國民眾都取得疫苗，那就沒有意義了。他補充道，許多藥廠的疫苗研發計畫獲得聯邦補助。
製藥廠尚未透露要如何訂價，分析師預估業者可望進帳數十億美元。根據美國疾病管制與預防中心（CDC）數據，製造廠的流感疫苗成本每劑約在16至25美元之間。
傑富瑞（Jefferies ＆ Co.）分析師Michael Yee估計，新冠肺炎疫苗一個療程在美國和歐洲的成本約在50至100美元。Moderna在疫苗推出首年可望進帳20億美元。</t>
  </si>
  <si>
    <t>新冠肺炎疫情蔓延全球，台灣機械工業公會理事長柯拔希提出七大建言，籲請政府擴大融資貸款紓困、租稅減免比照SARS期間、優先購買國產設備及讓新台幣貶值等以挽救產業。
新型冠狀肺炎疫情出現全球大流行，人流、物流、資金流都停滯。經濟部18日針對金屬機電產業主辦「因應武漢肺炎疫情，產業關懷座談會」，機械公會彙總機械公會理監事、29個專委會會長及各機械次產業企業經營者總計150家企業意見，由理事長柯拔希向經濟部長沈榮津、政務委員龔明鑫等人提出七大建言。
柯拔希表示，擴大融資貸款紓困，銀行不能雨天收傘抽銀根；租稅減免可比照SARS期間；政府開發的工業區或科學園區廠房租金減半；協調台電減免工業用基本電費，幾乎是每個產業公會都提出的建議。
柯拔希指稱，政府去年底針對工具機暨零組件業者因中美貿易戰受傷慘重，提撥6千萬元經費，推動工具機產業研發固本專案，機械公會希望政府擴大為「精密機械產業研發固本專案」，協助機械產業化危機為轉機，提升產業競爭力。
柯拔希表示，他還向龔明鑫等人提出，希望政府將企業購買國產智慧機械投資抵減稅額從現行5％提高到20％，企業研發支出抵減當年度營所稅從15％提高至40％。加強鼓勵國營企業或學術單位採購國產智慧機械，也希望今年政府採購能提前發包，藉此擴大內需。
柯拔希表示，新台幣兌美元匯率相對韓元強勢，不利台灣外銷產業，機械業建請政府啟動新台幣匯率「防禦性貶值」。此外，政府徵用口罩產線後，導致很多機械廠買不到工業用口罩，儘管工業局出面協調口罩廠，業者仍買不到口罩，這牽涉生產線作業人員人身安全問題，政府要加強工業用口罩供給，不能顧此失彼。
柯拔希指出，長遠來看，企業對設備剛性需求仍在，尤其這波疫情會讓更多產業要有風險意識，不要將雞蛋放在同一個籃子，必須分散在大陸以外設第二生產基地，即使今年不如預期，增設第二生產基地添購設備效應也會在明、後年發生，長期看多。</t>
  </si>
  <si>
    <t>新冠肺炎疫情延燒期間，電影院業績慘澹，台南社大開始錄影電影研究社16日卻準備在中西區正興街與國華街黃金地段，舉辦疫情以來首場露天微電影《13歲那年的天空》，預估觀眾達百人，社長林宗伻稱已做好防疫準備，要在台灣疫情好轉後，號召民眾看一場好電影。
台南社大開始錄影電影研究社7年來已拍攝11部微電影，透過電影關注街友、女性、同志、獨居老人與親子議題，這次新作《13歲那年的天空》是一部青少年為主的微電影，以闡述隔代教養、適性教育為主題，內容是不愛念書的小女孩如何透過運動找到自己的方向。
林宗伻表示，影片拍攝1年之久，後製作期剛好疫情爆發，組員在4月中討論影片首映時間，設定疫情若確診未超過500人，死亡未達10人，就照時間表上映。
全台院線片受疫情影響，電影票房幾乎被打趴，大檔影片紛紛延後上映，台灣正展開防疫新生活，台南社大電影組評估，選在16日，周末人潮容易聚集的正興街，採露天電影方式進行，預計觀眾100人，座位會保持安全距離，現場會有噴酒精與量體溫的防疫程序。
這部《13歲那年的天空》片長僅半小時，規模卻不亞於院線片，是台南社大電影社創社以來，投入最多資源，動員最多人力的作品。社會各項活動逐步解禁，林宗伻呼籲民眾一同來體驗防疫以來台南首場露天微電影。</t>
  </si>
  <si>
    <t>新北市陸續進行校園BNT接種，新北市長侯友宜今主持疫情說明會表示，昨日有28校接種BNT，預計施打2萬6796人，施打比率為98.67％，其中出現注射部位微疼痛、疲倦、頭痛等輕微不適症狀的有5369人，發燒大於38度是179人，呼吸困難、氣喘、眩暈等不良反應是251人，昨日就醫人數是6人。
侯友宜說，昨日線上教學學生有2萬7360人，請疫苗假比例為1227人，請假比例4.3％，到課比率高，雖然明天六日沒有線上教學，但校方隨時會透過教師跟家長的聯繫系統，隨時做好溝通，做好跟學生密切聯繫，也希望周五打疫苗的同學可以好好休息。</t>
  </si>
  <si>
    <t xml:space="preserve">美國總統川普進馬里蘭州里德國家軍事醫學中心（Walter Reed National Military Medical Center）治療新冠肺炎才3天，周一就迫不及待地出院返回白宮。許多分析師說，這顯示他沒認真看待新冠疫情，可能引發強烈反彈。
據CNBC新聞網6日報導，建銀國際證券（CCB International Securities）全球策略師喬立（Mark Jolley）指出，川普的許多幕僚目前都在接受隔離檢疫，就算他恢復工作，在大選前幾個星期的選舉造勢中，也會呈現「重殘」（severely handicapped）狀態。
「他少了一些關鍵幕僚，」喬立說，「有半數競選幕僚都會接受隔離。」自從川普上周五宣布，他新冠肺炎確診後，政府內有愈來愈多官員紛紛證實染疫。
周一稍早白宮新聞秘書麥肯雅妮（Kayleigh McEnany）宣布，她和兩位副手新冠肺炎確診。如今白宮內，和川普競選連任活動有關，或近日曾參加白宮活動的人，至少有18人確診。
喬立認為，川普一、兩個星期都無法參與競選活動。而這意味著在選前最關鍵的1個月，他會缺席兩周。他並強調，就政治面來說，這對拜登是大大有利。
由於川普尚未康復，白宮向美國民眾保證，會採取一切必要措施，以保護總統，還有他的家人與幕僚。此外，聲明中強調，這位白宮主人將接受24小時的醫療照護，並說會大幅限制他的肢體接觸，並讓他身邊的人穿戴適當的防護裝備。
然而，距離大選不到1個月，川普在出院前不久說，他打算立即投入選舉造勢活動。馬里蘭州聖瑪莉學院（St. Mary's College）政治學教授艾柏利（Todd Eberly）指出，美國有超過20萬人死於新冠肺炎，要是川普這麼做，真的很可能會面臨強烈反彈。他認為，川普較明智的選擇，就是挺身而出，向美國大眾強調，他真正了解到疫情的嚴重性，以贏得些許同理心。
</t>
  </si>
  <si>
    <t xml:space="preserve">第73屆世衛大會(WHA)原訂5月17日至21日在瑞士日內瓦召開，但是在新冠肺炎疫情重創下，看來不是延期，就是改成線上虛擬舉行，停辦1年也不無可能。觀察蔡政府最近強硬槓上譚德塞的態度，今年若有召開WHA，不論是實體或虛擬，台灣要想參加，基本上是癡人說夢，甚至可以說，直到2022年7月，譚德塞卸任WHO祕書長之前，都不必肖想出席WHA了。
過去幾年，台灣在推動參與WHA，對國際間往往是說之以理、動之以情，「Taiwan Can Help」並不是因為新冠肺炎疫情才蹦出的口號。只不過，台灣今年可以更大聲喊這句話，或許也是這股爆棚的自信心，改變了對WHO的態度。
台灣聲稱曾經致函WHO，示警病毒會「人傳人」（Human to Human），但WHO有看沒有懂。我方公布電郵完整內容，堅持既有寫隔離需要，即是警示人傳人。這封信，各執一詞，等於徹底撕破臉。
WHO昨列出13點聲明，回應台灣民間刊登《紐約時報》廣告，外交部又火速一一打臉WHO的聲明，兩方樑子結得更大。譚德塞又指控台灣網軍對他語言歧視、發動攻擊，兩邊關係就真的是「回不去了」。
蔡政府這波防疫作戰表現得相當出色，已證明沒有WHO的支援、沒有完整參與WHA，對台灣人民的福祉似乎也沒有太大影響。既然如此，與其低聲下氣去求WHA的門票，還不如硬起來，反正橫豎都是進不去，至少展現出氣勢，在國際上展現聲望，在國內帶動民調。
這也證明了，不管是WHO或台灣，能不能完整參與，從來都不只是全球公衛議題，政治議題才是核心。
</t>
  </si>
  <si>
    <t>國際奧會(IOC)加拿大籍的資深委員龐德，日前語出驚人稱，若新冠肺炎疫情在5月底前未受控制，東京奧運恐怕得停辦；日本政府、IOC和東奧籌委會隨後紛紛跳出來否認有停辦打算，表示籌備工作仍順利進行。
這項地表規模最大體育賽事是否照常引發全球關注，而隨著疫情在歐洲爆開，許多萬衆注目的大賽已考慮喊卡。
堪稱歐洲橄欖球頂級賽事的「6國橄欖球錦標賽」，3月7日愛爾蘭作東迎戰義大利，在該國衛生部長哈里斯介入後，如今已確定延期。哈里斯指出，由於大規模球迷將從疫區(義大利)移動，比賽本身的公衛風險明確。愛爾蘭橄欖球協會表示，完全遵守指令，會妥善處理延賽後續。
創辦於1883年。1940年改稱為五國錦標賽，2000年再加入義大利，改稱六國錦標賽（最近因贊助原因被稱為國民西敏寺銀行六國賽）。現時參賽國家包括：英格蘭、蘇格蘭、愛爾蘭、威爾斯、法國及義大利，由於這六隊為歐洲最強的國家隊，因此這項比賽的冠軍地位一般被視為等同歐洲冠軍。
英格蘭與義大利足球這歐洲兩強，原定3月27日在英國溫布里球場舉行友誼賽，英格蘭足協已開始討論這場比賽是否照踢，畢竟歐洲足壇已經出現閉門比賽，以降低觀眾健康風險的先例。另外，在6月於歐洲12座城市登場的歐洲國家盃前，如何因應疫情衝擊也在討論之列。
原定3月中旬在南京舉行的世界室內田徑錦標賽，1月就已經因新冠疫情而延期到明年。至於原定4月19日舉行的2020年F1中國大獎賽，日前已確定延後舉行，但今年F1賽季的前三站，包括澳洲、巴林和越南，分別在3月15、22日，以及4月5日舉行，隨著新冠疫情蔓延，3個主辦國已面臨愈來愈高的取消賽事威脅。</t>
  </si>
  <si>
    <t>日本經濟再生大臣西村康稔（Yasutoshi Nishimura）周一在議會表示，日本政府周一稍晚將尋求全國緊急事態宣言延長至5月31日。
日本政府發布的緊急事態宣言原訂於本周三（56）屆滿，也就是日本黃金周長假的最後一天。
此前NHK報導，日本首相安倍晉三周一料將宣布國家緊急事態宣言延長至5月底。安倍周一稍晚將召開記者會，將解釋延長緊急事態宣言的原因。</t>
  </si>
  <si>
    <t xml:space="preserve">韓國媒體3月30日報導，稱韓國萬民中央教會發生群聚感染。
根據大陸《新京報》的報導，3月初，200名教徒曾聚集準備網絡禮拜視，。韓疾控部門稱在此次活動中存在感染現象。到了3月25日，該教會出現首例確診病例，韓衛生部門隨即展開疫情調查。
截至30日下午，教會內至少28人確診感染。
該教教主李載祿因性侵9名女信徒正在監獄服刑。該教會鼓吹神奇療法，擁有10餘萬名信徒。
</t>
  </si>
  <si>
    <t>我國疫苗覆蓋率破30%，部分縣市民眾最近卻陷入無疫苗可打的窘境，連防疫指揮官陳時中都坦承「供貨有點緊」。就在此時，立陶宛承諾捐贈的2萬劑AZ疫苗，由土耳其航空運送，今天上午抵達桃園機場。
立陶宛今年6月宣布，將捐贈2萬劑AZ疫苗給台灣，雪中送炭的義舉，博得民眾高度肯定。
今天，疫苗終於來了！這架載運疫苗的土航貨機，自伊斯坦堡機場起飛，抵台後隨即進行卸貨、查驗作業，按照程序送往冷儲，待後續檢驗封緘，再提供國人接種，解燃眉之急。
這批疫苗由班號TK6210的土耳其航空波音777F型貨機負責載運，台灣時間30日下午5時50分從伊斯坦堡起飛，中途停靠烏茲別克首都塔什干後直飛台灣，原本預定上午7時55分落地，但因故延誤到10時30分左右才抵達桃園機場。
貨機落地後停靠在貨運機坪，地勤人員立刻卸下裝載疫苗的貨盤，為求時效，海關人員在機邊驗放後，隨即在海關及航警護送下，將疫苗送往醫藥物流冷鏈倉儲存放。
立陶宛是繼日本、美國後，歐洲第一個宣布捐疫苗給台灣的國家，拋磚引玉的行為，也帶動後續包括斯洛伐克、捷克等國，陸續跟進要捐疫苗給台灣。</t>
  </si>
  <si>
    <t xml:space="preserve">在歐美疫情延燒下，帶動居家辦公、遠距教學等趨勢正旺，NB、網通、TV等晶片需求旺，帶動IC設計族群第三季多檔個股營收登頂，且第四季也持續看好，也讓族群股價順勢反映利多，瑞昱(2379)今大漲逾4%，重新登上400元大關，最高達401.5元，義隆(2458)漲幅近3%，聯詠(3034)漲幅一度約達1.5%。
新冠肺炎在歐美掀起第二波疫情，且嚴重程度恐更盛首波，所以居家辦公、遠距教學等趨勢正旺，且不僅會延續到第四季，甚至會到明年上半年，包括Google已經宣布將居家辦公的計畫將延長至2021年7月，先是遠端的趨勢並短線效應，相關網通、NB等需求動能將一路延續到明年。
瑞昱各產品線暢旺，包括筆電、TWS等晶片需求，加上數位電視、數位機上盒、被動式光纖網路(PON)等晶片出貨進入旺季，9月合併營收81.73億元，月增加12%、年增加38.5%，連續4個月創下單月營收歷史新高，也帶動第三季合併營收224.09億元，季成長29.2%，同步創下季度營收歷史新高，第四季預計在新冠肺炎疫情帶動的遠距商機下，將延續淡季不淡。
聯詠9月合併營收79.74億元，月成長9.5%、年成長42%，創下歷史單月新高，也推動第三季合併營收220.01億元，季成長18.2%，同創單季歷史新高；累計前9月合併營收為575.03億元、年增20.2%，第四季預計在NB需求強勁和更高的TDDI出貨量以及均價提高下，營運熱度延燒。
義隆9月營收17.2億元，月增加12.8%、年增加69.5%，單月營收衝上歷史新高，累計前9月營收105億元、年增加54.3%，亦創下歷史新高。 義隆第三季營收為47.07億元，達陣先前財測預估的46~48億元，也相較第二季的35.39億元，成長達33%，續創歷史新高，展望第四季，義隆除了NB需求持續暢旺之下，Chromebook訂單成長優於NB，以研調機構預估的數據來看，目前上修約1000萬台需求量，然因目前Power IC及Driver IC等關鍵零組件缺貨，致義隆電僅能滿足70~80%的需求量，法人預估，在Chromebook需求推升下，使得原本進入傳統淡季的季節，營運將與第三季持平。
</t>
  </si>
  <si>
    <t>為防止新型冠狀病毒進一步傳播帶來影響，伊朗司法部長9日決定，已經釋放70000名囚犯。 ​​​​
根據《中國日報網》引述伊朗塔斯尼姆(Tasnim)通訊社報導，為防止新型冠狀病毒進一步傳播帶來影響，伊朗司法部長9日在高級司法委員會召開的一次會議上稱，全國大約有70000名囚犯已經臨時獲釋。</t>
  </si>
  <si>
    <t>據《北京青年報》報導，大陸國家衛健委消息指出，昨天（3日0—24時）新增確診病例104例。其中境外輸入病例17例，本土病例87例，其中黑龍江所占比例過半，鄭州和石家莊2地出現小學生感染。浙江烏鎮景區停止遊客進入，已在景區的遊客24小時內2次核酸檢測陰性可放行返程。
大陸87例的本土病例中，黑龍江45例，其中黑河市44例、哈爾濱市1例；河北23例，其中石家莊市20例、辛集市3例；寧夏4例，均在銀川市；江蘇3例，均在常州市；河南3例，其中鄭州市2例、周口市1例；內蒙古2例，均在阿拉善盟；四川2例，均在成都市；甘肅2例，其中蘭州市1例、天水市1例；山東1例，在日照市；重慶1例，在沙坪壩區；青海1例，在西寧市），含2例由無症狀感染者轉為確診病例（山東1例，四川1例）。
★黑龍江新增本土確診45例 其中44例在黑河市
11月3日0-24時，黑龍江省新增新冠肺炎本土確診病例45例（黑河市愛輝區44例、哈爾濱市平房區1例），新增本土無症狀感染者1例（哈爾濱市平房區1例），均為集中隔離或居家隔離管控期間主動排查發現。
截至11月3日24時，全省現有境外輸入確診病例2例，現有本土確診病例189例，現有本土無症狀感染者2例。
★河北新增本土確診23例 其中石家莊市20例
11月3日0—24時，河北省新增新型冠狀病毒肺炎確診病例23例（其中石家莊市20例、辛集市3例，均在隔離點或封控區重點人群核酸篩查中發現並確診），無新增無症狀感染者。
截至11月3日24時，河北省現有確診病例58例（含境外輸入1例）；尚在醫學觀察無症狀感染者0例。
★石家莊深澤縣新增20例確診 最小才2歲 辛集市3例確診均為小學生
今天（11月4日）凌晨，石家莊市深澤縣發佈消息，11月3日0時-24時，經石家莊市疾控中心覆檢、專家組會診，在深澤縣第二輪全員核酸檢測發現的19例初篩陽性和第三輪核酸檢測發現的6例初篩陽性中，深澤縣新增新冠肺炎確診病例20例，5例待覆檢和專家會診。上述陽性病例均在封控區和隔離點中檢出。
20例新增確診病例中，15人來自大橋頭鎮河莊村、4人來自大橋頭鎮西河村、1人來自深澤縣嘉悅尚城小區，最小的才2歲。
據辛集11月3日晚通報，2021年11月2日0時—24時，辛集市新增陽性感染者3例，已由120負壓救護車轉運至石家莊市定點醫院，均為11月1日確診病例2的同學，均為11歲，來自辛集市小辛莊鄉小章小學。
★浙江桐鄉檢出1例陽性人員 從石家莊飛抵上海後到烏鎮
據浙江桐鄉疫情防控指揮部11月3日通報，11月3日下午，桐鄉市隔離點人員中，初篩檢出一例新冠病毒核酸陽性。
李某某，男，10月31號凌晨從石家莊飛抵上海虹橋機場，由朋友自駕車從虹橋機場接至桐鄉市烏鎮蘭園小區。10月31日—11月2日在烏鎮有活動史。11月2日下午，桐鄉市疾控中心接到河北省深澤縣疾控中心協查函，李某某為當地密接曹某某（在河北隔離）的次密接。李某某曾活動過場所已封控並開展終末消毒。流調追蹤、隔離管控、核酸檢測、醫療救治、環境消毒等工作已全面展開。
★烏鎮景區停止遊客進入 已在景區遊客24小時內兩次檢測陰性可返程
浙江桐鄉烏鎮景區3日晚發佈公告，為配合新冠肺炎疫情排查，烏鎮東柵景區、西柵景區和烏村從即刻起停止遊客進入。景區內部分場館、店鋪、餐廳等臨時性停止運營。景區具體恢復時間將另行通知。
同時，所有已在景區的遊客在離園前需要在西柵遊客服務中心接受核酸檢測，並配合疾控中心現場工作，24小時內兩次核酸檢測陰性後可返程。
對已經購買景區門票的遊客，可以通過原購票管道申請退款。
★遼寧大連莊河市 發現一例疑似陽性病例
11月4日，大連市人民政府新聞辦公室發佈消息，11月4日，莊河市發現一例新冠肺炎疑似陽性病例，請2021年10月23日以來大連市到過莊河市科強食品有限公司、林茵大市場、盛峰早市、城關街道、海洋村的人員，盡快到附近核酸檢測採樣點進行核酸檢測，並向所在社區報備。
★河南新增本土病例3＋6 其中鄭州新增2＋6 其中有2名洞林水岸小學學生
據河南省衛健委通報，11月3日0—24時，河南省新增本土確診病例3例（鄭州2例，周口1例），新增本土無症狀感染者6例（鄭州6例），新增境外輸入無症狀感染者1例，無新增疑似病例。
此前，11月3日，記者從鄭州市新冠肺炎疫情防控第二十一場新聞發佈會上獲悉，11月3日2時32分、2時34分和8時44分，鄭州市中心醫院和鄭州大學第三附屬醫院分別復核判定2例確診病例和1例無症狀感染者，全部是醫療機構對重點人員例行檢測中發現的。
3名感染者，均居住於滎陽市賈峪鎮碧桂園小區，其中有2名為洞林水岸小學學生，未接種新冠疫苗；1名為學生家長，已接種2劑次新冠疫苗。按照「四集中」原則，將3名感染者第一時間閉環轉運至市第一人民醫院南院區進行隔離治療。經調查，3人流行病學關係鏈清晰，2人為父女，1人為其女兒同班同學。
目前，鄭州已完成洞林水岸小學954名學生、52名教職員工、2046名家長的核酸檢測工作，已檢出陽性4人，均已閉環轉運至市第一人民醫院南院區進行隔離治療，其餘均為陰性。
目前，鄭州景區、影劇院等娛樂場所均已暫停營業。此外，自11月5日零時起，本地14天以內有外省旅居史的人員，返回鄭州後，應提供48小時內核酸檢測陰性證明。
★四川新增2例本土確診病例
據「@健康四川」消息，11月3日0—24時，四川新增新型冠狀病毒肺炎確診病例2例（均為本土病例，1例：男，39歲，為11月2日無症狀感染者轉確診；另1例：女，42歲，為重慶市和常州市通報的本土確診病例的共同密切接觸者，11月2日作為密切接觸者納入集中隔離，11月3日確診），無新增治癒出院病例，無新增疑似病例，無新增死亡病例。
自10月17日西安報告2例陽性病例以來，十幾天的時間裡，大陸全國累計報告新增本土陽性病例已超700例，其中497例陽性感染者的軌跡或基因測序與內蒙古、甘肅等地疫情有直接或間接的關聯。</t>
  </si>
  <si>
    <t>打疫苗仍染疫！新北市五股區某里長表示，5／28注射疫苗後第1、2天，他感到身體不適，出現頭痛、發燒情形以為是副作用，未料，第3天沒出門也沒打疫苗的妻子竟發燒，第4天兩人雙雙確診。據了解，該里長曾為里內獨居長者送餐，懷疑是當時染疫。
里長表示，他並不知道確切感染源，但他近期確實有幫里內幾乎全家確診的志工送餐，該名志工因確診被送到外縣市，志工特別打電話拜託里長照顧家中老小，里長身負重任「有東西都幫你們送過去」，全副武裝、大包小包送過去時，有位重聽長者聽不清楚，一直朝里長衝去，懷疑是當時染疫。
里長表示，他於5／28注射AZ疫苗，隔日出現發燒、頭痛等症狀，以為是疫苗副作用不以為意，第3天卻換成妻子發燒，他們認為不太對勁，趕緊去快篩檢驗，5／31雙雙確診，幸好同住女兒採檢呈陰性。
「唉，打疫苗還是確診」，里長不願多談，他說目前的狀況就是一直反覆發燒、咳嗽；他也很擔憂里內獨居長者的狀況，目前與妻子分隔不同醫院治療中。五股區長洪崇璉表示，該里長職務暫由里幹事代理，希望里長與里長夫人早日康復。</t>
  </si>
  <si>
    <t>新冠肺炎疫情仍在全球肆虐，大陸防疫專家、國家衛健委高級別專家組組長鍾南山院士團隊近日研究指出，近一半的新冠肺炎患者在入院時尚未出現發燒，但隨著疾病進展，88.7％的患者相繼出現發燒，因此僅依靠發燒作為診斷標準容易漏診疑診病例。
大陸國家衛健委3月1日公布，截至2月29日，大陸新冠肺炎累計死亡病例2,870例，累計報告確診病例79,824例，現有疑似病例851例。
新浪報導，該團隊於美國時間28日在國際頂級醫學期刊「新英格蘭醫學雜誌」（NEJM）線上發表，指出消化道癥狀，包括噁心嘔吐、腹瀉較為少見，但也指出在糞便、胃腸道破損黏膜、出血處分離出新冠病毒，是病毒透過消化道傳播的證據，提示社會各界需要注意預防糞口傳播。
在納入研究的1,590名新冠肺炎患者中，研究團隊共發現399人（25.1％）有併發症，130名患者存在兩種或兩種以上的併發症。意味著研究群體中有大約四分之一的人患有併發症。
論文並列第一作者的教授關偉傑、梁文華、何建行，以及通訊作者鍾南山指出，該研究首次收集全大陸的新冠肺炎患者資料，透過分析得出病死率為1.4％，貼近大陸國家衛健委官方數據；發現僅有1.9％的患者有直接接觸過野生動物的病史，有31.3％的患者生活在武漢以外；72.3％的患者曾在近兩周接觸過武漢地區人員。
香港01報導，鍾南山在2月27日表示，有信心於4月底基本控制新冠肺炎疫情。對此，大陸中央指導組專家組成員、中國工程院院士張伯禮28日受訪時表示，基本同意鍾南山的觀點，但看法更為樂觀。張伯禮認為，4月底除湖北以外，全大陸其他省市就可以摘口罩，恢復正常秩序。
不過，張伯禮直指，此次疫情暴露出疫情通報機制不順，「層層上報、層層審核、層層淡化」的問題。
因此，類似這樣的疫情，應該直報給大陸中央。張伯禮強調，如果在疫情最初就做出決策，情況要好得多。</t>
  </si>
  <si>
    <t>台灣目前有32名新冠肺炎確診個案，今天傳出好消息，已有9人解除隔離，其中6人出院。首架武漢包機中染疫的台商雖然多次採檢，時陰性時陽性，但也已幸運解除隔離。
中央流行疫情指揮中心統計，台灣新冠肺炎確診個案中，1名死亡、6名出院，其餘個案持續住院隔離。
獲解除隔離的第11例是首架武漢返台包機的確診台商，當時確診時，讓陳時中一時難忍情緒留下男兒淚。
根據中央社報導，陳時中表示，這名台商經過多次採檢，但結果有時候陰性、有時候陽性，醫院每兩天就會重採一次，直到確定都陰性，且開過專家會議討論，決定解除隔離。但還沒出院。</t>
  </si>
  <si>
    <t>台北市獲配發5.6萬劑AZ疫苗今開始施打，其中1.8萬劑將分配給基層診所醫事等工作人員施打，北市衛生局專門委員歐佳齡指出，衛生局已造冊，採分區通知診所醫護人員到場施打，並以「診所」為單位，避免造成群聚的狀況，歐佳玲指出，一天約可施打6800人，盼能在周六前完成施打。
台北市醫師公會也指出，北市府決定在2日至4日共3天時間，提供本全市基層院所醫事人員接種 AZ 疫苗，接種地點將依診所所在行政區鄰近的聯合醫院就近接種，請診所人員接到通知攜帶執業執照正本及健保卡正本，前往指定地點接種。
歐佳齡說，從今天開始施打，包括聯合醫院各院區等地區都會協助施打疫苗，計算下來，一天可打6800人至7000人，也有分批通知各診所施打的時間避免群聚，至於周六前所有北市基層診所醫護人員是否會全面施打完成，歐佳齡說，除非疫苗不夠，但會盡量滿足需求，盼能在周六前完成施打。</t>
  </si>
  <si>
    <t>在印度4月新冠肺炎（COVID-19）疫情失控、醫療體系陷入崩潰之時，全球發揮人道精神，緊急向其捐贈氧氣、藥品等醫療物資。不過「英國廣播公司」（BBC）6日指出，印度政府對物資的整理與分配過於緩慢，有些疫情嚴重的地區至今仍未獲得任何緊急援助物資。
BBC指出，目前呼吸器、藥品、氧氣製造機等醫療物資，正持續自全球湧向印度，僅在1日期間，便有25趟航班逾300噸物資送達印度，但這些緊急用品大多被放在倉庫中等待清點；當地官員透露，首批送達印度的緊急援助物資，在倉庫待了超過一個星期才開始對外發放。
印度南部克勒拉省（Kerala）衛生局長柯布拉加德（Rajan Khobragade）告訴BBC，該省疫情嚴峻，本週已新增近4萬確診病例，但至今仍未獲得任何來自外國的援助物資；克勒拉省長維加揚（Pinarayi Vijayan）5日已致信印度總理莫迪（Narendra Modi），呼籲其盡快向該省提供氧氣。
印度醫護協會（Healthcare Federation of India）會長馬哈揚（Harsh Mahajan）表示，印度政府並未提供關於如何或何時領取援助物資的資訊；印度樂施會（Oxfam）官員阿南德（Pankaj Anand）也認為，恐怕沒有任何人清楚物資上哪去了。
根據報導，外國援助物資須先交給印度紅十字會，由其帶過海關，再交給印度衛生與家庭福利部旗下國營企業HLL Lifecare負責運送；期間由於物資包裝不一，印度政府還須先開封清點再重新裝箱，導致物資難以迅速向外發放。
不過印度政府強烈否認物資分配出現延宕，強調其已引進簡化過的新標準作業程序（SOP），正每天24小時不間斷地向各地發放物資，到4日為止已有31個省的38個機構獲得物資。</t>
  </si>
  <si>
    <t xml:space="preserve">義大利為遏止新冠肺炎，從10日開始全國封城，至今已一個星期，似乎稍微看到成效，義大利民事保護部門負責人、新冠病毒緊急委員會專員博雷利(Angelo Borrelli)說，新增感染人數增幅有下降趨勢，他相信疫情拐點可能正在到來。
路透社報導，博雷利在16日的每日疫情通報中說，義大利的新冠肺炎死亡人數上升至2,158，與昨天記錄的1,809相比，增加了349人。確診的感染的人數也在增加，全國染病人數為27,980人，比昨天的24,747人增加了2470例，增長幅度13％。
雖然如此，但是博雷利說，這是自2月21日疫情爆，增長幅度最低的數字，所以他認為，大利的疫期已有減緩的趨勢，預計未來幾天這一趨勢會更加明顯，拐點可能正在到來。
治癒的人數總計為2749人，高於昨天的2335人。重症監護患者也有所增加，今天是1,851人，昨天為1,672人。
</t>
  </si>
  <si>
    <t>新冠肺炎疫情出現院內感染，前衛生署長葉金川表示，即便接下來院內感染受控，仍可能出現病例，由於無症者具備傳播能力，充滿高度不確定性，疫情高峰何時到仍難估算，接下來大陸若疫情控制住，便會解禁封城，面對一時湧回上千台商，以目前台灣的篩檢容量絕對不夠，應盡快擴大，預作準備。
17年前因SARS封院，當年身先士卒進和平醫院指揮的葉金川說，這次院內感染和當年和平醫院不一樣，這次只是院內局部，和平醫院則已到第二、三層傳染，由曹姓婦人傳染給洗衣工，洗衣工又傳出去。
因應大批台商湧回
葉金川說，這幾天若院內感染未再現新病例，以潛伏期14天算，這波院內感染才有機會告一段落，但未來還會有確診案例出現，疫情何時結束只有上天知道，台灣仍需面對疫情挑戰，尤其篩檢量能需再提升。
葉金川表示，目前國內一天篩檢600~700人是不夠的，雖然台灣對選擇篩檢對象較嚴謹，但以日前寶瓶星號為例，全船1700多名旅客，只有120多人採檢送驗，雖然疫情指揮中心合理設了篩檢條件，包括有無發燒、有無呼吸道症狀及旅遊史等，但在會有無症狀傳播者前提下，這樣的篩檢太保守，防疫要料敵從寬，只要檢驗量能足以應付，就應儘量去找。
篩檢太少問題，同樣反應在確診病例接觸者檢驗上，葉金川說，目前只對確診病例親密接觸者採檢，至於一般接觸者要有症狀才採檢，由於新冠肺炎傳染力強，先前也有孫女只探視外祖母就被感染，如果檢驗量能許可，將一般接觸納入篩檢也無妨。
接觸者採檢可更多
葉金川強調，現在疫情指揮中心已將一天檢驗量能提升到2500件以上，由於大陸一些因新冠肺炎封城的城市，在不久的未來會啟封，屆時每天有上千名台商及小孩要回來，疫情指揮中心要自問，這樣的檢驗量夠嗎？以現階段篩檢量能，答案顯然是不夠，將檢驗量能繼續提高，是接下來要努力旳重要方向。</t>
  </si>
  <si>
    <t>因為新冠肺炎疫情，近日衛福部推出「口罩2.0」，但並無移工適用的如越語、印尼語、英語及泰語等外語版，移工團體質疑，雖然推出口罩網購，但無論健保快易通App、口罩購買網站均無移工適用的外語版，也沒有方便移工付款等方式，呼籲政府應督促雇主提供。
據勞動部統計，截至去年年底全台移工逾71萬人，包括產業移工45萬餘人、社福移工26萬餘人，雖然近期衛福部針對移工製作外語文宣等，但口罩取得仍不易。
目前口罩2.0提供的網路預購提供成人口罩，成人口罩7天可購買3片，每片5元，每筆訂單需自付7元運費，意謂22元可取得3片口罩，付款方式則包括轉帳、信用卡等方式。
移工界人士表示，目前觀察部分移工外出會配戴口罩，但仍以自行製作的布口罩為主，而未配戴口罩的原因主要為沒有時間排隊購買等，雖然政府推出口罩2.0預購制度，但沒有越語、印尼語、泰語及英語等外語版，移工自行操作上有困難，再加上如轉帳、信用卡等付款方式對移工而言並不友善，遑論到超商領取，呼籲政府應督促雇主提供口罩給移工。</t>
  </si>
  <si>
    <t>新北市法制局抽驗市售11款抗菌布口罩，結果有2件不符合國家抗菌標準，8件商品標示不符規定，至於甲醛及可遷移螢光劑檢測則全部合格。其中不符合國家抗菌標準的廠商1家在新北已要求下架，另1家在北市，已移由北市政府做後續處理，請他們下架日後不繼續販售。
消保官鍾佳儒認為，抗菌布口罩的價格跟抗菌力未必有顯著相關性，舉例北市廠商出產的布口罩一個要299元，代表未必越貴越好，但便宜也不見得能達到我們的要求。
法制局吳宗憲局長指出，由於機能性紡織品通常係無法目測了解其標榜的效能，消費者不易直接從產品的外觀及觸感來辨別產品的功能，消保官身為消費權益的捍衛者，更應替民眾好好把關；本次抗菌性檢驗依CNS 14945「一般用途抗菌紡織品性能評估」進行，係評估標榜抗菌性能紡織品「減菌率」，以金黃色葡萄球菌（革蘭氏陽性菌）和肺炎桿菌（革蘭氏陰性菌）作為代表菌種，測試時係將定量菌液接種在標榜抗菌的紡織品上，觀察經過一定時間後細菌能減少多少。根據本標準，抗菌性紡織品減菌率至少應達到99％。
鍾佳儒說明，經全國公證檢測結果，11件樣品的甲醛及可遷移螢光劑檢測皆符合標準，但有2件不符合國家抗菌標準，其中1件樣品竟測出肺炎桿菌數沒有顯著減少，抗菌效果令人存疑。另再經本府經濟發展局依據商品標示法及服飾標示基準進行標示查核，8件樣品的商品標示不符，包括無標示生產國別、尺寸或尺碼、纖維成分或填充物成分及洗燙處理方法等。
鍾佳儒說，本次市售11款抗菌布口罩的抗菌性檢驗結果，已請抗菌檢測不符合之製造廠商先行下架，並由新北市經濟發展局或移請業者所在地其他縣市依據商品標示法及相關規定進行查處輔導改正。</t>
  </si>
  <si>
    <t xml:space="preserve">新冠肺炎肆虐全球，全球累積141萬人喪命，各國恐將停辦跨年晚會，不過台灣疫情控制得當，跨年晚會照常舉行，但屆時勢必數十萬人群聚一起，恐將形成防疫破口，也讓曹西平在臉書呼籲：「停辦一次跨年又會如何？」不過眼見似乎沒啥成效，讓他再次發文喊話：「萬一出事情誰要負責」。
曹西平擔憂舉辦跨年晚會時，數十萬人聚集會場並塞爆捷運，屆時恐造成群聚感染，導致台灣防疫破功，再次呼籲各縣市能停辦跨年晚會，改用現場轉播倒數計時就可以，更強調跨年晚會時間這麼長，誰能口罩可以帶七、八個小時都不會脫掉，尤其參加跨年晚會的人來自世界各地，誰身上帶有病毒也不清楚，若真的出事了，誰能扛起負責這30多萬人的責任。
此外，曹西平表示12月起強制戴口罩，不戴口罩要被罰1萬五千元，既然如此為何還要眾人冒著群聚危險，邊強迫大家戴口罩邊辦跨年晚會倒數，更點出各縣市政府都哭喊發不出薪水了，不解為何還是要燒錢辦跨年晚會，讓他質問：「不懂這樣子的心態是什麼？」
對此網友多贊同曹西平的見解，紛紛留言：「曹大哥那麽中肯的苦口婆心，若聽不進去没效就只能自求多福」、「大家都在努力做好防疫，但跨年還群聚這麼多人，真的很矛盾」、「跨年的模式一成不變，政府花錢做這種跨年要幹嘛，更何況疫情還未解除」。
</t>
  </si>
  <si>
    <t xml:space="preserve">新冠肺炎疫情持續延燒，避免可能的群聚感染，屏東基督教醫院與國小防疫中心宣導學校仁愛國小合作，安排畢業後第1年的住院醫師前往學校及社區宣導正確防疫知識，趁勢培訓社區防疫小尖兵。
9位分別來自成大醫院、奇美醫院、嘉義基督教醫院、高雄長庚醫院、高雄榮民總醫院、高醫畢業後第1年的住院醫師，目前在屏基接受2個月社區醫學訓練，認識並體驗基層醫療。
由於學校已停止大型集會，因此住院醫師們從上周開學後便進入仁愛國小，依學校健康中心安排到各年級一班一班地宣導，內容包括認識新型冠狀病毒肺炎的傳染途徑、症狀及預防；正確洗手步驟、如何戴口罩，學生們反應熱烈，發問各種問題，從無症狀該怎麼辦到藥物治療等，顯示學生們也很關注疫情發展。
醫師潘柏宏指出，到校宣導衛教主要的目的就是教導學生如何打斷新冠肺炎的傳染途徑，包括戴口罩、勤洗手，其實懂得越多、沒來由的恐慌也就能夠避免。
</t>
  </si>
  <si>
    <t>新冠肺炎疫情以來，各家診所業績「雪崩式」減少，尤以耳鼻喉科及牙科最多，跌了5成以上，基層診所反映，防護相關設備不足，無法因應未來大規模社區傳播。
台灣麻醉科醫學會理事長陳坤堡指出，他親眼看到很多醫師，在演練執行插管時，就只穿著普通隔離衣，「萬一患者咳嗽噴出飛沫，就會沾染到病毒」，因此醫學會只好自我救濟，研擬「降低插管感染風險麻醉醫學會發佈建議書」，希望提供給各醫院，一套安全的流程建議。
插管風險 盼有安全建議
彰化縣鹿港鎮豐安診所院長蔡明忠指出，任何疫情產生會有民眾擔心的效應，包括擔心而不敢看病、或害怕看病引發更大感染，導致「游離現象」，且民眾對病毒的自我認知強烈，讓診所面臨更大的看診麻煩。
一家基層診所每月基本支出約2、30萬元，診所醫師林應然認為，SARS疫情只有幾個月影響，而新冠肺炎應會拖很久，基層診所的呼籲只是未雨綢繆，希望政府在紓困專案中，提供基層診所補助、甚至支助未來遭到隔離的診所，否則會有診所被迫關門。
蔡明忠強調，經濟壓力是其次，反而社會壓力與醫師面對生死交關的問題影響最大，這代表醫療端的付出應受各界關心與支持，現在基層院所更擔心設備不足以預防病毒，政府應根據疫情發展程度，提供不同裝備，以對抗病毒。
防護不足 籲中央當靠山
基層診所需要政府告知什麼流程，才能順利處理病人達到分流效果，蔡明忠說，新冠肺炎變異方式多、病情變化大，政府要絕對支持基層醫療臨床診治，如果衍生民眾對醫療的誤解，政府要當基層醫療的靠山，這比發給防疫裝備更重要。
蔡明忠指出，當基層醫療有防疫裝備、有足夠心靈支持與法律協助，台灣的基層醫療會在這場嚴峻的病毒戰爭中，成為一道堅強的防線，台灣的防疫體系才能完整。</t>
  </si>
  <si>
    <t>2020東京奧運因為新冠肺炎大流行從今年7月延到明年7月23日，但是疫情至今尚未受到控制，也依舊影響許多國際賽事進行，不過國際奧會（IOC）副主席柯提斯（John Coates）表示，不論有沒有新冠肺炎疫情，東京奧運明年仍會舉行。
柯提斯向法新社證實，2020東京奧運會在明年7月23日開始，並形容東奧是「擊敗新冠肺炎的比賽」，柯提斯補充：「比賽會有自己的主題，原本東京奧運要以2011年日本地震及海嘯災難之後、象徵日本重建的大賽。」
柯提斯補充：「現在，東京奧運就會是擊敗新冠病毒的比賽，是陰暗通道後的光芒。」
東京奧運籌備委員會秘書長武藤敏郎在7月份表示，這次東京奧運規模可能會限制觀眾人數，但會盡量避免完全閉門進行，屆時是否有疫苗也不是辦比賽的先決條件，但如果疫苗問世，絕對是很大的幫助。
國際奧會主席巴赫（Thomas Bach）說過，要讓一個動輒出動3000到5000人的大型賽事，並讓各國際協會在每年不斷修改行程是很困難的，因此假如2021年還是辦不了，那就不會再延期，而在2020東京奧運延賽前，奧運史上有過兩次因為戰爭取消，但這是第一次延期。</t>
  </si>
  <si>
    <t xml:space="preserve">過去2周，美國確診案例暴增近百萬，這數字比整個6月還要多，也意味著美國距離疫情完全控制仍言之過早，且正如川普總統所言，情況在好轉之前，會先變得更糟糕。
在23日，美國確診人數可望跨過4百萬大關。依照約翰霍普金斯大學的系統，美國至22日的總確診為397萬2千餘例，以當天新增6萬8千多例確診來看，4百萬里程碑鐵定落在23日。
美國第1個確診的新冠肺炎案例，在1月21日通報。99天後，美國被感染的人數到達百萬。再經過43天，全美已有2百萬人感染新冠病毒。在這之後不到一個月，28天後的7月8日，美國確診衝上3百萬。可怕的是，僅僅半個月，染疫人數就飆到4百萬，且新增百萬例的時間間隔愈來愈短。
</t>
  </si>
  <si>
    <t>摩爾投顧分析師鐘崑禎表示，台股17日盤中一度逼近具有長線投資意義的10年均線，隨即吸引不少低接買盤進場，終場下跌278.14點，跌幅明顯縮小，緩步止跌的跡象浮現。
個股方面，本周納入投資組合的元大美債20正2，受惠美國聯準會（Fed）閃電降息4碼，以及美股道瓊指數16日再度大跌近3,000點，市場資金轉往避險資產，債券價格維持高檔不墜。
以經濟面觀察，2008年金融海嘯起因是銀行超貸所引起的連鎖反應，但本次全球股市重挫，主因是新冠肺炎造成的經濟衰退，然以客觀數據來看，並未出現明顯減退，且金融海嘯是「實質經濟問題」，新冠肺炎則為「心理預期的恐慌」。因此後續股市修復的速度，預期將大幅優於金融海嘯時期，短時間內應可回到原有位階。</t>
  </si>
  <si>
    <t>美國衛生及公共服務部部長亞歷克斯·阿札爾（Alex Azar）今天率團訪台，這是及1979年以來訪台層級最高的美國內閣官員，阿札爾在台灣時間下午五點左右已經抵達松山機場，下飛機後由AIT處長酈英傑等人迎接，阿札爾也向媒體揮手。
美國衛生部部長阿薩爾於本周率團訪問台灣，阿薩爾為首位訪台的美國衛生部部長，也是六年來首位訪台的美國內閣成員，以及1979年以來訪台層級最高的美國內閣官員。
美國在台協會表示，阿薩爾此次歷史性的訪問將強化美台夥伴關係，並促進美台對抗全球新冠疫情的合作。台灣作為一個自由、透明的民主社會，在對抗疫情上成果非凡，展現出台灣在國際社會所扮演的關鍵角色。</t>
  </si>
  <si>
    <t>全台陸續出現接種AZ疫苗後時間關連性的猝死案件，台中市累計至21日已有12例；21日再傳出有一名66歲洗腎男子清晨被發現無呼吸、心跳，送醫不治，此外，潭子另名86歲老婦跌約上午8時在家中跌倒，救護人員到場已無生命跡象，送醫搶救無效過世，經了解個案曾於15日施打AZ疫苗。
台中潭子區6月21日傳出兩名日前接種AZ疫苗患者猝逝意外，先是清晨6時一名66歲洗腎男子，被家人發現無呼吸、心跳，送慈濟醫院救不治身亡，經了解，他在6月17日曾於洗腎診所施打AZ疫苗。
而上午約8點，另外86歲老婦在家跌倒，救護人員到場已無生命跡象，送往豐原醫院搶救無效過世，該婦人也曾於15日施打AZ疫苗。
台中市衛生局表示，兩案例將通報中央釐清死亡與疫苗的相關性，衛生局也將協助家屬提出預防接種受害救濟申請，協助收集相關病歷資料，提送中央審議，如確定因預防接種致死，最高將給付600萬元救濟金。</t>
  </si>
  <si>
    <t xml:space="preserve">巴基斯坦總統艾維今天在推特發文說，他在接種2019冠狀病毒疾病（COVID－19）第1劑疫苗後，驗出了病毒陽性反應。
艾維（Arif Alvi）推文說：「我已接種過（第1劑）疫苗，但要到一週後再次接種（第2劑），才會產生抗體，所以請各位保持謹慎。」
巴基斯坦的病例增加快速，總理伊姆蘭汗（Imran Khan）本月稍早在注射過第1劑疫苗2天後，也驗出病毒陽性反應。不過巴國官員指出，他可能是在接種疫苗之前即已感染病毒。（譯者：張佑之）1100330
</t>
  </si>
  <si>
    <t>一名曾接種過高端疫苗的嘉義大學生，近日在通勤途中昏倒。指揮中心今天證實，該名大學生曾在九月十日接種高端疫苗，十六日在騎車途中昏倒，目前醫師研判為右側缺血性腦中風，正在加護病房搶救中，個案現已通報進不良事件統計系統，將協助家屬申請預防接種受害救濟（VICP）。
指揮中心發言人莊人祥表示，該名男大生年約二十幾歲，經醫院回傳資料發現有血栓症狀，為右側缺血性腦中風，正在加護病房住院，至於相關疫苗接種後不良事件回報，這幾天各醫院仍然在持續進行，預計連假過後才會對外說明統計資訊。</t>
  </si>
  <si>
    <t xml:space="preserve">美國總統川普周四在新冠肺炎簡報會中發火，當《華盛頓郵報》（The Washington Post）記者駱克（Philip Rucker）問及，美國國土安全部（U.S. Department of Homeland Security）科學技術局代理局長布萊恩（William Bryan）說，新冠肺炎可被濕與熱，還有清潔劑遏制時，滿腔怒火頓時大爆發。
據《國會山莊報》（The Hill）與天空新聞（Sky News）網報導，川普在簡報會中說，專家可以進一步研究，以注射清潔劑和強光照射來治療新冠肺炎，引發廣大爭議。
「我是總統，而你是假新聞，」川普對駱克說，「那只是來自優秀實驗室，來自十分十分聰明，甚至是聰明絕頂人士的建議。他說的是太陽，說的是熱。而你也看到數字了。就是那樣，我說的就是這些。我只是在這兒秀人才，提構想的。」
Trump to reporter: "I'm the President and you're fake news." pic.twitter.com/QCtkX393l7
不過，當川普轉頭問白宮新冠肺炎工作小組應變協調員柏克絲（Deborah Birx）時，她卻回答，不知道陽光能有效遏制任何病毒的事。
當另一名記者問川普，他知不知道，CNN報導，北韓最高領導人金正恩動了心臟手術病危的事。川普在回答前，先吹捧自己的政府和前任政府不同，和金正恩關係親密，接著就痛批CNN。
「我認為那報導不正確，」他說，「我認為，那報導是由不正確的新聞網做的。我聽說他們用的是舊文件……我希望那是不正確的報導。」當CNN記者問他，和金正恩是否有任何聯繫時，他則拒絕回答。當她還想繼續提問時，川普斷然回答：「別和我說話，CNN是假新聞！」
</t>
  </si>
  <si>
    <t xml:space="preserve">國內疫情趨緩，儘管防疫2級警戒11月2日不會調降，但管制措施將大幅鬆綁。行政院長蘇貞昌今天宣布，11月2日起，KTV可以不用戴口罩，看電影、搭客運與雙鐵都開放飲食，集會也不再受人數限制，而八大行業也分階段規劃鬆綁，相關實施時程與細節由指揮中心宣布。
蘇貞昌今主持行政院會後，由政院發言人羅秉成轉述會中結論表示，目前全球每日新增約40萬確診數，台灣因全國同胞共同努力，已連續60天本土確診個位數，累積超過30天零確診，另由於目前疫苗愈來愈充足，希望今年底前能將第二劑的施打率衝高到6成。
交通部指出，現行交通場站內均已開放飲食，故在維持基本防疫條件下，全面鬆綁交通運具內飲食限制，包含台鐵及高鐵列車內、公路客運及遊覽車內，以及國內線班機與船舶內，在維持適當社交距離下、鄰近無旅客或旅客有配戴口罩下，可開放飲食。另郵局營業區域亦可在前開條件下開放飲食。
此外，指揮中心解除室內80人、室外300人的容留管制規定，因此交通部轄管國家風景區及觀光遊樂業，也配合取消容留量上限為承載人數80％的規定，不另訂上限。
蘇貞昌稍早在院會中也表示，和指揮中心等部會討論過後，11月2日起，民眾到KTV唱歌可以不用再佩戴口罩，集會人數也不會再受限制，另外，八大行業也會分階段鬆綁。
</t>
  </si>
  <si>
    <t xml:space="preserve">行政院副院長陳其邁在臉書大談口罩實名制的流行病學基礎，他說，若國內防疫工作不夠落實，則依此等比級數累計增加，只要傳遞9次，確診人數就會來到26萬人，將造成非常可怕的後果。
陳其邁說，在流行病學中，有個常用來判斷傳染病傳染力的重要指標「R₀ 基本傳染數」(Basic Reproduction Number)，R₀ 指數就是指一個確診感染病患者會傳染給其他人數的平均值。
他表示，根據研究，流感的R₀數值約為1.8～1.9，SARS的R₀指數約為2～3之間，目前新冠肺炎(COVID-19)的R₀指數約為3～4，表示一個確診病患平均會傳染給4個人。若國內防疫工作不夠落實，則依此等比級數累計增加，4x4=16，16x4=64，64x4=256，以此類推，只要傳遞9次，確診人數就會來到26萬人，將造成非常可怕的後果，某種程度也解釋了為何新冠肺炎接連在東亞、中東及歐洲國家造成這麼大的疫情。
他說，若R₀指數大於1時，表示該被傳染者仍會持續增加，若R₀指數 ＜ 1時，表示傳染病將會逐漸減少。因此站在公共衛生的角度，就是將傳染病的R₀指數降至1以下。要降低R₀指數取決於「找出確診」、「追蹤及檢疫」及「社會距離及個人衛生」等三大指標。按照統計模型，若能積極篩檢找出確診個案，並落實居家隔離、檢疫及追蹤，強化對大型集會活動的限制，以及提升口罩覆蓋率等阻隔傳染路徑，將能有效達到效果。
陳其邁指，如何提升口罩覆蓋率就是在這個邏輯下制定的政策，政府於2月6日推出口罩實名制購買政策。當時國內口罩產量最高約每天400萬片左右，扣除優先供給醫療院所及防疫用途後約剩150萬片，7天約1000萬片，因此先以覆蓋500萬人口為目標，每人為2片，當時就預估會以老人及兒童居多。後來每週可供民生需求的口罩達2000萬片後，「再加量」以覆蓋1000萬人口為目標。經過幾週的數據調查，老年人、兒童覆蓋比例最高，均達60％以上，而年輕人覆蓋比例最低，僅40％左右。
他並說，年輕人若確診新冠肺炎，臨床上以輕症表現居多，但若回到家裡可能傳染給風險較高的長輩族群。且考慮到青年因為就學、就業因素，購買不易，因此推出「口罩實名制2.0」，除了現行實體藥局購買管道照舊外，增加透過網路預購、線上付款、超商領貨方式，方便年輕人購買口罩，提高整體族群口罩覆蓋率。甚者，如前述，新冠肺炎輕症感染居多，且其R₀高於SARS，因此口罩的覆蓋率更顯重要。
陳其邁表示，「口罩實名制 2.0」自3月12日網路預購開跑至今，已超過120萬人透過網路預購，提供除了實體藥局以外的其他購買管道，方便更多人更省時間取得口罩，也讓防疫能夠更落實，這就是行政院團隊推出口罩實名制政策的思考策略。
</t>
  </si>
  <si>
    <t>大陸陝西省衛生健康委員會4日表示，截至4日8時，全省確診的245例病例，已治愈出院218例，治愈率88.9％。
陝西先後修訂完善醫療救治診療方案和流程圖，制定執行新冠肺炎病例轉運工作方案、重型及危重型患者轉診工作方案、出院標準及出院流程和新冠肺炎患者遺體處置工作指引等。
同時，陝西嚴格實行分類救治，將重型及危重型患者全部集中在省級定點的唐都醫院救治，兒童患者集中在西安市第八醫院、西安市兒童醫院救治，孕產婦患者集中在西安交通大學第一、二附屬醫院救治，外籍患者集中在西安交通大學第一附屬醫院救治。
此外，陝西建立遠程醫療服務和指揮系統，利用網路連結市縣救治指揮部和定點醫院，由省級專家在線指導，堅持每天與定點醫院實時互動，及時了解全省患者，特別是危重症、重症確診病例救治情況，及時分析病情，研討完善救治方案，群策群力提高治療效率。
據了解，陝西製定完善符合省情的新冠肺炎中醫藥預防方案和治療方案，建立中西醫結合診療機制、會診制度及專家包市製度，截至目前，全省245名確診病例，有229例接受中藥治療，中醫藥參與治療率達到93.5％。</t>
  </si>
  <si>
    <t xml:space="preserve">張上淳遭爆2個醫師兒在本月4日、14日分別赴美遊玩，但由於上個月政府就針對醫護人員出國做出限制，加上近日疫情持續擴大，許多確診者都是出遊返國人士，引起不少人質疑。
對此張上淳表示，預定14日出國的兒子已取消行程，而4日出國的兒子在當時，台灣尚未將美國列入二級警示，因此符合資格，並未違反規定。
PTT八卦版有醫師爆料，這件事情非常嚴重打擊醫護的士氣！
爆料醫師指出，這位學弟-張P的兒子，當到台灣最強NTU的內科R了，出國很開心...放fb爽翻一波？幫你cover的同儕有沒有靠北的要死？
醫師指出，政府2/23開始放風向禁全體醫護出國，假單寫出國在各大醫學中心基本上都不太會過啦，身邊每個醫護都在法源尚不清楚的情況下默默取消行程，損失還不是自己吞！
「結果...」爆料醫師抱怨，「我們OK，你出國？」「3/4出國飛爽爽...好羨慕，我們只能每天滑檢體棒！」
</t>
  </si>
  <si>
    <t>中央流行疫情指揮中心今(31)日公布國內新增6例境外移入COVID-19確定病例，自美國(案1026)、緬甸(案1027)、印尼(案1028及1029)、衣索比亞(案1030)及孟加拉(案1031)入境。
指揮中心表示，案1026為本國籍70多歲男性，長期居住美國，今(2021)年1月3日返臺，持有搭機前3日內檢驗陰性報告，入境後於住家單獨居家檢疫。個案在臺期間並無症狀，3月29日因出境需要，至醫院自費採檢，於今日確診(Ct值31，次日再驗Ct值36，血清抗體IgM、IgG皆為陽性)。已掌握個案接觸者共53人，其中12人列居家隔離、41人列自主健康管理。已採檢48人，其中17人PCR採檢陰性，其餘PCR及血清抗體檢驗中。
陳時中表示，今天確診的案1026為本國籍70多歲男性，自美國入境，該案在台灣時間較久後才驗出，疑慮比較深，相關調查會持續進行。另自印尼入境的案1029，為印尼籍漁工。還在居家隔離期間內，公司便逕行安排採檢，雖時間短，但已違反居家隔離規定，後續會再針對違法狀況裁罰。
許多人好奇該案的感染風險，莊人祥補充，案1026為公司高層主管，還是會去公司上班，但平常都是自己開車，也會參加內部會議，但會議的人數不多，目前指揮中心會針對他可能接觸的對象作疫情調查與追蹤，但目前該案抗體陽性，看起來比較可能是在國外感染，只是進入國內時沒有採檢出來，因為出國才驗出來，病毒量不高，屬於時陰時陽的狀態。
指揮中心指出，案1027為緬甸籍30多歲男性漁工，今年3月14日來臺工作，持有搭機前3日內檢驗陰性報告，入境後至防疫旅宿居家檢疫。個案3月29日檢疫期滿後由公司安排至醫院自費採檢，於今日確診(Ct值35，血清抗體檢驗中)。個案在臺期間並無症狀，已掌握個案接觸者共3人，其中2人列居家隔離、1人列自主健康管理。
指揮中心表示，案1028及1029均為印尼籍20多歲男性漁工，今年3月4日來臺工作，皆持有搭機前3日內檢驗陰性報告，入境後至集中檢疫所檢疫，3月17日接受檢疫期滿前採檢，結果均為陰性。2人檢疫期滿後，至其他住所自主健康管理。3月24日搭乘專車至醫院自費採檢，自費採檢結果為陰性，因同行中有5人確診(案1015至1019)，轉列居家隔離對象。3月29日公司逕自安排至醫院自費採檢，於今日確診(Ct值分別為34及31，血清抗體檢驗中)。2人在臺期間均無症狀，已掌握個案接觸者共6人，其中4人列居家隔離，2人列自主健康管理。
指揮中心指出，案1030為本國籍20多歲男性，去年10月至衣索比亞工作，今年3月28日返臺，持有搭機前3日內檢驗陰性報告，入境時無症狀，主動通報曾於國外出現咳嗽、嗅味覺異常等症狀，入境採檢陰性。個案入境後至集中檢疫所檢疫，3月30日再次採檢，並於今日確診(Ct值31，血清抗體檢驗中)。已掌握個案接觸者共17人，其中5人列居家隔離、12人列自主健康管理。
指揮中心表示，案1031為孟加拉籍20多歲女性，今年3月26日來臺就學，持有搭機前3日內檢驗陰性報告，入境後至防疫旅宿居家檢疫。3月28日出現咳嗽症狀，由衛生單位安排就醫採檢，於今日確診(Ct值18)。已掌握個案接觸者共10人，其中8人列居家隔離、2人列自主健康管理。 指揮中心統計，截至目前國內累計189,458例新型冠狀病毒肺炎相關通報(含187,640例排除)，其中1,030例確診，分別為914例境外移入，77例本土病例，36例敦睦艦隊、2例航空器感染及1例不明；另1例(案530)移除為空號。確診個案中10人死亡、981人解除隔離、39人住院隔離中。</t>
  </si>
  <si>
    <t xml:space="preserve">《美聯社》5日報導，隨著印度變種病毒株(首次發現於印度)在中國大陸橫流，大陸代價高昂的封鎖與隔離戰略正面臨嚴峻的挑戰。考量到2022年北京不但要舉辦冬奧，該年年底領導人也面臨更替，習近平勢必希望能持續保持經濟熱度。過去中國大陸領導人對於阻絕病毒於門外相當有自信，而今日疫情或許正提醒北京另謀傷害性沒有這麼大的抗疫之道。
由於Delta變種病毒的高度傳染力，已讓美國、澳洲與其他國家的政府重新祭出限制措施，也讓北京必須與2020年武漢高峰期以來的最嚴重疫情搏鬥。北京政府再度祭出封鎖與隔離的老路，將擁有150萬人口的城市對外連結全數切斷、航班通通取消，並在部分地區展開大規模篩檢。
透過零容忍政策、隔離每個確診病例並阻止外國遭感染的人士入境，大陸去年成功控制住疫情，使得國內成功擺脫病毒的困擾。不過，這樣的作法影響數百萬人的工作與生活，也提醒北京政府應學會控制病毒，而非反覆關閉經濟與社會生活。
疫情期間爆紅、粉絲人數高達300萬的大陸醫師張文宏，在社群軟體上寫道「最新一波疫情的爆發，顯示大陸的戰略應該改變，畢竟病毒不會消失。世界需要學習如何與病毒共存」。
考量到2022年2月北京將舉辦冬季奧運，屆時上千名運動員、記者等前往首都，勢必考驗大陸的管制措施。另一方面，2022年年底領導階層也會面臨變動，這也讓領導階層希望大陸經濟情勢持續處於樂觀階段。
2020年，中國大陸封閉境內大多數地區，切斷擁有6000萬人口城市的對外通道。這種做法雖然被亞洲與美洲各國政府小規模的模仿與執行，但封鎖與隔離政策卻導致大陸經歷近五年來最痛苦的經濟緊縮，也逼得北京不得不在2020年3月恢復商業與國內旅行。
在大陸新一波的疫情中，許多確診病例的患者已接種疫苗。疫情撼動全球金融市場，市場憂心北京再度祭出隔離與封鎖措施恐打亂製造業與產業供應鏈。上海、東京與香港股票指標3日應聲下跌，所幸5日重新上漲。
耶魯大學公共衛生學院的陳希建議，透過加速疫苗接種或加快確診病患診療，從而避免社區爆發感染，並允許商業與旅行；大陸也應該思考開放各種疫苗，包括德國BioNTech研發的疫苗。「我不認為零容忍的做法能夠持續下去；即使你封鎖全中國大陸，依舊會有死亡人數出現，甚至更多人是因為飢餓或失業而死」。
不過，北京目前仍沒有放棄其作法的跡象。大陸國家衛生健康委員會疾病預防控制局官員指出，疾病控制必須「更快、更堅定、更嚴格、更廣泛與做好準備」。
衛生官員表示，這波2021年規模最大的疫情，可追溯到7月10日南京俄國航空的機場清潔人員。部分遭感染的旅客自南京飛往熱門旅遊勝地張家界，讓後者成為病毒傳染的大本營，疫情更向北京等10多個省市擴散。張家界3日已宣布任何人不得離開，這種做法是模仿去年發現首起確診病例武漢的做法。
飛往南京與楊州的航班都已暫停，這兩大城市與其他21個城市開往北京的火車也全都取消，江蘇省在高速公路設立檢查站，對駕駛進行快篩。政府呼籲，北京與廣州民眾應盡可能避免離開城市。
揚州大學生周蕭蕭表示，揚州部分地區已遭到封鎖，更傳出有兩間補習班僅因班上出現1名同學篩檢結果為陽性，而全班遭到隔離。由於預期封鎖可能造成物資不足，大批民眾跑去賣場採購，導致雞蛋與部分食物短缺，目前政府配給米給每戶食用。「蔬菜價格上漲，對於經濟生活不太理想，或是沒有收入的家庭恐怕很麻煩」。
雖然與印度、美國每日新增確診數破萬相比，大陸7月中旬以來的感染數為1142例(多半為南京)，實屬小巫見大巫；但大陸領導人卻深深遭到震撼。畢竟自2月以來，大陸就沒有出現死亡案例。
《環球時報》坦言，這波疫情對大陸取得不易的抗疫勝利帶來嚴峻挑戰。迄今大陸確診數約9.3萬例，死亡人數達4636人。
儘管人們擔心大陸疫苗保護作用不如其他疫苗，但南京東南大學醫院楊毅表示，南京的大部分確診者登有接種疫苗，重症案例卻很少見，這意味著疫苗的確有保護效用。
政府指控南京機場管理人員與地方官員，在病毒開始傳播的10天內並未執行安全規範，也沒有發現有人確診，至到7月20才因疫情爆發而發現。
陳希認為，大陸有必要學習在疫苗覆蓋率高、醫療保健資源更豐富的地區「容許病毒」的存在。大陸部分地區成年人疫苗覆蓋已達8成。「我不認為他們會對此視而不見(指病毒的存在)，他們應該已經在考慮了」
</t>
  </si>
  <si>
    <t>美國藥廠雷傑納隆（Regeneron Pharmaceuticals）11日（周四）宣布，用於預防與治療新冠肺炎的抗體藥物已在全美多處地點的患者進行測試，此為新冠肺炎抗體雞尾酒療法在美國首度進入臨床實驗。一旦試驗成功，雷傑納隆預計今秋就可上市。
雷傑納隆表示，臨床實驗已自周三啟動，主要針對四個族群進行抗體雞尾酒的測試：第一個族群是新冠肺炎的住院患者；第二是症狀較輕微、未住院的新冠肺炎患者；第三是身體健康、但可能感染的高風險群，例如醫療人員；第四是身體健康，但與感染病患密切接觸者，例如患者親友。
該藥廠指出，此次實驗除了瞭解抗體雞尾酒的療效之外，還將研究此藥物是否具有預防感染的效果。
雷傑納隆共同創辦人暨科學長楊科普洛斯（George Yancopoulos）指出，「如果實驗進行順利，我們將在一周或兩周內進入第二階段。接著大約一個月左右的時間，我們就能取得此藥是否具有效果的明確數據。在夏季結束之前，我們可針對藥物廣泛使用後的成效擁有充份的資料。」
他提及，「我們打造獨一無二的抗病毒抗體雞尾酒，預期將預防以及治療新冠病毒感染者，同時還可防止病毒『竄逃』，期望將作為遏止全球疫情的關鍵預防措施。目前全世界需要多種解決方法，生物製藥業致力共同努力，利用各種不同的互補措施，儘可能地幫助更多的人。」
雷傑納隆名為REGN-COV2的藥物，內含一個由該公司製造的抗體及另一個由新冠病毒康復者身上取得的抗體，將兩者結合病毒的棘突蛋白（spike protein），限制病毒擴散能力。
新冠病毒肆虐全球，藥廠無不積極研發治療藥物，雷傑納隆並非第一家新冠病毒抗體療法進入人體實驗的企業。禮來藥廠（Eli Lilly）和AbCellera合作開發的新冠病毒抗體治療，已於6月1日展開臨床實驗。</t>
  </si>
  <si>
    <t>中央流行疫情指揮中心9日公布國內新增16例COVID-19境外移入確定病例；另確診個案中無新增死亡。
指揮中心說明，今日新增16例境外移入個案，為11例男性、5例女性，年齡介於10多歲至50多歲，分別自美國(案16800)、越南(7例，案16801-16802、案16806、案16809-16812)、西班牙(案16803)、英國(2例，案16804-16805)、菲律賓(2例，案16807、案16815)及印尼(3例，案16808、案16813-16814)入境，入境日介於今(2021)年11月25日至12月7日，皆持有搭機前3日內檢驗陰性報告。
指揮中心統計，截至目前國內累計4600226例新型冠狀病毒肺炎相關通報(含4582236例排除)，其中16704例確診，分別為2060例境外移入，14590例本土病例，36例敦睦艦隊、3例航空器感染、1例不明及14例調查中；無新增空號病例，累計111例移除為空號。2020年起累計848例COVID-19死亡病例，其中836例本土，個案居住縣市分布為新北市412例、台北市321例、基隆市29例、桃園市27例、彰化縣15例、新竹縣13例、台中市5例、苗栗縣3例、宜蘭縣及花蓮縣各2例，新竹市、南投縣、雲林縣、台南市、高雄市、屏東縣及台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新冠肺炎疫情擴散，歐亞美洲都受到嚴重衝擊，如今病毒更將觸手延伸至非洲。當地時間3月20日，我前邦交國布吉納法索繼國會副議長龔保雷病逝後，宣布4名部長同日確診新冠肺炎，目前該國已累計40例確診。
綜合陸媒報導，這四名部長分別是外交部長艾法貝瑞；教育與語言推廣部長史丹尼斯瓦夫瓦羅；國土管理、社會和解部長西梅翁薩瓦多戈與礦業、採石業部長奧馬魯伊達尼，其中貝瑞也在推特上證實自己確診，但並沒有透露更多訊息。
布吉納法索總統卡波雷也在同日晚間舉行記者會，並宣布禁足令，要求民眾在晚上7點後到隔天早上5點前不得出門，並關閉所有機場、封鎖邊界，實施為期兩周，即刻生效。</t>
  </si>
  <si>
    <t xml:space="preserve">新冠病毒肆虐全美，迫使42個州都下達禁足令，讓95%的美國人口處於半封鎖狀態。雖然美官方文件指出居家防疫時間不宜輕易鬆綁，但包括共和黨與民主黨執政內的數州民眾開始「坐不住」，認為禁足時間太長，近日甚至出現上街抗議，媒體分析指出這除了與愈來愈多人關注防疫與拚經濟之間的平衡之外，也與川普在推特一旁「搧風點火」有關。
據美國有線電視新聞網（CNN）報導，密西根、俄亥俄州、肯塔基州、明尼蘇達州、北卡羅納州以及猶他州已經在近日內出現抗議居家防疫令的聲浪。雖然密西根州州長惠特默（Gretchen Esther Whitmer）已將禁足令延長至4月30日，一名住在當地、替福特汽車工作的抗議民眾無視規定，表示「我知道防疫很重要，但為此我們暫停生活太多」。
另外，明尼蘇達州16日也在州政府大樓前抗議居家禁足令，該州要求命令必須延長至5月3日。一名抗議活動發言人表示，明尼蘇達州苦受於財政困難與經濟蕭條，他們相信可以在對抗疫情期間，讓他們恢復正常上班生活。
全美數州已按耐不住，剛好與一再要求要讓全球經濟復工的川普不謀而合，他也一再網路上鼓舞抗議復工，在推特上寫著「解放明尼蘇達州！解放密西根州！」、「拯救你們偉大的（美國憲法）第二修正案，它遭受圍攻！」。
LIBERATE VIRGINIA, and save your great 2nd Amendment. It is under siege!
不過據美國國土安全部與衛生及公共服務部的文件顯示，居家防疫如實施30天就鬆綁，全美新冠肺炎感染人數將在夏季飆升，恐奪走20萬條人命，死亡人數只比毫無防疫作為少10萬人。
《紐約時報》分析，美國各州出現抗議活動要求放寬管制，令人想起茶黨（Tea Party）運動初期情況，當時怒氣沖沖的抗議群眾曾闖入民主黨籍國會議員在市政廳的會議，抗議時任總統歐巴馬的健保改革，但這些抗議群眾背後都有重量級保守派人士和金主暗中支持。
</t>
  </si>
  <si>
    <t>對於目前台灣疫情面臨嚴峻的局面，國民黨台北市議員王鴻薇翻出民進黨立委范雲在去年3月間還主張拍攝抗疫成功的紀錄片。王鴻薇爆氣說，目前局面就是施壓3+11的范雲造成的，團結防疫不代表忘記范雲的責任，提名范雲的民進黨也不要再裝睡，裝死。
范雲去（2020）年3月間在立法院質詢文化部長鄭麗君時表示，全世界媒體都在報導我們，我們有沒有可能主動出擊，譬如說我們之後能有一個影像、紀錄片或電影，變成是台灣的「獨立戰役」？
當時引發網友質疑時間點洽當嗎？不少網友跑到范雲臉書留言，認為還在防疫期間，這樣做似乎有點超過了。
國民黨立委林為洲當時也表示，時間點應該還沒到，防疫第二波高峰才剛開始，要拍也是等防疫告一段落，這時候不要歌功頌德。
范雲當時也回應，不用擔心歌功頌德的事情吧！因為立法委員是代表民間力量，才來做此呼籲。
國民黨台北市議員王鴻薇今（17）日在臉書痛批，目前疫情面臨嚴峻的局面，到底是誰造成的？就是施壓3+11的大立委范雲，還有指揮中心扛不住綠委壓力的錯誤決策。王鴻薇強調，團結防疫不代表忘記范雲的責任，提名范雲的民進黨也不要再裝睡，裝死。
王鴻薇怒稱，雖說在疫情延燒之際，防疫是第一要務，但看到去年范雲主張拍攝抗疫成功紀錄片的質詢，還是忍不住爆氣！</t>
  </si>
  <si>
    <t xml:space="preserve">面對美國川普政府一再指責陸隱瞞疫情，並揚言調查可能是病毒起源的武漢病毒研究所，陸官媒連日反擊，除了先前陸中央電視台連兩日指責美國國務卿蓬佩奧有「四大罪」之外，陸《人民日報》也於4月30日晚發布《這10個追問，美國必須回答》，除了批評美國忙著造謠抹黑「甩鍋」之外，這些問題都指向美國可能早出現社區傳播，懷疑美國恐為真正的病毒起源。
以下是《人民日報》追問美國的十大問題：
1.禽流感病毒改造去年突然重啟，之後無聲無息，為什麼？
2019年2月，據美國《科學》雜誌網站披露，美國政府機構已「悄悄」批准曾引發巨大爭議的禽流感病毒改造實驗，這類被認為「危險」的實驗在被禁多年後將很快重啟。相關實驗可將H5N1禽流感病毒改造得易於在哺乳動物間傳播，被認為可能帶來人際傳播風險。美國為何在相關實驗被暫停4年多後重啟這類危險實驗？又為何不見披露進展？
2.美軍生物實驗室一度關閉停產，真相是什麼？
日前，據「全球生物防禦」（globalbiodefence）網站報道，位於馬里蘭州德特里克堡的美國陸軍傳染病醫學研究所（USAMRIID）已經全面恢復運行。2019年7月，美國疾病控制與預防中心（CDC）正式向位於馬里蘭州德特里克堡的美國陸軍傳染病醫學研究所（USAMRIID）發出「停產令」，要求其停止進行「特定生物製劑與毒素」研究。今年3月，白宮請願網站出現一道特殊的請願帖，要求美國政府公布去年7月「關閉」德特里克堡生物實驗室的真正原因。USAMRIID神秘「關閉」和迅速重啟引人關注。針對白宮請願網站請願帖上的要求，美國作何回應？
3.去年傳染病演習情景今年真實上演，真的只是巧合？
今年3月《紐約時報》披露的一份美國官方秘密文件顯示，2019年1月至8月16日舉行，美國衛生與公共服務部（HHS）發起組織了一場代號為「赤色傳染」（Crimson Contagion）的推演，演習以中國最早出現病毒為模擬情景。2019年10月，美國多個機構又組織了一次代號為「Event 201」的全球流行病演習。演練中的模型假設一種名為CAPS的冠狀病毒，比SARS致命，又如感冒輕易傳播，卻未開發出疫苗，能迅速傳播促成全球大流行。美國去年進行的傳染病演習的設定與現實的吻合度如此之高是否只是巧合？既然有演練在前，新冠疫情發生後美國為何沒有給予足夠的關注和重視、宣稱「尚在掌握之中」？
4.提前預測疫情大流行又無視警告情報，為什麼？
今年4月，據美國廣播公司（ABC）報道，有內部消息稱，早在2019年11月下旬，美國情報官員就曾多次向國防情報局、五角大樓和白宮警告，一場傳染病正在席捲中國武漢地區。美國國家醫學情報中心（NCMI）去年11月出具了一份詳細闡述病毒大流行情況的報告，也就是後來被確認的新型冠狀病毒肺炎「COVID-19」。有分析人士認為武漢疫情爆發可能會演變成一場災難性事件。據美國《華盛頓郵報》網站報道稱在年初的2個多月時間裏，特朗普獲得了美國情報機構發出的關於新冠病毒的密集警告。美國政府為何一直拖到3月13日才宣布進入「國家緊急狀態」？
5.有多少流感患者感染的其實是新冠肺炎，能不能說清楚？
今年2月21日，日本朝日電視台報道的「美國1.4萬名因流感致死的人中部分可能死於新冠肺炎」掀起熱議。美疾控中心2月底發佈的報告顯示，今冬流感季美國估計已有至少3200萬流感。3月11日在美國眾議院，美國疾控中心主任雷德菲爾德（Robert Redfield）親口承認，在美國，確實有一些「流感」死者實際感染的可能是新冠肺炎。美國流感感染者中，到底有多少新冠病例？美國有沒有借流感來掩蓋新冠肺炎的情況？美國何時才能公開美國流感病毒樣本及基因序列信息，或者允許世衛組織或聯合國派遣專家採樣分析？
6.新冠病毒到底什麼時候在美國出現？社區傳播是否早已開始？
今年4月下旬，美國加州聖克拉拉縣政府公共衛生部門公布的最新檢測報告顯示，早在2月6日當地就有人死於新冠肺炎，這比美國此前公布的首例新冠死亡病例出現時間提前了20多天。據《洛杉磯時報》報道，聖克拉拉縣的衛生官員科迪表示，這些新發現的死亡病例說明，當時「已經有相當程度的社區傳播」。聖克拉拉縣行政長官史密斯表示，這表明新冠病毒早在1月、甚至更早就已經開始在加州傳播。加州州長紐瑟姆（Gavin Newsom）已宣布將對去年12月以來疑似新冠死亡病例進行屍檢。新冠病毒到底什麼時候在美國出現？美國新冠疫情在社區的傳播是否早已開始？
7.全球首個啟動新冠疫苗人體試驗，這麼快是怎麼拿到毒株的？
據《華爾街日報》報道，美國國立衛生研究院（National Institutes of Health）3月16日稱，生物科技公司Moderna Inc. （MRNA）針對新型冠狀病毒的試驗性疫苗已開始首次人體測試。對於全球首次針對新型冠狀病毒的疫苗人體試驗在美國啟動一事，專家表示，美國這一針實在太快了，除非很早就開始進行試驗，更早的拿到了病毒株。美國疫苗人體試驗為何進行得如此之快？美國是什麼時候通過什麼方式獲得的毒株？
8.政府說疫情不嚴重，官員卻在狂拋股票，為什麼？
據《華盛頓郵報》報道，大約在新冠肺炎疫情引發美股暴跌之前一週，美國國會參議院情報委員會主席伯爾密集出售了自己和夫人持有的33隻股票，估價在62.8萬美元到172萬美元之間。為什麼2月中旬美國政府對本國新冠肺炎疫情輕描淡寫，而參議院情報委員會的多位官員卻在那時拋售價值上百萬的股票？難道政客們竟然一邊利用內幕交易售賣股票，一邊對公眾隱瞞疫情？
9.不許美國專家學者隨意公開談論新冠病毒，是想幹什麼？
據美國《紐約時報》報道，在由副總統邁克·彭斯領導美國防疫工作之後，白宮於當地時間2月27日開始，加強了對新冠病毒信息「發聲」的控制。包括美國國立衛生研究院（NIH）過敏和傳染病研究所（NIAID）主任、美國疾控中心（CDC）頂級傳染病專家福西（Anthony S. Fauci）在內的眾多科學家和政府衛生官員被要求：只有與美國副總統辦公室協調商議後，才能發聲明或公開露面談論新冠病毒的相關話題。為什麼號稱言論自由的美國不允許專家學者自由公開討論新冠病毒？是想隱瞞什麼還是在害怕什麼？
10.海外生物實驗室到底在做什麼研究，為什麼從不向外界透露？
據俄羅斯衛星通訊社日前報道，俄羅斯國家杜馬國際事務委員會副主席波克隆斯卡婭提議核查世界各地美國生物實驗室的合法性。前不久，俄羅斯外交部發言人就美國在前蘇聯國家建立生物實驗室表達關切。俄羅斯內政、外交和國防領域專家特羅菲姆丘克表示，美國這些生物實驗室所從事的工作從不向外界透露，並且這些實驗室引發了大量的問題，在實驗室所在地就曾爆發過大範圍的麻疹等危險的傳染類疾病。美國建立的這些生物實驗室到底在進行什麼研究？美國為何對這些生物實驗室的功能、用途、安全系數等三緘其口？
</t>
  </si>
  <si>
    <t xml:space="preserve">新冠肺炎疫情持續蔓延，預防停課不停學，台中市教育局建置線上教學系統， 台中市霧峰區率先響應，號召企業團體捐贈平板電腦，益生獅子會響應20日捐贈30台，協助霧峰區國中小弱勢學生於停課期間，仍可在家持續學習，弭平數位學習落差。
教育局長楊振昇表示，中市教育局之防疫政策「超前部署，線上教學，停課不停學」5月1號起將進行全市各級學校測試，停課不停學是最壞的打算，但我們必須做好充足的準備，經全面調查全市各級學校後，屬低收入戶且家中無平板之學生數約2,800餘位，感謝社會各界踴躍捐贈平板給學校，讓台中市弱勢學生能夠透過線上學習，維持學習進度。
益生獅子會長陳又榛表示，從霧峰區長陳宗祈處得知，霧峰區屬低收入戶且家中無平板之學生登記有67位，經扣除教育局提供及各界捐贈的平板後，尚缺少 30台，於是號召會員踴躍捐贈，補足，剩餘的缺口，讓霧峰地區窮苦人家的學子，也能無憂無慮的線上學習。
感謝益生獅子會的善心義舉，台中市政府20日在霧峰區里長聯合服務中心舉行行動學習設備平板電腦捐贈儀式，會後此批平板電腦由光復國中小洪瑞濱校長代為統籌規劃出借，且防疫結束後將直接捐贈予霧峰區國中小學家中無電腦或平板的弱勢家庭學子，希望能確保在平等環境下就學，讓愛心綿延不斷地挹注，提供更多元的學習資源。
</t>
  </si>
  <si>
    <t>新冠肺炎已經攻陷歐洲多國，其中又以義大利疫情最為嚴重！擔憂歐元區經濟恐將受到重創，投資者押注歐洲央行（ECB）7月降息的機率已攀升到50％。
隔夜與遠期Eonia利率的利差，多被外界視為觀察投資者如何預期ECB利率曲線的重要指標。從周一的利差變化來看，投資者押注ECB在7月將利率下調10個基點的機率，已從一周前的35％升高到50％。
然而該變化也反映市場對歐洲利率的預測，從年初至今已呈現戲劇性的逆轉。年初由於歐洲經濟數據逐漸持穩，引發外界預測ECB可能將從明年起開始調升利率。
此外，義大利疫情在短短幾日出現大爆發，也令歐元不支倒地。歐洲周一（24日）盤中重貶0.3％到1.0805美元，逼近上周創下1.0778美元的近三年低點。
截至目前，義大利不僅淪為歐洲新冠肺炎疫情最嚴重的國家，並也成為亞洲以外的最大疫區。到周一為止，該國感染人數已飆升到219人，並有5人死亡。
由於該疫情已出現失控，其中又以北部的倫巴底（ Lombardy）與威內托（Veneto）最為嚴重，為遏止病毒持續對外擴散，義大利政府已緊急下令封鎖這兩大地區境內11座城鎮，封城措施可能持續數週。義大利足球甲級聯賽賽事與威尼斯的嘉年華活動也都因此被迫延期與取消。
另外鄰國也不敢掉以輕心。周日往來奧地利與義大利的火車，有兩名乘客出現發燒症狀，憂心可能有肺炎感染風險，奧地利立即暫停與義大利通車，直到乘客檢測結果為陰性後，兩國才又恢復通車。
不過義國疫情雖然嚴峻，已為無邊界的申根區域帶來極大威脅，但歐洲執委會周一表示，歐盟現今並沒有計畫要對申根地區實行旅遊限制。不過它也強調將會密切關注疫情變化，並擬定多項應變措施。</t>
  </si>
  <si>
    <t>新冠肺炎疫情擴散至歐美地區，全球股市慘遭恐慌拋售，市場專家表示，台股受股災影響的同時，擁有籌碼面、技術面優勢，且2月營收利多較去年成長的個股，展現十足抗疫情力道，包括南電、泰鼎-KY、原相、展旺等16檔可做為投資參考。
新冠肺炎疫情爆發至今超過兩個月，全球醫療體系且戰且走，等待疫苗的開發，此時受波及的經濟層面愈來愈廣，從航空、旅遊、觀光、餐飲到電子業都受影響，尤其大陸營收占比偏高的上市櫃公司，營運表現受到拖累，例如麗豐-KY的2月營收驟降至1.25億元，年減56.59％，大陸營收占比偏高且2月營收僅剩下往年同期一半的案例比比皆是。
兆豐國際投顧董事長李秀利表示，上市櫃公司10日前陸續發布2月營收，台股上市櫃企業面對疫情產生的衝擊程度，開始呈現在財務數據上，市場能否鎮定應對，可能對中長線趨勢造成影響，就現階段而言，2月營收有能力繳出亮眼成績單的公司，將成為台股新一波的投資熱點。
挑選2月合併營收較去年同期成長、三大法人近五個交易日買超，且股價技術面強勁的個股，計有南電、泰鼎-KY、原相、展旺、熱映、京城銀、訊連、福懋科、中電、台勝科、圓展、松翰、世豐、台翰、安碁資訊、宅配通等16檔個股。
據李秀利觀察，營運強勁個股集中在5G受惠PCB族群，如南電、泰鼎-KY，以及肺炎疫情受惠股如熱映、展旺、松翰、宅配通、圓展。人臉辨識題材的訊連及漲價概念股矽晶圓廠台勝科，也有不錯表現。
肺炎疫情導致全球額溫槍供不應求，IC設計廠松翰提供額溫槍的MCU晶片，2月營收年增36.17％，額溫槍廠熱映2月營收年增更高達200.27％。至於抗生素製程開發、原料藥的展旺，受惠厄它培南放量出貨，2月營收年增93.22％，由於展旺2019年第四季轉虧為盈，市場期待今年財務表現更上一層樓。
永豐投顧總經理李學詩表示，疫情在海外快速散播，死亡人數攀高，市場多頭不願意冒險進攻，但台股下方年線有強力買盤支撐，形成區間架構。全球市場唯一超大利多是美國聯準會（Fed）緊急降息兩碼且國際油價低迷，通膨威脅不大，讓貨幣政策有施展空間，降低疫情在股市風險。</t>
  </si>
  <si>
    <t>新冠肺炎疫情升溫，中央疫情指揮中心１日起建議民眾採安全社交距離，人與人間隔１公尺，但在人群聚集地仍有民眾未聽勸，台南市長黃偉哲昨晚會同台南市消防局通訊義消中隊在夜市等人群上空操作無人機吊掛大聲公宣導防疫。這也是台灣首度有縣市政府將無人機運用在防疫作為上。
新冠肺炎疫情日趨嚴峻，為加強防疫，台南市長黃偉哲今（4）日率經發局、環保局、警察局與消防局等單位前往台南相當具代表性的花園夜市，向攤商及消費者宣導戴口罩、勤洗手及保持社交距離等防疫觀念，期望透過自我保護也保護他人的各項防疫作為，將新冠肺炎病毒傳染的機率降至最低。黃偉哲市長現場透過無人機廣播向民眾宣導保持社交距離及戴口罩，以降低疫病感染與傳播的機會。
黃偉哲市長表示，夜市、菜市場、賣場及觀光景點，都是容易產生人潮聚集的熱點，因此保持社交距離有相當的必要性，市府為增強宣導效能，更導入科技執法，採用無人機廣播擴大宣傳效益，未來對於公民營市場、賣場及交通運輸場站都將加強宣導民眾戴口罩，並提供酒精與強化環境消毒，盡全力降低疫病傳染風險。
黃偉哲市長進一步表示，防疫期間需要全民齊心共度難關，傳統市場與夜市人潮出入頻繁，防疫作為不可疏忽，目前市府因應疫情，將原來傳統市場1個月1次的清潔消毒工作提高次數為1週1次。黃偉哲市長並不斷呼籲大家出入公共場所務必戴口罩，養成勤洗手的好習慣，並保持社交距離。</t>
  </si>
  <si>
    <t>新冠肺炎嚇跑外資。據金管會5日發布最新統計，僑外資與陸資在2月共淨匯出38.967億美元（約合新台幣1,182億元），創半年來單月最大淨匯出，2月底僑外資及陸資淨匯入餘額為2,109.928億美元，即還有近新台幣6.4兆元的外資資金留在國內。
2019年7月及8月外資分別淨匯出近33.9億美元及64.9億美元，之後外資都是一路淨匯入，即便今年元月外資也是淨匯入近12.9億美元，但農曆年後新冠肺炎疫情升溫，外資2月有較明顯反應，2月淨匯出近39億美元，即去年9月以來的單月最大淨匯出。</t>
  </si>
  <si>
    <t>歐盟最近放寬多個地區入境旅遊限制，包括香港，港府昨宣布為使港人便利出行，決定放寬抵港檢疫期，只要符合3個條件，包括已完成接種新冠疫苗並過14日、病毒檢測無確診、驗出有抗體，即可將酒店檢疫期可縮減至7日，30日開始實施。有香港醫學專家擔心新措施恐使疫情風險增加。
香港大學感染及傳染病中心總監何栢良今表示，港府早前將高風險地區入境人士的酒店檢疫期由14日延長至21日，目的在於避免檢疫期最後有個案漏洞，但若將接種疫苗人士的檢疫期減至只需7日，或重蹈覆轍令3成個案進入社區。
至於港府的新措施下，要求抵港人士做檢驗血清抗體能否填補防疫漏洞？何栢良表示，並不能完全補漏，由於不同國家及地區對新冠疫苗的審核有所不同，部分疫苗的科學數據，仍未能在科學期刊中看到可減低多少感染機會，對抗變種病毒的成效有多少亦存疑。若某種疫苗成效偏低，即使血清測試驗出抗體，仍有機會走漏個案至社區。何指，由於近日港澳正商討兩地恢復往來，惟澳門對防止輸入個案標準嚴格、始終如一，預料零星個案會增加澳門對香港的戒心，隨時影響港澳通關。
香港食物及衛生局局長陳肇始表示，所有獲縮減檢疫日數的人士都要在機場接受檢測，在檢疫期間亦要再做1次檢測，而來自極高及甚高風險地區的人士，則不可縮減檢疫期。她又指，獲縮減檢疫期的人士都要接受血清抗體測試，由於不同化驗平台有差異，但承認不會考慮抗體濃度，只要驗出有抗體就可以，僅稱當局會密切留意各地疫情，盡量平衡和小心作風險評估。
她稱，政府正制訂一份血清抗體測試的認可醫務化驗機構名單，讓有需要出行的香港居民可自費做測試，領取抗體效力認證，而暫時未有抗體測試的收費資料，相信獲認可的化驗所稍後會公布。
澳門方面早前曾表示香港連續14日無本土個案可研究放寬出入境，但昨日突將磋商門檻調升至28日，香港旅遊界議員姚思榮表示對此感到失望，相信開放哪些口岸及關口限制人數等，技術上仍需時處理，考慮到避免太多人聚集在關口等候檢測，認為每日允許約5000人出入境是相對合適的數目。</t>
  </si>
  <si>
    <t xml:space="preserve">全球紛紛開打第3劑COVID-19疫苗，針對國內第3劑接種細節，衛福部傳染病防治諮詢會預防接種組（ACIP）今天開會討論，專家已達共識，將由指揮中心指揮官陳時中決議，預計明天記者會公布。
COVID-19（2019冠狀病毒疾病）疫苗接種是控制疫情關鍵之一，許多國家規劃追加第3劑COVID-19疫苗。據中央流行疫情指揮中心統計，明年1月31日前，與第2劑疫苗間隔滿6個月、符合第3劑疫苗接種資格者約有26.3萬人。
指揮中心日前曾說明，ACIP將於今年11月底開會討論第3劑接種方式、優先順序等，指揮中心發言人莊人祥今天下午接受媒體聯訪時表示，ACIP今天舉行專家會議，與會專家針對第3劑接種細節已達共識，並給予政策建議，後續將交由指揮官陳時中做出最終決議，預計明天公布。
林口長庚醫院副院長、ACIP委員之一的邱政洵表示，全球第3劑疫苗施打數據少，已知多數國家第3劑選擇施打mRNA疫苗，好消息是加強劑對於減少突破性感染發生確實有明確成效，且施打第3劑副作用並不會更嚴重，甚至症狀可能更輕微。
國內今年3月22日起開打COVID-19疫苗，依第1劑與第2劑需間隔至少8週、第2劑與第3劑需間隔5至6個月，大約明年2、3月台灣就需展開加強劑施打作業。部分專家提及，若邊境防守得宜，施打第3劑就沒有那麼急，但另一派認為，確診者多來自境外，又有Omicron變種病毒，應先讓醫護、機組人員接種。
對此，邱政洵表示，第3劑接種時程、優先接種對象仍等待指揮中心最後的決定。至於各界關心的第3劑施打疫苗廠牌，邱政洵說，第3劑有2種施打方法，第1種方法為施打與1至2劑同廠牌疫苗，第2種方法是選擇不同牌子，國外多採取後者，但國內疫苗接種情況複雜，同樣待指揮中心決議。
至於青少年接種第2劑BNT疫苗規劃，邱政洵表示，Omicron變種病毒來勢洶洶，發現南非年輕人完整接種率低，所以個案多是年輕族群，提醒境內未完成2劑疫苗人數多，將成為病毒大量繁殖溫床，他個人建議青少年應接種第2劑BNT疫苗，有利台灣2劑涵蓋率快點衝起來。
</t>
  </si>
  <si>
    <t xml:space="preserve">台灣東洋藥品3日傍晚臨時宣布，BNT與政府難有一致性共識，未能如期代理新冠疫苗，加上之前衛福部長陳時中表示不會編列公費購買大陸疫苗，可能導致台灣沒有疫苗可用。對此，有網友批評，「陳時中害慘國人，還要唱卡拉OK嗎？」
台灣東洋藥品指出，取得德國BNT新冠疫苗在台銷售的「有條件授權書」後，經20多天密集地與BNT、衛生福利部疾病管制署協商討論，雙方對數量及價格仍有落差、未能達成一致協議，台灣東洋只好忍痛宣布，「無法如期代理該疫苗進口。」
日前衛福部長陳時中宣布已與國際平台「COVID-19 疫苗全球取得機制」（COVAX）簽約，但特別強調在COVAX平台上，不會選擇中國大陸製的新冠肺炎疫苗，但在東洋藥品取得代理權後，卻陸續遭爆料其代理的疫苗是德國和大陸共同研製，以及是陸資企業等等。
此事也在PTT上引起網友熱議，有網友表示，「陳時中害慘國人，還要唱卡拉OK嗎」、「陳時中跟又再騙了，不是說一定可以嗎」、「民進黨又在惡搞了，當初跟時中大吹特吹，真的好噁」、「時中部長真的跌落神壇，從醫材的決策到美豬，真的蠻讓人失望的」。
還有網友表示，「當時就認為不要說得太早了」、「因為不用中國大陸疫苗啊，這能想像」、「之前綠共才大內宣說這家不是陸資，現在又要怪中國大陸？」、「不是說這間德國BNT公司有陸資嗎？嘻嘻」、「當初指揮中心說不是大陸廠哦」。
</t>
  </si>
  <si>
    <t>指揮中心最快可能在11月上旬開放AZ混打BNT，一度傳出第二劑AZ的棄打潮。對此，前台大感染科醫師林氏璧表示，國外研究顯示AZ混打mRNA疫苗的確會有較好的抗體表現，但疫苗保護力能維持多久也很重要，目前看來mRNA疫苗抗體下降速度快，腺病毒疫苗反而更持久，且混打還須承擔不良反應發生率較高的風險，因此他認為除了站在第一線迎戰Delta的醫護與邊境防疫人員外，其他人不需要那麼執著於混打。
林氏璧今在臉書發文表示，台灣將開放AZ混打mRNA疫苗，中央流行疫情指揮中心指揮官陳時中昨表示，目前規劃第13輪疫苗，將會提供部分已打完第一劑AZ超過10周以上的民眾，第二劑混打BNT疫苗。
林氏璧指出，AZ混打mRNA疫苗的確會有較好的中和抗體與T細胞免疫，而加拿大與瑞典的研究都顯示，AZ混打mRNA疫苗的保護力比兩劑都接種AZ還要高，但對於疫苗保護力的觀察，除了施打後短期的保護力，能維持多久也是重點。
林氏璧坦言，目前看來mRNA疫苗抗體掉下來的速度是比較快的，接種完的5至8個月就會有不定程度的下降，反而腺病毒載體的疫苗可以撐比較久。
林氏璧也說，多數台灣人出國返台免隔離，可能也要半年以後才會發生，因此現在將抗體打得很高也沒有太大的意義，相反地，可能會希望半年後要出國前再打一劑mRNA疫苗，將抗體衝高才比較安全。
林氏璧引述加拿大的研究表示，接種兩劑AZ疫苗防重症的效果維持的很好，並沒有輸給mRNA疫苗或者是混打的組合。而且大家不要忘了，混打2種不同的疫苗，就是承受兩種不同疫苗的風險，AZ第一劑、mRNA第二劑發生不良反應的機率會比較高。
林氏璧透露，他其實沒有很建議第一劑打AZ的人要執著於混打mRNA疫苗，因為不管是兩劑AZ還是AZ混打mRNA疫苗都很好，且就目前的趨勢來看，6個月後恐就要考慮打第三劑，「反正我是AZAZ戰隊，等待半年後出國前希望能打到莫德納加強針啦！」
林氏璧也補充說，醫護人員與邊境防疫人員，由於會在第一線迎戰Delta病毒，所以才需要將抗體拉高，他認為這纇人可以強烈考慮混打。</t>
  </si>
  <si>
    <t>好心肝診所被踢爆取得1000多劑AZ疫苗，除醫事人員外，還開放志工施打，遭北市府開罰200萬元，取消合約資格，而中央流行疫情指揮中心昨也表示，將由司法單位徹查，還原真相。沈寂一天後，肝病防治學術基金會今發出800多字聲明稿，承認給志工打疫苗，這些志工的身分包含清潔人員、水電工、大樓保全等，以及各種「好夥伴」。
肝基會接受媒體聯訪時表示，肝基會的志工非常多，很多都是長年服務的，打了疫苗就可以確保服務的病患、其他人都安全。對於志工被安排接種，北市衛生局是否知情？肝基會表示知道，但沒有相關公文可佐證。另肝基會也說，衛生局有要求8日提供的100瓶疫苗必須在當天打完，不過媒體問及是否有公文，肝基會表示沒有。另對志工接種一事，肝基會說，執行長粘曉菁、董事長許金川也都知情。
肝基會全文聲明如下：
肝病防治學術基金會創立已27年，宗旨是結合社會愛心力量消滅肝病。創辦人是台灣肝病研究鼻祖宋瑞樓教授，於民國73年推動全國新生兒注射B肝疫苗之創舉。自從成立以來，工作同仁帶領大批義工全國走透透，為民眾做肝炎、肝癌的篩檢活動，至今已嘉惠六十多萬人。即使在去年疫情期間，仍然在嚴峻的環境中服務了兩萬人次的民眾。
好心肝基金會延續其理念而成立，其下設好心肝診所，本諸「視病猶親」之宗旨，從事醫療公益事業，故與一般地方診所之規模及經營理念有所不同。
多年來，基金會為國人健康而努力，除了醫護同仁的付出，大量的志工也是重要的動力。基金會及診所固定工作同仁三百多名，此外，還有經常性的志工六百多名，及非經常性的協力志工參與推動肝病防治。志工大部分是退休的醫護人員及愛心人士，還有經常義務支援社區服務的志工家屬。另外，有很多經常在基金會進出的工作夥伴，例如清潔人員、水電工人、大樓保全。還有經常性參與我們的活動作為專業顧問的好夥伴。好心肝診所正是這些志工及醫護合作夥伴主要的工作及進出地點，他們就是這一次施打疫苗的對象。
因為新冠疫情突然猖獗，我們判斷現在或未來即使疫情受控制，但這些熱心社會服務的志工因大量的人際接觸而暴露在風險中，很多即將推動的肝炎防治計畫將受阻。我們接到台北市醫師公會的函文通知：請台北市的醫事人員6 月4日前到指定地點完成疫苗的施打。因此我們認為台北市的醫事人員大致已經施打完畢，我們也知道大部分的醫院志工都已施打完畢。而且衛生局6 月7日和8日給我們疫苗都必須當日施打完畢，而且這些疫苗8月也即將到期。因此我們根據施打疫苗優先順序規定的第一類「醫事人員」及「醫療院所非醫事人員」的分類辦法，為上述人員施打疫苗。
基於「人飢己飢、人溺己溺」的基金會精神，初衷出於善意，然可能是做法不夠周延而造成爭議，為各方所關切，我們謹此致歉！
我們也要感謝社會民眾一直以來對基金會的支持，希望各界一本過去對台灣肝炎防治公共衛生的支持，繼續一起努力。</t>
  </si>
  <si>
    <t>大陸國家衛健委12日公布，11日新增81例新冠肺炎確診病例，其中61例為本土病例，江蘇占38例，湖北10例，湖南7例，河南和雲南各3例。上月底剛遇暴雨侵襲的河南鄭州市，本輪疫情未見底，不少鄭州市民希望疫情能夠早日結束，回歸正常生活。
除新增本土病例外，大陸過去一日新增20例境外輸入確診病例，分別為上海、廣東和雲南5例，廣西3例，福建、四川各1例。同日新增38例無症狀感染病例，湖北和浙江分別報告10和1例本地個案，其餘27例為境外輸入。至今大陸累計94161人確診，當中4636人病亡。
河南前一日新增確診病例全部來自鄭州，該省仍有137例新冠相關住院個案。鄭州市新冠肺炎疫情防控領導小組辦公室11日晚發通告，自12日下午2時開始市內開展第二輪重點人群核酸檢測，預計13日中午前完成。當地10日起進行的第一輪重點人群核酸檢測，累計採樣逾62萬人，截至11日上午11時從約40萬人的檢測樣本中，驗出2人受感染，均為集中隔離者。</t>
  </si>
  <si>
    <t>美國國務卿蓬佩奧3日在美國廣播公司（ABC）節目上表示，有「大量證據」顯示，新冠肺炎疫情始於中國大陸武漢的一個實驗室。
蓬佩奧在節目中說：「我可以告訴你們，有大量證據顯示這（新冠肺炎）來自武漢的那個實驗室。」他還說，「這已經不是第一次世界因為中國一個實驗室的失誤而暴露在病毒之下了。」
蓬佩奧直指中國政府拒絕讓其它國家科學家獲得瞭解實情的途徑。蓬佩奧並未宣稱新冠肺炎病毒是人造的，但他贊同美國國家情報總監辦公室某一報告的結論，該報告排除了新冠病毒為基因改造或人造的可能。
蓬佩奧拒絕對中國大陸是否故意釋放病毒做出評論。</t>
  </si>
  <si>
    <t>陸俄陸路邊境口岸人員通道在8日晚間已都已臨時關閉。當中包含俄羅斯濱海邊疆區與陸方間波格拉尼奇內—綏芬河、克拉斯基諾—琿春、波爾塔夫卡—東寧三對陸俄公路客運口岸關閉。通過陸俄陸路邊境輸入大陸的新冠肺炎確診病例不斷增加。
黑龍江綏芬河市為有效治療境外輸入的新冠肺炎病例，綏芬河市開始著手建設方艙醫院，預計4​​ 月11日完工投入使用，可提供600餘張床位俄羅斯在7日一天增加病例破千人，一天內新增1154例新冠病毒感染確診個案，全俄累計感染人數已達到7497人。
黑龍江自4日起，單日新增境外輸入確診13例，首次突破兩位數。接下來幾天境外輸入病例不斷攀升，從5日20例、6日20例、7日25例，到8日創下單日新高40例。這些確診病例都有一個共同點，均為囉籍，從俄羅斯輸入。
黑龍江省委並在7日成立赴綏芬河市疫情防控工作組，工作組第一時間奔赴綏芬河並連夜召開工作對接會。
省委赴綏芬河市疫情防控工作組組長，省委常委、政法委書記張安順8日一行深入綏芬河口岸入境人員集中隔離醫學觀察點和剛剛完成土建改造任務的綏芬河方艙醫院指導檢查疫情防控工作。他強調，要堅決落實外防輸入「六個百分百」，形成閉環管控，堅決打贏陸地邊境疫情跨境輸入戰疫。
大陸駐符拉迪沃斯托克總領事館微信公眾號7日發佈公告稱：「黑龍江輸入型病例仍在大幅增加，總領館強烈提醒中國公民切勿通過綏芬河口岸回國。」該總領事館已連續三天發佈出行風險通告。</t>
  </si>
  <si>
    <t>北韓領導人金正恩17日宣布，北韓已經成功撐過這次新冠肺炎威脅，締造境內「零確診」紀錄，但西方懷疑其隱瞞疫情。南韓媒體引述知情人士爆料，北韓至少有3人因新冠肺炎遭槍斃，包括一名確診病例。
北韓自大陸爆發疫情後隨即封鎖國界，之前曾傳出境內隔離7000名疑似病例，以及1名走私碼頭管理員染疫。但北韓官媒一概否認，堅稱國內零確診。
北韓與新冠肺炎2大疫區大陸和南韓比鄰，但宣稱僅在疫情初期出現2例病例。駐韓美軍司令艾布蘭近日表示，由於北韓軍隊長時間停止活動，美方「相當肯定」北韓仍然有新冠病例，「他們的軍隊已經封鎖30天，直到最近才重新開始例行訓練。而且有24天他們一架軍機都沒起飛過」。
另外，南韓《東亞日報》引據知情人士爆料，雖然北韓聲稱境內零確診，但因為新冠肺炎遭槍斃者至少就有3人，其中1人是確診病患，另2人是因為違反防疫措施遭槍斃。確診者為一家專門走私無煙炭及礦物的貿易公司專用碼頭警衛教官，他於14日確診感染新冠肺炎。
報導指出，北韓早在1月22日就下令封鎖邊境，但這名教官卻在封鎖邊境的23天後出現疑似症狀，引發當局懷疑，審問後發現他曾私下接觸大陸人，違反防疫法規。金正恩在2月初下令，違反防疫規定者皆以軍法處置，這名確診者因此在2月16日遭槍決。</t>
  </si>
  <si>
    <t xml:space="preserve">台灣防疫繳出亮眼成績單，不過《紐約時報》（New York Times）2日刊文指出，當世界許多國家都在進行封鎖時，台灣人的生活正常到「詭異」的程度，文章點出台灣很早就開始鎖國，而且嚴格執行隔離政策，是疫情控制得當的主因，但文末也點出，鎖國政策或許並非萬靈丹，更不是長久之計。
《紐約時報》2日刊出一篇以「台灣如何計劃（大致）免於疫情？」（How Taiwan Plans to Stay (Mostly) Covid-Free?）為題的文章，文章開宗明義指出，好幾個月來，台灣人仍能維持正常的生活，這種正常的狀況甚至到了「詭異」的程度，婚禮照常舉行，人們如常進場看球賽、觀賞音樂會、逛夜市等，指出台灣總人口比美國佛州還多，新冠死亡人數卻能控制在2位數。
文章也指出，這樣成功防疫的經驗反而讓許多台灣人內心產生不祥預兆：台灣的好運還能維持多久？
文章點出台灣防疫成功關鍵在於3月就實施鎖國，禁止大部分觀光客入境，以及嚴格執行的隔離政策，能入境的人士必須隔離14天，當中也包含台灣人，隔離期也比許多國家都長。
文章引述中央流行疫情指揮中心指揮官陳時中的說法，指出除非出現一支證實有效、保護效力長久的新冠疫苗，否則台灣不會考慮鬆綁邊境，「我相信還會有另一波疫情，因為每個人都想，「我打了疫苗，或是我下周要打疫苗，我等了這麼久，我現在自由了』」，「除非有證據顯示現在的疫苗提供持久的免疫力，只有到那時候，我們才可以真正放鬆一點。」
即便台灣防疫成果令人驚豔，不過文章引述史丹佛大學副教授王智弘（Jason Wang）說法，指出台灣成功阻擋病毒入侵或許也是因為運氣好，他說現在各國疫情反撲，加上又有更具傳染力的變種病毒出現，未來必然會有更多染疫人士抵達台灣邊境，台灣出現更多確診病例「只是時間早晚問題」。
王智弘也指出，台灣的防線能堅持這麼久確實很了不起，不過他也表示，就算台灣於今年中開始大規模接種疫苗，「你還是必須等上6個月，要再堅持另外6個月將會非常困難。」
報導引述專研傳染病的新加坡國立大學教授費雪（Dale Fisher）說法，費雪指出，新加坡採取更為「靈活」的邊境管制措施，「我們認為就算旅客攜帶病毒入境，仍然有很大的機會不會讓疫情散播」，「如果你對你的防疫系統沒有信心，你的邊境只會愈守愈緊。」新加坡近期解除對台灣旅客的入境限制，但台灣並未回以對等措施。
《紐報》指出台灣真正的挑戰在於，如果疫苗無法給予持久免疫力，全世界還需要和新冠病毒共存更長一段時間，「台灣人還能忍受另一個與世界隔絕的一年嗎？甚至是另外5年？」
費雪：「這也是為什麼我們說，如果你需要爭取時間整頓，你才會關閉邊界，但不要把它當作一種策略。」
</t>
  </si>
  <si>
    <t>新北市2名居家檢疫失聯者已經找到1人郭富文，新北市長侯友宜19日受訪時指出，新北目前有4316名居家檢疫者，絕大多數都相當遵守規定，他也體諒這些人都很苦悶、很痛苦，市府可提供生活各種協助，但只要失聯者故意趴趴走，市府絕對罰最重，並公告姓名。
新北市民政局18日公布居家檢疫2名失聯者，包括郭富文與管永安，在民政與警政人員努力下，通報查獲其中1位失聯的郭富文，他投宿於桃園地區旅社，確認個案無發燒症狀及身體狀況健康良好。不過郭男竟以自己狀況好為由沒報到，因為他居無定所已送至集中檢疫處所執行居家檢疫。
侯友宜今參加市政會議後受訪指出， 新北市居家檢疫人數是全台最多，高達4316人，市府要關懷、支持他們，但有有一、兩個故意的，決不寬貸、不姑息，一定重罰公告，並集中檢疫，這次找到的人是故意失聯，也相信另外一位很快就能找到，是否也是故意，還在調查中。
侯友宜也說，大部分人都很遵守規定，上次找回來的，也都不是故意，而是資料上錯誤導致，侯強調，不要挑戰公權力，新北市重罰一定罰最重，還要送集中檢疫所。</t>
  </si>
  <si>
    <t>根據知名NBA記者史坦報導指出，NBA費城七六人與NHL紐澤西魔鬼隊決定針對年薪超過5萬美元的高階主管減薪，幅度高達20%，七六人成為NBA第一支減薪的球團。
據了解這個減薪計畫從4月15日至6月底為止，減薪對象為球團管理高層以及教練團，七六人總裁赫克、總管布蘭登與母公司CEO歐內爾都同意這個減薪計畫。
然而這個減薪計畫並不包含球員，因為每個球員的合約都是單獨性，不適合這個減薪措施，聯盟允諾4月1日照發球員薪水。</t>
  </si>
  <si>
    <t xml:space="preserve">新冠肺炎在多國蔓延，投資人擔憂疫情影響經濟衰退，美股28日早盤跌逾千點，本周已跌約4000點，連7個交易日下挫，28日南韓、日本及中國大陸等亞太七大股市全跌入修正領域；美股道瓊工業指數連日恐慌，開盤再度大跌約800點，且跌勢仍在持續。外界認為，全球股市本周跌幅可能面臨2008年金融危機以來最糟單周走勢。
美股三大指數28日早盤續跌逾4%，道瓊指數盤中一度跌逾千點，跌破25000點，收25409.36點，本周累計跌約4000點。那斯達克綜合指數盤中一度跌3.5%，收8567.37點、史坦普500指數下跌24.54點，收2594.22點，創下2011年8月以來最大單日跌幅。道瓊指數單周下跌超過12%，是2008年金融危機來最大單周跌幅。
日本、南韓、中國大陸、香港、澳洲，新加坡、泰國等亞太七大股市難逃賣壓，相繼跌入修正領域，日經指數昨日終場跌逾805點，單周累計跌逾2200點。印尼、菲律賓股市瀕臨熊市，歐股普遍跌逾3%，道瓊歐洲Stoxx 600指數、德股也相繼下跌。全球股市市值自1月20日以來，至少已蒸發6兆美元。
更多 CTWANT 報導
</t>
  </si>
  <si>
    <t>新冠肺炎期間賽事延期或取消，國家隊選⼿仍在國家運動訓練中⼼內專⼼備戰，21日下午藉著訓練空擋，⽬前世界排名第8的桌球⼀姊鄭怡靜，與世界排名21的跨欄⼀哥陳傑破天荒交流，雙⽅當起彼此的教練，將⾃⼰的專業傾囊相授。
鄭怡靜表示，國⼩有參加過⽥徑比賽經驗，也因為疫情關係有機會可以嘗試不同的運動，這是她第⼀次學習跨欄，陳傑告訴她跨欄是個需要節奏感和協調，這⼀點和桌球有點像，也能練習到⼀些平時比較練不到的肌⾁，真的是很特別的⼀次經驗。
陳傑也說：「我⼩時候也有打有打過幾次桌球，趁著這段沒比賽的期間來跟⼀姊學習，桌球重視橫向移動、⼿眼協調還有旋轉的爆發⼒，跟⽥徑還蠻不⼀樣的，在⼀姊的教導之下，我的殺球變得比較有速度了，來回也可以多打好幾拍，⼀姊除了是個好選⼿，還是個好教練！」
最後雙方分別給了對⽅評價，鄭怡靜說：「傑哥第⼀次上⼿打，就可以連續對打20個，簡直是武林⾼⼿。」陳傑也回應，「⼀姊不愧是世界級的，起跑後7步跨欄的⽅式⼀說就懂，協調性和過欄都做得很好，跨三個欄輕輕鬆鬆，我都懷疑是不是給她的難度太低了，真是萬中選⼀的奇才！」</t>
  </si>
  <si>
    <t>歷經一波三折，第二批武漢包機昨晚終返台，共有361人返台。國民黨團首席副書記長林奕華說，兩岸應在此次包機模式基礎上，盡速磋商第三批返台包機名單，讓欲返台者提前準備；國民黨立委鄭正鈐表示，政府應基於人道考量，讓願意返台的國人，以輕鬆、方便、無太大負擔的方式回來。
對於二次包機一波三折才成行，鄭正鈐說，兩岸溝通不順暢，缺乏互信基礎的情況下，加深共同合作一件事情的困難性，加上新冠肺炎疫情攀升，彼此都處於高度緊張狀態，就會有更多不協調產生。
國民黨團首席副書記長林奕華表示，二次包機中，有些人沒有登機，不是不願意回來，而是措手不及，近日兩岸從原先政治考量到各退一步，才促成二次包機成行。
林奕華說，既然兩岸已確定包機的模式，未來就能更穩定地確定滯留湖北台人的人數，同時考量台灣的防疫能量，盡快磋商第三批返台包機名單，讓欲返台者提前準備檢測報告，避免又錯失搭機機會。</t>
  </si>
  <si>
    <t xml:space="preserve">因應近期新冠肺炎疫情日趨嚴峻，奇美醫學中心配合台南市政府規定，為加強防堵疫情，降低感染風險，自即日起至04月30日止，除加護病房、安寧病房等有特殊探視需求，且經醫師醫療專業評估後，有其急迫性、必要性者之外，一律禁止探病。
至於陪病者仍依規定以1人為限。至於限制探病時間如下：加護病房10點30分至11點30分；安寧病房12點至13點。此外，如有特殊狀況，病人病況危急而接受急救者，探病者得經現場人員聯絡後進入院內。
奇美醫學中心也呼籲盡量減少進出醫院，陪、探病，並建議改用通（視）訊軟體，保護病人安全也維護自身健康。
</t>
  </si>
  <si>
    <t xml:space="preserve">全球頂尖科學家正在與時間賽跑，加速研發新冠疫苗。哈佛大學團隊最新研究指出，新冠肺炎可能像季節型流感一樣傳播，如果立即取消社交疏離措施，可能使疫情惡化，社交疏離措施必須持續至2022年。這段期間，病毒可能突變，疫情也驅動人類不斷創新，找出解方。
歷史上，戰爭往往促進科技大躍進，例如第一次世界大戰促使航空科技創新，第二次世界大戰使得電腦、雷達、半導體、通訊等科技大突破。
防疫如同作戰，這次台灣在防疫上超前部署，行政院數位政委唐鳳與民間網路高手共同打造網路購買口罩平台、口罩地圖，民眾可以透過網路預購，在便利商店取貨，方便上班族選購。
台北市政府與科技部、健保署合作推出口罩販賣機，只要插入健保卡，不到1分鐘完成採購，提供民眾另類選擇。從e-mask口罩預購平台、口罩地圖到口罩販賣機，都是利用科技創新提升公共服務品質的成功案例。
創新公共服務上路初期，可能因系統穩定度不足、流量超載而出現許多問題，但系統開發者依使用者回饋而改進，或透過巧妙規畫分流，避免超載而當機，不斷修正與精進，口罩預購功能也將大幅提升。
新冠疫情在全球造成逾13萬人死亡，迫使各國政府採取積極防疫措施，同時加速公共服務創新。以英國為例，為避免慢性病患就醫遭感染，遠距醫療服務大量增加。《經濟學人》指出，英國皇家全科醫學院主席馬歇爾表示，以往看診9成是病患親赴醫院，現在醫院風險較高，大約9成改為遠距醫療，成長速度驚人。
新冠疫情同時加速司法系統數位化。《經濟學人》指出，英國在2016年曾推動司法系統數位化，引進視訊法庭，不過進度緩慢；這次新冠疫情大爆發，許多法院聽證會改採視訊，最高法院已全面採視訊進行。
新冠肺炎重創全球經濟，在社交疏離政策下，讓數位經濟更加火紅，包括醫療、保健、科技、網購電商等相關產業前景看好。以客服中心為例，南韓曾有客服中心爆發群聚感染，如今許多客服中心允許員工在家工作；在防疫優先的大原則下，許多企業採取視訊會議，大幅降低人員出差洽公的交通、食宿成本，同時也大幅降低碳排放量。
新冠肺炎宛如照妖鏡，映照人類的貪婪與自私，但也加速政府與民間的創新。面對狡猾的新冠病毒，政府與民間企業應把握契機，利用創新科技加速提升公共服務品質。
</t>
  </si>
  <si>
    <t>恆春日前有民宿包棟遊客，不僅不戴口罩、更群聚喧嘩，引來當地居民不滿，屏東縣政府率隊稽查，掌握投宿旅客來自彰化，將依依傳染病防治法開罰。
當地民眾將整起事件影像公布，痛罵遊客不戴口罩又在住宅區群聚，居民在擔心有疫情延燒之虞，同時發起「我家鄉不是你的避難所」、勸說店家停業防疫串連。
屏縣府交旅處副處長倪國鈞指出，19日就宣布不得戶外群聚且全程需佩戴口罩，遊客顯然觸犯防疫規定，將依業者提供的資料，針對來自彰化的旅客開罰，同時呼籲遊客若非必要，減少移動、少出門，一同防疫。</t>
  </si>
  <si>
    <t>因應新冠肺炎疫情延燒，台南市衛生局斥資40萬打造首座貨櫃採檢屋設立於傳染病應變醫院-衛生福利部台南醫院，減輕前線急診檢疫人員負擔、解決民眾就醫久候及改善戶外採檢環境品質，貨櫃屋採檢站為戶外獨立採檢空間，採檢區與被採檢區完全密封式隔離，提高安全與效率，台南市長黃偉哲今天出席啟用儀式，也親自上場接受採檢，他說，貨櫃採檢高效能，一天可採檢500多人，「磐石艦300多人，半天就採檢完了。」
台南醫院感染科指出，採檢人員一次可完成4人採檢工作量，省卻過去採檢1人就要穿上隔離衣等裝備，一趟採檢可節省2小時，民眾則可省下約30分鐘時間，提升安全與效率。採檢作業分流1間採檢1人，避免等候時間過長，又能減少醫護人員執行相關處置時與病人接觸，採檢後立即以紫外線消毒，避免交叉感染，守護醫護人員及市民。
貨櫃屋採檢站具備機動性可移動，為戶外獨立採檢空間，採檢區與被採檢區完全密封式隔離，阻隔病毒穿透。採檢人員雙手伸進採檢洞口，藉由作業手套進行篩檢，採檢區有4間獨立密封式隔離空間，並設有獨立紫外線消毒設備；採檢作業以分流方式1間採檢1人，可避免等候時間過長、無須受限戶外天候影響。
黃偉哲說，政府帶頭做防疫，營造安全採檢環境，期望以此模式鼓勵其他醫院無需受限空間硬體設備不足，也能提升收治量能及照護品質。衛生局長陳怡說，後續扶輪社將捐贈第二座貨櫃採檢站，預計將放置於新營醫院。</t>
  </si>
  <si>
    <t>新冠肺炎肆虐，包含陸生在內，境外生多已表明留台過新年，學子透露確實很想家，每晚都與家人視訊，只能以網路視訊互吐思念，遙遙無期的歸途，讓他們備感煎熬，另也有極少數境外生堅持返鄉過年，卻又無法接受往返隔離費用昂貴，兩種反應呈現境外學子身處疫期的進退維谷，回家與否都困難。
受疫情影響，各大學幾乎都建議，境外生不要回家過年，為平復學子思鄉心情，世新大學舉辦境外生與陸生餐會，甚至校內師生也邀境外生吃年夜飯，文化大學則安排包水餃或煮湯圓等活動，讓境外生感受年味。
不過談到無法回家，學子都深有所感。來自馬來西亞的蕭文翰，為世新大學公廣系大二學生，身兼世新大學境外聯誼會會長。他說，大馬疫情嚴重，當地人沒有歷經過SARS，甚至H1N1大流行，大馬確診也只是零星案例，防疫意識不及台灣，家人因此不希望他回家。
「想家是肯定的」，蕭文翰坦言，歸途遙遙無期，即便每晚都與媽媽視訊，但隔著螢幕，難以感受親情的溫度，「沒辦法，家人覺得安全最重要」，建議他留在台灣，待疫情趨緩再返鄉。
與蕭文翰情況相同，包含越南、香港與大陸等境外生，也都是農曆春節都留在台灣。政大歷史系一名畢業陸生說，前段時間苦等開放陸生回台多時，終於在去年8月底放行回台，他因此回台完成論文，並取得碩士文憑，現已返回上海開始工作。
該名政大陸生不斷強調，去年回台過程太艱辛，想起甫飛抵桃園機場，心中感慨萬千，當下就掉淚；之後在學校，遇到替陸生站出來召開記者會的台生學弟，更是激動不已，「看到他的時候，我不停跟他說謝謝。」
世新大學副校長李功勤提到，目前只有極少數境外生堅持返鄉過年，但無法接受往返隔離費用高昂，校方只能善意提醒，如果疫情嚴重不能返台，將安排網課協助學業不中斷。</t>
  </si>
  <si>
    <t>新冠肺炎疫情引發各國封鎖邊境，讓新加坡意識到糧食依賴進口所造成的問題。
■Coronavirus-related border closures show that dependence on the outside world for food could spell trouble.
人口近600萬人的新加坡，農地總面積約500英畝，僅相當於美國一個普通農場大小，逾九成糧食依賴外國進口。但全球爆發新冠肺炎疫情後各國採取封鎖措施，讓新加坡意識到糧食不能全完靠進口，而開始增加投資以發展國內農業。
新加坡食品局強調星國愈來愈注重內部糧食需求，重要性甚至高於國際貿易。新加坡經濟命脈向來依靠國際貿易，現在則是認為發展農業的任務更重要，但地狹人稠讓其無法採用傳統耕作方式來發展農業。
以科技開發室內農場
為此商界試圖革新農業，把工業建築轉變為垂直式、以科技控制農作物所需種植條件的室內農場。
室內農場種植一排一排像萵苣和甘藍菜等農作物，不用泥土來培植，而是透過自動系統滴下已注入營養劑的水提供養分，以LED燈取代陽光進行光合作用。
高科技室內農場，新加坡近年已發展至逾三十間。部分農場夾雜在半導體工廠與汽車經銷商之間。其中有一間是把停車場頂樓轉化成大型溫室，種植萵苣、羅勒和當地民眾最常食用的菜心。
新加坡希望把糧食自供自給比率目標，從目前不到一成，到2030年時提高至三成。有專家認為這不容易達成，但政府已開始朝這目標前進。
除了政府已對許多家庭派發40萬包葉菜、黃瓜和番茄等各類植物種子，鼓勵民眾在家種植蔬菜外，9月還宣布推出約4,000萬美元補助金，協助擴大高科技農業規模。
食品局資料顯示新加坡的高科技農場，已從2016年的12間增加至目前31間。但不少人懷疑高科技農場的產量規模能否持續大幅增加。
農業科技公司Archisen共同創辦人楊斯文（Sven Yeo，音譯）說，其管理的室內農場Commonwealth Greens專門種植葉菜，每年最高可生產100公噸。
雖然業者的種植技術能控制光與溫度來增加產量，並且沒有蟲害問題而使產量最大化，但場地租金與所消耗電力為業者最沉重的經營成本，是限制產業規模擴大的主要障礙。
Archisen為此透過常溫方式和設法增加室內農場的自然光源，來削減電費支出讓種植效率最大化。
面對進口農產品競爭
即使降低營運支出，新加坡生產的蔬菜價格仍然很難跟鄰國馬來西亞競爭，因為後者土地供應充足和人力成本低廉。更重要是，新加坡沒有像美國和日本那樣，以關稅保護本地農業來對抗進口農產品的競爭壓力。
楊氏強調在新加坡這種租金和電費等經營成本高昂的地方，所種植蔬菜很難跟進口貨競爭，對業者來說，是內外夾攻的雙重壓力。但他仍看好發展機會，因為在新鮮食材需求帶動下，高科技農場能最有效率地滿足本地市場。
雖然他預期要花很長時間，才能回收當初所投資的成本，但估計明年中的銷售額就能超過營運成本。
另一農業公司Sustenir Agriculture依靠政府補助，和自動化系統播種等方式，讓其每年生產約90公噸的蔬菜。現在計畫透過擴大種植空間，要把產量提高四倍，並準備自動化包裝來提高出貨效率。
即使專家認為新科技無法改變新加坡對進口糧食的依賴，但食品局糧食供應策略司司長吳偉豪說，政府會協助高科技農業的發展，強調多層式室內農場跟傳統農場相較，使用相同的土地面積，前者蔬菜產量是後者10倍到15倍之間。
他說，科技是讓室內農場產量能遠超傳統農場的關鍵。</t>
  </si>
  <si>
    <t>本土疫情嚴峻，新北市今新增44例本土確診，確診個案不斷降低。新北市長侯友宜表示，根據市府做的交通量預警機制表，國道、公車、台鐵、高鐵運量都較上周大幅上升，他提醒，大家想要透透氣是人性，但請大家忍耐，用網路代替馬路，一起拚最後一哩路。
侯友宜說，全國數據據一直下降，今天全國100多例，民眾很多預期心理，警戒三級悶太久，想出來走是人性，但疫情不要只看數據而已，要看多少隱形傳播鏈沒找出來，最擔心就是有案例潛藏在社區內，市民不要放鬆。
侯友宜拿出交通量預警機制表，他說台北捷運搭乘人數，這週較上周增加8％，新北國五上週六跟本週差52％，國三增加32％、國一增加30％，公車這週平均增加2.5％，台鐵週六增加16％，高鐵板橋站週五較上周增加72％，運輸量不斷增加。他呼籲，大家忍耐拚最後一哩路，希望用網路代替馬路，共體時艱一起拚。</t>
  </si>
  <si>
    <t>南投縣27日新增1例確診個案6762，是草屯鎮65歲男性，26日主動到草屯中山里社區篩檢站，快篩結果陽性，經PCR篩檢陽性確診，已住院隔離治療，尚無不適症狀。另外，中央配發AZ疫苗1800劑已送達，將以醫護及警消為優先施打對象。
衛生局長黃昭郎表示，確診個案活動史，除工作的草屯鎮坪頂里第12公墓、中原里第13公墓及雙冬里公墓，及到大觀市場購物外，未有其他足跡，將請警方協助持續追查；確診個案5名共同及9名非共同居住家人，和3名共事者共17人，匡列為接觸者均已採檢並居家隔離。
黃昭郎表示，26日在草屯鎮中山里社區篩檢站統計結果顯示，篩檢陽性率約為0.83％；28日下午2點到4點，將在草屯鎮寶島時代村開設新冠肺炎篩檢站，如有與確診個案足跡重疊者，及認為自己有症狀者，可前往篩檢，請帶身分證、健保卡並全程戴醫療口罩。
黃昭郎說，原本向中央提報8000劑疫苗，供縣內醫事、警消人員優先施打，中央則配送1800劑，將分別供1670名醫事人員及警察100人、消防50人登記施打；1800劑施打完畢後，南投縣醫事人員接種率，將從現行35.6％提升到49.6％，警、消接種人數則分別為334人及159人。
建設處長李正偉，針對公告禁止營業的八大等高風險行業稽查成果指出，已開罰2家違規營業業者各30萬元，分別是草屯一家養生館及埔里鎮一家夾娃娃店，縣府聯合稽查小組會持續查察，若再查獲違規將再罰30萬元，並同步斷水幾電，絕不寬貸。</t>
  </si>
  <si>
    <t>因應2022年1月農曆春節國人返台，指揮中心預估明年返台人數將更勝2021年，中央流行疫情疫情指揮中心副指揮官陳宗彥1日宣布，在不調整檢疫14天及7天自主健康管理情況下，推動春節期間新的檢疫措施。
陳宗彥指出，重點高風險國家維持入住檢疫場所，包含印度、英國、緬甸3個國家，監測組跟邊境組會根據國際及3個國家狀況更新、調整。
其他國家入境的會採取幾個部分，包括：第一，前10天可以入住防疫旅宿或是自費入住集中檢疫場所，在前10天一樣依照檢疫規範，入境採檢一次、第10天採檢一次。後面4天，如果採檢陰性之後，可以搭防疫返回住家，繼續檢疫。返家過程必須搭防疫計程車，回家後必須是一人一戶為原則，進行後面4天檢疫措施。如果要一人一室的話，必須是同住家人都打滿兩劑。
第二：入境時候依照現行要進行一次PCR檢測，在第9或10天增加一次PCR檢測，檢測採檢陰性的且符合剛剛所說的要件就可以返家，但必須一人一戶為原則。一人一室必須是家裡同住家人都完成了完整的兩劑施打，就可以一人一室。而在期滿期一天，也會再做一次PCR檢測。
第三，入住防疫旅館者，如果是同行的家人，原則上是以兩個人同住防疫旅館一個房間的規定同時處理，這個時間會從12月14日到明年2月14日為期兩個月來推動，很多已經預計在2021年1月份返國的民眾，可依交通部觀光局也同時跟各縣市觀光主管機關還有防疫旅館業者去調整，也回協助旅客，如果符合相關要件，後4天可以返回家裡做檢疫措施時，就會退費、調整、變更。
交通部也會協助各縣市強化防疫計程車的量能，因為會增加防疫旅館返家的這一段部分，量能的安排，交通部也會協調各縣市計程車業者，就防疫計程車的量能去完備。這是有關春節部分的調整措施。</t>
  </si>
  <si>
    <t>新冠肺炎疫情延燒，尋求相對穩定收益需求下，及預期各國進一步寬鬆，亞洲高收益債持續受到資金青睞，根據EPFR統計，資金續大幅買超亞高收債，成為資金避風港，有利布局亞高收債基金，掌握這波行情。
日盛亞洲高收益債券基金經理人鄭易芸表示，今年以來亞高收債受資金追捧，指數大幅衝高，新冠肺炎疫情爆發的恐慌影響反轉小跌，但跌幅僅0.93％，隨後快速反彈回升，指數並再創新高。全球主要央行貨幣政策續偏向寬鬆，市場追逐收益熱情不減，亞高收延續強勁吸金力，支撐亞高收牛市強勁。
宏利投信亞洲固定收益部首席投資總監彭德信認為，亞洲固定收益市場後續發展，視肺炎疫情對大陸及亞洲經濟影響，近來美國公債殖利率下跌，預料續維持窄幅整，提供區間內短線交易機會。且疫情影響應不會動搖利率政策，目前發展難預料將持續多久，但若利差進一步顯著擴大，將是加碼亞高收債良機。
安本標準投信認為，新興亞洲多元化程度具龐大潛力，帶來分散投資效益，並提供不少機會，亞洲公司債具吸引力的風險報酬特質，因相關性日增的低利時代，可望在投資組合中發揮關鍵作用，帶來穩健風險調整後報酬。
為降低潛在匯率風險，布局當地貨幣債時，建議採一籃子貨幣，並選擇預期與新興經濟體同步的歐元、英鎊和澳幣等，避免危機期間，美元和日圓等避險貨幣通常逆向走勢，結果造成匯損。
群益全民成長樂退組合基金經理人林宗慧強調，在新冠肺炎疫情干擾下，金融市場震盪加劇，但全球主要央行接連採貨幣寬鬆政策，相對有助固定收益資產後市表現。其中亞洲國家企業體質穩健、經濟成長動能無虞，且政經風險較低，亞高收債更能吸引資金流入，有利後續表現。</t>
  </si>
  <si>
    <t>日前新增的新冠肺炎確診案277，被踢爆是交通部觀光局主任祕書之子，這名高官非但在3/20翹班前往機場接送，還要求觀光局駐機場人員隨行接待「喝咖啡、聊是非」，造成後續案269、案299的感染。先不論翹班接送返國兒子是否適當，指揮中心這次對案277未確實申報健康聲明的輕放態度，就足以看出民進黨政府在防疫對策上的雙重標準，以及台灣官場的特權、馬屁文化。
曾在菲住院3天 返台未檢疫
指揮中心28日表示，案277從3/1起就有症狀，出現喉嚨痛、發燒等症狀，發言人莊人祥昨補充，該案還在菲律賓當地住院3天，出現血尿症狀，住院期間靠抗生素與類固醇才壓下症狀，但案277入境時卻不需檢疫，指揮中心給的理由竟是案277在入境前14天並無相關症狀，因此無須採檢，如此浮動式採檢標準，恐讓國內出現巨大防疫破口。
可疑的是，指揮中心29日將案277發病日從3/1改為3/22，雖然指揮中心聲稱，案277在菲律賓住院出現的血尿、喉嚨痛症狀，皆與新冠肺炎、類流感等呼吸道症狀無關，但卻對將案277發病日改為3/22中間轉折交代不清，指揮中心有必要說明清楚這段過程，否則前後矛盾的回應，外界合理懷疑指揮中心是要為案277未確實通報健康聲明開脫責任。
更改發病日期 轉折未交代
我國防疫最高總指揮陳時中，昨並未對案277與觀光局高官喝咖啡有所苛責，反而掛保證，不會對在機場逗留的居家檢疫人員開罰。但指揮官是否曾想過，此例一開恐引起模仿效應？若未來返國居家檢疫者皆可在機場內不按規定到處走動，人人都來一杯咖啡與親友暢聊，防疫破口難保不會出現。
疫情指揮中心 疑護航高官
疫情指揮中心早在1/27就宣布，未確實填寫健康聲明書者，可依傳染病防治法第58條規定，處最高15萬元罰緩，但這次指揮中心不但公然在記者會上為觀光局高官之子護航，還對其發病日調整轉折交代不清，實在難甩外界對高官耍特權規避防疫責任的質疑。</t>
  </si>
  <si>
    <t>日本國內29日新冠肺炎的單日新確診人數達1071人, 首度破1千人。原本唯一零確診的岩手縣29日也首次出現2位確診患者，其中位是40多歲的男性。
東京都29日有250人確診，東京已連續21天確診數超過100人，累計確診人數達1萬1千861人。大阪府29日有221人確診，創單日確診最高紀錄，大阪也是首次超過200人確診。愛知縣29日有167人確診，福岡縣有101人確診，都創單日確診數的新高紀錄。</t>
  </si>
  <si>
    <t>自50年代活躍爵士樂壇的美國爵士鋼琴大師艾利斯．馬沙利斯（Ellis Marsalis）， 日前因新冠肺炎逝世，享壽85歲。艾利斯曾於2015年訪台，在兩廳院夏日爵士派對上為樂迷帶來鋼琴四重奏演出。
艾利斯出身紐奧良，為爵士樂界第一家庭「馬沙利斯家族」的大家長。家人透過艾利斯的臉書粉絲專頁，昨（2）日貼文宣布他不幸逝世的消息，家族將舉行私人葬禮，也將在未來設置公共紀念碑，非常感謝每位為艾利斯哀悼的人。也根據艾利斯的願望，希望大家將慰問的花與卡片，替換為支持馬沙利斯家族為音樂資源不足的兒童設立的音樂中心，以紀念艾利斯為兒童的努力，將文化與音樂帶給紐奧良的兒童。
艾利斯共有6個兒子，4位都成了音樂家，其中最知名的便是林肯中心爵士樂團藝術總監、爵士小號手溫頓（Wynton Marsalis），他在臉書貼文懷念父親，「父親是一位謙卑的人，用音樂捕捉地方的精神」。除此之外，艾利斯也是位致力於傳承音樂的教育家，指導過當代許多優秀的樂手，任教於多所音樂學校，影響力遍佈爵士樂壇。
在2011年獲得爵士音樂最高榮譽「NEA爵士大師獎」的艾利斯，見證爵士樂歷史超過60年，音樂經驗豐富，從藍調到傳統紐奧良爵士咆勃等，各種風格都能掌控恰如其分，層次分明，顯見大師風範。</t>
  </si>
  <si>
    <t xml:space="preserve">美國藥廠吉立亞公司的「瑞德西韋（Remdesivir）」藥物被認為可能是有效治療新冠肺炎的藥，國家衛生研究院今宣布，繼完成毫克級的合成後，今天進度超前，完成了公克級合成，讓藥物研發的進展往前邁向一大步。
國衛院臉書表示，為了協助政府因應新型冠狀病毒(COVID-19)疫情之防疫工作，國衛院利用2003對抗SARS與2005年合成克流感之經驗，積極投入美國藥廠吉立亞公司（Gilead Science）「瑞德西韋（Remdesivir）」藥物合成工作。
國衛院指出，國衛院在2月19日成功完成瑞德西韋毫克級合成。如今，原預定二周的作業時程，於短短五日提前達陣，今2月24日成功完成公克級合成，讓藥物研發的進展往前邁向一大步。同時，已有國內廠商表達後續大量合成生產之意願，期盼能共同為此次抗疫一起努力。
</t>
  </si>
  <si>
    <t>「＋0」又破功！台灣今天新增一例新冠肺炎境外移入個案，患者是一位來自墨西哥的本國籍男子，目前國內累積共448例確診者，還有兩名未出院。
中央流行疫情指揮中心醫療應變組副組長羅一鈞表示，國內新增1例境外移入COVID-19病例(案448)，為50多歲男性，今(2020)年2月初至墨西哥工作，昨(1)日返國入境。
指揮中心表示，個案6月17日至22日陸續出現頭痛、咳嗽、四肢無力及發燒症狀，並曾於墨西哥當地多次就醫但未採檢，經治療後於6月25日症狀緩解。個案7月1日入境時主動告知過去14天內曾有不適症狀，由機場檢疫人員安排採檢後送至集中檢疫所隔離，經檢驗於今日確診，目前個案收治住院隔離。
指揮中心指出，衛生單位已掌握個案接觸者共23人，其中11人須居家隔離，包括同行同事1人，同班機前後二排乘客10人(另有1人轉機未入境)，同班機機組員11人因全程有適當防護，列為自主健康管理對象。
指揮中心統計，國內截至目前累計77,025例新型冠狀病毒肺炎相關通報(含76,084例排除)，其中448例確診，分別為357例境外移入，55例本土病例及36例敦睦艦隊。</t>
  </si>
  <si>
    <t>為因應疫情升溫，北市14日緊急啟用4個快篩站，而中央流行疫情指揮中心15日也宣布，北市聯合醫院中興院區快篩站共發現46個陽性、剝皮寮快篩站則找到16人，總篩檢人數525人，陽性率有10％左右，引起全國震驚；投訴人指出，北市聯醫某院區恐將出現類似和平醫院的狀況，至於是否會釀院內感染，有待嚴密觀察。
投訴人指出，北市聯醫和平院區目前只出不進，導致萬華地區居民往外擴散篩檢，甚至四處換醫院求醫，流動到北區的各醫院去，反而增加擴散危險；台大醫院某醫師表示，院內感染可能會壓垮醫療體系，一定要嚴防。
投訴人爆料，北市聯醫某院區12日替一名外科患者手術，但術後患者血氧濃度無法回到正常值，經胸部X光檢查，才發現已罹患肺炎，並在14日確診，但確診後，院方竟未積極通知照顧患者的護理人員，甚至未立即安排採檢，更沒通知與確診人同病房的患者及陪病家屬，相當離譜。
北市聯醫表示，有關所有檢疫相關事項，統一由中央流行疫情指揮中心發佈。</t>
  </si>
  <si>
    <t xml:space="preserve">日本放寬邊境管制，並宣布若有完整接種日本認可的3種疫苗（BNT、AZ或莫德納），入境隔離期間可從10天縮短為3天；但因日本不承認台灣的疫苗接種證明，引發國內網友熱議、甚至論戰，有批踢踢網友譏諷「真是台日友好？」，但也另有網友指出，台灣沒放寬邊境管制，日本憑什麼要放寬。
有網友今（9日）在批踢踢八卦板上爆料，稱日本昨（8日）公布開放商務與留學生簽證，日本政府承認的國家/區域名單，完整接種過2劑疫苗（AZ、BNT、莫德納）的旅客可以將14天隔離縮短為3天，但是台灣不在名單內，也就是說不認台灣的接種證明，不管是打BNT、AZ還是高端，一律要隔離14天，該網友詢問，「這是怎麼回事」？
大批網友也在其po文底下留言表示，「台日友好」、「台日友好，快把最頂最貴的高端送他們」、「慟！所謂的台日友好竟然只是一廂情願」、「真心換絕情~笑死」，但也有網友指出，「日本人心眼很小的，台灣不放寬邊境管制，日本憑什麼要放寬」、「除非台灣放寬隔離政策，憑什麼要求日本放寬」、「這玩意是互相的，一堆沒外交概念推文」。
對此，衛福部長陳時中今在記者會上證實有此事，並解釋台灣的小黃卡和日本疫苗的證明無 法相通最大的關鍵還是在於，台灣還是要居家檢疫14天，因此沒有雙方互相認可的機會，目前還在談，但我方會積極爭取。
</t>
  </si>
  <si>
    <t>教育部今(21)日公布最新全國確診學生人數，已連續3天沒有新增案例，累計全國學生確診個案維持在754人。
根據教育部最新統計，自4月20日到9月20日下午5點半，共有754名學生確診新冠肺炎，其中721名是本土案例，33名境外移入，數據與9月17日人數一樣，沒有新增案例。
依照教育部數據顯示，以各教育階段區分，大專校院共242名案例、高中119名、國中114名、國小190名、幼兒園89名。
至於行政院孩童家庭防疫補貼方面，國小以下孩童及國中、高中、五專前3年身心障礙學生的父母、監護人或實際照顧者可以進行申領。教育部也在中秋連假前夕完成最新統計，截至9月17日，成功申領人數比率約97.02％。</t>
  </si>
  <si>
    <t>新冠肺炎何時會消失？近日確診病例又增加是否是疫情反彈？大陸防疫專家、中國科學院院士鍾南山對這些熱點問題一一回應。他指出，不要指望疫情全部消失；境外輸入病例近日雖多但非疫情反彈。
鍾南山稱，大陸的新冠肺炎疫情基本屬於控制狀態，但海外仍處高位，由於核酸檢測沒有全覆蓋，非洲、印度、巴基斯坦等人口大國確診病例處於爬坡階段，這樣的反差，會造成外來輸入病例，而且會有外來輸入以後感染的病人。
廣州對境外入穗者採核酸檢測全覆蓋，鍾南山說，這實際上是外防輸入升級的措施，與當前世界疫情形勢有關。採全覆蓋核酸檢測和隔離，非常有必要。
鍾南山也指出，留學生是非常值得注意的群體，特別是一些發展中國家的疫情還很難估測。所以，留學生和其密切接觸者一定要通過常規檢查，沒有問題後，才能同意回來上課。
廣州出現多例境外輸入病例的關聯病例。鍾南山不認為是疫情反彈，他明白表示，出現大群體的爆發才是反彈。傳染性疾病，無界限，早發現是好事。廣州採取措施比較早，這是好事，不認為是反彈，而是及早發現的做法和結果。
無症狀感染者的傳染隱患成為公眾普遍關注的問題。鍾南山說，無症狀感染者不是新冠病毒後期的特徵，這類人群一直都存在。目前，從很多境外輸入案例看，很多人在境外感染病毒沒有發生症狀，到大陸過程中或抵達之後才出現症狀，這也促進社會更加關注無症狀感染者，「我也再次重申，這是一種傳染病，不要指望疫情全部消失，只要不影響生活生產即可。」
鍾南山認為，新冠肺炎疫情是否會再次大爆發，取決於人為干預、特別是政府干預的力度。「今年秋冬季節是否會再發生？不敢說，有這個可能，但不會像這次狼狽。」</t>
  </si>
  <si>
    <t>香港第三波新冠肺炎疫情持續惡化，單計8小時就有108例確診！香港衛生防護中心傳染病處主任張竹君19日表示，有關確診數字是由18日下午4時至凌晨12時計算，引發各界關注。對此，中文大學醫學院呼吸系統科講座教授許樹昌直言，若每日確診個案都破百，公立醫院會在一周內爆滿。
香港確診新冠肺炎案例爆增，至今累計個案1886例確診。據《東網》，許樹昌今天在電台節目表示，香港新增破百例確診，就是專家擔心個案以幾何式急增的情況。他說疫情現在相當險峻，預料今天新增個案達三位數的機會都高，未來幾天確診個案也仍會持續增加，若每日確診個案皆破百，公立醫院會在一周內爆滿。
許樹昌也提及，市民恐因「抗疫疲勞」致防疫意識鬆懈！他希望抗疫措施嚴謹後，一周內可看到新確診個案數字降低。他也表示，規定市民在所有室內公共場所戴口罩是重要措施，及早採取嚴謹措施，到疫情放緩時再逐步放寬。</t>
  </si>
  <si>
    <t xml:space="preserve">台灣在對抗新型冠狀病毒的戰役中表現突出，備受他國推祟，連現任國光科技董事長、前衛生署長詹啟賢也高度讚賞，認為政府和防疫官員警覺性高、反應明快，民眾也能充分配合遵守防疫措施，養成良好的衛生習慣。不過，他指出台灣防疫能傲視全球，最重要的關鍵還是因為22年前爆發腸病毒，讓台灣制定了先進的防疫體制，這套體制連日本至今也付之闕如。
面對新型冠狀病毒來勢凶猛，連先進國家義大利、德國、法國、西班牙疫情嚴峻，為何被視為疫情可能第二嚴重的台灣相對表現傑出？
詹啟賢接受《鏡週刊》專訪時表示，其他國家防疫做不好，就是因為沒有制定《傳染病防治法》。他指出，1988年他在衛生署長任內提出《傳染病防治法》架構，對防疫的相關強制隔離、徵調民間醫療資源，或對發布不實訊息施以裁罰等，都有所規範。
詹啟賢說，1989年台灣成立疾病管制局，並修訂了嚴謹的《傳染病防治法》，這是亞洲第一個立法的國家，時至今日，亞洲醫療先前國日本仍沒相關法規。至於為何台灣能對防疫超前部署，詹啟賢則透露，其實「和腸病毒有關」。
根據資料，1998年腸病毒大流行時，造成全台140萬名兒童得到手足口症和咽峽炎，共405人併發重症、78名兒童不幸死亡。
</t>
  </si>
  <si>
    <t xml:space="preserve">黃明志日前因應新冠肺炎疫情，無奈取消本月二場的「鐵漢柔情」系列演唱會，對於各國近期疫情措施，黃明志不僅力讚台灣政府防疫完善，還怒飆髒話嗆世界衛生組織WHO：「這次台灣防疫跟應變能力都太強大！比起那個什麼懶叫WHO每天胡說八道強多了，台灣應該要禁止WHO加入台灣！然後建議那個WHO秘書長可以改行去歌舞伎町做鴨，幫人舔屁股洞賺錢比較快！」
黃明志回想自己一月中在台北舉辦的新歌演唱會，感慨表示：「謝謝每一位出席這次新歌發表會的朋友，讓我重拾Unplugged演出的樂趣。不知道要等到什麼時候才能再次公開演出，最近由於武漢肺炎導致所有的公開活動都取消了，害林北只能寫寫劇本，寫寫歌，錄錄音，拍拍MV。」自嘲近來沒事做，「害林北的作品越做越多跑出來了，多到林北都不知道該先發表哪一個，你說怎麼辦好」！
黃明志特別欣賞大支日前推出的抗疫公益歌曲〈台灣隊長Remix〉，該曲除了描述台灣在防疫上的作為以及成效，也感謝因這次疫情、集結組成最強勁軍隊的台灣英雄們，此外，大支也透過該曲，表達對WHO打壓台灣一事不滿，歌詞強調「健康是全人類基本人權，不應該有人被遺棄」。
</t>
  </si>
  <si>
    <t>英國科學家19日針對新冠肺炎展開最新研究，這回讓曾確診新冠肺炎並痊癒者再度接觸病毒，以了解痊癒者是否對病毒免疫。
今年2月英國成為全球第一個實行「人體挑戰試驗」的國家，號召全國健康志願者參與人體試驗，在封閉環境下接觸新冠病毒，以了解病毒造成的人體反應。最新研究則是號召曾確診並痊癒者再度接觸病毒，目的在了解痊癒後是否對病毒免疫，以及免疫力維持的時間長短。
主持這項研究的牛津大學疫苗學家麥克申（Helen McShane）表示：「這項人體試驗所得的數據有助我們設計更有效的疫苗及療法，也能更加瞭解新冠肺炎患者痊癒後是否不會再度感染，以及免疫力持續時間。」</t>
  </si>
  <si>
    <t xml:space="preserve">展開新的一天，中時新聞網帶您看看，世界發生了哪5件大事。
【1】北京爆發另一波新冠肺炎疫情，世界衛生組織（WHO）認為事關重大正在調查源頭。
【2】美中緊張關係似乎出現緩和跡象，美國已證實，將與大陸互相放寬旅遊禁令，允許每周4架客機互飛。
【3】日本因為技術問題，決定停止部署陸基「神盾」系統。
【4】美國總統川普為了爭取連任，卯足力氣拚經濟，竟然語出驚人，說要是不檢測，美國就不會有那麼多新冠肺炎病例。
【5】由於台灣防疫有成，日本執政黨要政府將台灣列入第1波開放入境名單。
</t>
  </si>
  <si>
    <t>美國疫情再創紀錄！12月9日3214人因新冠肺炎送命，住院人數達10.7萬，雙雙締造單日新高。日本和南韓確診數也暴增。美國食品暨藥物管理局（FDA）10日將討論輝瑞／德國BioNTech研發的疫苗，預料將可望獲准緊急使用，但加拿大卻搶先在9日宣布，批准輝瑞疫苗開打。
感恩節假期5千萬美國人不顧專家警示，出遊或與親友團聚的後果，化為屢破新高的單日確診和死亡數字。3000多死的恐怖門檻，醫療體系瀕臨崩解。《紐約時報》表示，美國3分之1地區的醫院，加護病房均已爆滿。加州、德州與羅德島等，已著手打造野戰醫院。另外，兒童醫院也加入分擔病患的行列。
在亞洲，日本10日新增確診達2811例，東京一口氣增加602例，刷新單日紀錄。南韓增加682例確診，累計確診也跨過4萬大關，為避免醫療體系崩盤，衛生部10日宣布，將打造由貨櫃改裝而成的流動病床，分布在首爾150處醫療院所。
香港10日新增112例新冠肺炎確診個案，連續3天日增超過百例，全港確診累計已達7292例。新增確診個案來自多起群聚感染鏈；綜合香港電台等港媒報導，香港九龍灣麗晶花園第6幢迄昨已累計7例新冠肺炎確診個案，都來自D室單位。港府已要求特定居民先遷往隔離地點，其餘居民則需要接受強制檢測。港大微生物學系講座教授袁國勇昨到疫廈視察，指單位多個汙水管都接到同一糞管，不排除傳播方式與當年的淘大花園相似。
病毒肆虐下，疫苗成為最後的「靈方妙藥」。白宮「曲速行動」疫苗專案小組，最快周末前就可把290萬劑疫苗配送到各地。</t>
  </si>
  <si>
    <t>外傳北市府即將展開萬華區血清抗體研究，台北市長柯文哲今日證實此事，並說該研究要查3件事，包括社區中是否藏有許多黑數，民眾確診、打疫苗後的抗體變化，以及台灣是否該追加購買第三劑疫苗，也承諾周五將請研究計畫主持人向外界說明。
台北市長柯文哲曾說要對疫情重地萬華區，執行血清抗體研究，釐清台灣死亡率高達5％以上的原因，是否為社區中藏有許多黑數，外傳該計畫昨日已通過人體試驗倫理委員會（IRB）審查，預計收案5000人、追蹤6個月，每人會抽3次血來檢測血清抗體。
柯文哲今日主持防疫記者會，媒體問及萬華千人血清研究會如何進行，經費又從何而來，受試者又將如何募集？他說，有關該研究的詳細計畫，他會在禮拜五請計畫主持人說明，也證實該計畫是昨天經IRB通過。
柯文哲指出，該研究是由台北醫學大學、台大公衛學院及北市府聯合做的流行病學研究，有通過衛福部同意，也有通過醫學院內的人體試驗及北市府同意，完全符合程序。選擇萬華作為研究標的，是因為當時疫情嚴重，該區感染數多，因此可獲得較有效的數據。
柯表示，這研究有幾件事要查，起初台灣死亡率高達5％，是否代表社區中存有很多黑數？那些確定感染過新冠肺炎或打疫苗的民眾，抗體變化情形如何？這是重要數據，假設台灣將來要打第三劑，到底要多久才可以打？也能重新檢視疫調系統有無破口。
台北市立聯合醫院副總院長許家禎補充，研究結果除能進行疫調上的補漏外，還可知悉綜合抗體效價變化，這能作為精確數字， 讓大眾知道是否要追加第三劑疫苗，以及疫調作為是否還有可精進的部分，未來會請研究團隊和大家說明。
至於經費部分，許家禎則說，都是由北醫和台大團隊籌措，北市府這邊，因為這是對萬華的服務，會全力做行政上的協助。</t>
  </si>
  <si>
    <t xml:space="preserve">新冠肺炎衝擊產業，經濟部規劃待疫情舒緩後推出酷碰券、振興抵用券刺激消費，其中酷碰券需先消費才享有折抵，被立委批評政策不食人間煙火，傳出經濟部有意調整方案，是否有考慮改發現金或消費券，經濟部長沈榮津今表示，酷碰券使用方式會傾聽各界意見，會做整體考量，現在還在蒐集資訊階段。
行政院今天召開「行政院紓困振興進度記者會」，行政院長蘇貞昌率領龔明鑫政委、衛福部、經濟部、勞動部、交通部、財政部、主計總處等部會首長出席，說明政府近期紓困措施進度，面對政府何時啟動振興經濟相關措施，蘇貞昌說，要等疫情緩下來才會實施。
蘇貞昌表示，不論酷碰券或抵用券等振興措施，希望刺激消費，現在仍在防疫階段，指揮中心呼籲大家減少群聚，如果這時候推動振興方案，會產生矛盾之處，政府不該縣在鼓勵民眾出來消費，會視疫情發展超前部署。
至於酷碰券方案遭批評限制多，除必須綁定電子支付付款，且民眾必須先掏錢才能享有折扣，刺激消費誘因不足，出現希望政府改發現金或消費券的聲浪。
對此，沈榮津表示，酷碰券問題各界都很關注，也提出非常多的建議，例如透過既有電子支付平台，限制消費者使用通路，經濟部會收集、傾聽各界意見後，做為未來相關政策調整參考。
</t>
  </si>
  <si>
    <t>伊朗衛生部發言人賈汗普爾3月9日稱，伊朗一省份出現集體酒精中毒事件，已造成20人死亡。中毒者為了預防新冠肺炎而誤飲假酒。
據大陸《澎湃新聞》引述伊朗半官方媒體《法爾斯通訊社》3月9日報導，賈汗普爾表示，伊朗胡齊斯坦省今日只有73名新冠肺炎確診病例，但過去兩天中有331人因酒精中毒住院，20人死亡。他在視頻講話中表示，這些人為了預防新冠肺炎而誤飲了假酒。
賈汗普爾表示，「如果人們能夠消除恐懼，（該省份）也許到了疫情流行末期也不會死這麼多人」。
根據伊朗衛生部最新通告，截至3月9日，伊朗累計確診新冠肺炎病例7161例，累計死亡237例。
警語：禁止酒駕，喝酒不開車，安全有保障</t>
  </si>
  <si>
    <t>台灣鋼鐵集團旗下特殊鋼大廠榮剛材料（5009）9日公告，3月份自結合併營收為新台幣8.41億元，雖較去年同期減少10.17％，但創今年來新高，累計1至3月自結合併營收為22.66億元，較去年同期減少12.55％。
榮剛表示，新冠肺炎疫情肆虐全球，增添許多不確定性，也明顯影響到世界各國經濟體系運作，部分歐美客戶進行庫存調整，不過由於大陸子公司已全面復工，需求迅速回補，榮剛3月整體營收優於1、2月表現，僅較去年同期微幅減少，但隨著疫情逐漸受到控制，後續市場需求可望逐漸回穩。
受限於歐美客戶因新冠肺炎疫情與封城等影響，榮剛的航太、能源、油氣三大高值化產品線雖維持一定接單水準，但公司持續密切觀察疫情後續變化，並透過優化產品組合、調整庫存與增強成本管控等內部改善活動，增強公司對市場波動的抵禦力。
榮剛表示，在疫情尚未明朗的狀況下，對於客戶應收帳款的管理以及加強現金流的掌握，也是公司著重的要點。</t>
  </si>
  <si>
    <t xml:space="preserve">《美聯社》7日報導，根據最新統計顯示，美國新冠疫情再次重返2020年冬季激增期的關鍵點，目前每日平均新增確診人數皆破10萬。令人憂心的是，2020年美國歷經9個月才破10萬大關，如今6週內就重返此一節點，反映出Delta變種病毒的強大傳染力，以及該種病毒在全美擴散速度有多快。
報導中指出，6月下旬時，美國每日平均確診人數為11000例，如今則飆升到107143例。在疫情剛爆發時，美國歷經9個月的時間才在11月突破10萬大關，並於1月達25萬的疫情高峰。在超過7成的成年民眾接種疫苗後，確診數已於6月分觸底，如今只花6週就重返10萬人以上確診。
Delta變種病毒正在未接種疫苗的民眾間迅速傳播，南方各州因疫苗覆蓋率過低而疫情大爆炸，導致醫院充斥著病患。衛生官員警告，如果美國民眾還是不接種疫苗，病例數會持續上升。
美國疾病控制與預防中心（CDC）主任瓦倫斯基（Rochelle Walensky）日前接受美國有線電視新聞網(CNN)訪問時表示，「根據模型計算顯示，如果民眾再不接種疫苗，美國確診人數將破10萬大關，回到2020年10月初的激增情況」。
隨著大量民眾因Delta變種病毒而確診，住院病患大增，情況已讓偏遠地區的醫院為張羅病床而傷透腦筋。
休士頓官員證實，新一波新冠確診病例導致地方醫療保健體系幾乎逼近崩潰臨界點，部分患者被迫送往他處接受治療，例如送往北達科他州。休士頓衛生局沛斯博士(David Persse)表示，由於缺少病床，部分救護車開到休士頓的地方醫院外，要等好幾個小時才能放下病人，恐讓911回應民眾求援的時間拖長。
其表示，「現在醫療保健系統幾乎在崩潰邊緣，但接下來3週內仍不太可能看到急診塞車獲得緩解」。上週末，1名休士頓的求診患者被迫送到北達科州接受治療。8月5日，1名罹患新冠肺炎且癲癇發作的11個月大女孩，從休士頓送到274公里外的醫院接受治療。
密蘇里州州長帕森（Mike Parson）宣布，已派出30輛救護車60多名醫護人員駐紮在全洲各地，以便在醫院無法接收病患時，送新冠患者至其他地方求診。
</t>
  </si>
  <si>
    <t>台灣疫苗還在拚第1劑接種覆蓋率，但台北市萬華運動中心卻推出「打第3劑疫苗可免費游泳1個月」的優惠，但國內截至14日僅有48％的1劑覆蓋率、4.5％的2劑覆蓋率。台北市長柯文哲表示，製作創意廣告的委外廠商本意是想諷刺中央，但市府已判定它為不實廣告，現已下架。
萬華運動中心日前貼出廣告，內容指出，即日起至9月21日，民眾只要出示打完疫苗的小黃卡，即可享「 COVID-19 疫苗 打3劑 」的優惠，可獲得免費游泳月卡，每人限領一張，還說這是振興防疫價，廣告一出就引發大批網友討論，質疑到底誰能符合這項資格。
對此，柯文哲今日主持防疫記者會時表示，萬華運動中心是北市府的委外廠商，他也知道小編是要諷刺中央，做了一個創意廣告，但後來北市府判定為不實廣告，目前已經下架了。</t>
  </si>
  <si>
    <t>最近新冠肺炎疫情肆虐，不少運動賽事宣布延期或取消，中華民國網球協會關心選手以及進場觀賽民眾的健康，除了在正常舉行的賽事訂立完整防疫規則之外，更特別製作「網球防疫大作戰」影片加強宣導重要防疫觀念，提醒選手及觀眾在非常時期的自我保護措施。
影片分為選手篇以及觀眾篇，選手篇邀請到台灣網球好手蘇鈺翔擔任主角，提醒選手除了勤洗手、量體溫之外，比賽開始以及結束時，改以球拍碰觸取代握手致意。另外，雙打隊友溝通戰術與暗號時，也以背對著對手方式溝通，避免把球拿至嘴巴旁邊沾染口沫。而觀眾篇也建議大家在觀眾席看球時，與其他觀眾保持至少一公尺距離，且不高聲吶喊以避免口沫飛傳。
本周末「美傑仕OPI盃全國青少年網球錦標賽」即將於臺北市網球中心點燃戰火，大會為配合政府新冠肺炎防疫，只要選手進入室內場館就會安排體溫量測以及酒精消毒，也會將防疫影片於場館內電視上輪播，強調「比賽重要，防疫也重要」的觀念，呼籲大家一起在球場及防疫作戰中，打出一記漂亮的ACE球，讓選手及民眾能夠更加安心享受比賽。</t>
  </si>
  <si>
    <t xml:space="preserve">
為防治新冠肺炎疫情，法務部矯正署針對全台各監所收容人採取強制傳染病感染管制措施，自今年1月1日到2月11日，共計隔離170名收容人犯，迄今沒有發現任何感染個案，目前還有19名收容人仍繼續隔離中。
法務部長蔡清祥表示，矯正機關是人口密集機構，人員進出頻繁，為了因應嚴重特殊傳染性肺炎，所以要求所屬矯正機關執行傳染病監控及通報流程，加強防疫觀念宣導，並徹底執行防疫措施及確實管控防疫物資。
根據法務部矯正署統計，全國各監所對收容人隔離措施，自1月1日到2月11日，總共隔離170名收容人，其中新入監收容人有自大陸、港澳地區返台的有32位，目前只有5位仍在隔離中；外役監返家探視與大陸、港澳地區有旅遊史的人接觸者35位，目前還有14人還在隔離中。
另有其他隔離的收容人則是呼吸道感染等疾病，都沒有發現新冠肺炎感染，至各監所的口罩庫存量目前只剩2周的量，矯正機關也通令各監所控制防疫物資的使用。
更多 CTWANT 報導
</t>
  </si>
  <si>
    <t>國內暴增206例本土案例，確診人數再創下單日新高。指揮中心公布，206例當中，新北市佔97例最多，以板橋區32例最多、台北市為89例，其中58例分布在萬華。
指揮中心表示，今日新增206例本土病例，為90名為男性、116名女性，年齡介於未滿5歲至80多歲，發病日到採檢日介於4月6日到5月15日。確診個案分別分布於新北市97例、台北市89例、彰化縣9例、宜蘭縣、新竹縣各3例、桃園市及基隆市各2例，台中市1例。
指揮中心指出，新北市97例確診案例中，以板橋32例最多；另外，台北市89例中，其中的58例分布在萬華。</t>
  </si>
  <si>
    <t xml:space="preserve">台股今開低走高，儘管權值股熄火，資金流向航運、生醫、宅經濟等族群，在題材股點火下，指數盤中兩度黑翻紅，終場台股收漲32.33點、報在12795.46點、成交量為2126.79億元；台股周線收連9紅、本周指數漲32.66點。
權值股今普遍熄火，股王大立光(3008)整場多震盪於平盤附近，終場收0.13%，台積電(2330)開低震盪，股價小跌0.47%、收在427元，鴻海(2317)則逆勢小漲，收漲1.13%，躍上80元大關，聯發科(2454)則受到高通傳出搶單消息，股價走跌，在5日線、月線下方震盪，收跌0.58%，面板雙虎友達(2409)、群創(3481)盤中漲幅拉抬，連袂上揚逾1%。
在全球持續受疫情壟罩下，宅經濟持續發燒，廣達(2382)法說會對下半年釋出樂觀訊息，全年筆電出貨上看雙位數，今開高走高，大漲8.5%，華碩(2357)、宏碁(2353)也在疫情關係下，NB出貨看俏，今股價雙雙走揚，漲幅在1.5%~2%。
今日台股資金也流向航運以及生醫股，下半年原油價格漲幅有限，有利於航運成綁，長榮(2603)盤中亮燈漲停，終場鎖住，陽明(2609)亦一度漲停，萬海(2615)午盤後則維持約4%~5%漲幅表現。
和碩(4938)宣布以總價145億元，每股87.5元，併購鎧勝-KY(5264)，外資多維持持有或中立評等，今早盤鎧勝-KY一開盤即跳空漲停鎖住，和碩亦大漲逾7%，尾盤也受買單拉抬。
分析師表示，目前全球市場仍密切關注美中間衝突發展，台股指數回到5日與10日均線之間，但中長線仍維持多方架構不變，短期在科技股回檔的壓力下可能再測月線支撐，但仍可能受國際市場消息波動影響，預期指數將於12600-13000點震盪盤堅，逢回聚焦業績題材股操作，另外，只要美股不要連續性的大幅回檔，則台股有機會於此整理一段時日之後，再次蓄勢向上挑戰13000點。
</t>
  </si>
  <si>
    <t>據NHK報導，受疫情影響，位於千葉縣的東京迪士尼樂園及迪士尼海洋宣布自29日起臨時休園至3月15日。該公司表示，暫定於3月16日恢復營運，但「將與政府有關單位密切溝通後再行宣布」；大阪環球影城也於迪士尼宣布休園後做出同樣決定，暫休至3月15日，暫定3月16日恢復營運。
日本共同社報導也指出，東方樂園公司28日發佈消息稱，為防止新冠肺炎疫情擴大，東京迪士尼樂園和東京迪士尼海洋從2月29日至3月15日臨時關閉，為2011年311大地震發生後首次閉館。至於已購票的觀光客，園方將採取退款或延長票期的因應方式。
報導指出，新冠肺炎在日延燒，首相安倍晉三先前已呼籲暫停各類大型活動，而多家遊樂園也為了防疫考量宣布暫停營業，如日本「三麗鷗樂園」21日宣布從22日起休園至3月21日。</t>
  </si>
  <si>
    <t xml:space="preserve">國內今天新增2例新冠肺炎確診，均為境外移入，中央流行疫情指揮中心將於下午2點召開記者會，由發言人莊人祥說明最新疫情。
截至目前國內累計742例確診，分別為650例境外移入，55例本土病例，36例敦睦艦隊及1例不明；另1例(案530)移除為空號。確診個案中7人死亡、606人解除隔離、129人住院隔離中。
指揮中心提醒，民眾出入醫療照護、公共運輸、生活消費、教育學習、觀展觀賽、休閒娛樂、宗教祭祀及洽公機關(構)等八大類高感染傳播風險場域，因不易與他人保持社交距離，且會近距離接觸不特定對象，請務必佩戴口罩，並應落實勤洗手、咳嗽禮節等個人衛生習慣，以降低感染風險。
</t>
  </si>
  <si>
    <t>新型肺炎疫情重創觀光業，在景氣寒冬之際，高雄田寮花季飯店逆向操作，祭出促銷方案，推出「2020花季愛您」湯屋優惠活動，活動期間2月20日至3月20日間，原價要2500元高級湯屋，只要2020就可享受，另體恤旅遊業辛苦，原價破1.3萬元的五星級溫泉房型，也下殺5折，只要5999元。
花季飯店為提振國內旅遊市場，推出了「2020花季愛您」湯屋優惠活動，原本要2500元的高級湯屋，只要2020元就可以享受，甚至在3月還提出旅運同業的優惠價，體恤旅運同業在疫情中遭受的損失，只要出示旅運同業相關執照，就能讓原本要價1萬3800元五星級溫泉房型，只要花費5999元就可以體驗到萬元五星級的享受。
花季飯店經理黃慧萍提到，現階段全台旅遊業都很慘，許多旅運同業甚至選擇放無薪假，但「花季」持續鼓勵民眾多走出家門，遠離人潮密集的地方，來山裡親近大自然、泡泡湯，以增強抵抗力一起對抗這波世界級的寒冬。
「不只旅行社有很大的損失，我們也不例外！」，黃慧萍強調，為提倡民眾出門，加強民眾的防疫觀念，「花季」依然會持續推出許多優惠，希望民眾能認知到提升自身免疫力才是對抗新型冠狀病毒最佳的方式。</t>
  </si>
  <si>
    <t xml:space="preserve">南韓大邱市在20日出現新冠肺炎的超級傳播者，根據南韓當局的調查結果指出，這名超級傳播者為第31例確診病患61歲女性，她在3周內至少接觸數百人，而她所屬的教會「新天地」1001名成員都要實施居家隔離。
根據《韓聯社》報導，韓國中央防疫對策本部本部長鄭銀敬20日表示，已經從新天地教會取得本月9日、16日與該名患者一起做禮拜的1001名教徒名單，正對他們實施居家隔離措施，並通過電話確認這些人的健康狀況。
由於這位61歲的婦人在2/7開始出現症狀，因此防疫部門認為這是開始出現新冠肺炎病毒感染症狀的時間點，並展開了流行病學調查。
鄭銀敬補充，在慶尚北道清道郡和大邱市出現的確診病例多與新天地教會有關聯，教徒的家屬等很多人存在感染風險，政府呼籲減少在封閉的環境下長時間進行集體活動。
截至20日上午，新天地大邱教會1001名教徒中，有症狀的有90人、沒症狀的有515人，其餘396人尚未取得聯繫。
另外，根據韓媒《首爾新聞》報導，這名61歲婦人在6日發生交通事故後，先住進了大邱市壽城區的新韓方醫院治療，雖然醫生要求她要住院，但9日婦人卻還是去了新天地教會禮拜，而10日到14日期間婦人都在院內接受治療，10日當天開始出現發燒症狀，雖然醫護人員曾勸她接受新冠肺炎的檢驗，但她卻認為自己沒有海外旅遊史、接觸史而拒絕。
沒想到，婦人14日確診罹患肺炎後，即使院方再次勸說，她卻到17日才接受檢驗，並在18日確診得到新冠肺炎。而在這段期間內，15日該婦人還曾到酒店內參加婚禮、16日也二度去大邱南區的教會禮拜。
</t>
  </si>
  <si>
    <t>國內疫情嚴峻，國人關注疫苗取得進度，民進黨立院黨團總召柯建銘昨晚於臉書表示，5月時自己和美國加州共和黨籍眾議員金映玉（Young Kim）聯絡，並希望美方能提供疫苗，金映玉回應，台灣應該被列為美國提供疫苗的優先名單內，並提供足夠疫苗。
柯建銘指出，5月15日雙北發布三級警戒，5月30日前僑務委員林清吉（Harry C Lin. CPA）來電表達，僑界想為台灣做些事，請他致信給金映玉，表達台灣急需疫苗的狀況，也請金映玉代為向美國總統拜登、國務卿布林肯轉達。同時僑界也會發起寫信給美國各州參、眾議員，為台灣取得疫苗努力。
柯建銘說，6月3日金映玉回信提及，感謝台灣過去贈送大批防護裝備給美國，現在美國已超過半數成人打完疫苗，因此金映玉認為，台灣應該被放在美國提供疫苗的優先名單之列，並提供足夠疫苗。
柯建銘表示，金映玉也提到，已和我國駐美代表蕭美琴碰面，討論提供台灣疫苗，也強調會持續對外發聲，讓更多人知道台灣需要被幫助(Taiwan Need Help)。</t>
  </si>
  <si>
    <t>新冠肺炎疫情嚴峻，國防部協助「口罩國家隊」生產口罩，竟爆發監守自盜弊情。後備指揮部中校李志交、上士張政陽，涉嫌利用督導新北市某工廠生產外科、醫用口罩機會，A走至少6000片口罩，檢調懷疑2人對外販售，涉嫌貪汙，昨搜索約談，漏夜偵辦中。
國防部後備指揮部因新冠肺炎嚴峻，依「中央流行疫情指揮中心」命令，配合經濟部工業局口罩增產需求，動員後備軍人輔導幹部及派遣後備指揮部官兵，協力口罩生產工作，自2月3日起，截至4月14日止，累計支援44家廠商、3萬7000人次。
但檢調發現，台北市後指部的中校李志交涉嫌在今年2月間，被調派新北市某工廠負責督導生產外科、醫用口罩時，和上士張政陽分工，以利用「螞蟻搬象」的方式偷口罩，至少已偷走1大箱、6000片的醫療用口罩。
事後，國防部後指部接獲檢舉，先將李暫調苗栗地區，同時全力配合檢調偵辦，協助司法單位清查實際口罩被偷數量以及去向。
昨檢調搜索並未查扣到口罩，但根據生產線的原料出貨報告，比對查出至少短缺6000片口罩，經調閱生產線出入人員紀錄，發現2人涉嫌重大。據了解，李疑似在外欠債，是否因經濟因素，鋌而走險，有待釐清，昨深夜2人已被移送北檢複訊。
檢調指出，2人涉犯《貪汙治罪條例》竊取或侵占公用或公有器材、財物者，最輕可處10年徒刑，最重要面臨無期徒刑，刑責相當重。</t>
  </si>
  <si>
    <t>新冠肺炎重創全球經濟，領頭羊美國更在28天內，一口氣損失2千2百萬個工作機會。正當各州預備重啟經濟之際，聯邦參議院21日無異議表決通過，總額達4840億美元（約台幣14.7兆元）的新冠肺炎危機追加救助法案，以協助受疫情衝擊的小型企業和醫療體系。
在國會兩黨領袖、白宮就法案內容達成協議後不久，參議員們透過口頭表決（voice vote）方式，全票通過這項援助計畫。法案預計23日交付由民主黨掌控的眾院表決，總統川普發推特敦促眾議員們盡快放行這項法案。由此推論，只要眾院表決通過，川普可望迅速簽署，讓法案正式成為法律。這將是美國第4條為因應新冠肺炎的相關法律，總紓困規模高達3兆美元。
根據法案內容，將對小企業提供3820億（美元，以下皆同）貸款方案，其中3210億協助給付員工薪水，也為緊急災難貸款計畫提供6百億，另外對醫院追加750億援助款，對全國性的新冠肺炎檢測，撥發250億資金。
原本共和黨版本，只把小企業納入紓困貸款對象，但民主黨在協商中把援助範圍，擴大到醫院、照護中心和新冠篩檢。
參院民主黨領袖舒默21日在表決前的辯論中強調，這筆資金除了抗疫，就是要幫助小企業，包括夫妻共同經營的小商店，以及少數族裔的小店面。「我們可以貸款給小企業，但如果沒有顧客踏進他們的商店，那還有什麼意思？」</t>
  </si>
  <si>
    <t>新北市一名家住三重的30多歲男子昨清晨被警方查獲，違反居家檢疫規定到北市忠孝東路某夜店狂歡，新北衛生局從重罰處100萬，新北市長侯友宜今(23)表示，「只要你(居家檢疫者)踏出門口，一定罰你，如果到人多不通風的地方趴趴走，被逮到一定送集中檢疫所，然後罰一百萬，我一定不手軟。」
侯友宜指出，新北市居家檢疫的量大概為全國最高，累計至今早有10516個，可以講全台灣三分之一到四分之一都在新北市，居家檢疫落跑，一定採取重罰絕不手軟。
侯友宜表示，這段時間疫情高張，大家顧自己外也要顧別人健康，如果碰到困難，所有的里幹事、志工都會為你服務，安心的在家或是來住防疫旅館，這個部份我一定把他們照顧的無微不至。
侯友宜說，每天晚上都會請同仁到人潮聚集的地方不斷查察，白天也會到易逗留、人潮多的地方，了解有沒有居家檢疫者跑出來，「在這裡也要拜託我們業者，公有封閉空間已經封閉了兩個禮拜，業者也盡量全力配合，不要把太多人帶到店裡面來，以免交叉感染、群聚感染，一發不可收拾。」</t>
  </si>
  <si>
    <t xml:space="preserve">新冠肺炎（COVID-19）疫情全球升溫，我國全力防堵疫情擴散，今（20）中央流行疫情指揮中心說明最新進度，記者會重點如下：
◎今日新增2例新冠肺炎確診案例，2例皆為境外移入。截至目前為止，國內共累計422例確診，6例死亡。
◎海軍敦睦艦隊磐石艦爆發國內最大宗的群聚感染，陳時中表示，群聚事件已經進入次波感染，且潛伏期期間也會陸續發病，因此都在集中檢疫所觀察。召集人張上淳則表示，昨天一早對其中5位抽血，昨晚初步5個有3人身體出現抗體，雖然PCR是陰性，但出現抗體表示曾經感染過。
◎張上淳指出，根據5人就醫紀錄，發燒時間點落在3/21～3/26，沒辦法確定是不是在上船前就感染，可能是在船上感染，還需要更多證據，因此目前感染源還不明。
◎針對敦睦遠訓支隊24例確診個案，衛生單位目前已掌握接觸者共255人，其中177人為居家隔離對象，78人為自主健康管理對象，將陸續安排採檢。另外，指揮中心公佈官兵曾出入的足跡，約90多處公共場所活動，並上網公告。
◎陳時中坦承沒有掌握到敦睦艦隊的防疫工作，並強調雖然軍方的防疫SOP充足，但彈性不足，造成通報窒礙難行，才會出現下情難以上達的狀況。
</t>
  </si>
  <si>
    <t>本土疫情來勢洶洶，金融業確診案頻傳，現在連警衛也受波及；台北富邦銀行證實，昨接獲通報，位於台北市萬華區的桂林分行代班警衛確診，除進行全行舍消毒外，也同步安排分行全體行員進行快篩，慶幸的是，全體行員的檢測結果均呈陰性反應。
台北富邦銀行表示，桂林分行駐衛警是由外包保全公司委派，日前因原派遣人力休假，保全公司指派代班警衛於5月18日輪職一天，桂林分行依例行消毒行程，19進行全行舍消毒工作。
台北富邦銀行昨接獲通知，該名代班警衛確診，立刻再安排全行舍清消工作；台北富邦銀行強調，持續關心員工健康狀況，並嚴格落實各項防疫措施，確保客戶及同仁健康安全。</t>
  </si>
  <si>
    <t xml:space="preserve">中央流行疫情指揮中心宣布全國疫情警戒第三級延至6月14日，指揮中心副指揮官陳宗彥表示，為防堵疫情擴散，也延長全國各地宗教寺廟場所暫不進入、各縣市暫停公祭，到6月14日，請民眾能多體諒。
陳宗彥今天上午在指揮中心記者會上指出，因應三級警戒延長，已經跟22縣市的民政單位溝通並取得共識，延續之前各宗教場所暫不進入的規範，且各縣市暫也停公祭，喪葬禮儀只限家祭，不進行公祭，請民眾能多體諒，這段期間有家屬遇喪親之痛，也請體諒。
</t>
  </si>
  <si>
    <t>國內疫苗短缺逾300萬人等不到第2劑莫德納，650萬人沒有AZ第2劑可打，合計近1000萬人的「疫苗孤兒」，政府將提供另一選擇混打高端。台中市長盧秀燕16日表示，此事要慎重並聆聽民意，市府不反對疫苗混打；但要有科學根據，民眾是否能接受莫德納混打高端也需再討論，且要重視民意。
長庚大學與台大醫院分頭進行「AZ＋高端」、「莫德納＋高端」混打試驗。衛福部長陳時中昨表示，學理上可行性相當高。台北市長柯文哲則說，高端疫苗臨床三期試驗都沒做，現在還要混打，已超越他的醫學理解。
針對莫德納疫苗是否能混打高端疫苗議題，盧秀燕今天日出席南屯區精密園區停三立體停車場新建工程動土典禮受訪時說，此事要慎重並聆聽民意，市府不反對疫苗混打，但要有科學根據，民眾是否能接受莫德納混打高端也需再討論，且要重視民意。
盧秀燕說，中央已下訂莫德納疫苗，立法院也已通過300多億元的預算採購疫苗，全國估計約300多萬人正等待施打第二劑疫苗，包括台中65歲至75歲及其它各行各業的民眾，中央雖已訂貨也編列預算，但絕大部分尚未動支；建議中央盡快催貨，或提供民眾更公開透明的疫苗貨源相關資訊，讓民眾判斷是否接受混打。</t>
  </si>
  <si>
    <t xml:space="preserve">國台辦15日頒布支持台企11條，展現大陸繼續加深兩岸經濟合作的態度，會上國台辦主任劉結一的講話，港媒直言透露五點玄機。
劉結一15日在助力台企11條暨台商參與新基建政策說明會上發表講話。劉結一表示，「疫情對兩岸經濟合作雖帶來一定消極影響，但兩岸經濟互利合作的基本格局沒有改變，融合發展的勢頭不會減弱」，他還端出兩岸經貿數字，指今年4月台灣對大陸出口同比增長14％，這個比例「前所未有」。劉認為，疫情後，雙方都更應把重心放在拚經濟。
對於劉結一的講話，港媒《中評網》認為傳遞五個訊息：
第一，高度肯定台商在抗疫中的貢獻。
第二，大陸不僅高度重視在陸台胞的身心狀況，也同樣關心在台灣的人民情形，不僅安排台灣專家來武漢實地考察，並向台灣分享疫情防控技術，同心攜手對抗疫情。
第三，在防疫基礎上，大陸將協助台企度過經濟難關，提供必要因應措施。
第四，大陸將不斷完善惠台政策，吸引台企創新和拓展內銷市場。
第五，疫情雖對兩岸合作帶來負面影響，但兩岸互利合作的基本格局並未改變。也可見台灣一些知名企業加大對陸投資，這可表明大陸仍是台商投資的最佳選擇。
</t>
  </si>
  <si>
    <t>和鑫董事長馬維欣是金融業出身，隨著華新麗華集團跨足科技業，曾任彩晶董事長、現任和鑫董事長，近年更因為跨業投資，進軍飯店、文創產業，在科技業中是很特別的例子。
馬維欣管理風格犀利、乾脆，講究數字管理，展現鐵娘子的一面，但談起飯店經營和文創，柔性的一面又表露無遺，顯露出女性企業家軟硬兼俱的特色。
彩晶是台灣轉型最早的面板廠，早在2006年、2007年陸續賣掉兩座3代廠，只保留一座5.3代廠，專注於中小尺寸面板經營。後來馬維欣擔任彩晶董座，大刀闊斧砍掉不必要的投資、精簡組織、重整品牌，讓虧損的彩晶很快地止血、甚至轉為獲利。
2015年馬維欣接任和鑫董事長，近年除了本業受惠於AMOLED面板滲透率提升，觸控面板事業獲利轉趨穩健之外，在馬維欣主導之下，成立白石投資、金蘋果，開始跨足酒店、文創。
一般科技公司業外投資的面向往往都很窄，馬維欣帶入金融業的思維，從資產與現金配置著眼，在台北精華區房地產投資，甚至進一步再開發，如打造瀚寓酒店，只要不造成負擔、創造出收益，對公司來說就是好的投資，為公司分散風險和轉型。
馬維欣是虔誠的基督徒，也常引用聖經、套用在管理上。原訂在今年4月底正式開幕的瀚寓酒店，碰上新冠肺炎攪局，意外變成台北市防疫旅館。
馬維欣直言，會這麼做就是基於信仰！她指出，若不是因為宗教的信仰，在疫情肆虐之際，可能會延後開幕，等疫情過了再觀望一下。此時碰到新冠肺炎，可以提供台灣留學生及其家人有地方可以暫時居家檢疫，「這是我該做的事情」。</t>
  </si>
  <si>
    <t>新冠肺炎疫情解封，嘉義市政府、新北市政府合推觀光雙城記，嘉義市長黃敏惠穿上母校宏仁女中制服、新北市長侯友宜穿嘉中制服，2人重回17歲青春young，熱情揪大家南下北上好好玩，並pk嘉義、新北的伴手禮，好吃好玩都抵嘉。
黃敏惠、侯友宜合體拍遊客來我「新嘉」玩的影片，行銷雙城的觀光，同時歡迎更多的遊客來我「新嘉」玩，黃敏惠力推檜意森活村、嘉義製材所、嘉義公園、蘭潭及文化路夜市等觀光景點，侯友宜主打青春山海線、淡蘭古道、新北大都會公園、十分景點特定區、烏來風景區，2人國台語雙聲帶卯足全力介紹城市特色。
勇媽黃敏惠帶了噴水雞肉飯、阿娥豆花，讓侯Sir嚷著要帶回去孝敬老婆，黃敏惠說，阿娥豆花相傳約60年，軟嫩滑順，用豆漿代替糖水，外表樸質，好吃又平價，1碗才30元，就是嘉義人的氣味，實實在在又有情有義。
侯友宜也準備永和豆漿大王的豆漿、燒餅油條讓黃敏惠嘗鮮，他說，永和豆漿大王也有約60年歷史，24小時營業，賣中式燒餅油條、蘿蔔絲蛋餅、馬來糕等30多種點心，是在地人及遊客都愛的美食小吃。
黃敏惠並邀請侯Sir回嘉，搭乘嘉義市區電動公車，到年底前皆免費，12月嘉義市國際管樂節是城市品牌的音樂盛會；侯友宜則介紹新北市環狀線大眾運輸系統，遊新北市十分便利，新北歡樂耶誕城也是名氣響叮噹的節慶活動。</t>
  </si>
  <si>
    <t>新冠肺炎疫情肆虐全球，東京奧運能否如期舉辦還在未知數，但美國男籃教練、勇士教頭科爾表示，已向總教練帕波維奇討論過，仍將持續備戰，但疫情難防，想要有效控制非常不容易。
根據美國媒體報導，科爾目前已返回聖地牙哥家中，準備利用這段封館時間觀看影帶，找尋合適的夢幻隊成員。
對於籃網4名球員確診新冠肺炎，科爾說，希望勇士球員這段時間沒有跟籃網球員有接觸，但老實說這個機率恐怕很低。
柯爾表示，以目前新冠肺炎疫情的擴散程度來看，NBA想要在6月恢復比賽的願望恐不樂觀，至今勇士全隊尚未進行檢驗，如今大家都在同一艘船上，期盼大家都能健康平安。</t>
  </si>
  <si>
    <t>疫情嚴峻，新北市今日再增三重及新莊熱區防疫中心，新北市長侯友宜今早視察2熱區防疫中心作業情形，被問到是否於5月28日解決三級警戒？侯友宜回應，「狀況不樂觀，民眾要有長期抗戰的準備」。
雙北本土疫情激增，台北市長柯文哲認為說5月28日解決三級警戒是不太可能的，侯友宜今視察三重熱區防疫中心指出，數據沒有趨緩狀況，尤其校正回歸這幾天，個案80％多有萬華接觸、活動史，要清除萬華接觸史他認為目前不可能，更何況有許多感染源並不清楚。
侯友宜指出，5月28日匡列採檢沒辦法做完，因此不要太樂觀，要有長期抗戰的準備，他特別跟民眾呼籲，要保持低度活動，讓疫情的傳播鍊能夠快速減少。目前新北市非必要的營業都已經大部分暫時停止營業，像林口outlet、宏匯、環球大賣場都已經停止了。
侯友宜說，感謝大公司都願意讓員工暫時停止營業、停止移動，他還是呼籲大家低度活動，非必要的營業場所自主停業，讓這波疫情趕快得到控制。</t>
  </si>
  <si>
    <t>北部某醫院昨晚傳出疑似新冠肺炎感染事件，引發民眾焦慮，由於指揮中心尚未說明情況，一早民眾就到被傳有院內感染的醫院官網查詢，導致該醫院官網當機，直到今下午1時多，點進該醫院網站後，網頁不僅一直轉圈圈，最終頁面轉不出來呈現一片空白。
該起院內感染事件疑似是該院內科病房感染控制不當，其中負責照顧確診病患的男住院醫師，近日出現類似症狀，因此趕緊通報採檢，據了解，目前含男醫師有二名醫護採檢陽性，近20名醫護隔離採檢，由於全案恐是全台首起醫師染疫個案，引發民眾高度關注，連帶造成醫院官網當機。
不僅如此，由於院內疑有感染發生，桃園台茂購物中心、大江購物中心、IKEA桃園店都已緊急宣布「為配合防疫作業」關門消毒，其中大江購物中心今宣布暫停營業一天，而IKIA桃園店則是貼出「消毒作業，暫停營業」的公告。</t>
  </si>
  <si>
    <t>美國約翰斯霍普金斯大學發布的實時統計數據顯示，截至北京時間3月16日8時33分，全球新冠肺炎累計確診病例已超過16.7萬例，其中大陸以外地區累計確診病例超過8.6萬例。
另據大陸國家衛健委官方網站16日通報，截至3月15日24時，大陸累計報告新冠肺炎累計確診80860例。
此外，根據約翰斯·霍普金斯大學發布的實時統計數據，意大利已累計確診24747例，伊朗13938例，韓國8162例，西班牙7798例。依據這一統計，大陸以外累計確診病例已超過中國確診病例。</t>
  </si>
  <si>
    <t xml:space="preserve">受到新冠肺炎疫情(COVID-19)導致農曆春節延後復工影響，光寶科(2301)2月合併營收為86.7億元，月減23%，年減20%，在大陸各廠區返崗率陸續提升與大陸以外廠區全力調度生產支援下，光寶科預估，3月整體出貨與營運將優於2月。
新冠肺炎疫情全球延燒，讓今年第1季淡季更淡，光寶科2月合併營收為86.7億元，月減23%，年減20%，累計前2月合併營收為199.8億元。
就各部門來看，2月光電、資訊產品與儲存裝置部門營收佔比分別為21%、62%與11%。
隨著大陸各地區加速復工，光寶科表示，希望3月底復工率能到達80%到90%，3月整體出貨與營運將優於2月。
光寶集團總執行長陳廣中表示，原本今年公司計畫是下半年比上半年好，今年上半年比去年上半年保守一點，新冠肺炎爆發後，由於開工延後且員工返工比率不佳，第1季比原來計畫差10%到20%，若和去年同期相比是年減20%到30%，整體成本也會高一點，保守看待第1季及上半年。
</t>
  </si>
  <si>
    <t>在8日召開的廣州市疫情防控新聞發布會上，廣州市衛健委副主任陳斌表示，6月7日0時至24時，廣州新增10例新冠肺炎確診病例。此外，還有4例無症狀感染者轉為確診病例。
在7日新增的10例中，9例在白鶴洞封閉區，1例番禺區大石街，均與白鶴洞街感染者有關聯。
陳斌表示，廣州市自5月26日啟動核酸大排查以來，截至6月7日24時，全市累計核酸採樣2798.55萬份，共發現陽性40人。
5月21日至6月7日24時，廣州市累計報告108例境內感染者，其中確診98例，無症狀感染者10例，目前所有感染者均在廣州市第八人民醫院隔離治療。</t>
  </si>
  <si>
    <t xml:space="preserve">日系外資針對台塑化(6505)出具最新報告指出，由於煉油利潤和石化產品的價差逐漸恢復，將有利於台塑化，故將台塑化評等從中立調升到買進、目標價由74.6元調升到113元。
日系外資表示，受益於煉油利潤和化學產品的價差恢復，儘管調降了台塑化獲利調了34%，僅上下2.81元，但看好台塑化2021年獲利，預計2020年將是油價急劇下跌的最低一年，油價從2019年的63美元/桶下降至2020年的34美元/桶，但到2021年將回升至41美元/桶，預測台塑化的煉油利潤將從2019年的9.2美元/桶降至2020年的4.3美元/桶，然後反彈至10美元/桶，此將有利於台塑化，因此，將台塑化評等從中立調升到買進、目標價由74.6元調升到113元。
日系外資表示，台塑化的煉油利潤和石化產品利差持續回升，台塑化的煉油利潤已從4月的負20美元/桶提高到5月的負4美元/桶，顯示原油庫存逐漸到底，與此同時，台塑化的化學價差也從4月20日的底部224美元/噸恢復到目前的256美元/噸，儘管目前的原油價格低於60美元/桶，但油價的上漲趨勢對煉油廠而言是良性的，回顧歷史經驗，油價從2014年下半年的下跌中恢復過來，台塑化在2015~2017年連三年盈利恢復，然而，由於原油價格超過60美元/桶，故其2018年利潤下降了25%，認為這種歷史格局可能會在2020~2022年重演，因為，預測原油價格將回升，但仍會保持在60美元/桶以下。
</t>
  </si>
  <si>
    <t>對於總統蔡英文7日開線上記者會，呼籲今年端午節拜託大家「愛家鄉就留在原地，愛家人也請不要移動」，意外引爆民怨，PTT八卦版好幾篇貼文、每篇上百筆留言表達不滿，竟未見到1450護航文，的確少見。
行政院宣布延長防疫三級警戒，蔡英文總統7日下午再度親上火線呼籲，今年端午節拜託大家「愛家鄉就留在原地，愛家人也請不要移動」。她也保證政府會盡所有的力量爭取更穩定的疫苗供給，並要求大家對家人和身邊的朋友多體諒多鼓勵。
蔡英文表示，最近大家都在討論端午節要不要回家，到昨天，高鐵、台鐵和國道客運在端午節期間賣出的將近十萬張票，經過很多人的呼籲雖然有減少，但是還有8.5萬張票。
她想跟各位說，端午節雖然是家人團聚的大節日，但是今年因為疫情的關係，要拜託大家「愛家鄉就留在原地，愛家人也請不要移動」，端午節明年還有，但若因為跨區移動而造成疫情的大爆發，家鄉和家人都會陷入險境。因此她奉勸民眾「留在原地，不要移動」，這就是她今年端午節對國人同胞最重要的請託。
此番說話，竟意外引爆網友怒火，被八卦版留言噓到爆，過去挺蔡英文、挺黨、罵藍、罵柯的言論全部不見了！好幾篇八卦版貼文以及每篇百筆以上的留言都在表達不滿的意見。
整理網友批評的角度略分為下：
一，質疑台灣有充足的疫苗了嗎？為何要擋民間進口疫苗？尤其又是要捐給政府，並非要獲利！
二，不滿意只會看稿說話，當讀稿機。
三，講空話、文青式廢話、大內宣，不敢扛責任，只會道德勸說，到底是要怎樣？
四，不滿防疫作為，3+11改了嗎？沒必要不出門，但民眾仍需要上班。
五，最後，就是砲轟蔡英文做不好就下台，要求返鄉民眾退高鐵票，被反嗆2020年投的選票可不可以退？
蔡英文這次引民怨大爆發，PTT八卦版把蔡英文噓到爆，每篇文章引起百筆網友留言表達不滿，竟沒有一筆1450留言幫蔡英文護航，也沒有「擁護黨」的言論，的確是少見。</t>
  </si>
  <si>
    <t>根據路透社的報導，新冠肺炎在歐洲國家造成嚴重疫情，法國衛生部今天證實境內新冠肺炎確診案例增至1191例；英國衛生部也說，境內確診增至319例。
路透社報導，法國衛生部同時通報，境內因新冠肺炎死亡人數增加2例，累計來到21人死亡。
英國衛生部今天也說，境內確診案例從273例增至319例。到目前為止，英國已有3人因感染武漢肺炎死亡。</t>
  </si>
  <si>
    <t>新冠肺炎疫情延燒，新北市長侯友宜訂下今年招商1500億元目標不變，為吸引廠商提早投資，侯友宜16日表示，包括沙崙園區、台北港產專區與汐止長安段3招商案將提供3個月租金減半優惠，吸引廠商投資。侯友宜也喊話中央放寬紓困限制，否則再多預算也是看得到、申請不到。
新北市府昨防疫會議中，經發局長何怡明指出，將透過招商優惠讓廠商投入，盡早增加就業機會，新北目前國、市有土地招標案3案，將提供3個月租金減半優惠，預計會減少317萬元租金收入，將在5、6月公告。
何怡明也說，市府已訪視轄內多家業者，包括玻璃製品、幫浦與紙盒等廠商，有業者積極轉型，想在亞洲成立研發中心，市府招商一條龍將全力協助業者。
何怡明也說，新北上周推出企業安心辦服務，有117件諮詢電話，其中有65％有資金貸款需求，業者反映部分民營銀行會變相拖延，市府將發文要求銀行作業一致性，在可控風險下，提供業者貸款需求，也建議經濟部訂定一致性審查流程，更呼籲中央對自營業者補助應該盡快開始。
侯友宜說，很多企業很難在這波衝擊下生存，希望中央把條件放寬 ，讓企業貸到款，否則光有1兆500億，同樣是看得到申請不到，拜託中央給地方協助。
交通局長鍾鳴時也說，中央已針對國道、公路客運提出紓困專案，市區公車較去年同期減少7.4％運量，換算每天少了5萬6000段次收入，每個月累積損失約3200萬，盼中央納入紓困。</t>
  </si>
  <si>
    <t xml:space="preserve">為了解蔬菜、水果的攝取量，與壓力知覺量的關係，澳洲伊迪斯科文大學研究團隊，針對逾8,000名參與者進行問卷調查。結果發現，每天吃至少470克蔬菜與水果的參與者，壓力知覺水平約下降10%。隨著新冠肺炎在台灣重燃疫情，民眾心情跟著每日確診數而起起伏伏。這項研究顯示大量攝取蔬果除可增加身體抵抗力外，還能舒緩因疫情嚴峻而產生的壓力上升。
這份研究已刊登在2021年5月份的《臨床營養》。論文指出，隨著全球各國精神疾病案例愈來愈多，心理健康無疑成為日益嚴重的問題。據統計，約2分之1的澳洲民眾在一生中會遇到心理健康問題。放眼全球，約10分之1的人罹患精神疾病。
固然，生活免不了壓力；但長期暴露在壓力之下，無疑會對心理健康產生不利影響。例如，心臟病、糖尿病、憂鬱症與焦慮症，預防與減輕心理疾病的方法，已成為公共衛生刻不容緩的議題。
眾所皆知，均衡而健康的飲食為人體帶來好處；但數據顯示，只有2分之1的澳洲民眾每天吃到2份水果，每日攝取5份蔬果的人數比例更低於10分之一。儘管研究已證實，營養不良會讓人壓力知覺上升，卻沒有說明蔬果攝取量與壓力之間的關係。
為探討蔬果攝取是否能降低食用者的壓力，以及血清類胡蘿蔔素(serum carotenoids)、蔬果攝取生物標記與壓力知覺的關係，研究團隊透過《澳洲糖尿病、肥胖與生活型態研究》，徵得8,689名志願者進行實驗。
所有參與者年齡在25歲以上，平均年齡為47.4歲；其中，女性占49.8%。所有參與者必須填寫「食物頻率問卷」，以評估飲食攝取量；此外，還需填寫經認證的「壓力知覺問卷」。約1,187名參與者須透過高效液相層析(high performance liquid chromatography)，以測量血清類胡蘿蔔素，並進行多變量回歸分析，以確認蔬果攝取量與壓力知覺的關聯。
結果發現，相較於每天攝取蔬果不到230克的參與者，每天蔬果攝取達470克以上的參與者，感受到的壓力水平降低約10%。從參與者的年齡來看，45歲以上65歲以下的中年人，攝取蔬果量對壓力知覺的降低最為明顯，但在小於45歲與大於65歲的參與者中，關聯性則沒有這麼明顯。從性別來看，不論男女大量攝取蔬果都有助於降低壓力。
研究團隊解釋，蔬果中含有維生素、礦物質、類黃酮與胡蘿蔔素，能夠減少發炎與氧化壓力，從而改善心理健康。發炎與氧化壓力已被證實增加壓力、焦慮與情緒低落。
更進一步地說，隨著新冠肺炎疫情逐漸升溫，大量攝取蔬果不只減低疫情期間人們的焦躁不安，也是提升免疫力的關鍵。深綠色蔬菜中的維生素A、B、C、E與各種礦物質，是免疫系統正常運作的必要元素；水果的胡蘿蔔素在人體內可轉換為維生素A，能維持眼睛、口腔、肺部與腸胃道黏膜健康，進而阻止細菌與病毒入侵體內。
</t>
  </si>
  <si>
    <t>大陸科興疫苗對於防範新冠肺炎究竟有沒有用？台大公衛學者張維容今天透過第四期疫苗效益評估方法分析，發現在智利每增加1％的科興疫苗施打，不但無助降低疫情發生，還可能會增加3％的新冠肺炎個案。
張維容所使用的這套疫苗效益評估方法，是考量各國的NPI（非藥物性介入）措施、感染風險，用來計算該國每增加一趴疫苗施打，可以減少多少新冠肺炎個案發生。
根據張維容整理以色列、英國、智利、美國、加拿大等國的疫苗接種資料，發現多數國家每增加1％的疫苗接種人口，都能降低新冠肺炎的傳播，不過使用科興疫苗的智利，每增加1％的人口施打，反而是增加新冠肺炎的感染人數。
張維容指出，從以色列施打輝瑞疫苗的數據可看出，每增加1％的疫苗施打，可降低8％的新冠肺炎個案發生；英國施打AZ疫苗的數據也顯示，每增加1％的疫苗接種，可降低7％的新冠肺炎個案發生，顯示AZ疫苗對於防疫仍然相當有效。
美國、加拿大雖然施打莫德納、輝瑞疫苗，但在各州之間卻呈現巨大差距，張維容舉例，新墨西哥州疫苗接種人數越多，感染新冠的人數也越低，但這點在密西根州卻未發生，感染新冠的人數反而與疫苗施打人數同步上升，加拿大的安大略州也有類似狀況。
張維容分析，這可能與疫苗覆蓋率與變種病毒株有關，但無論如何，綜合美國、加拿大的整體數據來看，每增加1％的疫苗施打人口，可降低3％的新冠個案發生。
台大公衛校友、醫師廖思涵則指出，從科興疫苗在巴西所進行的第三期臨床試驗可看出，保護力與試驗結果都有待進一步商榷，恐怕才能更進一步的被世界認可。
廖思涵指出，科興疫苗在巴西共進行1萬2396人的第三期臨床試驗，其中疫苗組4953人、對照組4870人，但疫苗組中竟有85人感染新冠肺炎，幾乎是對照組感染人數168的一半，保護力僅50.7％。
廖思涵表示，科興疫苗的試驗人數與嬌生疫苗相比少了四分之三，是科學證據備受質疑的原因，同時不良反應也較多，約有六成的接種者出現注射部位疼痛，三成的接種者出現頭痛，但整體而言科興疫苗的安全性沒有太大問題。
至於嬌生疫苗先前傳出血栓疑慮，廖思涵說明，從嬌生疫苗的大型試驗看出，在疫苗組1萬9691人以及對照組1萬9630人中，僅發現一例腦部血栓併發大腦出血以及一例格林巴利症候群，發生風險仍算相當低。</t>
  </si>
  <si>
    <t>新冠肺炎疫情延燒，中央流行疫情指揮中心今公布新增21名死亡案例，最年輕只有30多歲，最年長則是90多歲。專家諮詢小組召集人張上淳說，大部分死亡案例都有潛伏疾病，今只有1名50多歲案例沒有潛伏疾病。
今日新增21例死亡個案，共計為男性14位、女性7位，年齡介於30多歲至90多歲，發病日介於5月15日至5月27日，確診日介於5月21日至5月30日，死亡日介於5月27日至6月2日。
張上淳表示，死亡案例大部分都有潛伏疾病，年輕的2名個案有洗腎、糖尿病。死亡個案中，除1名50多歲的個案沒有潛伏疾病外，其餘都有潛伏疾病。</t>
  </si>
  <si>
    <t>針對來勢洶洶的新冠肺炎疫情，高雄市長韓國瑜20日在交通局長鄭永祥陪同下，前往鳥松區倫永計程車衛星大車隊訪視其準備的防疫措施外，業者向韓市長反映，農曆春節過後生意掉快一半，收入受到影響，希望市長協助紓困，韓國瑜允諾市府及中央會一起協助計程車司機度過難關。
韓市長表示，高雄市受到新冠肺炎疫情的影響，造成觀光人數減少，高雄市計程車業者千萬不要大意，除請計程車駕駛服務時全程戴口罩，乘客下車後，也拜託有身體不適或自疫區返台的民眾搭車時全程戴口罩，除保護乘客自己外，也保護計程車駕駛，大家一起來對抗新冠肺炎，高市府會盡最大力量，讓更多人流進到高雄。
倫永計程車衛星大車隊董事長葉國榮表示，受到新冠肺炎疫情影響，估計運量較去年同期下降約4成，但為提供民眾一個安全的乘車環境，目前除要求所屬計程車駕駛服務時全程戴口罩，並於乘客下車後，針對乘客可能會碰觸的地方，如內外門把、車窗按鈕、安全帶扣環、椅套、座椅調整鈕及空調出風口等處進行消毒。
倫永車隊經理葉國彬說，這次生意受到武漢肺炎影響掉將近一半，不少車輛停放公司沒出去跑車，可說是經營車隊66年來最慘的一次，希望政府能夠給予業者或司機們經濟上的補助，讓大家度過難關。
負責長照接送的計程車司機王先生說，現在許多病人或老人就醫寧願不要一個月2000元的補助金，而選擇由家人接送，為了解除乘客憂心，他每天一定將車輛清潔乾淨，但搭乘的客人仍大不如前。
韓國瑜說，高雄市爭取交通部醫療口罩來給予計程車駕駛來購買，目前口罩主要透過高市計程車公（工）會、計程車車隊與計程車合作社來分售；針對業者及司機提出的經濟困境，市府會盡力幫助，並想辦法向中央請求協助，幫大家度過難關。
新冠肺炎,市長韓國瑜,計程車司機,戴口罩,生意,倫永計程車,紓困</t>
  </si>
  <si>
    <t>日本捐124萬劑AZ疫苗給台灣，台南市長黃偉哲3日晚間率先透過臉書宣布，「在台南日本人優先施打疫苗」，被質疑與中央流行疫情指揮中心公布接種順序不符，黃偉哲說，中央並未反對，且這是民間友善象徵，這批疫苗，台南約可分到5、6萬劑，台南日僑700多位，疫苗量足夠。
黃偉哲表示，日本首相菅義偉宣布提供台灣124萬劑疫苗，這是日本對台灣非常正面的反應，因此，他認為台灣也應該善盡朋友的義務，當疫苗分配至台南時，可以優先讓在台南的700多位日本僑民率先施打，量能完全足夠，相信國人同胞也會肯定台日友好的表現。
他也提到，關於優先順序的施打，中央雖訂定指導原則，但地方也可以「因地制宜」，例如最近長照機構疫情連環爆，台南的長照人員大約2000多位，也會提到最優先順序來施打，以免長照機構繼續群聚感染。
台南市日本人協會理事長野崎孝男表示，他很感謝黃偉哲市長關懷台南的日本僑民，他認為，這對台日的關係有很大的幫助，自從311以來，台灣和日本的關係發展非常良好，台灣和日本是危難時會互相幫助的朋友，去年台灣提供200萬個口罩給日本，現在台灣有難，日本能幫助台灣，這是一件非常開心的事，充分展現出台日友好。</t>
  </si>
  <si>
    <t>降息風吹來，新台幣看似愈存愈薄，但你或許不知道，新台幣一點都不弱！光是最近1個月，新台幣對英鎊、澳幣、紐幣、加幣，至少都有6％以上升幅，漲得可凶，如果要趁便宜撿些外幣囤著，可別錯過機會。
新冠肺炎掀起降息浪潮，美國聯準會一降就是6碼，讓許多國家慌了。包括英國、澳大利亞、紐西蘭等國，前仆後繼加入降息陣容，亞洲央行不落人後，除了降不了的日本，韓星馬泰等國都降息了。
影響所及，全球貨幣市場大風吹。一般來說，美國降息加上無限制量化寬鬆，美元應該變成落水狗，不過亂世「現金至上」，許多人寧可抱美元避險，這讓美元指數意外衝破100關卡，成為最強貨幣。
相較於美元，非美貨幣就沒有這種待遇。過去1個月，英鎊、澳幣、紐幣、加幣跌得鼻青臉腫，亞洲以東南亞受衝擊最大，泰銖、馬來西亞令吉與星幣，貶幅都相當重。
與台幣交叉匯率，新台幣兌換英鎊、澳幣、紐幣、加幣最為划算，光是近1個月，新台幣對英鎊就升值超過7％，拉長到3個月則達8％，台銀牌告價已經來到36元附近。
紐澳幣則是重災區，台幣對澳幣、紐幣，過去1個月分別升值超過8％、7％，拉長到3個月甚至高達12％，目前澳幣、紐幣在台銀牌告都到18字頭，算是撿便宜中的首選。
另外可以觀察的是歐元，雖然歐洲央行沒有降息，只祭出量化寬鬆，但隨著歐洲疫情持續擴散，歐元也爬不起來，目前台銀牌告約在33字頭盤旋，如果疫後想要去歐洲玩，此時或許是不錯的低檔買進時機。
亞幣方面，東南亞最值得撿，台幣對馬幣近1個月升值超過4％，對星幣、泰銖也超過3.5％，觀光客最愛的泰國，更是受疫情導致旅客大減衝擊，近3個月對新台幣貶逾7％。
銀行主管表示，這波疫情吹起降息巨浪，造成多國貨幣貶值，幾乎是前所未見的低價，但要注意有些貨幣在台灣只能買現鈔，因為流動性的關係，會加一筆手續費，吃掉匯差，結匯前還是得先算過，別吃了虧。</t>
  </si>
  <si>
    <t>長庚大學新興病毒感染研究中心，近日在科技部駐澳大利亞科技組的促成下，成功與澳洲蒙納許大學生物醫學研究所展開合作，將就抗寄生蟲藥物「伊維菌素(Ivermectin)」抑制新冠病毒的有效性進行研究，以共同研發新型抗病毒藥物。
澳洲蒙納許大學生物醫學研究所前於4月3日宣布，該所與澳洲彼得多哈堤感染與免疫研究所(Peter Doherty Institute for Infection and Immunity)共同進行的一項研究發現顯示，伊維菌素藥物可在48小時內抑制新冠病毒生長，並有助於細胞將病毒清除，消息發布後引發各界關注。
科技部表示，經評估後，推薦長庚大學新興病毒感染研究中心主任施信如特聘教授為我方研究主持人，並請駐澳大利亞科技組聯繫推動雙方進行合作。
科技部指出，雙方研究人員經密切聯繫討論後，於5月7日進行首次視訊會議，並就後續具體合作項目達成共識。未來將由我方提供病毒株及P2／P3實驗室設備，澳方提供實驗用藥物，共同研究伊維菌素針對新冠病毒的抑制效果，另外也將合作層面進一步擴及至愛滋、茲卡、流感及登革熱等病毒研究。
科技部提到，雙方也同意，將由長庚大學與蒙納許大學代表簽署相關合作及保密協定，一旦協定完成簽署後，將儘速展開具體研究。科技部將持續了解合作進度，並適時提供最大的協助，以期盡早產生具體成果以協助抗疫。
長庚大學新興病毒感染研中心於2009年成立，持續接受科技部補助執行研究計畫，2018年獲得科技部補助特色研究中心計畫。該中心任務為因應新興病毒如SARS、禽流感(H1N1)等，對社會經濟、交通、生態、教育等層面所造成的衝擊與威脅。</t>
  </si>
  <si>
    <t xml:space="preserve">世界衛生組織（WHO）秘書長譚德塞，日前在記者會指遭台灣惡意攻擊，甚至受到種族歧視，不僅引發全球民眾不滿，甚至連署要他下台，對此董事長樂團成員林大鈞則PO文痛批：「世界不能揭穿惡人的謊言嗎」?
新加坡《聯合早報》以「台灣真的沒攻擊譚德塞嗎」為標題報導，指證台灣的確有攻勢譚德塞，引發各界議論，對此林大鈞則坦言「台灣的確有罵譚德賽啊」，但針對的並非種族歧視的言論，而是身為世界衛生組織秘書長卻失格，就事論事的言論不叫攻擊，況且身為自由民主的世界，為何不能揭穿惡人謊言。
林大鈞更撂下狠話，怒斥譚德塞導致全世界死了那麼多人，此番失職行為別想卸責，等著被國際法庭審判，該賠償的一個都不能少，此番言論也引起大批網友贊同。
</t>
  </si>
  <si>
    <t>新冠肺炎疫情延燒，不少大型活動因此停擺，其中一年一度大甲鎮瀾宮媽祖遶境活動也受疫情影響，大甲鎮瀾宮基金會董事長顏清標日前表示衛福部仍要做出專業判段，遶境活動在未禁止前仍照常舉行。
實際走上街頭詢問民眾的看法，多數民眾則表示應當延期或禁止大型活動，一旦人潮聚集導致疫情蔓延後果不堪設想。認為媽祖可以體諒因應疫情而做出的決定，並不會因為取消就不保佑人民。不過也有民眾表示，若遶境如期舉行還是會參加，也呼籲其他民眾先自行評估個人身體狀況再決定是否前往參與遶境活動此盛事。
最後松山慈祐宮陳玉峰董事長表示，因疫情關係，請示媽祖後獲得媽祖同意將暫停此次的遶境活動，也取消了原先計畫要到北港和六家廟宇的互惠活動。</t>
  </si>
  <si>
    <t>世衛日前更新指引，指新冠疫苗及流感疫苗可以同日接種。香港大學感染及傳染病中心總監何栢良今（25日）表示，兩種疫苗可分開在兩隻手接種，且若同時接種，流感疫苗所產生的抗體比分開接種高出2倍。
大陸已展開18歲以上人士接種第三劑新冠疫苗，而港府專家委員會將開會研究接種第三劑。何栢良認為，大陸目前的疫苗政策中打針已不只是預防重症，也是預防傳播，尤其是懷疑因輸入個案引起的感染群組。
何栢良指出，民眾同時接種新冠疫苗及流感疫苗，對安全及成效沒有影響，抗體反應也不會互相影響，更發現若同時接種，流感疫苗所產生的抗體比分開接種高出2倍。
何續指，如果香港要盡快與大陸通關，應該在政策上與大陸對接，同時開放讓民眾選擇在何時接種第3劑，以及開放選擇接種同款疫苗或是「混打」。</t>
  </si>
  <si>
    <t xml:space="preserve">台灣新冠肺炎COVID-19疫情不斷升溫，今天新增2例，為國內累積第27例第28例，為北部 80多歲男性，和其50多歲的兒子，父子兩人都沒有旅遊史，但其最小的兒子因工作頻繁往返大陸，過年期間也曾和有大陸旅遊史的人有聚餐。指揮中心定調，這對父子檔為國內第三起「零星社區感染」。
指揮中心專家諮詢小組召集人張上淳表示，第27例的80多歲男性，因為年事已高，加上具高血壓、糖尿病等慢性病之洗腎病人，情況嚴重，目前還在加護病房密切照顧中。而其小兒子因密切往返大陸，目前有呼吸道症狀，住院隔離中。
指揮中心表示，案27於2月6日出現咳嗽、流鼻水等症狀，9日因發燒、診斷為肺炎而收治單人病房治療，16日出現呼吸急促情形轉至加護病房，20日由於懷疑結核病轉負壓隔離病房，並於21日通報COVID-19，並採檢送驗，於今日確診。
而案28曾於1月31日出現發燒、流鼻水及喉嚨痛等症狀，2月4日至門診就醫，8日因持續發燒至急診就醫被診斷為肺炎，後返家自主健康管理，並於11及18日2次回診，21日通報並隔離採檢，亦於今日確診COVID-19(新冠肺炎)陽性。
指揮中心張上淳表示，由於案28與案27白天同住，研判為密切接觸者傳染，為一起家庭群聚。
指揮中心初步匡列案27之醫院工作人員接觸者115人，已採檢40人，將持續調查、追蹤、採檢及隔離。目前調查發現，案27之小兒子因工作關係頻繁往返中國大陸地區，最後一次為108年12月2日自廣州返台，且過年期間亦曾與具中國旅遊史之友人聚餐，感染源釐清中。指揮中心將針對個案發病14天前之活動史與可能暴露者，持續進行回溯追蹤調查。
莊人祥表示，案27包含這對父子、還有其妻，與小兒子，再加上其他同住家人共有9人，會陸續採檢。
陳時中表示，24例追查中，而這案是昨天晚上才發生，已經追查中，並重申「這是很局限一個家庭內的傳染」。
而案24的感染源不明引發諸多爭議，中央流行疫情指揮中心今天表示，目前有關案24的密切接觸者共掌握533人，目前已採檢194人，維持2人確診陽姓的個案，另173人為陰性，其餘皆檢驗中。
</t>
  </si>
  <si>
    <t xml:space="preserve">大陸國家衛健委高級別專家組成員、中國工程院院士李蘭娟表示，有些國家提出所謂「「群體免疫」的觀點，這是對老百姓極不負責任的做法。大陸疫情已經趨緩，如果到3月20日前後，武漢新增病例如果歸零，再過2周後，就可以恢復正常生活與生產秩序。
在大陸極負盛名的傳染病學家李蘭娟接受《中新網》訪問時表示，一些國家面對新冠肺炎疫情提出的「群體免疫」觀點，是對老百姓不負責任的做法。中國大陸抗擊新冠肺炎疫情的經驗和教訓，值得其他國家學習和借鑒。
對於武漢疫情何時能結束，李蘭娟表示，到3月20日前後，武漢新發感染病例若為零，再觀察大約兩周後，可以恢復到正常的生產生活秩序中。
英國首相強生曾公開表示，如果有6至7成的民眾染病，就能有大量的民眾獲得抗體並因而形成「群體免疫」現象。不過這種說法被批評為英國政府打算放任民眾染病的政策，遭到普遍的批評。
</t>
  </si>
  <si>
    <t>新北市板橋區一名新冠肺炎確診者陳小姐因共居的的柯基犬「仔仔」罹癌急需就醫，但她因被隔離無法帶愛犬出門就醫，致電新北市動保處求助，動保處隨即派員接送仔仔就醫，再將牠安全送回，解決目前居家隔離陳小姐的困擾。
陳小姐向動保處表示，14歲的仔仔今年1月底突然罹患鼻腔腫瘤，從一開始口服止痛藥至今需使用高劑量嗎啡貼片，才能止住疼痛，她因居家隔離無法出門帶仔仔去動物醫院就醫，心中非常著急，眼看仔仔因疼痛而食慾不振、精神鬱悶，非常心疼，她曾詢問動物醫院可否幫忙郵寄嗎啡貼片，但由於嗎啡是第二級管制藥品無法郵寄，她因此向動保處尋求幫助。
動保處獲報後隨即前往陳小姐家中，人員作好全身防護措施，使用安全無害消毒劑先將將仔仔進行全面皮毛消毒，再運送到指定動物醫院看診，由獸醫師幫仔仔貼上嗎啡貼片，再將仔仔安全送回家，讓陳小姐萬分感謝。
動保處表示，疫情期間確診者被隔離，寵物無親友代為照料，如有安置或就醫需求，可撥打1999通報動保處協助，呼籲在防疫期間，碰觸寵物前後仍需落實手部衛生、避免有親密接觸，攜帶寵物外出返家也應清潔腳部或洗澡，避免沾染病原帶回家，做好防疫措施，共同保護家人與毛寶貝！</t>
  </si>
  <si>
    <t xml:space="preserve">新冠肺炎疫情嚴重衝擊澎湖觀光，遊客量減半、住房率暴跌，澎湖縣政府振衰起敝搶救觀光，祭出旅館業房屋稅調降等優惠，縣長賴峰偉更信心喊話「現在遊澎湖，正好」。
即將邁入澎湖觀光旺季，怎料新冠肺炎席捲而來打落谷底，尤其日前縣府公布今年海上花火節延期，地方旅遊產業雪上加霜慘兮兮。
連日來澎湖交通運輸業、旅行業、旅宿業、觀光遊樂業、特產店、餐廳等退團、退訂電話接不停，短短兩個月內遊樂乏人問津、住房率暴跌，就連航空班機也無預警臨時取消。
縣府將邀集地方各界業者召開觀光發展推動委員會，集思廣益展開救觀光大作戰，協助申請紓困補助、爭取國旅力挺、調降旅館業房屋稅、強化文旅年觀光新亮點等。
縣長賴峰偉親上火線化身代言人宣傳澎湖觀光，大聲拉客現在遊澎湖正好，雖然花火節無奈延期，但既定行程澎湖遊客們先別急退單，澎湖氣候宜人好舒服、生猛海鮮好口福、風光明媚好景致，一定邀請您跨海澎湖來作客。
縣府指出，花火節延期勢必影響澎湖觀光，面對全台各地大型活動臨時喊卡，澎湖業者多次建議逆向操作花火節如期舉行，縣府再三考量仍不敢絲毫疏失，守護澎湖這片淨土。
</t>
  </si>
  <si>
    <t>2020年8月4日美國科學家雜誌記者巴拉努克（Chris Baraniuk）撰寫了一篇健康類文章，特別提到最近在世界各地研究新冠肺炎的科學家們一次又一次地發現了一個重複出現的現象。那就是：從未接觸過新冠病毒的健康者血液樣本中，竟然有些人已經擁有了對抗新冠病毒的T細胞和抗體，這將可以幫助該位健康者，在日後罹患新冠肺炎時降低疾病的嚴重程度。科學家於是提出大膽假設，認為有些人預先擁有了對抗新冠肺炎的免疫力。如果此項假設正確，這種免疫力就可以使數千人從新冠肺炎死亡威脅中被拯救出來。
2020年7月29日《自然》雜誌，德國的一組科學家在68位完全沒有接觸過新冠病毒的健康人血液樣本裡，發現其中24人(35%)的血液中存在有少量的T細胞，會和新冠病毒表面的刺突蛋白（Spike）結合，這表明他們體內存在著新冠病毒的免疫抵抗力。但為什麼預先就會有免疫力呢？一個可能的解釋是，這些人在最近被另一個非常類似的冠狀病毒感染過，由於可能只是一個普通感冒而已，因此並未注意到。論文作者柏林市夏里特醫學院的免疫學蒂爾教授(Andreas Thiel)提到，幾十年來冠狀病毒遍及世界各地，通常只會引起人類輕度的感染與不舒服，像是新冠肺炎或是SARS這種非常嚴重的疾病，還是比較少見。儘管這些普通的冠狀病毒與新冠病毒並不一樣，但縱使相似度低，也足以使某些人的免疫系統發生交叉反應，這是一個可能發生的事情。
稍早，2020年7月15日杜克-國大醫學院 (Duke-NUS Medical School)的免疫學家勒伯特教授(Nina Le Bert)在《自然》雜誌上也同樣發現，17年前曾感染SARS病毒的23位康復者，以及從未感染過SARS或新冠病毒的37位健康者，竟然都擁有可以對抗新冠肺炎的兩種免疫T細胞，CD4 +輔助型T細胞和CD8 +殺手型T細胞。從新加坡科學家的這項發現，和上述德國蒂爾教授的發現，以及更多沒有在這裡提到的其他研究成果，在在顯示某些人類早已預先存在著新冠肺炎的免疫抵抗力。
2020年8月4日在《科學》雜誌上的一項研究更進一步發現，25個健康人在新冠肺炎大流行之前留下的血液樣本中，存在可以對抗新冠病毒的T細胞，且主要是和病毒之間有著142個特定的結合點(epitopes)。因此大大的支持了以前只要接觸過類似的冠狀病毒，就可能會讓我們的免疫系統擁有對下一個新型冠狀病毒的交叉免疫力。當然，勒伯特教授說，要100%確定這些預先存在的T細胞是否真的對新冠肺炎具有保護作用，也就是說拿出直接證據是比較困難的，因為您需要在感染前後對同一個人進行觀察研究。再加上，具有交叉性的免疫力也不意味著人們絕對不會受到感染，他們可能仍會出現輕微的症狀。
德國蒂爾教授指出，這些預先存在的T細胞會不會甚至產生相反的結果，最終傷害到患者，也未可知。例如，當某人經歷過度的炎症或無法清除病毒時(細胞激素風暴)，特別是在老年人中，如果此時具有這種交叉反應性T細胞可能是不好的。
另外，預先存在的免疫抵抗力，可能不僅限於T細胞。2020年 7月23日發表在medRxiv上的預印本的論文就提到，新冠肺炎在英國廣泛傳播之前(2018年至2020年初)，因為其他目的，預先留存的英國人血液樣本中就發現了新冠肺炎的抗體。論文作者不僅發現從未患過新冠肺炎的262人中有15個人(5.7%)具有可以和新冠病毒反應的IgG抗體，而且進一步的測試表明這些抗體對新冠病毒具有中和抵抗作用。最驚人的發現之一是這些抗體在1至16歲的孩童血液中更為普遍。實際上，有60％的孩童具有中和性IgG抗體，比具有相同抗體的成年人比例高出一個數量級(約10倍)。論文作者英國倫敦市法蘭西斯·克裡克研究所(the Francis Crick Institute)的免疫學家比爾教授（Rupert Beale）在推特上說道，小孩子通常是會比較頻繁地碰觸到其他冠狀病毒，例如引起普通感冒的那些，所以可以解釋這個現象。
值得注意的是，雖然比爾教授的研究小組在一些受試者中檢測到IgG中和抗體，但德國蒂爾教授及其同事的研究中並沒有類似的發現。而中和抗體的存在並不能保證這些兒童對新冠肺炎免疫，但確實也提供了一種可能的解釋，即兒童為什麼通常在感染該疾病時都會出現較輕的症狀。
英國曼徹斯特大學的免疫學家克魯克申克教授(Sheena Cruickshank)通過電子郵件說，未暴露於新冠狀病毒的健康個體並未測到另一種類型的抗體，即IgA，這可能意味著任何先前存在的免疫保護力都受到限制。她補充說，另一大警告是，人們對普通感冒病毒的免疫力不被認為對人們而言是持久的，無論其年齡如何，因此保護作用的持久性是值得注意的一項議題。
在新加坡勒伯特教授的研究中，患者似乎保留了T細胞免疫抵抗力近二十年。她和她的同事在他們的論文中寫道，這對於疫苗研究者是一大鼓舞，因為這證明了，通過某些疫苗獲得的免疫力是有可能持續數月或數年之久的，大家可以預期有效疫苗的上市，真的是安定民心。(作者為陽明大學醫學院教授，佛光大學講座教授)</t>
  </si>
  <si>
    <t>台灣每3人就有1人鼻子過敏！現在正值好發季節，日前有一位居家檢疫者誤以為流鼻水是鼻過敏症狀而不以為意，後來擴大採檢之後才發現感染新冠病毒，近來的敦睦艦隊群聚感染事件中，也有士兵誤以為是過敏性鼻炎發作而到診所就醫，後來檢驗同樣發現確診新冠肺炎。這些案例接二連三爆發，也讓民眾紛紛疑惑到底如何分辨，畢竟台灣的鼻過敏患者人數眾多、老少皆有。
「坦白說，真的很難分辨！」亞東醫院耳鼻喉科醫師溫明勳說，流鼻水、鼻塞是鼻過敏、新冠肺炎共有的症狀，就連專業醫師第一時間也難以判斷，但正因如此，所以過敏族更應積極控制病況，才能避免與新冠肺炎混淆。
「現在正是鼻子過敏的好發季節，所以難怪那位患者會誤認。」鄒瑋倫中醫師說，想要分辨到底是鼻過敏或新冠肺炎，其實從「舌相」便可以明顯看出差別，「鼻過敏患者的舌頭通常會胖胖的、舌苔會略白；新冠肺炎患者的舌頭則呈現赤紅色，有些類似豬肝的顏色，同時舌苔非常厚，彷彿可以刮下來一般。」
鄒瑋倫說，如果是單純的感冒，舌頭形狀正常，但是舌苔會顯得又黃又白，而靠近舌根的地方會再黃一點。另外，問診時也會詢問咳嗽、鼻涕的持續時間，一般感冒大約七天會好，若是鼻過敏就可能長期都有症狀。</t>
  </si>
  <si>
    <t>台灣本土連續34天零確診昨破功，北市南港中研院P3實驗室，一名家住新北市的女研究員在試驗中不慎染疫確診，各界關心是否可能比照過去板橋社區封樓，新北市衛生局長陳潤秋表示，女研究員住處是單獨進出門戶，目前匡列同住1名男性友人且PCR陰性，其他家人在外縣市，沒有鄰居被匡列。
陳潤秋說，女研究員主要活動地點在新北市汐止與台北南港，侯友宜也說，女研究員生活單純，其他家人在其他縣市 。
到底女研究員怎麼感染，陳潤秋說，這部分跟昨天一樣，主要是實驗中間有被污染到，那段時間該實驗室用Delta變異株，初判是Delta，後續要等感染者基因定序才能確認。</t>
  </si>
  <si>
    <t xml:space="preserve">難怪湖人球星「小皇帝」詹姆斯那麼希望NBA趕緊找出復賽方案了！根據《看台報告》3日報導，假如NBA本季剩下例行賽全部因為新冠肺炎疫情取消，詹皇不只每場比賽少了40萬美元(約台幣1201萬元)，甚至還要把領到的錢退給湖人。
詹姆斯2018年夏天跟湖人簽下4年1.54億美元合約，他在本季可領3744萬美元，根據勞資協議不可抗拒條款，球員每缺席1場比賽，將損失約1.1％薪水，等於詹皇每場損失40萬美元，目前湖人還有19場沒打，讓他將損失約760萬美元。
更讓詹姆斯頭痛的是，美國時間4月1日是NBA球員發薪日，包含他在內的少數球員已經拿走大約9成的年薪，假如NBA真的決定取消本季剩餘例行賽(目前看來很有可能這麼做)，詹皇不得不把多領的薪水退還給湖人，等於到手的錢又飛了。
目前NBA復賽規劃屢屢受阻，最可能成真的計畫，就是取消全部例行賽，把季後賽移到拉斯維加斯關門進行，且不會進行以往的7戰4勝制系列戰，而是集中晉級季後賽的16支球隊舉辦單淘汰賽制，可是這種一戰定生死賽制，恐怕也會遭到反對。
</t>
  </si>
  <si>
    <t>中央流行疫情指揮中心今天公布最新疫苗接種後不良事件通報，昨日共新增9件接種疫苗後的死亡個案，其中有7例接種AZ、1例接種莫德納、1例接種高端，目前全國累積817例接種疫苗後死亡個案，仍以接種AZ疫苗後死亡的個案最多。
國人相當關注的高端疫苗，目前共施打出75萬劑，根據指揮中心統計，截至昨日共累計18例接種後死亡個案，昨天新增的1例死亡，為53歲男性，在8月23日接種高端，因本身有腎結石、高血壓、心臟病、糖尿病史等，9月3日出現心臟不適到醫院就醫，自述心臟功能變差，且雙腳出現嚴重水腫，隨後更是無法下床，於9月23日死亡。
除高端疫苗外，指揮中心表示，昨天也有七例接種AZ疫苗後死亡的個案，年齡介在56歲至92歲間，另有一例莫德納疫苗接種後死亡的不良事件，死者年齡為68歲。
指揮中心表示，截至9月22日為止，國內接種疫苗後死亡的個案中，有333人本身就有血管相關疾病，273人有代謝及營養疾病，209人有神經系統相關疾病，207例有心臟疾病。</t>
  </si>
  <si>
    <t>全球新冠疫情略有緩和趨勢，各國為解決邊境開放後的安全疑慮問題，聚焦「疫苗護照」概念如何實施。沈富雄昨(19日)在政論節目中反問衛福部長陳時中，等到全球多國邊境啟封、拿疫苗護照要來台灣的時候，「那你還固守目前的方法嗎？」， 一句話直言，這是陳現在頭最大的地方。
有關我國施打AZ疫苗問題，陳時中對外界許多提問常都搞神祕、未提供確切答案。前民進黨立委沈富雄昨(19日)在政論節目《少康戰情室》中提到，陳時中現在要想的是，醫護人員願意施打疫苗的不到四成，將來我們的基本防護力要有六到七成之間，那我們沒人得病，要全靠打疫苗，可是現在全球每一個先進國家，他們其實國境啟封的條件都很寬鬆，等到大家都啟封了、拿疫苗護照要來台灣的時候，那陳時中還固守目前的方法嗎？「我覺得這是他現在頭最大的地方」。
另外，國民黨立法院黨團日前提出，設立疫苗採購調閱專案小組的臨時提案並突襲通過，行政院長蘇貞昌卻對此表示，買疫苗都有簽保密契約，不論什麼政黨都要以保護國人健康為先，呼籲不要因違反保密規定而買不到疫苗。
關於蘇貞昌這一席話，沈富雄表示，「我也搞不懂他說的話，為什麼這麼神秘兮兮，這些機密到底洩漏之後，會影響到已經定案、採購完成的那些交貨？為什麼呢？實在搞不懂，不需要這樣神秘兮兮的。」</t>
  </si>
  <si>
    <t>新冠肺炎不僅威脅國人生命健康安全，也影響著每個人的生活習慣，在台灣戶外空間也需配戴口罩的情況下，醫師呼籲切勿戴著口罩運動，以免發生危險。
●戴口罩運動易加重負擔　不論有氧或靜態都不宜！
胸腔內科/重症醫學黃軒醫師表示，不論是快跑、慢跑、騎車運動、爬山，或是瑜珈、筋骨身展等靜態活動或是有氧運動，都不應戴口罩執行。
●戴口罩運動２大問題：恐加重負擔、口罩失效！
黃軒醫師表示，外科口罩會增加吸吐氣的阻力，研究推測與口罩已成濕布有關，此時肺部需耗費更大的力氣運作，容易耗損體力，配戴者就連走路都會感覺氣喘吁吁。
而N95口罩會減低氧氣濃度3.2%，增加二氧化碳8.9%，在一開始運動時就容易滯留二氧化碳，且容易超標，這也使得身體需做出代償增加新陳代謝，這也增加體力消耗很大的負擔。而有氣喘等慢性肺病或心臟病等心肺功能不佳者，更是要注意絕對避免。
另一方面，運動在正常情況下是一定會流汗的，流汗便會使得口罩浸濕，會失去阻擋病毒飛沫傳染的功能，病菌也就可能隨著水氣進入口罩，失去防護力。
●防疫兼顧體能，在家運動最妥當！
黃軒醫師提醒，要做好防疫又得維持生活健康，在現在防疫當前人人室內外都得配戴口罩的情況下，最好的方式就是在家運動，如此不僅能夠在家防疫，也可以做到有氧運動，且一般情況下無需配戴口罩。若要在外運動，應時時注意防疫，並配戴好口罩，運動建議以散步、漫步的方式進行，其它的應全面避免，以免危及生命安全，發生憾事。</t>
  </si>
  <si>
    <t xml:space="preserve">行政院長蘇貞昌今下午舉行紓困振興記者會，首先對於紓困亂象道歉，並要求衛福部簡化流程，由中央負責審查，基層免責。衛福部長陳時中表示，防疫與福利本來就是衛福部重要的一環，擴大紓困方案有缺失沒注意到，造成困擾很抱歉，但也請大家給他們一點時間改正，努力把事情做好。
針對行政院擴大紓困亂象，外界把矛頭指向行政院與衛福部，蘇貞昌今下午與陳時中親上火回應，陳時中說，衛福部本來除了衛生方面的事務外，照顧弱勢福利也是應該做的事情，名單內低收或中低收或急難救助對象，有些相同或不同，名單整理審核造成很大困擾。
陳時中說，衛福部執行擴大紓困方案，沒有注意到相關細節，造成程序上帶給基層人員很大的困擾，對此要向他們說聲辛苦了，也對社會大眾感到困擾說聲抱歉，請大家都給他們一點時間，讓他們改正問題把事情做好。
</t>
  </si>
  <si>
    <t>台灣疫情爆發，目前台灣最需要的是疫苗。但是外傳有人在阻擋購買國際大廠疫苗，甚至不讓民間自購，是為了炒股。如今衛福部疾管署已與高端及聯亞兩家國產疫苗廠簽約，各採購500萬劑。淡江大學全球發展學院院長包正豪表示，「我OK，你先打」。他推測，高端疫苗解盲「一定」會過關，以及不需要做三期試驗，並有緊急授權。
衛福部疾管署已在28日與高端、聯亞兩家國產疫苗廠簽約，每家各採購500萬劑，含開口合約最多各採購1000萬劑。中央採購國產疫苗數量，最多可達2000萬劑。不過，高端疫苗目前僅完成二期臨床試驗，尚未取得台灣緊急使用授權（EUA）。高端預計6月初、聯亞6月中送交檢體，最快6月底提出申請緊急授權。高端則表示，依採購機關要求，合約其他細節不予公開。
包正豪30日在臉書貼文表示，「我OK，你先打」，根本就是已經簽約要買了，如果他假設高端疫苗解盲「一定」會過關，以及不需要做三期試驗，並有緊急授權，也是合理的推測。
包正豪接著表示，政府對高端真好，不知道如果從現在開始監聽監控高端經營階層和大股東們的通訊和相關金流，最終我們會得到什麼樣的內幕？當然，這時候政府肯定不會做違反人權的事情。
有網友在底下貼了一張高端股市圖，包正豪回應網友說，「看起來，現在追的話，就是被人當韭菜了，還好我窮。」也有網友表示，「明天周一開市..」、「促轉會還不趕緊介入喔？」</t>
  </si>
  <si>
    <t>台灣本土個案狂炸，已連續6天單日破百例，台北市立聯合醫院陽明院區胸腔內科主治醫師蘇一峰在臉書分享確診者的年齡統計表，指出這波感染者中，60歲以上的人佔了三分之一，由於老年人重症比率較高，因此我國新冠重症率恐因此增加，「醫療量能衝擊要來了！」
蘇一峰昨晚在臉書PO出一張近日確診患者的年齡統計表直呼，台灣這波疫情的感染者中，60歲以上的患者比例佔了三分之一，重症的比率也因此會增加，因為老年人更容易產生重症，醫療量能的衝擊要來了！
從統計表中可見，5月15日至5月20日期間共有1512名確診個案，其中9歲以下確診者29人、10至19歲共36人、20至39歲共225人、40至59歲共628人、60歲以上者佔了584人。
不少網友看完嚇歪表示，年長者真的不愛戴口罩，「老人家很愛脫口罩、不戴口罩，耳根子又硬，但非常時期，為了延長壽命，請戴口罩啊！」也有網友分享自身經歷表示，在路上騎車看見一位阿伯沒有戴口罩，善意上前提醒對方，結果反而被嗆。</t>
  </si>
  <si>
    <t xml:space="preserve">全家便利商店(5903)2月合併營收為60.94億元，月減12.94%，年增6.17%，由於進入3月，抹茶季相關新品上市將成為話題重點，且鮮食冷凍新品、母親節預購展開下的網購冷凍食品、防疫概念日用品主題行銷活動、疫情商機下的EC網購趨勢向上，可望成為推升營收成長動能。
雖2月受到新冠肺炎影響，致使全家便利商店2月合併營收較1月下滑，但受惠於店數、EC件數、以及鮮食業績三成長，仍是維持較去年同月成長趨勢；累計前2月合併營收為130.93億元，年成長8.88%。
就產品別來看，2月鮮食成長7%，在開工、情人節、二二八連假的連番優惠活動，以及草莓季相關話題新品上市下，帶動現煮飲料成長超過15%，霜淇淋年增超過20%；而健康環保概念素材如植物肉、超級大麥的創新運用，適逢疫情下消費者自主健康管理意識提升，致調理麵、沙拉等品類亦成長近10%；生鮮冷凍的鮮食品類也在疫情引發在家簡單煮的消費行為轉變下，成長近40%；至於一般商品中，因疫情所帶動的成長品類，也主要與內食需求提升、補充身體營養、維持家中基本生活物資等有關，包含罐頭食品、保健飲品、衛生紙濕紙巾等日用品、大包裝點心零食等。
截至109年2月29日止，全家便利商店總店舖數達3606家。
展望3月，全家表示，時序進入春暖花開，抹茶季相關新品上市將成為話題重點；同步，鮮食冷凍新品、母親節預購展開下的網購冷凍食品、防疫概念日用品主題行銷活動、疫情商機下的EC網購趨勢向上，將成為驅動營收成長的動能。
</t>
  </si>
  <si>
    <t xml:space="preserve">美國平均單日染疫死亡人數再度突破2,000人，為6個月以來首度又跨過這個悲慘的門檻。
根據約翰霍普金斯大學彙整的數據，截至本周二，美國呈報的新冠病毒染疫死亡人數7日平均值為2,031人。
儘管新增感染病例數趨於平穩，但染疫死亡人數仍持續攀升，較前一周前增加13%，與本月初相比更大幅增加了43%。
上一次美國平均每日染疫死亡人數超過2,000人是在今年3月1日。不過該國平均每日染疫死亡人數創下新高記錄，是在今年1月中旬的3,426人。
新冠肺炎在周一正式成為美國近代史上最致命的疫情，累計染疫死亡人數超過「1918年流感大流行」、也就是「西班牙流感」在美國奪走的生命。
目前美國呈報死亡人數最多的是佛羅里達州，其過去一周平均每日染疫死亡人數達376人，其次是德州平均每日283人死於新冠肺炎，兩個州加起來的數字約占全國平均數的三分之一。
在經人口調整後，阿拉巴馬州、佛州和西維吉尼亞報告的每10萬居民平均每日染疫死亡人數最多。
在染疫死亡人數再度突破2,000人之前，近來美國感染新冠病毒的病例數急速增加，雖然現在出現一些緩解的跡象，但數字仍然高得令人擔憂。過去一周美國每日平均確診數約為13.5萬例，較9月1日減少18%。
住院人數雖然呈現下滑趨勢，但仍然偏高。根據美國衛服部公布的7日平均數，目前美國因感染新冠病毒住院的人數約為91,500人，較9月初的近10.3萬人減少。
約翰霍普金斯大學彭博公衛學院分子微生物學和免疫學系主任Dr. Arturo Casadevall表示，如果曲線、病例數向下走，死亡人數應該會隨之減少。此外，新冠肺炎的療法已有所改善，現在的治療方法比一年前更好。
在Delta變種病毒肆虐之際，傳染病專家表示，如果沒有開發出疫苖，現在的情況可能更糟。根據美國疾病管制與預防中心的數據，目前近55%的美國人口已經完整接種疫苗。
</t>
  </si>
  <si>
    <t xml:space="preserve">眼看美國新冠肺炎疫情再度惡化，蘋果25日又宣布佛羅里達州14家先前恢復營業的門市再度關閉，自上周以來重新關閉的美國門市已達32家，令外界擔心美國疫情惡化速度超乎想像。
受到銀行股下跌及耐吉財報拖累，美股周五早盤下挫。道瓊工業指數大跌約556點，跌幅為2.17％，標普500指數與那斯達克綜合指數跌幅分別為1.78％與2.02％。
而隨著美洲疫情尚未達高峰，世界衛生組織（WHO）預估全球新冠肺炎確診人數將於下周突破千萬人。
美國疫情經歷3、4月高峰期後稍有趨緩，令各州政府近日開始解除封鎖，沒想到各地確診病例再度爆增。美國在25日當天一口氣新增39,972名確診病例，創下單日最高紀錄，包括亞利桑那州、佛州、密西西比州及密蘇里州等地都創下單日最高新增病例。
日前率先解封的德州也在25日宣布暫停重啟經濟，因為當地在22日新增超過6千名確診病例，且新冠肺炎病患住院人數已連續13天破紀錄。
蘋果發言人在25日表示：「蘋果門市所在的部分地區疫情惡化，因此我們決定暫時關閉這些門市。我們非常謹慎做出這項決定，並將密切注意疫情發展，希望我們的團隊能盡快回到工作岡位服務顧客。」
回顧今年3月美國疫情爆發初期，蘋果便採取超前部署的防疫政策，率先關閉全美271家門市。今年5月美國各州陸續解封後，蘋果多數門市恢復營業，並嚴格實施為顧客量體溫及限制社交距離等防疫措施。
然而，蘋果在6月19日突然宣布亞利桑那州、佛州、北卡羅萊納州、南卡羅萊納州共11家門市再度關閉，原因是當地確診病例再度攀升。蘋果在24日宣布德州關閉7家門市後，25日又宣布橫跨佛州6個縣市共14家門市自26日起關閉。
這一連串的關店消息引起全球關注，因為蘋果門市大多開在大型購物中心，一直被外界視為美國零售業復甦的參考指標，如今蘋果在美國共有32家門市再度關閉，意味著蘋果無視地方政府的解封計畫，而是優先考量各地疫情最新進展，令外界擔心美國疫情惡化速度比政府預期還嚴重。
</t>
  </si>
  <si>
    <t>新北市長侯友宜預告，一旦幼兒園確診者是Delta病毒，將立即取消餐廳內用，台北市長柯文哲7日表示，若是遇到Delta病毒，會再檢視一遍啟動警戒的標準與定義，但不用製造恐慌，不要看到1例Delta病毒就地球毀滅，別那麼緊張。
柯文哲今午主持防疫記者會指出，北市因應疫情有訂出警戒表格，每一級都有啟動的標準，再由各局處去做管制措施，若是遇到Delta病毒，因為傳染力表較強，會再檢視一遍啟動與降級標準、要不要改定義，但他也認為不用製造恐慌。
他表示，像幼兒園染疫來勢洶洶，好多人感染，但經過今年5月疫情爆發後，雙北市在疫調、隔離的速度比以前快太多，新常態就是把警戒表格訂好，按SOP該怎麼做就怎麼做，也不要事先就讓大家很緊張，神經線放大條一點，但會針對Delta病毒重新檢視一下防疫管制表。
柯文哲說，外界關心中秋節烤肉，但2周以後的事2周後再問他就好，本來就說下周一對外宣布，但2周後的事很難預測，不要在群眾當中製造恐慌，做政府的有完整準備，該怎麼做就怎麼做。
他強調，Delta病毒比先前Alpha病毒強很多，到底多厲害也不用太恐慌，每次遇到問題千萬不要驚慌，上網讀一下資料、國外論文報告想清楚再做，Delta病毒穿透力、傳染力比較強，但不要看到1例Delta病毒就地球毀滅，別那麼緊張，北市聯合醫院副總院長璩大成指揮一個專業小組，市府把問題丟進去，把全世界論文調出來整理後擬出政策，做政策還是要有科學證據。</t>
  </si>
  <si>
    <t>今年指考生物科一口氣有6題跟新冠肺炎相關，創下單一時事出最多題的紀錄！補教老師說，今年生物科考得很深、很細，比去年難，預估頂標81分，比去年降1分。
補教老師游夏表示，過去單一時事頂多出個1、2題，但今年新冠肺炎一口氣考了6題，創了紀錄。今年第14至17題及45至46題，均是考新冠肺炎，包括病徵、檢測及對肺功能的影響都考到了，平時沒有涉獵這個新聞的考生，答起來會有點吃力。
游夏表示，今年生物科題目敘述不長又清楚，但考得很深、很細，加上許多題目有陷阱，整體來說，比去年難作答，即使是高手也會失誤。
全國教師會解析，第18、19題以杜甫詩「烽火連三月，家書抵萬金」，來導入神經生理動作電位的原理，具有創意；非選擇題由閱讀入題，比較動物與人體生理，並測驗學生推論的能力，很有趣；實驗題僅著重於靜態的玻片觀察和實驗步驟的理解，可惜缺乏藉實驗引導探究能力的試題。
全國高級中等學校教育產業工會指出，第45題RNA病毒的實驗分析並未在正課內容中涉及，雖有超出課綱規範的疑慮，但學生可以藉由DNA粗萃取的原理去推論，對用功的學生應該不會太難；單選第9題只有翰林版使用Pr／Ptotal的表示方式，有偏向特定版本的疑慮，應該避免。</t>
  </si>
  <si>
    <t>口罩自由買賣後，若不追求特殊色，民眾其實可在許多地方買到口罩，有網友好奇發問，現在還會去領實名制口罩嗎？引發熱議，釣出許多人喊+1，綜合網友的回應發現，仍繼續領取的原因是擔心第二波疫情出現，因此還不能鬆懈。
網友在臉書社團《口罩現貨資訊》發文指出，現在口罩變得超好買，一整包、一整盒的都有在賣，但實名制2周9片的口罩仍可以領，原PO表示，他是還是都會去領，畢竟出門全家都還是要戴口罩，但好奇大家都還會去領嗎？
貼文也釣出許多準時領「實名制口罩」的網友，「時間到就買實名制+1」、「一樣乖乖領」、「還是會用健保卡領」、「還是有在領！買起來放更安心」、「會，現在藥局也不用排隊」、「實名制繼續領，比較便宜」。
另綜合網友的回應發現，即便現在口罩很好買，仍有不少人繼續按時領「實名制口罩」的原因是，新冠肺炎的疫情尚未結束，也不確定台灣是否會有第二波疫情，所以還不能鬆懈，萬一再度爆發，口罩還是很需要，因此當然要領，以備不時之需。
而中央流行疫情指揮中心也曾在6月底宣布，口罩徵用時間確定將延長至今年的12月底，每日定額徵用800萬片口罩。</t>
  </si>
  <si>
    <t xml:space="preserve">台灣這波疫情爆發至今，累計321人死亡，其中35人為到院前死亡，佔11.8%，中央流行疫情指揮中心醫療應變組副組長羅一鈞表示，快樂缺氧通常並無前兆，氧氣濃度都很低，症狀嚴重時再送醫通常都已經太遲。另外，林口長庚醫院兒科急診醫師吳昌騰也分享4個症狀，包括胸悶、無法呼吸、呼吸急促達正常呼吸速率的3倍，及嘴唇和手指發青。
羅一鈞於昨日記者會上表示，從5月11日爆發至今，總共有321人死亡，當中有35人為到院前死亡，佔11.8%，由於新冠肺炎的病程可以變化得很快速，有快樂缺氧的情況，到院前死亡的案例不少，特別是在家中猝死的患者，已無法調查死亡前或病程開始後，中間曾有出現什麼症狀，就專家跟國外的研究，仍以快樂缺氧最為可能，不論年紀都有可能因此死亡。
羅一鈞補充表示，快樂缺氧通常並無前兆，氧氣濃度都很低，但症狀很嚴重時，再送醫都已經太遲。另外，吳昌騰日前也曾在臉書指出，快樂缺氧即為病人的血氧飽和度水平低於預期的飽和度，但當下病人並未感到任何呼吸困難。
吳昌騰說，快樂缺氧的出現，「真的令醫師們感到擔憂」，原因在於快樂缺氧最初不會引起呼吸短促，但可能會在患者內部造成快速損害，且這類病患通常就醫前2至7天前會出現一些症狀，包括突然胸悶或無法呼吸，幾天後呼吸非常急促，幾乎是正常呼吸速率的3倍，嘴唇和手指也有發青現象，直到醫師檢查了血氧濃度，才真正明白病患的病情有多嚴重。
★《中時新聞網》提醒您：因應新冠肺炎疫情，疾管署持續加強疫情監測與邊境管制措施， 如有疑似症狀，請撥打：1922專線，或 0800-001922， 並依指示配戴口罩儘速就醫，同時主動告知醫師旅遊史及接觸史，以利及時診斷及通報。
</t>
  </si>
  <si>
    <t>法國地區衛生機構表示，地中海沿岸的一個裸體度假勝地暴發嚴重的新冠肺炎。 據《每日郵報》報導，測試結果顯示，大約100名遊客感染新冠病毒。
上周一，在非常受天體主義者歡迎的cap d'agde度假村發現38例新冠病毒確診病例，上周三又發現57例。 與此同時，度假村天體主義者的感染率是附近村莊的四倍。
另外，還有50名度假者在返回家中後檢測呈陽性，預計下周將會有更多的檢測結果。官員們稱這些數字「非常令人不安」。
歐洲國家上周末暴發新一輪新冠肺炎。過去24小時，法國有4900人確診感染，這是過去5個月以來感染人數最多的一天。</t>
  </si>
  <si>
    <t>國內出現接種疫苗後最年輕的死亡個案，中央流行疫情指揮中心今天宣布，一名年僅24歲的男性，無慢性病史，9月11日接種AZ疫苗後，9月29日被發現在家身亡，另外昨天也接獲117件疫苗不良事件通報，包含3例死亡、70件嚴重不良事件。
發言人莊人祥表示，該名最年輕死亡個案，9月11日接種AZ後，返家即出現高燒，服用退燒藥後在13日退燒，無其他身體不適，不料家屬在9月29日上午11點發現個案躺臥在房間床上無回應，隨即送醫急救，仍宣告無效。
莊人祥說，死者除尿酸有些微偏高外，沒有其他慢性病史，法醫已在10月5日進行解剖，將持續關注死因是否與疫苗有關。
莊人祥也公布昨日(13日)疫苗接種人數為24萬9077劑，其中以BNT最多，打了17萬4023劑、AZ接種4萬0399劑、莫德納2萬8006劑，高端僅6649劑。
目前全國疫苗涵蓋率已達59.66％，劑次人口比來到每百人80.09劑。</t>
  </si>
  <si>
    <t xml:space="preserve">停泊在日本九州長崎港維修中的大型郵輪歌「詩達大西洋號」（Costa Atlantica）繼船上1名外籍船員確診感染新冠病毒後，還有人出現發燒等症狀，57名密切接觸者經病毒篩檢後又有33人確診。船上只有工作人員，沒有乘客。
這艘船至3月25日為止，一直在長崎港的三菱重工長崎造船所香燒工廠維修，試航後預定停泊在長崎港至4月底。第1名確診的船員4月14日出現發燒症狀，20日確診，之後一直在單獨房隔離。
這艘船加上外籍船員共有623名工作人員，長崎縣為防止疫情擴大，曾要求船員3月13日避免下船。厚生勞動省將派厚勞省的1名職員及1名國立感染症研究所的專家到當地控制疫情。
</t>
  </si>
  <si>
    <t>幼兒園群聚感染累計16例確診，新北強化二級警戒7日至21日，今天網路上也流傳一份停課名單，新北市長侯友宜今主持疫情記者會表示，停課名單是不實，故意造成大家恐慌，將依《傳染病防治法防治》送交警察局偵辦，最高可罰300萬，希望疫情嚴峻時不要造成大家恐慌。
新北市教育局表示，目前新北有5校共4327人停課，強調新北規範是出現1例確診，同班被匡列者停課14天，全校預防性停課3天；2例以上全校停課14天，出現1例Delta全校停課14天。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仲琦(2419)上月營收創下109年新高，累計計109全年度自結合併營收達102.8億元，已經連三年突破100億元大關。
仲琦109年12月自結合併營收為12.66億元，較108年同期成長42%，亦較去年11月成長2%，再創109年新高；累計109全年度自結合併營收為102.8億元，連續三年合併營收突破100億元。
國際美元指數持續下探，新台幣兌美元已攻破28.5元，創下23年來新高，仲琦在出口導向受美元貶值的巨幅影響之下，營收仍可維持新台幣百億元已屬不易。
仲琦認為，全球新冠疫情再度陷入緊張狀態之際，展望2021年，網通消費市場對寬頻上網的需求依賴性及供應鏈出貨達交順暢與否，將會是整個網通產業成長脈動的關鍵指標。
</t>
  </si>
  <si>
    <t xml:space="preserve">好萊塢確診再添一例，26歲女星瑞秋麥修斯（Rachel Matthews）當地時間16日晚間在IG自曝上週她確診新冠肺炎，目前正隔離治療中，她詳細記錄自己染病的過程，將症狀表現公開，希望能夠幫助到其他人。瑞秋麥修斯曾為《冰雪奇緣2》配音北烏卓人哈妮瑪倫，也在驚悚片《忌日快樂》、《祝你忌日快樂》展露頭角。她表示目前感覺好多了，並透露了自己一開始很難能去檢測，是因為身邊已經有人確診了，而且自己也有症狀表現，最終才能去篩檢。
她在貼文中詳細描述發病首日至第7天的感受，「第一天：喉嚨痛、疲勞、頭痛；第2天：輕度發燒、全身酸痛、發冷，肺部劇烈疼痛，開始乾咳，食慾不振」，到了第3天沒有發燒、輕微身體疼痛，肺部深層開始惡化、乾咳並呼吸急促，身體嚴重疲勞和食慾不振。而第4天症狀似乎變得溫和，但是肺部仍然沉重且呼吸急促，而失去嗅覺和味覺，「第5、6、7天一切基本上沒有太大變化，仍有呼吸急促、食慾不振、疲倦等症狀，但總體而言還算OK。」
</t>
  </si>
  <si>
    <t>中央流行疫情指揮中心今（26日）公布國內新增304例COVID-19確診病例，其中本土302例中包括連江縣1例案5774，該名27歲女性確診個案本月13日搭機抵達馬祖，21日搭機回台，24日因失去嗅覺在屏東就醫確診，目前在台治療中，經疫調匡列在南竿密集接觸15人，返台同機34人。
連江縣疫情指揮中心表示，案5774自台灣本島到馬祖從事服務業，5月13日來馬，21日返台，經疫調匡列21日返台同班機34人，其中29位乘客在台已轉各縣市衛生局追蹤，連江縣5位乘客及停留期間密切接觸者15人，已進行居家隔離並採檢進行PCR核酸檢測，其中8名陰性，12名持續檢測中。
案5774於13日下午4時5分搭搭乘立榮班機從松山機場赴馬祖南竿，晚間先到南竿介壽村朋友住處訪友，之後數日均留宿仁愛村男友住處。
19日上午10時，案5774先到山隴弘爺漢堡早餐店用餐，半小時後前往山隴澳口釣魚。21日下午1時到山隴統一超商店對面水果攤買水果，下午2時即搭乘立榮航空班機返台。
連江縣疫情指揮中心已對確診者足跡由環資局派員消毒，並呼籲於該時段與確診者足跡重疊者，主動聯繫連江縣疫情指揮中心並進行自我健康監測14天。
連江縣指揮中心今在防疫會議決議，強化3級警戒並落實5大措施，包括外出全程戴口罩、嚴查不得營業休閒娛樂場所、餐飲一律外帶、賣場及超市加強人流管制，少去多買，一次購足、結婚不宴客喪禮不公祭、宗教集會活動全面暫停辦理，宗教場所暫不開放等，阻絕病毒擴散入境，降低社區潛在風險。
屏東縣政府衛生局也公布足跡，案號5774是在連江縣工作的27歲女子，5月22日抵屏東佳冬居住，5月24日因嗅覺異常就醫，經醫師評估採檢，25日確診；疫調足跡包括佳冬鄉全聯玉光店、佳冬石光見市場等處均已消毒，匡列6人檢疫及隔離，至於感染源仍在調查中。</t>
  </si>
  <si>
    <t>網傳高雄鳳山某大樓29日下午傳出有住戶確診，大批住戶緊急被召回採檢。衛生局會同警方前往封樓並替住戶快篩。衛生局在防疫記者會上證實該訊息，強調該大樓確實出現一名陽性個案，目前已清查並召回該大樓60戶、150多人進行PCR檢測，晚間PCR結果出爐，會將住戶分送至防疫旅館。
衛生局表示，釐清陽性個案的時序後，發現一些關聯性的存在，經警方協助清查，緊急召回該大樓60戶、150多人進行PCR檢測，檢測結果預計今晚出爐，住戶也將分送至防疫旅館。
衛生局也強調，陽性個案不代表確診，一切還是以中央疫情指揮中心公布的訊息為準。「枋山專案」篩檢已採檢1033人，快篩及PCR結果均無異常。</t>
  </si>
  <si>
    <t>雙北疫情持續升溫，新北聯合醫院板橋院區社區篩檢站今下午2時啟動，居住板橋區、有萬華高風險區活動或接觸史者優先；新北市長侯友宜今主持疫情記者會表示，目前板橋確診人數比較多，快篩站整備已經就緒，此外新莊區的衛福部立醫院也正在協調中。
侯友宜說，設置快篩站是把陽性個案找出來最快速的方式，目前板橋確診數比較多，新北市已在新北聯合醫院板橋院區設置社區篩檢站，以居住板橋區、有萬華高風險區活動或接觸史者優先，相關整備已經到位，將在下午2點起開始快篩工作。
侯友宜說，盼透過快篩站快速檢驗，先解決板橋社區的狀況。至於其他地區是否要增設快篩站，會隨疫情滾動式檢討。
媒體問及，新莊區的衛福部立醫院也被列為專門篩檢醫院，是否也增設社區快篩站？侯友宜說，這需要考慮部北的醫療量能現階段是否能夠負荷再設一座快篩站，新北市衛生局正跟醫院協調中，這些都需要重新盤整。</t>
  </si>
  <si>
    <t>在新冠肺炎、油價崩跌、全球面臨經濟衰退等黑天鵝衝擊下，今年來金融市場相當不平靜，震盪幅度已達2008年金融海嘯水準，投資人投資困難度大幅提升。
投信法人分析，新興短期高收益債具有「短天期低波動」及「較佳息收」二大優勢，在雷曼事件、美國降評、油價重挫、中美貿易戰及新冠肺炎等重大利空期間，其跌幅明顯小於全球高收債、美國高收益債、美國短高收債，甚至在中美貿易戰期間逆勢上揚，建議投資人現階段將新興短期高收債納入資產配置組合，強化資產防禦力。
台新新興短期高收益債券基金經理人尹晟龢指出，債券距離到期日愈近，債券價格波動愈小，只要不違約，到期時債券價格將回到面額，因此，短天期債券對利率敏感度較低，波動幅度也相對較小，以過去十年年化波動率來看，新興短期公司債僅5.25％，皆不到美國投資債、新興公司債、新興主權債及美國高收益債的一半，最適合目前大幅震盪下的避險操作。
另方面，今年來債市波動加劇，投資人頻繁進出，大幅增加交易成本，而新興短期公司債因為價格波動低，本金不易被侵蝕，債息自然能成為總報酬主要來源，更有機會強化長期投資複利效果。
歐義銳榮新興市場債券基金總代理第一金投信指出，從評價面來看，新興投資級債目前的殖利率約4.9％，在歐美等成熟國家大都已進入零負利率情形下，投資吸引力浮現。
安本標準2026到期新興亞太債券基金經理人李艾倫指出，全球央行再次攜手降息，為企業財務困境鋪上資金安全網，但此舉造成債券殖利率不斷下探。若想追求收益，相較於成熟市場債券，新興亞債的利差深具吸引力，在新興市場資產類別的表現也最佳，值得納入資產配置的考量。
野村投信表示，美國聯準會6月15日宣布將開始透過SMCCF制度購買個別公司債，由於美國聯準會政策買盤空間仍非常充足，因此高收益債可望受惠這一波流動性盛宴，使利差持續收斂。
此外，隨著各國政策利率已降至歷史低點，未來再降息空間有限，投資需求將從最低風險的公債、抵押債，轉移至有利差優勢的債種，其中又以高收益債最被看好，因為在全球成熟市場紛紛來到零利率或負利率環境，相對較高殖利率的債券可望持續吸金。</t>
  </si>
  <si>
    <t>國際突破性感染頻傳，根據中央流行疫情指揮中心統計，國內的境外移入個案中，共有12人完整接種滿14天仍染疫，其中3人感染的是印度變異株（Delta）。
醫療應變組副組長羅一鈞說，全台7月2日開始推動入境3採，當時至今共累計145例境外移入個案，其中40人打過疫苗。40人當中，有14人接種1劑疫苗，26人接種2劑疫苗，但完整接種滿14天者有14人，其中2人在接種第2劑前在國外確診過，扣除後，有12例境外移入個案完整接種仍染疫，其中有人發病、有人無症狀，比例不高，不到10%。
羅一鈞表示，接種疫苗後染疫者有28%，不過大部分接種疫苗的確診病例都不是在完整接種後染疫的，只有12人完整接種仍染疫，Ct值平均27，其中3人感染的是Delta。
12人中，有5人接種BNT疫苗，3人接種嬌生、3人接種莫德納、1人打AZ。而40例曾經接種過疫苗者，有19人接種BNT、7人接種AZ、6人接種莫德納、4人接種嬌生、4人接種科興，各種廠牌都看得到。</t>
  </si>
  <si>
    <t>新冠肺炎疫情緊張，第一線醫護警消工作量暴增還得承受高壓，有一名消防人員在臉書上不滿地表示，開防疫巴士接送確診者與消防任務根本無關，要消防局不要什麼工作都延攬給弟兄，更控訴，「若弟兄確診越來越多，哪個局處會來幫我們打火？」
一名消防人員在臉書專頁《靠北消防2.0》投稿，31日刊出的內容開頭就寫下，「請問開防疫巴士或防疫救護車去防疫旅館，到底跟消防三大任務哪一個有關係？」並不滿的表示，難道是會開車之人穿上防護衣就可以開了嗎？
該名消防員抱怨，不管什麼事都要求消防來做，導致消防同仁確診，不少分隊因此關閉進行清消，害得其餘正常運作的分隊要擴大支援，只會累死自己人；該名消防員還說，載運新冠陽性患者並非緊急救護的工作項目之一，希望消防局不要對於各局處包山包海的工作來者不拒，若確診同仁越來越多，試問究竟有哪個局處會來幫忙救災打火？
投稿文章刊出後，不少網友於留言區回覆，「新北現在還要開返鄉專車去各縣市的檢疫所把人載回來呢」、「沒有發生的事我們不要先預設你說對不對，發生了我們再想辦法嘛」、「還有下雨天拿尺去量積水是怎樣？公路養護單位，建設，工務都沒出門了」。
實際上，醫護警消傳出不滿已非第一次，日前台北市政府警察局信義分局鑑識小隊的孫姓偵查佐才在個人臉書發文，指稱上月底接獲一名老翁居家死亡，到場後經救護人員量體溫卻高達39.1度，懷疑有染疫，但專責單位衛生局卻甩鍋，不到場也不採驗，害他們只好穿著防護衣硬上處理，對這樣的防疫SOP感到相當心寒。</t>
  </si>
  <si>
    <t xml:space="preserve">國內新冠肺炎在連續6天無新增個案後破功，一次增加3名境外移入確診。其中案431、432是一對夫婦，從西非到法國轉機返台，機上空服員爆料，兩人早在上機前就告知喉嚨痛，機上更是狂吃喉糖，試圖止咳減緩喉嚨不適。
案431與432為一對夫婦，2月11日至塞內加爾工作，陸續於4月26日、27日出現全身倦怠及咳嗽等症狀，兩人5月1日返國入境時因仍有咳嗽症狀，由機場檢疫人員採檢通報、確診。
《TVBS》報導，這對夫妻其實還帶著2個小孩回台，在上機前就先說有喉嚨痛，在從巴黎返台的班機上更是一直吃喉糖想止咳、舒緩喉嚨痛，一旁的商務艙乘客嚇得只能把自己包緊緊。之後飛機落地不到半天，該班機的空服員立刻收到居家隔離14天簡訊，包括乘客、機組人員在內，匡列了11名接觸者。
</t>
  </si>
  <si>
    <t xml:space="preserve">近日新冠肺炎疫情延燒。美國總統川普表示，只要伊朗開口求援，美國已準備好援助他們對抗2019冠狀病毒疾病（COVID-19）。
外媒報導，川普2月29日在華府附近召開的年度保守政治行動會議上表示：「如果我們能夠幫助伊朗人民對付這個問題，我們當然樂意之至…就等他們開口。我們會派優秀的專業人士過去。」
據統計，伊朗全國新冠肺炎死亡總數至今已達43人，是除了大陸以外，全球死亡病例數最多的國家。
美國國務院表示，已透過瑞士傳話，正式告知伊朗美方有意提供協助，不過並未詳細說明協助方式。由於美國在伊朗並無正式外交機構，因此透過中立、在伊朗設有使館的瑞士做為利益代表國。
美國於1980年與伊朗斷絕外交關係，2018年退出具重大意義的「2015年伊朗核協議」，恢復對伊朗的癱瘓性制裁措施，並於今年1月刺殺伊朗最有權力的指揮官蘇萊曼尼，兩國關係迄今仍處於緊張狀態。
</t>
  </si>
  <si>
    <t>新冠肺炎肆虐全球，已奪走超過30萬條人命，疫苗何時研發成功，成為對抗這波疫情的關鍵。英國與美國團隊14日公布初步成果，他們對6隻恆河猴注射疫苗後，猴子體內產生新冠病毒抗體，有效抑制病毒的破壞與增生能力。這項進展，為人類與新冠病毒的戰爭，打了一劑強心針。
儘管恆河猴的免疫系統近似人類，不過疫苗對獼猴產生的結果，不保證會轉換到人類身上。
牛津大學4月底宣布，總部設於英國倫敦的阿斯利康製藥（AstraZeneca），與該校的詹納研究所合作開發新冠肺炎疫苗，已啟動人類臨床試驗。
另一方面，由牛津大學、以及美國國家衛生研究院（NIH）科學家組成的研究團隊，也在美國以恆河猴進行小規模研究。他們先為猴子施打疫苗，接著讓牠們暴露在高濃度的新冠病毒中。其中有些在14天之內產生新冠病毒抗體，全部6隻猴子都在28天內產生抗體。
研究人員發現，病毒受到疫苗遏阻，不能損害肺部、也無法在肺內複製增生或發展成肺炎。猴子肺部和呼吸道內的病毒，數量都比未施打疫苗的控制組少。不過，猴子鼻腔內的病毒仍有增生能力。
據英國廣播公司（BBC）報導，這篇報告未經其他科學家審核，也尚未正式出版，而是先發表在生物預印本網站BioRxiv。不過倫敦大學衛生與熱帶醫學院的伊凡斯教授形容，此研究素質極高，且「令人鼓舞。」</t>
  </si>
  <si>
    <t>日本捐贈台灣124萬濟AZ疫苗下午抵台，國民黨前主席朱立倫表示，由衷感謝日本政府，在台灣最需要幫助的時刻幫忙台灣，後續更期待有更多國際的協助，讓急需疫苗的台灣能夠早日脫困，同時也感謝許多民間團體與企業紛紛表達要爭取疫苗，更希望政府能夠積極落實，讓疫苗早日到達台灣。
朱立倫強調，為了人民，沒有面子的問題。台灣確實需要幫助，更大聲地向全世界發出「Taiwan Needs Help」、「Taiwan Needs Vaccines 」的呼喚，此時沒有那麼多政治陰謀論或顏色之別，台灣需要幫助，能夠幫忙台灣就是朋友。
朱立倫日前表示，政府防疫的首要工作除了圍堵就是疫苗，政府應「沒有任何政治考量，不要任何官僚心態」。他認為，任何疫苗來源，不管中央或地方、民間或企業、海內或海外、僑胞或台商，能夠爭取到疫苗，食藥署快速核准就立即施打。</t>
  </si>
  <si>
    <t>新北今天完成校園BNT疫苗施打，新北市教育局表示，今有8女6男共14人送醫，其中27日施打送醫者有4人、28日施打為5人，29日施打為1人、30日施打為4人，狀況主要為胸悶、頭痛、四肢無力、發燒，其中11人已回家休養，截至下午3時尚有3人仍在醫院看診。
教育局指出，29日共施打19校、預計施打2萬963名學生，實際施打學生數2萬731人，施打率：98.89％，出現輕微不適症狀有2854人、發燒大於38度120人、不良反應231人，今有579人請疫苗假、請疫苗假比率2.79％。</t>
  </si>
  <si>
    <t>新北市府衛生局今證實，當初搭載秘魯返台租孫的防疫計程車司機住在新北，中央下午已通知地方要求司機前往採檢，目前結果尚未出爐。據了解，該名司機當天將祖孫載回屏東時，祖孫兩人有在台南的關廟休息站下車上廁所。
新北市衛生局今表示，該名司機是在機場排班的防疫計程車，該對祖孫6日返國，由該名司機接送回屏東，今天（27日）收到中央通知，要求安排該名司機前往篩檢，目前結果尚未出爐，新北市會和中央及相關縣市密切聯繫並積極協助疫調。
稍早一度傳出秘魯返國的祖孫返國搭的防疫計程車其司機為台中人，對此台中市衛生局表示，經查司機為新北市人。
台中市衛生局長曾梓展表示，經與桃園衛生局連繫，這對祖孫從秘魯返國時，在桃園機場叫了防疫計程車搭返屏東，該司機是新北市人，並非台中人。
★《中時新聞網》提醒您：因應新冠肺炎疫情，疾管署持續加強疫情監測與邊境管制措施， 如有疑似症狀，請撥打：1922專線，或0800-001922，並依指示配戴口罩儘速就醫，同時主動告知醫師旅遊史及接觸史，以利及時診斷及通報。</t>
  </si>
  <si>
    <t xml:space="preserve">國內海軍敦睦艦隊爆發新冠肺炎疫情，累計共24官兵染疫，其中有3名軍官居住在台中，中市府緊急公開足跡後，有網友仔細看完資訊發現，其中一名官兵早在13日出現症狀，但卻還是見了外婆、女友等人，讓人直呼太誇張。
台中市府19日公布3名確診的敦睦艦隊官兵足跡，有網友轉發到PTT後，引起了熱烈討論。其中，一名年約28歲的男性於4/13就出現喉嚨痛的症狀到醫務所就醫，但15日、17日還是分別去見了外婆、北上至苗栗拜訪女友家人，直到18日早上接獲回營通知，由父親開車載往集合點，集中檢疫後確診。
網友看完該案後紛紛驚呼，「有症狀還去女友家…」、「案40那個太誇張 都什麼時間了，有症狀還接觸這麼多人」、「喉嚨痛就醫了還到處跑」、「外婆跟女友家人…」、「星火燎原整個台灣放火燒」。
</t>
  </si>
  <si>
    <t xml:space="preserve">因為新冠肺炎全球爆發，疫情肆虐下限制了許多自由，尤其疫情曾經飆升的國家，更是痛失許多生命，南韓就包含在其中，在一片戒慎恐懼中，南韓演藝圈今出現喜悅的光芒，《皇后的品格》中，飾演皇后卞賢真的女星申高恩，宣布結婚喜訊，且對象也是影星，演藝圈將多一對明星夫妻檔。
申高恩有著不同於一般女演員的經歷，她在觀眾面前有過很多不同的樣貌，最初是作為娛樂線記者，在採訪藝人時於鏡頭前現身，清新模樣給人好印象，而她還有副好歌喉，出演過音樂劇，直到2018年演出《皇后的品格》，精湛演技讓人眼睛為之一亮，她也自此正式以戲劇演員身分在圈內發展。
就在今天(3/19)，申高恩透過所屬經紀公司Image 9 Communications發布了婚訊，對象是大她7歲的單眼皮性格男星尹鍾和，兩人將在5月19日於首爾某處舉行婚禮，新人們考量了新冠肺炎(COVID-19)疫情，將在遵守防疫方針的情況下舉辦婚宴，只會邀請家人及親近朋友參加，屆時將由尹鍾和的主播親姊姊尹賢真擔任司儀，祝歌則由家人來演唱，預計走溫馨小巧婚禮路線。
신고은（@shinggoni）分享的貼文
申高恩隨後也在IG發布文章，告知粉絲這個喜訊，還談論了未來的夫婿，「在片場受到眾人喜愛，總散發正能量的那個人，現在將成為我珍貴的人，他承諾將一輩子伴我左右，我們會互相扶持、成長並幸福度過未來每一天的」，申高恩署名時，還特別在兩人的名字中間加上愛心，並用了表情符號「&gt;_&lt;」，展現準人妻的嬌羞與喜悅。
</t>
  </si>
  <si>
    <t>重症病房內的暖流！一位50多歲的新冠肺炎重症男由北部轉到中港澄清醫院專責加護病房治療，經14天的治療順利拔管轉普通病房，並經肌力訓練後出院返回北部的家。PCR轉陰也剛好是拔管日，院方出動7名人力協助病患換新衣，並轉進新病房迎接無病毒的「新生日」，護士訝然看到病人努力、反覆彎著右手大拇指表達「謝謝」，心情也激動不已。
這位病患於5月29日由北部轉中港澄清醫院專責加護病房時，當天血氧在未使用氧氣設備下降至70％~80％，雙側肺浸潤、呈現急性呼吸窘迫症狀群，治療期間病情曾一度變壞。專責加護病房醫師謝佳珍表示，還好經過治療後有改善，插管治療期間，也逐漸調降呼吸器，往拔管計劃努力邁進。
到了6月8日，患者的鼻咽PCR檢測為陰性，接連6月9日與6月10日採檢氣管內管檢體檢測PCR的結果也是陰性，6月11日獲通知可以解除隔離，這樣的結果振奮醫護團隊，醫護貼心策劃要在拔管後，讓患者換新衣，穿沒有病毒的新衣、轉進普通病房，慶祝他的重生。
謝佳珍說，拔管當天總共出動7名人力，3人穿著兔寶寶裝，進去拔管及負責房間的清潔。一個人著兔寶寶裝在外面急救車前，準備萬一喉頭水腫，可能馬上進去支援插管。3人在門外，穿著一般防水隔離衣，準備將病人轉移去乾淨的房間。
護理長潘姵君很感動地說，當成功拔管後，由另一組醫護把病人送往乾淨的病房，此時，病人的右手一直在動，仔細一看，原來，病人很努力、反覆的彎著右手大拇指表達著無法說出口的「謝謝」。
因為這段時間的臥床肌力嚴重流失，病患轉由復健團隊接手治療，經完整肌力訓練，病人終於可以下床安全地走路，也順利出院返回北部的家。</t>
  </si>
  <si>
    <t xml:space="preserve">國內今天新增2例新冠肺炎境外移入個案，9天下來已累計高達22例確診，中央流行疫情指揮中心為因應「新冠肺炎疫情」，於今天14：30召開臨時記者會，由莊人祥發言人說明。
指揮中心統計，截目前國內累計104,019例新型冠狀病毒肺炎相關通報(含102,449例排除)，其中580例確診，分別為488例境外移入，55例本土病例，36例敦睦艦隊及1例不明； 另1例(案530)移除為空號。確診個案中7人死亡、526人解除隔離、47人住院隔離中。
</t>
  </si>
  <si>
    <t>來自大陸國家衛生健康委員會的資料顯示，截至10月10日24時，大陸31個省區市和新疆生產建設兵團已連續56天無新增新冠肺炎本土確診病例和疑似病例，大陸度過十一長假報復式旅遊的防疫考驗。不過11日上午山東青島市卻罕見地提前公布當天新增3位無症狀感染者病例的消息，3例無症狀感染者與青島市胸科醫院相關聯，令人憂心是否再出現醫院群聚感染。
此消息一出來，青島市連續213天，全大陸連續56天無本土病例的成績，是否毀於一旦，就看接下來的防疫工作執行情況。
連夜實施全封閉管控
青島市衛健委11日上午公布，10月11日，青島市新增3例新型冠狀病毒肺炎無症狀感染者，其中2例是醫院在對普通就診患者進行核酸檢測時發現，1例在對排查出的密切接觸者進行即時核酸檢測時發現。3例無症狀感染者與市胸科醫院相關聯，該院部分獨立區域承擔著收治境外輸入新冠病毒感染者的任務，具體感染源正在進一步排查中。
青島已連續213天無本土病例。接報後，青島市對3例無症狀感染者居住的小區單元樓、青島市胸科醫院、青島市中心醫院急診科等重點場所連夜實施全封閉管控，並對環境進行全面消毒殺菌。
大陸衛健委公告，10月10日0～24時，全大陸報告新增確診病例21例，均為境外輸入病例（上海10例，廣東6例，四川3例，遼寧1例，福建1例）；新增無症狀感染者23例（均為境外輸入）；當日轉為確診病例2例（均為境外輸入）。
9月30日，青島市在召開記者會介紹近期青島疫情防控的系列情況時，當時青島市政府副祕書長于冬泉介紹，先前青島港大港公司境外輸入2名無症狀感染者疫情發生後，迅速對重點人群、重點場所實行風險管控，對進口冷鏈產品和從業人員進行全方位、全覆蓋追蹤管理，本次與青島港大港公司直接關聯的疫情得到有效控制，使社區傳播的可能性很小。
防疫工作再次受考驗
沒想到大港公司2名無症狀感染者2次IgM抗體檢測，結果均為陰性，進一步證明2人屬於早期感染者，且沒有新增感染者或確診病例後，卻又發生醫院傳出無症狀感染者，再度考驗防疫工作。</t>
  </si>
  <si>
    <t>依疫情指揮中心公告，第11期Covid-19疫苗預約將於今起開放第一劑BNT預約，明日起開放第二劑AZ預約，符合本期BNT預約資格約有118萬人、AZ約有101萬人。
本次特別於開放疫苗施打資格「預先查詢」功能，讓民眾能先查詢是否符合當期資格，若符合者，再於開放後上線預約，節省大家寶貴時間。
關貿網路表示，本次於COVID 19公費疫苗預約平(1922.gov.tw)首頁增加「資格查詢」選項，民眾點選進入後，只需輸入身分證號及健保卡號，平台便會帶出資格查詢結果，未符合當期預約資格的民眾，則不必再浪費時間上線等候排隊。
第11期資格查詢開放3天，就已經超過150萬人次查詢，未來每期疫苗開放預約前兩天，平台都會開放資格查詢功能，呼籲民眾多加運用。</t>
  </si>
  <si>
    <t xml:space="preserve">新冠肺炎境外移入確診病例上揚，中央流行疫情指揮中心已宣布禁止高中以下師生出國。鑑於南部國立大學傳出確診病例後，連帶引發2所國立大學多名師生停課，台南市長黃偉哲18日建議中央，應盡快將大學師生納入出國禁令中。
黃偉哲認為，大學師生趴趴走的情況，比起高中職以下師生嚴重許多；既然高中職均已納入禁出國行列，加上又有大學生染病造成停課，中央應該盡快將風險更高的大學師生，也納入禁出國的行列，以免造成防疫缺口。
</t>
  </si>
  <si>
    <t xml:space="preserve">立法院今日下午於立院議場針對600億「新冠肺炎紓困振興特別預算案」召開朝野協商，經各黨討論後，同意紓困預算案，將在3月13日(下周五)院會完成3讀。
立法院長游錫堃今日主持協商會議，並邀請各黨共同討論，國民黨團總召林為洲表達支持紓困預算案盡快處理，但希望在案子進委員會審查前，能夠先舉辦公聽會了解勞資雙方的意見。
民進黨團總召柯建銘表示，現在若要開公聽會，時間恐怕趕不上。在本周三、四的聯席委員會上，委員都可以向相關部會質詢，而下周一會在委員會討論預算，屆時若各黨委員無共識就保留送協商處理，此案預計最快13日可以3讀通過。
民眾黨團總召賴香伶說，為避免紓困案上路後發生窒礙難行的狀況，民眾黨會自行先舉辦小型座談會，收集民意。目前已先做安排，本周將會邀請交通、觀光產業界開會，共同交換意見。
依據今日協商結論，明日院會也將邀請行政院長蘇貞昌、財政部長蘇建榮、行政院主計長朱澤民及相關部會首長列席報告紓困預算。並由民進黨、國民黨各推派6人、民眾黨及時代力量各推派2人代表質詢。
</t>
  </si>
  <si>
    <t xml:space="preserve">滯留俄羅斯96名國人前天抵台，在機場初步檢疫後發現9人過去2周出現症狀，其中2人腹瀉，1人呼吸道症狀加上嗅覺異常，6人出現呼吸道症狀。這9名國人都被安排採檢，採檢結果為陰性，其餘87人也接續被安排採檢，採檢結果今出爐。中央流行疫情指揮中心指揮官陳時中今日表示，其餘87人採檢結果均為陰性。
</t>
  </si>
  <si>
    <t>美國國會準備祭出重大紓困方案，緩解新冠肺炎疫情對經濟的衝擊，市場充滿樂觀，美股在週二(24日)大反彈，道瓊飆漲11%，創下了1933年以來最高的單日漲幅。
根據路透社的報導，道瓊工業平均指數上漲2,112.98點，或11.37%，以20,704.91點作收，創下1933年來最大單日漲幅。標普500指數上漲209.93點，或9.38%，以2,447.33點作收，為2008年10月以來最大單日漲幅。科技類股那斯達克指數上漲557.18點，或8.12%，以7,417.86點作收。
這一波漲幅，來自於周二民主黨和共和黨的議員共同推行高達2兆美元的紓困方案，加上是投資人相信現在是市場的低點位，讓市場對於疫情過後經濟復甦抱持著高度樂觀的心情。
而道瓊指數大漲的主動力，來自於波音公司，在執行長卡爾胡(Dave Calhoun)宣布今年中737 MAX客機將重回市場後，股價一天內飆漲了21%。其餘亮眼的個股還有達美航空上漲將近21%，通用汽車也上漲近20%。</t>
  </si>
  <si>
    <t>自2019年底開始COVID-19疫情全球蔓延，越來越多研究發現新冠病毒與部分新冠疫苗與中風有關。兩位台灣腦中風學會理事，北榮神經內科腦血管科主任李怡慧與北榮神經內科主治醫師紀乃方，分享照護過COVID-19患者，以及COVID-19疫苗罕見引起的腦靜脈栓塞型中風，表示病毒與疫苗引發中風的型態和族群大有不同，醫療上都有對應的合適處置，並呼籲疫情間有中風徵兆民眾應即時就醫，中風患者則要持續回診服藥，盡快施打疫苗。
●COVID-19患者有較高的腦中風風險？
紀乃方醫師表示，COVID-19患者有較高的腦中風風險，根據多國多中心研究統計，COVID-19患者發生腦中風比率大約1.3%，其中大多是重症患者，相較台灣一般人口中風發生率 則只有每年0.1%，兩種族群不同雖然不能直接比較，不過從數據合理推測，「年紀大、多慢性共病的COVID-19重症患者，有較高風險發生腦中風。」
●為何COVID-19患者容易腦中風？
紀乃方醫師說明，所有感染都會引發人體發炎反應，增加血液凝固性，進而造成血栓阻塞，發生在腦部就是腦中風；另外，發炎也會增加微血管通透性，腦血管壁脆弱，更容易栓塞或出血；此外，COVID-19還會影響心血管系統，使腦部血流不穩，加上COVID-19若引發呼吸衰竭，恐全身系統性缺氧，種種因素都會加重中風的風險。
此外，李怡慧醫師指出，感染若引發免疫風暴，也會增加血栓形成，最新研究分析多國多中心罹患COVID-19後中風的患者，多屬於大血管阻塞型中風，且25%是55歲以下較年輕型的中風。她推論COVID-19增加了發炎性病因，更容易讓年輕人發生嚴重的大血管阻塞。
不過兩位醫師觀察，目前台灣COVID-19患者中風的診斷比率似乎比國外研究低。紀乃方醫師認為，可能是他們照顧多是輕症患者，需進一步參考重症醫師的經驗並分析全國現況。
●COVID-19引發的中風 死亡率、殘障率都較高
紀乃方醫師根據研究表示，COVID-19患者發生中風的死亡率和殘障率都比較高，死亡率高達15-20%，小中風則低於5%，歸納這類患者多是COVID-19重症，加上是大血管阻塞型中風且肺功能低下，復健成效不佳，治療後能回家自理只有20%，代表80%遺留嚴重後遺症需要他人照顧。
針對還沒中風的COVID-19病人，紀乃方醫師指出，先觀察是否依賴氧氣才能維持生理功能，嚴重時第一線使用類固醇抑制發炎反應，並視情況給予抗病毒藥物，大部分病人在治療後都恢復不錯；若病情持續惡化，將改用更強效的抗發炎藥物，嚴重則送加護病房，仰賴呼吸器和維生系統。
「COVID-19腦中風症狀較不典型。」紀乃方醫師說，出現腦部動脈或靜脈阻塞，常以頭痛表現，或是肺栓塞特徵是呼吸會喘，類似COVID-19症狀不容易察覺，一旦病人對常規治療反應不佳，就會考慮合併血栓的可能。至於COVID-19患者有中風風險要常規預防性使用抗凝血藥物嗎？這仍未有定論，除非有慢性心血管疾病，才持續使用抗血栓藥物。
●疫苗引起的罕見腦靜脈血栓　盡早治療效果佳
李怡慧醫師曾照顧一名21歲男性，沒有任何慢性病危險因子，打完疫苗第8天，在睡夢中半夜頭痛驚醒，且躺平與使力時疼痛加劇，甚至引起嘔吐，緊急送醫經電腦斷層發現腦靜脈栓塞，且合併有腦出血水腫，是腦靜脈栓塞引起中風的特徵，並驗出抗血小板第四因子抗體（anti-platelet factor 4 PF4），確診是「疫苗引起之免疫血栓性血小板低下症」（Vaccine-induced immune thrombotic thrombocytopenia VITT）。
李怡慧醫師解釋，年輕人如果接種腺病毒載體DNA疫苗，如嬌生、AZ，不同於用脂質包覆的RNA疫苗，可能會發生腺病毒DNA疫苗引起的自體免疫反應，這種自體抗體會沾黏血小板因子PF4，血小板再進一步黏著，「全部黏成一團複合體塞在血流速較慢的靜脈系統。」
李怡慧醫師說，VITT發生率十萬分之一多在打完疫苗後5-28天以內發生，是非常罕見的靜脈血栓副作用，以腦靜脈、腸靜脈居多，因血小板在阻塞處大量消耗，造成血小板低下，若是在腦部靜脈栓篩 ，腦壓升高，所以上述患者才在半夜平躺時頭痛劇烈而驚醒。
有別於一般中風治療，李怡慧醫師指出，疫苗引發腦靜脈型中風的第一線是免疫治療，先給予免疫球蛋白來中和自體抗體，終止血栓凝集，並給予新型抗凝劑如抗第十因子或抗第二因子口服藥，避免更多血液凝固。上述個案經過治療後，住院第五天就完全正常出院，「只要對疾病有警覺，盡早給予免疫治療，改善病情的機會很大。」此外，目前文獻報告案例多是白種人，亞洲人較少。
●中風患者建議打疫苗　老年人不容易疫苗血栓
李怡慧醫師呼籲，疫苗引起的中風是自體免疫反應，大部分是年輕人，而COVID-19引起的中風患者通常有三高、心臟病，且大部分是老人。年紀大反而不容易產生自體抗體，出現疫苗引發的血栓，施打疫苗還是利大於弊，目前台灣COVID-19死亡率超過4%，疫苗引發中風則是十萬分之一，打疫苗好處明顯超過壞處，對於有過敏體質，年輕人和孕婦，考慮優先施打RNA疫苗。
●COVID-19疫情間勿錯失中風黃金治療時機
雖然COVID-19有中風風險，李怡慧醫師觀察全球整體中風發生率卻呈下降趨勢，分析可能是因為病人猶豫就醫，與疫情期間診斷治療有受限制。她解釋，當COVID-19隔離患者有中風症狀，則電腦斷層、核磁共振等診斷儀器都需要消毒，治療上則受限台灣醫學中心尚缺負壓血管攝影手術室，治療團隊暴露感染風險高，所以治療趨於保守的靜脈藥物溶栓術、減少了動脈內取栓術等侵入性治療。
不過疫情間，李怡慧醫師仍提醒，中風患者有異狀應及早就醫，別錯過了黃金治療時機，尤其24小時內急性缺血型腦中風，有溶栓和取栓術可以逆轉中風後的腦梗塞和殘障，一旦超過治療時間就留下後遺症。紀乃方醫師則呼籲，很多中風病人疫情時沒回診，擅自中斷控制慢性病的藥物，建議可使用遠距通訊門診請醫師評估開藥。</t>
  </si>
  <si>
    <t>外傳此次BNT來台過程，府院方面曾做出延後班機等要求，總統府發言人張惇涵今天表示，該則報導並未向總統府查證，且內容充滿不實臆測，總統府表達嚴正抗議，並呼籲相關媒體妥為查證，各界勿以訛傳訛，傳遞錯假訊息。
媒體報導，這批來台的BNT疫苗原本懸掛一張印有簡體中文「復必泰」商標的布條在貨盤上，驚動府院黨各路人馬會商，最終拍板要在台灣下機前拿掉布條，還要求班機延到白天到貨。
張惇涵針對媒體報導做三點說明：
第一、今日民間企業及慈濟基金會皆已對外說明，「裝箱外觀上有不符合捐贈單位先前對政府說明之設計字樣，事先並未告知，因此要求抵台移除。」實際上，相關決定是由捐贈方要求代理商辦理。
第二、報導指稱「政府要求疫苗抵台時間延到白天」更屬荒誕不實。貨運航班是為捐贈方企業團體所規劃安排，作為受贈方的政府，則負責疫苗到貨後的封緘檢驗、配送及接種規劃。國際航班與航線的派遣規劃有其專業規範，政府不可能影響國際航空公司與國際航班時程，這是基本常識。
第三、總統府感謝民間企業、慈濟基金會的協助，在洽購、催貨、供貨的過程中，政府與三間企業一直都有直接、頻繁、密切的溝通，大家的共識都是將所採購的疫苗儘早供應抵台，能夠儘快進行接種，以提升疫苗覆蓋率，守護國人朋友的健康。
張惇涵表示，對於這篇不實新聞，不僅完全無助防疫，也完全無助於後續疫苗供應的工作，更是抹煞了捐贈的三間企業團體的努力。</t>
  </si>
  <si>
    <t>我國採購新冠疫苗進度確定延後，衛福部長陳時中今坦言，原先將於一月八日簽約採購的五百萬劑疫苗，談判時程確定延後，至於COVAX平台上的疫苗採購，至今也未決定好品牌。
陳時中曾在1月6日宣布，5百萬劑疫苗最慢將於8日簽約，但事隔一個多禮拜至今都靜悄悄，他今天坦言，「該廠商現在不知道是因為生產線上出現進度上的問題，因此與我國的談判有點延遲」，不過陳時中也強調，最快在等幾周後應就會有更明確的消息。
至於民眾關心的COVAX疫苗採購進度，陳時中仍未鬆口我國所選廠牌，強調一切都要「等簽完約再說。」
不過陳時中也透露，國產疫苗目前所剩兩家進度都還在預期內，除高端疫苗已進入臨床第二期，聯亞也可望於本月底取得核准，進入臨床第二期。</t>
  </si>
  <si>
    <t>苗栗縣近期爆發移工群聚，波及數家電子廠，苗栗縣政府為此禁止全縣移工外出，要求只能上下班，其餘時間都得在家，已超越3級警戒的要求。中央流行疫情指揮中心表示，已經提醒苗栗縣要歸回到3級警戒的標準執行。
中央流行疫情指揮中心副指揮官陳宗彥表示，全台目前都是3級警戒，對於外籍或國人都是一樣，非必要就不要外出，這是一致性的。後來了解苗栗縣是在縣的會議裡面口頭上這樣宣布，也在臉書上宣布，我們已經提醒苗栗縣，回歸到3級警戒的標準執行。
陳宗彥也特別提醒全國雇用外籍員工的所有僱主，外籍員工們也是公司同仁，更是各行各業裡面支持台灣的產業，疫情警戒期間，要好好照顧員工，生活管理都要善盡責任。</t>
  </si>
  <si>
    <t xml:space="preserve">盛群(6202)今年在去美化、產能擁擠以及疫情商機帶動下，營運動能強勁，全年營收將可突破50億元關卡，目前除樂觀看好第四季淡季不淡外，明年訂單能見度也高，今股價逆勢抗跌走揚，早盤後股價黑翻紅，大漲逾2%，帶量站上70元大關，股價最高達71元。
盛群第三季營收15.06億元、年增加34.4%、季增加6%，創下歷史新高，單季毛利率46.7%，每股獲利1.27元；累計前三季營收39.6億元，毛利率46.5%，較去年同減少2.7%，主要因為人民幣貶值6%，約影響1.3%左右，另外1.4%為產品組合所致。
盛群第三季營業費用增加，主要是因今年每季都有達到營業目標，季度獎金都增加，約支出了1億元，人事薪資費用也成長，另外，在業外收益部分，增加1000萬左右，原因為轉投資獲利7400萬，上半年因人民幣貶值，認了很多匯損，第三季有部分回沖。
盛群今年營運動能主要來自於去美化、產能擁擠導致的排擠效應，即小廠拿不到產能，再者，就是疫情帶動防疫相關產品以及宅經濟需求，產品包括測溫槍、感應給皂機、電競滑鼠鍵盤、家用健身器材等。
盛群認為，明年能見度高，訂單已看到6月，且為普遍性需求，尤其在觸控類的MCU在手訂單已經有1億顆，其中有4000萬顆會在第四季出貨，其餘6000萬顆明年出貨，且因排擠效應已經出現，第四季營運表現還有有機會優於第三季，就全年營收來說，法人也樂觀看好，盛群全年營收將可突破50億元關卡。
上游晶圓產能吃緊，盛群供應廠聯電(2303)確定2021年1月開始漲價，目前聯電可確定可提供9成產能，若要增加產能，一片Wafer提高90~100美金，盛群目前規劃另外1成產能將尋求大陸廠商，目前沒有對廠商提高價格計畫，只針對低毛利產品提升價格。
</t>
  </si>
  <si>
    <t xml:space="preserve">美國新冠疫情愈演愈烈，白宮貿易顧問納瓦羅近日批評大陸「用致命的、武器化病毒攻擊美國」，但美國還是「一帆風順」。
納瓦羅12日接受福斯新聞（Fox News）採訪時說：「我不認為這是巧合，在大陸經濟下滑的第一年，也就是他們正以各種方式追趕我們的同一年」。納瓦羅還聲稱，美國總統川普的競選對手、民主黨籍前副總統拜登是「中國共產黨的候選人」。
上月20日，川普在奧克拉荷馬州塔薩市（Tulsa）舉行競選活動時，以「功夫流感」形容新冠肺炎。對此，大陸外交部發言人趙立堅在6月22日的例行記者會上回應，世衛組織（WHO）和國際社會都明確反對將病毒與特定國家和地區扯上關係的做法。
</t>
  </si>
  <si>
    <t xml:space="preserve">嘉義縣長翁章梁4日在嘉義縣社會局長蕭英成陪同下，前往嘉義縣朴子市敏道家園了解防疫情形，翁章梁指出，在社福機構、安養中心服務的對象免疫力相對較弱，相關防疫也更重要，平日家屬或善心人士都會前來園內，包含工作人員都會有必要的進出，因此防疫上，需比其它機關更慎重。
敏道家園收容人數為120位，多為中重度心智障礙者。院長鄒輝堂說，員工每天需量體溫並戴口罩，每日院方會使用漂白水進行環境消毒，第一線工作人員則是全面戴口罩並加強勤洗手；行政人員進入住宿區時，也一律戴口罩進入。
翁章梁指出，目前在防疫期間，入園都需量體溫、調查旅遊史，探訪個案也只能在開放空間，院方已成立防疫小組，最壞狀況也有規畫及演練，整個防疫作業採取最高標準，且停止參訪服務、志工服務及外出參與大型活動等。
因應疫情，社會局已請縣內各社福機構，每日回傳「工作人員及服務對象符合具感染人數調查表」到社會局，再彙整送至疾管署通報系統，此外，針對機構防疫措施，衛生局會進行無預警抽查。
社會局表示，嘉義縣長青學苑會延至16日開課，另外，社區照顧關懷據點、親子館將加強防疫措施。
</t>
  </si>
  <si>
    <t xml:space="preserve">伊朗鄰國巴林王國（Bahrain）今（24）日出現第1起新冠肺炎確診病例，使得先前積極防堵疫情蔓延國內的巴林防疫破功。
</t>
  </si>
  <si>
    <t>敦睦艦隊28名官兵確診新冠肺炎，敦睦艦隊支隊長陳道輝少將被調離現職。陳道輝接受立委電話質詢時表示，「我在此用生命保證，我絕對沒有隱瞞任何疫情」。陳道輝是不是有難言之隱？有粉專認為，陳道輝現在還在維護長官，要求他說出實情。
針對立委質疑，誰決定敦睦艦隊解散，陳道輝表示，「我沒有這個權限」、「我奉命執行」。臉書粉專「靠北長官2020」指出，我們有個沒肩膀的部長，拿你祭旗，因為這件事也宣告您的軍旅生涯到此為止，那您又何必再對國防部長嚴德發抱持信心，他只在乎自己的官位。
該粉專還表示，陳道輝就大聲地把實情說出來，明眼人都知道，從他的說話聽得出，還在維護著長官的無能，不需要了，既然要被犧牲，為何不犧牲得有點代價，不要讓這種沒肩膀的長官還能在國軍生存。</t>
  </si>
  <si>
    <t xml:space="preserve">國內外新冠肺炎新增確診病例激增，點燃經濟復甦之路可能受阻的擔憂，以及市場為財報利空消息預做準備，周五日股創下1周新低。
終場日經225指數收跌1.06%，為22,290.81點，創下自7月2日來新低。東證一部指數收跌1.42%，為1535.20點，創下6月15日來新低，33大類股全面收黑。
美國周四新冠肺炎新增確診病例超過60,500人，再創單日確診新高，引發若重啟封鎖措施將打擊經濟復甦的擔憂。日本首都東京的單日確診數持續改寫新高，周五新增病例達243人。
高度周期型的礦業股、券商股與地產股表現最差，分別跌4.47%、3.64%與3.52%。
迅銷下挫3.34%，該Uniqlo母公司下修全年展望，反映新冠肺炎疫情對業務造成的重大衝擊。索尼逆勢收漲1.39%，因媒體報導該公司對《要塞英雄》遊戲開發商Epic Games進行規模達2.5億美元的策略投資。
</t>
  </si>
  <si>
    <t>因應春節返國隔離居家檢疫民眾大增，內政部政務次長陳宗彥3日視察台南市政府警察局防疫電子圍籬系統工作情形，希望警政第一線同仁在明年1月底春節專案結束前多辛勞，但也不要造成民眾困擾，一起守護邊境、社區安全，讓大家平安過年。
陳宗彥3日視察電子圍籬系統工作情形，局長方仰寧率同副局長、主任祕書及勤務單位主管出席報告，陳宗彥除感謝第一線基層同仁投入防疫工作的辛勞，也當場致贈加菜金，由勤務指揮中心執勤官郭坤輝代表接受。
陳宗彥表示，電子圍籬實施1年10個月以來，多數國人都很遵守防疫規範，違規比率不到千分之3，民眾檢疫隔離期間，為了保護別人也保護自己的安全，14天1個人關在房間確實很辛苦，希望在民政和警政關懷下一起度過隔離期。
陳宗彥強調，明年春節檢疫工作隔離14天沒有改變，因應民眾或其家人已經施打疫苗，提供10＋4或7＋7專案，從防疫旅館到住家中間的轉換過程增加勤務中心壓力，大家要辛苦一點，預計1月14日是高峰期，但勤務至少要執行到1月底，感謝大家以過去累積下來的執行經驗，在不造成民眾困擾下把防疫工作做好。
台南市警察局表示，凡接獲電子圍籬示警案件，立即同步以110系統派遣轄區同仁前往查處，電子圍籬啟用至今，共計查獲44件44人違反外出規定案件，有的是不清楚規定，外出倒垃圾，有的是罔顧規定，跨縣市去參加廟會活動，均已移請衛生局裁罰。</t>
  </si>
  <si>
    <t>澳洲人口最多的新南威爾斯州，29日新增1218例本土確診，寫下全國單日新高紀錄。
維多利亞州首府、也是澳洲第二大城墨爾本，原定封鎖期限到下月2日(周四)，但當局宣布將延長封鎖，不過尚未發布要持續多久時間。州長安德魯斯說，當地的本土社區病例依舊居高不下，因此現在決定要延長封鎖期限多久，仍言之過早。
儘管新州疫情嚴峻，不過該州已有35％成年人打完兩劑新冠疫苗，距離達到政府逐步放寬防疫措施的70％疫苗覆蓋率，還有一半需要達標。
新州州長貝雷吉克莉安女士說，一周以來有83.4萬人接種第一劑疫苗，目前累計65％成人至少接種第一劑。</t>
  </si>
  <si>
    <t>苗栗電子廠新冠肺炎疫情連環爆，也受牽累的智邦科技（2345）10日再添28名確診員工，讓總確診人數追高至41人，10日晚間智邦也針對外籍移工停工帶來的影響做一說明，強調6月產能不變，然因部分停工影響，月產量將因而減少一成，月營收影響估為5％，惟6月減損的產量將透過產能的調配來彌補，對全年財務、業務應無重大影響。
智邦科技10日再添28名確診個案，經查其中有27人為外籍員工，1人為台灣員工，累計確診人數為41人，其中也以外籍員工確診數為高，達37人，而台灣員工僅占4人。
由於確診的外籍員工將直接影響到產量，智邦科技10日晚間也跟進揭露部分外籍移工停工為營運帶來的影響，智邦表示，10日宣布確診員工多為初期即列入高風險個案篩檢隔離者，後續雖仍有少數個案還在進行檢測評估，但整體疫情風險應已獲得初步控制，而為更有效防範疫情，智邦決定針對竹南廠全體人員進行PCR檢測，以現況推估，應只有6月的產量受到影響，初估對6月的產量影響約為一成，惟因台灣廠的產能占比為五成，從而推估對6月營收影響數應只有5％。</t>
  </si>
  <si>
    <t>國內疫情即將在下周7月27日降級，不少民眾殷殷期盼可以下水清涼消暑，中央流行疫情指揮中心指揮官陳時中宣布，開放潛水活動，但泳池仍不開放，其他水域活動則是有條件開放。
陳時中表示，因為潛水時有水肺，全身包緊緊，到大海裡面去應該就不會有交互感染的風險；差別就是上岸的時候，上岸的時候還是要戴口罩，當然也會嚴格要求業者做好相關管理。
另外像是水域活動，只要不會群聚、不會頻繁接觸，皆會開放。陳時中舉例，像是衝浪、滑水、水上摩托車，原則上只要大家不要聚在一起，上岸時把口罩戴好，我們都會開放。</t>
  </si>
  <si>
    <t xml:space="preserve">由於美國食品暨藥物管理局(FDA)11日已批准輝瑞大藥廠與德國生技公司的冠狀病毒疫苗緊急授權；負責疫苗研發的首席顧問施勞威13日宣布，輝瑞疫苗全美配送自同日展開，逾600個地點14日起便能陸續收到疫苗，預計2021年3月底前為1疫人接種疫苗。
施勞威在「福斯週日新聞」中證實，在2021年第1季要為1億人接種疫苗，並於2020年12月底前配送約4000萬劑疫苗；2021年1月再配送5000萬至8000萬劑疫苗，2月再配送同等數量。
此外，他也報知好消息，即莫德納疫苗可望本週稍晚批准緊急授權；他強調正與輝瑞藥廠合作，力拼2021年第2季再提供1億劑疫苗。
據美國廣播公司新聞網(ABC News)報導，首批載有新冠疫苗的貨車13日自密西根州製藥廠駛出。為讓配送順利展開，工人自該日凌晨起便忙碌穿梭於裝配線，將疫苗劑自冰箱取出，隨後放入藍色冰藏箱中，以確保處在零下30度的低溫，接著再裝箱貼上標籤，最後搬至貨車上。不久後，裝載首批疫苗的3輛貨車便開始疫苗配送行動。
官員指出，首批疫苗自13日開始配送，全國逾600個地點14日起便會陸續收到疫苗。14日先有145個地點收到疫苗，15號則有425個點，16號則是最後66個點收到疫苗。首輪接種人數約300萬，醫護人員將優先接種。
</t>
  </si>
  <si>
    <t xml:space="preserve">疫情趨緩，疫情指揮中心昨(4日)宣布，維持二級警戒至18日不降級，但口罩政策將逐步鬆綁，有網友好奇詢問，「如果口罩政策鬆綁，你還會戴口罩嗎？」貼文一出引起鄉民論戰。
根據中央流行疫情指揮中心的公告指出，今(5日)起民眾到山林、海濱活動，以及農林漁牧工作者在空曠處可不必戴口罩，但須隨身攜帶，為此一名網友在PTT表示，看到新聞好像有地方政府討論鬆綁口罩，並詢問「如果口罩鬆綁你還會戴口罩嗎？」。
原PO認為，如果口罩政策鬆綁，感覺疫情會再爆發，並指出新加坡、英國、以色列，跟其他國家已經示範很多次了，因此感到擔憂。
貼文一出引起網友討論，「搭乘大眾運輸工具還是會戴」、「會，又不是每個人都打了疫苗」、「會欸，因為感覺還是有隱形傳播鏈」、「會啊，除非疫情結束」、「人多的地方還是會戴著」。另一派網友則表示，「解禁的話上班就不戴了，真的悶死」、「太熱就不戴」、「戶外就不戴了」、「不會，本來就該回歸正常生活」。
</t>
  </si>
  <si>
    <t xml:space="preserve">安盛生(6734)規劃在今年第四季推出安必測新型冠狀肺炎智能抗原快篩(PixoTest POCT COVID-19 Antigen Test)與數位健康通行證(PixoHealth Pass)。安盛生科目前正與國際合作夥伴規劃臨床測試，預計於第4季進行取證送審相關作業，期望今年能在目標市場推出安必測新冠肺炎智能抗原快篩解決方案。
安盛生科指出，安必測新冠肺炎智能抗原快篩最快可以在五分鐘內偵測出陽性結果，這將會是市面上檢測時間最短的新冠肺炎抗原快篩產品之一。安盛生科這一波將推出的檢測方案不僅止於精準的抗原快篩，也結合具加密保護機制的PixoHealth Pass數位健康通行證，可同步發出檢測結果到陰性受測者的智慧型手機以資證明。此數位健康通行證的應用，將對於全球仍須嚴格把關的公共場所及公開聚會活動出入進行更有效率的門禁監控。
受測者在進行安必測新冠肺炎智能抗原快篩檢測之前需先下載PixoHealth Pass APP，完成實名註冊後此應用程式會產出具專一性的QR code(二維條碼)，檢驗機構接著使用安必測專用機掃描受測者提供的PixoHealth Pass APP條碼；在受測者完成測試後，系統會自動發出檢驗結果到每一位個別受測者的手機中。
</t>
  </si>
  <si>
    <t>5月中新冠肺炎本土疫情爆發後，名嘴朱學恒送4盆花籃到疾病管制署，附上卡片批評政府「爾俸爾祿，民膏民脂」等語，遭熱心民眾告發涉嫌侮辱公署。台北地檢署認為，疾管署防疫作為攸關人民權益可受公評，朱是告誡為官者應為人民著想，難認有侮辱之意，27日處分不起訴。
朱學恒昨得知不起訴，隨即在臉書粉專表示：「可惡我明年想去土城包十倍券的夢想破滅了」，貼文也引起網友熱烈回響。
國內新冠肺炎疫情5月中爆發，迄今已累積833人死亡，中央流行疫情指揮中心宣布提升至3級警戒，不僅讓許多人民、商家陷入困頓，疫苗不足的問題也引發輿論抨擊。
朱學恒6月1日上午訂購4盆喪禮花籃送到疾管署，分別印上「爾俸爾祿」、「民膏民脂」、「下民易虐」、「上蒼難欺」16個字，朱並在臉書批評朝中官員領人民血汗錢，卻坐視人民一個接一個死去。
檢方不起訴指出，花籃上的16個字出自於《戒石銘》，白話翻譯為：「你們所領的俸祿，都是人民的血汗，不要覺得老百姓好欺負，為惡的話，騙不了老天的。」可見朱是因疫情造成多人病故，而對政府有所不滿。</t>
  </si>
  <si>
    <t xml:space="preserve">台灣這波疫情爆發至今，不少人生計受影響，行政院祭出「紓困4.0」，針對有需要的民眾核發補助。近日有民眾在網路分享申請紓困補助，結果竟不符合資格，原因是「申請人入監」，令他傻眼氣得大罵「我人還在這好端端的啊」，貼文曝光吸引上萬網友朝聖、歪樓留言，其中還有不少人分享辦理紓困結果。
該名男子上周六（26日）於臉書社團《爆怨2公社》表示，因應疫情嚴峻，日前也上網申請紓困補助，好不容易待審查結果出來，孰料卻顯示「經核定後，您不符合請領資格」，再往下一看發現不符原因寫著「申請人入監」，令他瞬間傻眼，氣得大罵「什麼東西啦！入監到底是什麼啦！我人還在這好端端的呀！」
圖文曝光後，吸引1.2萬人按讚，不少人歪樓回應「你先申請假釋，然後再申請看看」、「好辛苦喔！為了紓困逃獄值得嗎？」、「你應該申請緩刑不是紓困」、「你是不是剛假釋出來沒幾天，結果系統還沒有更新？」、「逃獄還敢申請紓困？真敢啊！」、「沒錢領就算了，還要被羞辱，什麼鬼」、「原來現在在裡面還可以上網」、「你還不快跑，警察快到你家了」。
事實上，紓困補助出包不只一樁，一名網友聲稱「我老公的同事申請後去查詢，結果卻顯示『您不符合台灣人民國籍』但他明明就是台灣人，且還有身分證」、「我怎麼查都是查無資料，我都懷疑我是不是失蹤人口」，另外還有一名女網友遭以「家戶月平均收入逾當地人每月最低生活費2倍」為由被打回票，令她感嘆「父母有錢，不代表子女有錢啊」。
</t>
  </si>
  <si>
    <t>2020年新冠肺炎肆虐全球，還有無數知名人士喪生，都讓不少人直呼「2020怎麼了」、「去你的2020」，期望早點邁入2021年，但不少知名預言家對此悲觀，表示2021依舊會是「黑暗年」，還會出現更大災難。
曾預言今年會有疫情劫難以及川普連任失利的英國靈媒阿烏朱拉(Nicolas Aujula)就指出，疫情造成的影響在2021仍會持續，直到2022年才會結束，他也表示，自己「看見」明年將會有一名男性世界領袖遭暗殺，湯姆克魯斯恐會有心臟問題。
此外，「印度神童」阿南德(Abhigya Anand)也曾在今年7月預言，11月後疫情將會二度爆發，精準命中。阿南德指出，土星在12月19到28日將與木星會合，明年的新冠疫苗恐會出現大問題，也可能是戰爭爆發或經濟崩潰，要持續到2021年11月木星離開土星和摩羯座，慢慢進入水瓶座之後，災難才會和緩。
波蘭預言家傑可夫斯基(Krzysztof Jackowski)近日也表示，邁入2021後，全球情況不會好轉，他指出，明年國際情勢將會有重大變動，其中中東問題會日趨嚴重，波蘭國內也會掀起波瀾。同為波蘭預言家的博斯基(Przepowiednie dla Polski)也加碼表示，波蘭主要政黨會受到嚴厲打擊，歐盟也將實施強硬手段，導致經濟惡化。</t>
  </si>
  <si>
    <t xml:space="preserve">正值美陸因新冠病毒疫情齟齬加深之際，華府近期在國際上展開挺台參與世界衛生組織（WHO）活動相關宣傳，邀請多國一同支持讓台灣參與WHO即將舉辦的世界衛生大會（WHA）。不過據《外交政策》雜誌透露，北京也對此發起了外交反制，發動各國連署並向WHO秘書長談德塞致信，表示在下周即將舉行的WHA大會上，不要提及讓台參與一事。
《外交政策》（Foreign Policy）透露，取得各國向譚德塞（Tedros Adhanom Ghebreyesus）聯署的信件中指出，「關於台灣參與問題，『中國』在WHA中應該遵循『一中原則』，「然而我們注意到部分會員國將在WHA會議期間，提出所謂的台灣參與問題，此舉違背了會員國之間的普遍共識，故在大會上不應該考慮討論此一爭議議題」，「在面臨前所未有的挑戰前，我們應該關注挽救生命，並且不要被政治動員所分心」。
美國參、眾兩院的外交事務委員會主席10日致信給超過50個國家，呼籲它們支持台灣參加世界衛生組織（WHO），和即將在本月召開的世界衛生大會（WHA）。消息人士透露，這封信是發送給理念相同的不同大小國家，它們都被視為台灣的盟友或站在同一陣線，包括加拿大、泰國、日本、德國、英國、沙烏地阿拉伯及澳洲。
報導也指出，一名外交人士透露，目前有跡象顯示，歐盟不希望正在全球陷入疫情之中仍讓WHO陷入外交泥巴戰，目前正考慮延至秋天才提出台灣參與WHA問題。
不過據《德國之聲》指出，德國外交部發言人表示，德國支持台灣作為觀察員出席，並從7日就與其他西方國家一起表達此一立場，並認為獲得此一觀察員此一待遇無須國家身分，且讓台灣「實質性參與」，值得期待。
</t>
  </si>
  <si>
    <t>今天中央流行疫情指揮中心記者會上，有外媒問如何做到，同時關心還在武漢的台商狀況，陳時中坦言，台灣防疫因為有健全的健保以及資訊力量，因此防疫還算「穩住」，但大陸其他疫區仍有其他需要被救援的人，會持續關心，整體來說台彎還是要量例而為。
陳時中坦言，大陸現在的情況，讓我們有一些困擾。從這次接機的情況，他們對自己的信心度很強。我們當然也要尊重他們的看法，不過目前大陸相關宣布，都已經慢慢恢復，除了武漢外，都要達到零確診，方艙醫院也要關了，如果我們還要去救援，就會形成認知上的矛盾，這是未來要討論的地方，但是救援這塊希望跟陸方有更多專業的對話 有更多專業的決定，看看要怎麼進行。
對於武漢包機，面對大陸已經開始復甦，會不會再有第三批，陳時中表示，這當中牽涉互相信任的問題，資訊到底對或不對不是我在質疑這樣的情況，很多相關事件，各國也都在想，這樣的情況往下掉，有這樣的可能性嗎，原因是什麼，尤其目前大量復工所造成的群聚、移動，會防疫壓力都變很大，疫情會不會因此轉變，都是需要再去觀察。他直言，有很多情況可以很快決定，但有些情況需要一些時間觀察，才有辦法做出判斷，</t>
  </si>
  <si>
    <t xml:space="preserve">
新冠肺炎持續在全球大爆發，菲律賓累計確診人數已達3,660例，共造成163人死亡。菲律賓總統發言人帕內洛（Salvador Panelo）5日發表聲明，總統杜特蒂（Rodrigo Duterte）將捐出「一個月的薪水」，以幫助國內對抗疫情。據了解，杜特蒂2019年的月薪約有40萬披索（約新台幣23.7萬元）。
綜合外媒報導，除了總統杜特蒂以外，大多數的內閣成員也自願連續3個月減薪75%，以供政府對抗新冠肺炎；眾議院約有200名議員將捐出的5月薪水，預估總額可達4000萬披索（約新台幣2374萬元），屆時也會實施網路募款，目標籌得1億披索（約新台幣5935萬元）。
菲律賓首都馬尼拉於3月中旬實施為期30天的「封城令」，向來語出驚人的杜特蒂，於4月2日電視談話中強烈警告，防疫工作最重要的一點就是國民合作，「軍警於值勤中若是遇到違抗者，可以當場槍斃！」此外，杜特蒂表示，攻擊醫護人員是嚴重罪行，絕不容許這類暴行發生。
更多 CTWANT 報導
</t>
  </si>
  <si>
    <t>政府近日偵破多起大陸網軍以臉書人頭帳號，在新冠疫情期間散播疫情相關的假消息。陸委會在今日進行回應。
陸委會發言人邱垂正表示，大陸社群網站微博等平台網民的利用大量的臉書、人頭帳號、粉絲專頁跟 Line帳號進行散布，內容多為渲染台灣疫情失控等假訊息。我方已經掌握相關證據並進行偵辦。
邱垂正稱，國台辦的說法是不攻自破的，目前疫情嚴峻，我方進行人員管控，以防疫優先；呼籲陸方也應以防疫來考量，勿有過多政治口水。
另外，日前行政院長蘇貞昌稱，包機問題卡關在陸方。國台辦回應稱這是蘇式「謊言」，陸委會也對此有相關回應。邱垂正稱，我方立場始終如一，秉持檢疫優先；相關華航班機以及隨機醫護人員都已準備待命，政府也採取公開透明的模式，我方不接受國台辦的政治口水。
美方今日通過《台北法案》，陸委會也在記者會上感謝美方支持台灣兩岸政策，並重申政府在兩岸事務立場不會有任何改變。</t>
  </si>
  <si>
    <t>行政院長蘇貞昌今拍板新冠肺炎紓困草案後，旋即趕往立法院向正在舉行黨團大會的民進黨立委致意。蘇貞昌說，武漢肺炎疫情嚴峻，政院今天通過防疫與提振產業的特別條例，盼立院支持在最快時間通過。他也強調，政府會透過此次疫情衝擊協助產業走出困境，並改變體質，讓產業更升級。
引發注意的是，近日傳出國民黨立委吳斯懷的第一次立院質詢書面報告中提到，近期蔡總統向對岸叫陣挑釁，像清朝慈禧太后向八國聯軍宣戰一樣，「面對戰爭台灣真的準備好了嗎？」
這番質詢文字，立刻讓綠營撿到槍，蘇貞昌在準備進入黨團大會前特別就此提出回應，他說，目前正值疫情嚴峻時刻，整個政府大家同心協力一致對抗武漢肺炎，希望國家走過困境，真的不願意看到還有人在這個時候講這種令全民憤怒的話，是相當不妥當的，也對疫情沒有幫助的。
蘇貞昌今中午前往立法院出席民進黨團大會，針對新冠肺炎特別條例發表5分鐘的致詞。他說，從過年期間政府就針對防疫做努力，相關預算與經費都已依照災防法撥出，但對於接下來要如何紓困、防疫、提振產業，行政院今天通過特別條例，並在第一時間送到立院，請立委支持指教，讓條例在最快時間通過。
被問到近期是否有台商因疫情回流台灣，政府要如何藉由疫情讓危機變轉機？蘇貞昌說，目前疫情變化快速，就像中美貿易戰時，台灣因為有改善投資環境，因勢利導，讓聯合國的報告都說台灣在中美貿易危機中賺最多。
因此，蘇貞昌說，今年武漢肺炎台灣再次受到衝擊，但政府一定會在這種情況下協助受到衝擊的產業，包括讓台商藉機走出困境，改變體質，讓整個產業更升級。
針對條例中有關居家隔離的補助，是否會較當年SARS期間的5百元更多？蘇貞昌說，如果有配合隔離政策而受到影響的人，政府都會酌予補貼；但如果不配合，不但沒補貼，還會有法辦。
＃蘇貞昌
＃新冠肺炎
＃紓困提利
＃吳斯懷</t>
  </si>
  <si>
    <t xml:space="preserve">紐約市長白思豪，28日宣布全球引頸期盼的好消息！他表示6月的第一或第二個禮拜，紐約可望進入重啟的第一階段，一步步按照紐約州擬定的指導守則進行。
白思豪在每日例行簡報會表示，現在該是紐約客「因為他們的努力，而得到報償的時候了。」他說，對紐約人來說，每一天都不輕鬆，但紐約人卻表現非凡，「這是你們掙得的！」
他說，第一階段包括製造業，營建業和批發業工作，以及非必要性零售業，准許路邊或店內取貨。目前預估，至少將有20萬到40萬員工重返工作場所，白思豪說，「在美國大部分地區，這可能是他們整個城市的人口數。」
白思豪指出，重開經濟後，各行各業仍有一些「基本常識」必須遵守，包括社交安全距離，共用的區域必須按時清潔，配備個人防護裝備，量體溫或填寫健康問卷等等。
</t>
  </si>
  <si>
    <t xml:space="preserve">根據疫情指揮中心資料顯示，雙北的家戶傳播率大約在40%~45%，台中也有三分之二的確診者是因為家庭群聚所感染。國泰醫院感染科醫師崔可忠建議，依照風險高低來決定家中環境的消毒頻率。
「如果幾乎都沒出門，外出地點也沒有聚集人潮，可以大約每周消毒一次就好，將漂白水、清水以1比19的比例混合，擦拭家中地板、門把、以及家人經常碰觸的物品。」崔可忠說如果經常出入高風險地區如醫院，或是從傳統市場返家，若能每次返家就能全面消毒當然更好，或是改而針對重點區域如門口、玄關消毒。
阻絕病毒於家門之外，家門之內也可以最好風險管控，尤其是其中一個家人出現症狀時。「只要提高警覺，絕對有機會阻止家戶傳播！」中國醫藥大學新竹附設醫院感染科主任張凱音分享一個成功案例。
一位家住新竹的男子，有雙北活動史，為避免風險，返家後就先把隨身物品與家人分開擺放，後來他出現喉嚨痛等疑似症狀，除了在家也戴上口罩之外，也立即與家人分開飲食、與妻子分房睡覺。
後來男子果然確診，但醫護人員卻驚訝發現家人完全沒被傳染，就連公司同事也沒人中鏢，可見做好防護措施，絕對能發揮效果。台北市長柯文哲日前也建議家庭成員不要共餐、碗筷不要共用、浴廁分開始用、經常使用的物品多消毒，從這些細節做起，就能降低家戶傳播的機率。
對於疫情未來走向，張凱音認為須有長期抗戰的準備，「以台灣目前來說，病毒已經太深入每個社區角落了，要清零已經相當困難！」依照過去對抗病毒的經驗看來，要做到三件事才可能終結疫情。
第一是大規模篩檢，「疫情重災區要密集篩檢，低風險則要精準篩檢，主要是希望能搶先一步控制住感染範圍。」其次是藥物，但目前仍沒有特別有效的治療藥物；最後則是盡速施打疫苗，目前日本捐贈近124萬劑AZ疫苗已陸續配送，開放疫苗接種順序1至7類族群施打，包括醫護、警察、防疫、社福人員，以及75歲以上長者，截至6/11為止，累計接種 79萬9129 人次，疫苗接種率約3.4%。
更多 CTWANT 報導
</t>
  </si>
  <si>
    <t>行政院長蘇貞昌今天中午在臉書上發文表示，又有一批政府自購的AZ疫苗即將到貨，大約59.55萬劑，預計今天下午3點40分抵台，這是4天內的第3批疫苗到貨。中央流行疫情指揮中心指揮官陳時中指出，這是我們雙邊購買的疫苗，從泰國廠運過來；目前我國簽購100萬劑AZ疫苗，連同這一批在內共到達327萬劑。
中央流行疫情指揮中心今(31)日表示，約59.5萬劑AstraZeneca疫苗預定於今日下午3時40分抵達桃園國際機場，待完成通關程序後，直接運送至指定冷儲物流中心，進行後續檢驗封緘作業，再提供COVID-19接種計畫所列實施對象接種。
指揮中心指出，該中心於去(2020)年10月30日與臺灣阿斯特捷利康公司簽署1000萬劑COVID-19疫苗供應合約，先前已陸續到貨，分別為3月3日11.7萬劑、7月7日62.6萬劑、7月15日56萬劑、7月27日58.2萬劑、8月12日52.4萬劑、8月27日26.5萬劑，本次提供第七批疫苗，截至目前總計約327萬劑到貨。本次提供的疫苗為多劑型包裝(每瓶10人份)，需存放於2-8℃的環境，依臨床試驗每人需施打2劑，本批效期至110年12月31日。</t>
  </si>
  <si>
    <t xml:space="preserve">5月12日是護理師節，新冠肺炎爆發逾4個多月，第一線醫護人員穿梭前線打仗，除體力負荷外，1天更得洗上幾十次手部消毒，造成肌膚呈現亁癟手皺。蓋婭社企挺防疫募集護手霜今（12）日各致贈100條護手霜給彰化基督教醫院、高醫附設醫院，養護醫護人員的雙手。
蓋婭社企創辦人楊洵表示，在新聞上看到醫護人員洗手洗到龜裂，感到非常敬佩。本身擁有醫學檢驗背景，知道這些工作真的非常辛苦，想為醫護人員盡一份心力，因此號召具有理念相同的朋友，舉辦這場「您買，我捐」以精油植萃護手霜支持前線醫護的活動。
蓋婭社企發起的活動募集了200條護手霜，分別致贈了100條護手霜給彰化基督教醫院，由醫學檢驗部主管代表接收。而今天致贈給高醫附設醫院的100條護手霜，則是由護理部主管代表接收。
蓋婭社企品牌總監林盈提到，蓋婭社企是三屆獲選進駐經濟部社創中心的的社會企業，是以專利仿生農法種植技術與天然植萃保養保健品開發見長。今天剛好是國際護理師節，能在今天把大家的心意送達，覺得非常有意義、非常榮幸。
</t>
  </si>
  <si>
    <t>美股上市的大陸知名線上視頻業者愛奇藝，27日美股盤後發表2019年第四季和全年未經審計的財報。值得注意的是，在會員服務業務力撐半壁江山下，愛奇藝2019年第四季營收與淨虧損表現均優於市場預期。
特別是受到新冠肺炎疫情肆虐影響，促使當前大陸「宅經濟」發威。對此，愛奇藝坦言，2020年年初肺炎疫情期間，由於民眾減少外出，愛奇藝各項增長指標都經歷大幅增長。但隨著2月下旬各地復工，公司的流量開始有所減弱，公司管理層將之後將透過各種方式，留下這些使用者，讓其成為公司的付費用戶。
全天候科技28日報導，愛奇藝財報指出，公司2019年第四季營收為人民幣（下同）75億元，年增7％，高於市場預期。第四季淨虧損為25億元，較上年同期淨虧損35億元有所改善。公司在2019年全年營運虧損為93億元。
在具體細分專案方面，會員服務收入為39億元，年增21％，季增4％；廣告營收為19億元，年減14.5％，季減9％；內容發行業務營收為8.78億元，年增68％；第四季度其他營收達到8.74億元。
另外，愛奇藝的訂閱會員規模達到1.069億，年增長22％，較上一季微漲1.13％，季度淨增約120萬。會員服務收入已經連續六個季度超過廣告收入，成為愛奇藝第一大收入來源。愛奇藝預計2020年第一季的營收在71億至75.2億元，年增長2％～8％。</t>
  </si>
  <si>
    <t>2020年4月20日，5月美西德州小型輕原油期貨在結算日當天一夕暴跌，出現史上首次的負值，這代表賣方必須向買方支付金錢才能將手中的原油脫手。而造成原油市場如此慘烈的主因為，新冠肺炎導致全球石油需求大減，石油產業上下游持續承受供需失衡的壓力，開採出的原油無處存放，也導致原油期貨價格暴跌。
觀察原油6月分期貨價格截至5月4日為止，儘管自4月20日之後已稍有反彈，但目前價格仍落在2008年金融危機以來的最低點之下。
而新冠肺炎疫情仍肆虐全球，截至5月3日截止，全球確診人數達到了356萬人，在疫情尚未明朗化前，對於石油有大量需求的航運業，仍是復航狀況遙遙無期，歐洲甚至已經有多家支線航空公司和廉價航空公司申請破產保護，再加上全球已漸漸有許多企業採取居家辦公，這也間接導致一般民生汽油的需求銳減，上述各種情況對於石油業者無疑是雪上加霜。
投資人可透過交易臺灣期貨交易所布蘭特原油期貨合約或美國紐約商業交易所輕原油期貨合約，參與原油行情，但商品類行情波動較大，仍需善用停損控制風險。（統一期貨提供，李娟萍整理）</t>
  </si>
  <si>
    <t xml:space="preserve">台中市議員施志昌表示，顏清標董事長將此次所節省下來的費用，包含遊覽車、餐食、住宿等，捐贈新台幣三千萬元給疫情指揮中心，並且要求衛福部給全台統一停辦宮廟活動的標準，這等於把自身的難題與輿論壓力試圖丟還給中央。其實這可以看出其實鎮瀾宮一直沒有將停辦放在討論項目中，而是用盡各種方式排解異議。
民政局表示，關於防疫期間宗教活動，中央將召集相關宮廟代表開會討論，後續市府民政局也會配合協助。
施志昌指出，執意要舉辦大甲媽遶境進香活動，不僅帶給台中市政府防疫的壓力，而是中南部縣市都要警覺，此活動是否可能成為防疫的黑天鵝。活動仍繼續舉辦，鎮瀾宮轄下各個團體如神轎班、機車團、哨角隊等等要建立防疫的SOP，如遶境名冊要建立、按時量體溫全程配戴口罩以及發現發燒個案時該如何處理等等之相關流程。
施志昌表示，其實這項活動帶給防疫的最大挑戰就是流動的香客，不只是來自全台各地，更可能是其他國家的旅客也來參與，當中只要有一例武漢肺炎個案，就可能發生大規模的感染，造成社會必須付出更大的成本善後。
施志昌強調，過去可看到盧秀燕市長透過中部七縣市治理平台做過各種政治操作，此次台中市政府皮要繃緊，將中區治理平台真正的功能發揮出來，不論是與鎮瀾宮溝通，或是活動過程中的防疫工作，都要努力落實，嚴防活動成為防疫最大破口。
</t>
  </si>
  <si>
    <t>行政院會通過「中央政府嚴重特殊傳染性肺炎防治及紓困振興特別預算案」，台中市長盧秀燕3日表示，中央因應新冠肺炎疫情編列600億特別預算，要求各局處能留意掌握中央各部會研擬的相關草案及資訊，當這筆經費分配到各局處時能盡速運用，雖然中央可能跳過地方政府直接發放，也可能針對各縣市自身的防疫作為審查補助，提醒各局處必須了解並做好相關計畫，極力爭取這筆預算。
盧秀燕指出，行政院因應新冠肺炎疫情編列600億元特別預算，立法院各委員會已選出召集人負責這項600億元審查，包括防疫作為、減稅及補助等紓困措施，該特別預算為全國資源，中央將分配到衛福部、經濟部、教育部等各部會，各部會再對應地方政府各局處，為節省時間，中央各部會已在作業。
盧秀燕表示，如經濟部已編列振興券，有些部會則編列人事補助或採買津貼等，各行各業也開始討論如何運用這筆預算，希望各局處能留意掌握中央各部會研擬相關草案及資訊
，當這筆經費分配到各局處時才能盡速運用。
她說，雖然中央也可能跳過地方政府直接發放，但有可能針對各縣市自身的防疫作為審查補助，因此市府必須了解並做好相關計畫，極力爭取這筆預算，地方政府與轄內機關資訊流通較容易，市府各單位如掌握到中央資訊，須適時轉達給所轄團體、民意機關或各行各業的負責人，讓他們了解正確方向。</t>
  </si>
  <si>
    <t xml:space="preserve">聯發科(2454)法說公布第三季財報亮眼、第四季也將淡季不淡，加上對2021年展望也持續樂觀，6家外資對聯發科出具最新研究報告指出，大多對聯發科給予正面肯定，5家維持買進或優於大盤評等，僅一家日系外資維持中立評等，目標價以歐系外資的800元最高。
美系外資指出，聯發科第三季財報符合預期，目前因大陸5G智慧型手機需求旺盛，預估今年大陸5G智慧手機出貨量將達1.3億支，相較之前的預期為1.2億成長，加上4G智慧手機SoC(系統單晶片)的市占率增長，故聯發科第四季智慧型手產業前景持續看好，更重要的是，聯發科預估5G智慧手機出貨量明年將增加一倍以上，這意味著聯發科有很大的收入增長空間，相信隨著5G大陸滲透率提升，對聯發科營收、獲利都將有助益，加上聯發科還在Chromebook、NB、ASIC(客製化晶片)、Wi-Fi和PMIC(電源管理器IC)等產品繼續穩定增長，明年仍可樂觀看待，維持聯發科加碼評等、目標價760元。
除此之外，美系外資說，預估聯發科若可以拿下蘋果訂單，將成為下一波營運催化劑，最有機會打進的是iPad或是iPhone SE型號，希望看到更多具體消息時間點有機會落在明年上半年。
另一家美系外資表示，聯發科第四季營運動持續強勁，且聯發科預計今年全球5G智慧手機出貨量將達到2億支，且明年會在翻倍成長，加上長線有有機會打入蘋果供應鏈為營運增加想像空間，故維持目標價776元、加碼評等。
歐系外資表示，聯發科第三季業績強勁，但因基數較高，預估故第四季度略降，惟看好聯發科增長動力有望延續到2021年，包括5G智慧機的滲透率持續提升，以及Chromebook、WiFi 6、ASIC和PMIC的增加，故對聯發科維持正面看法，給予優於大盤評等、目標價800元。
日系外資表示，聯發科在毛利率的趨勢表現符合預期，預期2021年，目前看到的商機(例如Chromebook)可能不足以推動聯發科的大規模營收成長，值得注意是，疫情帶動的居家辦公也可望成為聯發科營運的新趨勢，維持聯發科目標價750元、中立評等。
另一家日系外資指出，一直期待聯發科成功轉型為平台公司，產品多元化將為減輕其在智慧手機市場的高曝光風險，聯發科目前產品動能除4G/5G智慧手機市場外，還有遠端教學、居家上班得需求，特別是來自Chromebook，另外，聯發科還看到WiFi和ASIC市場份額增加，展望2021年，聯發科也持續樂觀，預計其在5G中的市占率將快速增長，全球5G智慧機出貨量在明年將成長一倍，加上新冠肺炎帶來的遠端新商機，維持買進評等、目標價800元，也其提高2020~2022年的每股收益提高14~18%。維持目標價840元、買進評等。
亞系外資表示，目前看好大陸第四季智慧型手機需求持續強勁，OPPO、vivo、小米等拉或抵消了華為訂單的減弱，且非智慧型手機產品線依然強勁，Chromebook、IoT、WiFi、PMIC、LCD電視和ASIC等銷售將持續增長，維持目標價840元、買進評等，維持聯發科2020年、2021年每股獲利22.9元、32.31元預估不變。
聯發科第3季營業收入淨額為972.75億元，季增加43.9%、較去年同期增加44.7%，單季合併淨利為133 .67億元，季增加82.8%、年增加93.7%，單季淨利率為13.7%，高於第二季的10.8%，也高於去年同期之10.3%，每股盈餘為8.42元。
以美金對台幣匯率1比28.8計算，聯發科第四季營收預估在895~973億之間，與第三季相比，約持平到下降8%，與去年相比，增加38%到50%，若排除匯率及奕力的影響，與第二季相比，第四季營收預估將是增加5%到下降3%，代表即使在第三季的歷史新高季營收後，第四季的營收動能仍比傳統季節性來得強，營業毛利率預估為43.5%正負1.5%，含員工分紅之營業費用率預估為29%正負2%。
</t>
  </si>
  <si>
    <t>新冠疫苗死亡案件持續傳出，新北市23日再添6人，最年輕是板橋56歲男性洗腎患者，新北市衛生局表示，民眾有疑義通報新北市衛生局都會將相關資料上傳疾管署通報系統，至於個案死亡原因是否與疫苗有關，由中央「預防接種受害救濟審議小組」審議認定。目前新北市通報累積統計共 33例
新增6例包括新店區78歲男性，14日上午在護理之家接種，身患有高血壓，15日到20日出現疲倦感，21日早上出現臉色蒼白，上午死亡。
另一例也是新店區86歲女性，16日上午接種，身患為多重慢性病，17日出現發燒、四肢無力及嘔吐，18日早上死亡。
還有新莊區通報72歲男性，17日下午在洗腎中心接種，身患有腎臟疾病， 18日出現發燒及疲倦，19日出現嘔吐，緊急送至台北醫院急救，下午死亡。
還有板橋區通報79歲女性，18日上午接種，19日出現血壓低，身患多重慢性病， 20日到21日正常作息，22日早上死亡。
新店區通報70歲男性，15日下午在洗腎中心接種，身患多重慢性病，16日到21日正常作息，22日早上死亡。
板橋區通報56歲男性，18日在洗腎中心接種，身患腎臟疾病，19日出現嗜睡及發燒，20日早上死亡。</t>
  </si>
  <si>
    <t xml:space="preserve">中央流行疫情指揮中心日前針對全國11處景點發出國家級警報，其中台南遭到點名，讓台南市長黃偉哲認為是亂槍打鳥。對此，行政院長蘇貞昌表示，政府此舉是要提醒大家，但相關作法可以更精進。對於蘇的回應，黃偉哲再度表示，現在政府寧可錯殺一百也不能放過一個，他們理解，也會提出更嚴格措施。
新冠肺炎防疫期間湧現連假出遊潮，中央流行疫情指揮中心宣布這波連假到過11處國家級警報景點的民眾，即日起配合居家辦公或自主健康管理，黃偉哲6日對此坦言，對台南被公布3處警示景點感到困擾，直呼中央亂槍打鳥，「數字顯示更該注意夜市、菜市場人潮」。
對於黃偉哲的呼應，蘇貞昌今赴立院進行施政總質詢前坦言，面對疫情要戒慎恐懼，所以政府也是要提醒大家，但相關作法可以從各方面實際執行情形更精進。
對此，黃偉哲再表示，他們感謝院長關心，也能體院長的壓力，更能理解有時防疫必須做到寧可錯殺一百也不能放過一個的堅壁清野。但若訊息有誤，就有可能既錯殺也放過，像人潮密集的市場、賣場和夜市，地方都很努力勸導，保持社交距離。所以台南市政府現在也對去過市場、賣場和夜市的公務員和教師，請他們做自主管理。地方都超前部署，寧可錯殺一百也不願放過一個。
黃的發言，讓批踢踢網友大驚表示，講得勉強還算是客氣，但是內容很不客氣了！直接嗆是錯誤資訊，算是把話講得很重了！現在光頭是這麼不得人緣？
</t>
  </si>
  <si>
    <t>據陸媒19日報導，大陸新疆維吾爾自治區衛生健康委同日發出最新通報，自18日12時至24時，新疆維吾爾自治區（含新疆生產建設兵團）增加新冠肺炎確診病例13例以及新增無症狀感染者18例，所有病例均在烏魯木齊市，目前全部病例已進行集中醫學觀察。
新疆疫情近期出現反彈，截至7月18日24時，新疆（含兵團）累計確診病例達30例、無症狀感染者41例，病例均在烏魯木齊市發生，其餘有2705名密集接觸者正在接受醫學觀察。這是新疆相隔149天首度再有確診病例，首起病例於烏魯木齊15日出現。
烏魯木齊當地政府目前尚未追溯到傳染源頭，但已下令實施高度封閉管理，地鐵停駛、航班大減，商場和飯店關閉，所有社區採封閉管理，嚴控人員流動。
同樣面臨疫情反彈的香港，在昨日累計確診個案已經達1777宗，超出2003年SARS感染人數。也為因應接下來恐將更為嚴峻的疫情，香港理工大學學生會昨日發文指出，校方決定下學年第一學期除了必要的面授課，其餘所有課堂將改為線上學習。</t>
  </si>
  <si>
    <t>文化大學傳出大倫館宿舍4名住宿學生確診新冠肺炎，文化大學教務長方元沂今(2)日回應，宿舍為4人一室雅房，校方擔憂衛浴共用恐有疑慮，因此校方今日目標完成館內345名同學快篩，而快篩陽性學生則依規定隔離與治療。
文化大學大倫館4名確診學生並非同寢室室友，根據學校掌握，首位個案是在5月29日確診的台灣學生，該生因遠距教學而回到台中住家後確診，並由台中市衛生局通知回溯。
5月30日則再新增1名馬來西亞僑生，為校內工讀生，當時他發現自己出現感冒症狀，嗅覺有問題，校方請他檢測而確診。5月31日晚上再增加2名港生確診，其中1人是聽說宿舍友人感染，因為擔心而自行採檢便發現確診，另1名港生則將返回香港，採檢後發現確診。
文大表示，4名確診學生都是主動告知校方，仍在宿舍的3名確診學生，文大校方已隔離，不過其中2名港生為無症狀感染，恐存在隱形傳播鍊，因此請台北市政府協助。
台北市聯醫昨已赴文大場勘，一天完成校內快篩200名學生，其餘學生則由北市府派出4輛專車，送至萬華剝皮寮篩檢站篩檢。
方元沂指出，學校到學期末已全面啟動遠距教學，今日將安排住宿生進行快篩和PCR核酸檢測，而快篩陽性者會先另外安置，陰性者先回寢室，待晚上PCR結果出爐，如PCR檢驗為陽性，北市府將安排送至醫院或防疫旅館，並且大倫館也會重新消毒，再讓學生入住。</t>
  </si>
  <si>
    <t>我駐日代表謝長廷19日偕代表處同仁及橫濱辦事處處長張淑玲等人在橫濱港候船室等候及並高舉我國國旗迎接下船的5位國人。
代表處表示，5位國人於下午2時前（台北時間1點前)先後下船，他們看到代表處人員舉國旗歡迎，激動地潸然淚下。
謝長廷代表政府向他們一一表達慰問之意。另蘇醫生向他們說明返台檢疫事宜及相關注意事項。5位國人均表示感謝。最後他們在本處人員引導下，上車直接前往飯店。
郵輪上乘客今天約下船500人，預定明天、後天還將有我國旅客下船，台籍旅客共5人確診，他們將留在日本治療。我國政府將待所有病毒檢驗陰性並無發燒等症狀的國人到齊後，統一搭包機返台。包機目前預定21日從東京羽田機場出發。</t>
  </si>
  <si>
    <t>南韓女星尹恩惠今（9）日爆出確診新冠肺炎，本人也在IG發文，以一張全黑畫面並親口證實染疫，特地向粉絲們報平安，「幸運的是我的情況很好，沒有任何嚴重症狀」；從尹恩惠的敘述中得知，似乎是和她同居的友人身體不適確診，不小心傳染給她。
15歲時就以童星身份出道的尹恩惠，昔日透過電視劇《宮》、《咖啡王子一號店》和《想你》爆紅，甚至有被誇讚為「哭戲最美的女演員」；但可惜的是，尹恩惠一度到大陸發展，參加時尚類實境秀節目卻被爆料「抄襲」，形象重損，近年才把工作重心轉回南韓。
배우 윤은혜 ｜ Yoon eun hye（@y1003_grace）分享的貼文
今日晚間尹恩惠突然在IG曬出一張全黑的照片，向粉絲告知自己確診新冠肺炎的消息；文中透露她的同居友人身體不適，她也跟著一起做了PCR檢測，沒想到今日收到確診消息，也依照檢疫部門的指導隔離中，對此她對粉絲們感到很抱歉，因為沒有好好照顧自己的身體。
萬幸的是，尹恩惠說目前身體沒有什麼大礙，情況還不錯，請粉絲不用替她擔心，「大家都要好好照顧自己的身體健康。有韓媒指出，尹恩惠先前上節目時曾說到，目前和一起工作10年的經紀人及聲樂家好友同住，推測是兩人其一染疫，尹恩惠才必須接受檢測，沒料到也不幸確診。
★《中時新聞網》提醒您：因應新冠肺炎疫情，疾管署持續加強疫情監測與邊境管制措施，如有疑似症狀，請撥打：1922專線，或 0800-001922，並依指示配戴口罩儘速就醫，同時主動告知醫師旅遊史及接觸史，以利及時診斷及通報。</t>
  </si>
  <si>
    <t>新冠肺炎疫情還在延燒，今天就是國中、小開學日，各校如臨大敵，不斷在事前進行演練如何量測體溫，要是發燒如何安置處理等動線。基隆市明德國中校長沈俊光準備開學禮，讓人眼前一亮，其中包含一人一瓶的75％酒精及口罩，他指出，新冠肺炎有很高的傳染力，自己希望每個孩子都能學習使用物資自主防疫。
沈俊光表示，新冠肺炎要是有一個人中標，處於同一個空間的人就很有可能會全都受影響，千萬不可以輕忽。他指出，開學的頭兩天，校方將由學務處師長在校門口排四個動線為同學們逐一量額溫，從第三天開始將由各班的防疫股長，在進教室前都要量測體溫及噴灑酒精消毒，讓孩子學習自主。
學務主任王淳純指出，校方目前共計備妥30隻額溫槍、5隻的耳溫槍及100枚一次性使用的耳套，供有發燒的學童可以進行二次複檢，她說，各班分配的防疫物資，包括酒精、口罩、肥皂、額溫槍及一本防疫衛教文宣，如果出現體溫超過37度的情形，學童便必須前往觀察區，她指出，只要有發燒，就一定要進行「單人觀察」，以免造成人傳人的飛沫傳染，而目前校方已準備好四間的單人觀察區，誓將疫情防堵在校外。
校方指出，學生如果發燒安排在健康中心休息，並安置教室再通知家長，要是無法馬上帶回去，就會請護理師帶去看醫生。</t>
  </si>
  <si>
    <t>中央流行疫情指揮中心今(2)日表示，昨(1)日國內新增1,013例新型冠狀病毒肺炎相關通報，截至目前累計33,733例(含29,755例排除)，其中339例確診(今日新增案330至339)，分別為291例境外移入及48例本土病例。確診個案中5人死亡，50人解除隔離，其餘持續住院隔離中。有關3月29日及30日定點返台專案航班共367名湖北返台民眾，其中1人有發燒症狀後送就醫；其餘健康情形良好，持續密切健康監測。
指揮中心指出，全球累計912,276例確診，分布於180個國家/地區；病例數以美國209,071例、義大利110,574例、西班牙102,136例、中國大陸81,554例及德國67,366例為多；病例中45,958例死亡，新增4,591例，以義大利13,155例、西班牙9,053例、美國4,633例、法國4,032例及中國大陸3,312例為多。
指揮中心再次提醒，民眾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及時診斷通報。</t>
  </si>
  <si>
    <t xml:space="preserve">後疫情時代來臨，高雄市府發起「暖心相守挺青年」活動，高雄市長韓國瑜12日表示，疫情之後，憂心今年畢業季後青年恐無工作機會，市府幫青年就業路超前部署，邀請高雄在地優質企業釋出逾500個職缺。另外青年局也在5月推出「青年築夢獎勵金」，提供125名青年申請。
今韓國瑜與經發局長伏和中、青年局長林鼎超、勞工局長王秋冬等共同召開「暖心相守 挺青年」記者會。韓國瑜提到，今年因為疫情關係，6月鳳凰花開之際，恐怕成為青年朋友失業最嚴重的一年，因此市府向企業界爭取釋放更多職缺給青年朋友。
韓國瑜表示，除企業釋出工作機會給青年外，針對在學青年方面，市府放寬暑假工讀名額，讓在學生有機會到市政府來上班，預計釋出300多個打工職缺。
經發局長伏和中指出，今天現場來了近25個企業代表，包括醫療美容、電子零組件、螺絲螺帽傳產業等，企業表達對於未來人才的需求，提出570個職缺幫助青年就業，也希望其他企業能夠加入徵才行列。
</t>
  </si>
  <si>
    <t>新冠肺炎從武漢蔓延到歐洲、美洲，台北經營管理研究院長陳明璋昨日指出，陸美貿易戰已讓大陸經濟增速放緩，現在這頭經濟「灰犀牛」遇上疫情「黑天鵝」，將導致企業倒閉浪潮、系統性金融風險陡升；陳明璋預測，大陸首季經濟成長率恐跌破3%，未來10年大陸經濟將進入「保4爭5」的年代。
由台北經營管理研究院舉辦的「疫情隊經濟和健康的影響與對策論壇」，陳明璋表示，大陸經濟下滑對韓國受創最深，大陸GDP每下降1個百分點，對韓國GDP衝擊將有0.35個百分點，其次是香港、泰國、日本等，而台灣外銷大陸占比逾40%，台灣也難在這場疫戰中置身事外。
陳明璋形容，大陸遇上新冠肺炎疫情如同「蝴蝶效益」，現在產業因疫情停工、經濟停頓，連遠在南大平洋的紐西蘭，撈捕的龍蝦價格連下跌都滯銷，因大陸消費市場突然按了「暫停鍵」。
陳明璋警示，疫情終究會過去，卻憂心疫情發展過程，兩岸關係因政黨輪替演變成「政冰對抗」，未來雙方握手言和不易。
陳明璋進一步指出，目前我國對大陸的貿易順差高達800、900億美元，若扣除對大陸的順差，台灣將轉為逆差，台灣領導人物考慮政治固然重要，但也不能因為政治犧牲經濟面，讓新冠肺炎瘟疫最後成為「政治瘟疫」。
面對疫情，陳明璋表示，台商幾乎成立緊急應變小組，進入備戰狀態，現在最重要的事是「想辦法存活下來」，企業先拚活著，未來才有大利潤。</t>
  </si>
  <si>
    <t>印度新冠肺炎疫情慘烈，在印度經商的跨國和本地企業紛紛提供財務或物資援助，或是重新調派人力，致力保護員工安全。
根據印度衛生部數據，印度5日新增確診案例達382,315例，已連續12日單日新增病例超過30萬人，全國累計2,066萬人確診。5日的死亡案例亦創新高，達3,780人，讓總計死亡人數超過22.6萬人。
大型銀行將資訊技術工作外包至印度行之有年，面對印度疫情急速升溫，銀行業者開始將印度的工作安排至其他國家、鼓勵員工在家工作，並延長專案截止期限。印度企業亦為員工和其家人設立照護中心，甚至提供疫苗施打。
美國高盛與富國銀行讓員工在遠端工作，以維護人員安全和保持業務運作。高盛日前宣布捐款1,000萬美元，援助印度對抗新冠肺炎病毒。高盛在班加羅爾、海德拉巴和孟買設有據點。
富國銀行資助當地社區逾300萬美元。該銀行表示，印度的疫情尚未對業務運作造成重大影響。
英國的巴克萊銀行、國民西敏寺銀行（NatWest）與渣打銀行，則將印度的工作重新調派至其他國家，以減輕印度員工的壓力。許多員工不是染疫，就是得在家照顧生病的家人。
巴克萊亦捐贈食物、口罩和呼吸器等重要物資給當地的慈善團體，並提供員工額外的醫療保險，將新冠肺炎相關的治療費用納入保險範圍。
近幾年投注數十億資金拓展印度業務的全球科技巨擘，也盡力維護印度業務運作。亞馬遜為印度員工準備氧氣機和血氧測量儀等治療設備，並提供飯店房間，讓輕症的員工和家人入住隔離。
谷歌日前宣布捐1,800萬美元，協助印度抗疫。在印度出生的谷歌執行長皮查（Sundar Pichai）受訪時表示，印度現在值得外界關注。</t>
  </si>
  <si>
    <t xml:space="preserve">63歲林姓男子8日自大陸返台，於新北市板橋區防疫旅館內居家檢疫，今（15日）下午被發現猝死於浴缸旁，林男無明顯外傷，曾有中風紀錄，警方初步排除他殺，詳細死因待檢警進一步釐清。
據悉，林男8日自大陸返台，8日至10日於機場集中檢疫，隨後入住新北市板橋區某防疫旅館，期間曾因為身體不適，12日有短暫外出就醫紀錄，2次採檢新冠肺炎均為陰性。警方指出，林男無明顯外傷，詳細死因將由檢察官進一步相驗釐清。
</t>
  </si>
  <si>
    <t xml:space="preserve">北市內湖的壹電視電視台7日傳出一名劉姓攝影師猝死陳屍廁所，昨（8日）晚採檢結果出爐，經過PCR檢測，死者生前確診新冠肺炎，年代新聞台主播張雅琴和劉姓攝影不在同一棟大樓辦公，也未合作，但部分新聞攝影棚會共用，為保險起見，張雅琴一早8點去直奔醫院快篩，結果出爐呈現「陰性」。
由於該名劉姓攝影上班時，可能與公司員工有所接觸，北市府不敢輕忽，北市衛生局今天上午10時30分，已在壹電視大樓前設立快篩站，下午1點開始進行快篩，約一天至多200人，以有接觸者、再來是次接觸者，以造冊順序篩檢。
張雅琴表示目前身體都ＯＫ，沒有實際接觸到應該還好，只是在同個環境還是會擔心，怕新聞工作來不及，早上8點就去醫院快篩，結果出爐呈現陰性。
張雅琴聽到「攝影猝死」消息時覺得遺憾大於擔心，這麼年輕的生命，「我希望大家也幫新聞工作者講講話，尤其第一線的新聞記者特別辛苦，打疫苗部分，應該也要讓他們優先，雖然我現在沒有在第一線，但我可以感同身受，也有這個感觸。」
</t>
  </si>
  <si>
    <t>新冠肺炎疫情擴散以來，金融市場波動劇烈，美股重挫觸發熔斷機制，油價單日崩跌也創下1991年以來單日最大跌幅，VIX指數也隨之飆破50％，市場出現恐慌性賣壓，資金轉往公債避險，美債殖利率也持續下滑，因此新興市場企業債券與美債信用利差擴大。法人表示，新興市場企業債券利差擴大使長線投資價值浮現，建議投資人可分批進場布局。
保德信新興市場企業債券基金經理人張世民表示，自1月新冠疫情爆發以來，市場開始出現風險趨避態勢，投資人擔憂疫情擴散將使全球經濟放緩乃至於衰退，資金大量湧入公債避險，美國債券殖利率大幅下滑，由於新興市場企業債屬於信用債券範疇也難免受到波及，但整體而言，新企債今年以來因美債殖利率下滑仍有正報酬的表現。
近來俄羅斯與OPEC減產協議破裂，致原油價格暴跌逼近2016年初水準，由於能源產業在美國高收債和新興債比重逾10％，倘若油價持續受到衝擊，料將影響油商獲利，導致高收與新興債信用利差擴大。
張世民表示，新企債受到影響信用利差擴大，但其擴大幅度較小，主要係因新興市場能源企業多為類政府或國有企業，財務體質較佳，加上新興企業基本面持續改善，他認為新企債信用風險尚在控制範疇內，不至於會發生2008年般的金融風暴。
中國信託雄鷹新興市場債券基金經理人房旼表示，隨著聯準會3月FOMC會後還有可能降息，新興市場債券利差大幅擴大的情況可望趨緩。目前布局策略上，仍以財務穩健、營運狀況及體質佳之企業債以及財政健全、經濟成長展望佳的主權債為主。
房旼表示，就資金流向觀察，受冠狀病毒影響，近期新興市場債券的資金有流出現象。展望後市，隨著聯準會暗示已經為必要的降息做好準備，而新興市場國家在通膨走穩之下，普遍仍有降息的空間，有利於新興市場經濟回穩。
近期新興市場債券價格的修正，多為信用評等較差的高收益新興市場債券，建議投資人應挑選違約風險較低、基本面較佳的新興市場主權債與投資等級債為主。
群益全球新興收益債券基金經理人李忠泰表示，新冠肺炎疫情短期為市場增添不確定性，然在新興國家方面，隨著經濟改善以及財政改革題材發酵，且在當前低利環境之下，新興市場債因具備息收優勢，加上新興國家仍多處在降息循環，同時全球負利率債券金額處於高檔，有助吸引資金持續配置新興債。</t>
  </si>
  <si>
    <t xml:space="preserve">台化(1326)今日舉辦股東會，由副董事長洪福源親自主持，今年在新冠肺炎衝擊，以及美中貿易衝突未歇下，塑化產業持續面臨嚴峻的挑戰，他強調，台化也只能嚴肅面對因應市場的變化，另外，台化今也通過配發現金股利3.8元。
台化108年度合併營收3154億9906萬元，年減20.9%，營收減少主要是108年度安排生產廠歲修較多，及芳香烴三廠事故影響產量減少，石化原料市場受到中美貿易摩擦衝擊，及大陸新增石化產能投產，市場保守競爭加劇銷售價格下滑，售價差也減少，獲利方面，108年度合併稅前利益371億747萬元，年減40.1%，每股獲利5.09元。
洪福源表示，去年除了芳香烴三廠異常的影響外，主要還是上述中美貿易摩擦及新產能投產影響，市場觀望氣氛濃厚，石化產品價格大幅下跌，其幅度遠大於油價下滑幅度導致營業利益減少。
展望今年，台化經營困境仍需面對，除了大陸石化新產能陸續穩定投產造成全面供過於求的市況外，新冠病毒疫情擴散，嚴重影響上半年度的市場秩序。另外「跨太平洋夥伴全面進步協定(CPTPP)」及將於今年簽署的「區域全面經濟夥伴協定(RCEP)」，將使台灣面臨更多國際自由貿易關稅不平等的對待，置台灣產業處於與他國不利的競爭地位。
另外，洪福源認為，美中貿易衝突未歇，全球宏觀經濟短期展望不佳，歐美主要國家經濟成長多有趨緩的態勢，塑化產業持續面臨嚴峻的挑戰，台化也只能嚴肅面對因應市場的變化。
台化將繼續努力貫徹循環經濟理念，降低生產成本，增加投資開發高值化、差異化及綠色產品等利基市場，在安全生產前提下，讓產品品質更好、製程更穩定、生產效率更高，強化銷售服務品質，提升高值化產品質與量分散市場，避開市場價格競爭，同時積極推動AI智能生產，擴大AI人工智慧應用於製程改善及設備工安預知診斷等方面，持續開發新AI項目應用，提高製程整合能力及製程管理效率。
</t>
  </si>
  <si>
    <t>中央流行疫情指揮中心11日宣布爆發感染源不明的本土案例，證實台灣發生社區感染，近日各醫院新冠肺炎疫苗施打門診也都額滿，台北市立萬芳醫院表示，近期的預約門診全都額滿，疫苗門診是採預約制，需在2周前預約，萬芳醫院分配到170瓶，大約可施打人數為1700人；目前公費已施打700人、自費400人。
新冠肺炎疫情持續擴大，民眾紛紛搶著打疫苗，台大醫院公費、自費疫苗2周內的預約名額均已額滿，院內同仁施打意願明顯上升；台北市衛生局表示，台北市的疫苗總數量共2870瓶、約可施打2.8萬人，目前已施打2萬人左右，未來如疫苗不足也會再向中央叫貨。
台北榮總表示，公費施打名額皆額滿，5月10日疫苗施打為130針、11日為165針；北市萬芳醫院也證實，近期疫情擴大，施打疫苗的意願有升溫，台北市立聯合醫院陽明院區共配發55瓶疫苗，已施打23瓶；忠孝院區配發79瓶、已施打60瓶；仁愛院區配發135瓶、已施打107瓶；中興院區配發60瓶、已施打55瓶；和平院區配發110瓶、已施打79瓶。</t>
  </si>
  <si>
    <t>台灣疫情拉警報，單日爆增180例確診，根據疾管署「全國本土病例地理分布圖」顯示，去年疫情爆發至今累計344例本土個案，目前共6縣市亮紅燈，分別是桃園市、新北市、台北市、宜蘭縣、台中市以及昨日「由橙轉紅」的彰化縣。
根據疾管署「全國本土病例地理分布圖」顯示，從去年1月至今，國內累計344例本土個案，其中以新北市139人最多，接著依序是台北市110人、桃園市57人、宜蘭縣13人、彰化縣10人、台中市6人，這6縣市都是紅色警戒燈號。而彰化縣昨增加6人，由橙色燈號轉紅。
目前呈現橙色燈號的縣市，分別是基隆市和新竹市，皆有3名本土個案；而淺綠色燈號為南投縣、台南市和高雄市，目前3縣市都有1例本土個案；其他縣市目前沒有本土個案，因此燈號仍舊維持深綠色。
台灣昨暴增180例本土個案，是新冠疫情爆發以來，首次出現三位數的本土確診數字，其中台北市新增89例、新北市75例、彰化縣6例、宜蘭縣及桃園市各4例、台中市及基隆市各1例。</t>
  </si>
  <si>
    <t xml:space="preserve">北京市疾病預防控制中心副主任龐星火19日表示，18日北京市新增報告境外輸入新冠肺炎確診21例，共涉及6國、8個航班。
龐星火指出，21例境外輸入確診病例的來源增多，涉及6個國家。西班牙、英國各7例，另4國為境外輸入首次報告，包括匈牙利3例、奧地利2例、盧森堡與巴西各1例。當中東歐（匈牙利3例）、南美（巴西1例）均為首次報告。
</t>
  </si>
  <si>
    <t xml:space="preserve">
（9日03：30更新）北市內湖區某電視台攝影棚攝影師7日被人發現陳屍在廁所馬桶，家屬一度以為是酗酒緣故，不過，檢警採檢後送驗，今傍晚結果出爐，該攝影師新冠肺炎篩檢呈現陽性，當初協助相驗的員警，已經急赴醫院快篩，而電視台的同事，現已自主健康管理。據悉，該電視台宣布9日要協助全體員工快篩，並在衛生單位的指示下進行疫調。
7日上午，電視台的清潔工發現48歲攝影師，在廁所隔間內猝死，警方到場相驗，見死者褲子脫到一半，排除無外力介入，原打算請衛生所的醫師開立死亡證明書，不過警方通知衛生所、1922，兩方互踢皮球，沒有醫師願意到場，後經協調，改由法醫進行採檢，今天傍晚採檢結果出爐，新冠肺炎確診。
家屬告訴檢警，死者前1周均居家辦公，第1天上班就陳屍廁所，辦公室同事則自行展開疫調，了解曾密切接觸的同仁，通知自主健康管理；到場處理的員警，包括派出所3名員警、偵查隊鑑識人員1名，均有穿戴全套防疫裝備，返所後都有使用消毒門全面清消，現已前往醫院進行快篩。
★中時新聞網關心您：飲酒過量，有礙健康！
★中時新聞網關心您：開車不喝酒、喝酒不開車！</t>
  </si>
  <si>
    <t xml:space="preserve">中國大陸病毒專家石正麗警告，要是全球不群策群力，預防可能的傳染病爆發，那目前席捲全球的致命新冠肺炎病毒，在人類很快就會面對的傳染病中，可能只是冰山一角。
石正麗告訴「中國環球電視網」（CGTN），人類要是想避免受下一次傳染病爆發之苦，就必須先了解野生動物身上的不知名病毒，並提早發出警告。她在周一播出的專訪中警告，「要是我們不研究，可能會爆發另一場疫情。」由於石正麗以研究蝙蝠聞名，因此有「蝙蝠女」（bat woman）的綽號。
石正麗說，病毒研究需要科學家和政府保持透明合作，而科學被政治化令人「十分遺憾」。自從新冠肺炎疫情去年底從武漢爆發以來，如今在全球已有近550萬人確診，將近35萬人死亡。
石正麗是武漢病毒研究所新發傳染病研究中心主任，自從新冠肺炎疫情蔓延後，不斷有消息傳出，是武漢實驗室意外讓病毒外傳。此外，許多國家也不斷指控北京，說中方掩蓋事實，沒有趁早公開並因應疫情。
不過，石正麗否認武漢實驗室和新冠肺炎大流行有關，並強調團隊研究的病毒株與造成疫情的病毒株不同。由於美國總統川普和國務卿蓬佩奧（Michael Pompeo）不斷指控，席捲全球的新冠肺炎病毒很可能和武漢實驗室有關，導致美中關係日益緊張。而石正麗專訪的推出，正值中國全國人大和政協會議，也就是一般所謂的「兩會」召開期間。
</t>
  </si>
  <si>
    <t>英國新冠肺炎疫情在政府未積極遏制病毒傳播，也未實施大規模檢測的鬆散做法之下，確診人數節節攀高。根據《衛報》從衛生部門取得的一份內部文件顯示，預計英國未來12個月都會受疫情影響，直到2021年春季。文件並做出最壞估計指出，期間可能多達80%民眾會染疫，感染人數中又有15%（約790萬人）須住院治療，死亡人數可能逾50萬人。
文件已向醫院傳達
這份文件由英格蘭公共衛生署（PHE）緊急應變小組撰寫，並已獲得負責此次疫情的首席官員霍普金斯（Susan Hopkins）授權，公開給英格蘭各大醫院負責人及資深醫生。儘管預測數字都是根據最糟糕的情況推算，暗示實際情況會比較好，但是文件明確指出，預計未來12個月內，4/5的人會感染新冠肺炎，其中15%染疫患者需要住院治療。
文件提到，在疫情高峰期間（預期落在5月底至6月中），500萬名服務於基本及關鍵基礎設施的人（包括100萬醫護人員與150萬從事社會照護的人），可能有50萬人染疫請假。此外，全英會有10%的人出現咳嗽症狀。按照強森政府上周公布的防疫建議，任何有咳嗽症狀的人都應自我隔離7天。50萬人請病假加上自我隔離的人數，恐造成基礎設施當機。
該報告點出，目前有症狀而須接受檢測的人數已超出醫療系統負荷，因為實驗室「供不應求」，所以只能將檢測對象限縮於住院的重症患者、長照中心病患、關在出現確診病例監獄的囚犯。
病毒6月趨緩但永存
不過，東安格利亞大學（University of East Anglia）教授亨特（Paul Hunter）認為，雖然社會大眾聽到疫情將持續12個月可能會不安與憂慮，但一年的時間是合理的。他說：「我認為（新冠肺炎疫情）會在近6月底時趨緩，11月左右再度回籠，就和普通的流感一樣。病毒應該會永遠存在，但隨著免疫力增強，疫情就不會那麼嚴重。」
英國至16日中午為止，確診病例達1391人、35死。全球疫情排行榜裡排名第10。</t>
  </si>
  <si>
    <t>台北市面對新冠肺炎疫情，市立聯合醫院的病床相當吃緊，傳出市長柯文哲希望能和非聯醫體系醫院調用病床，卻遭到拒絕，市府認為《傳染病防治法》有授權地方政府徵用，如果再有醫院不配合，不排除採強制手段。柯文哲18日表示，並不是醫院不合作，只是醫院要降載需要時間。
現在到快篩站採檢的民眾若確診陽性，市府會協助到防疫旅館居住，但自行到民間大一型醫院採檢確診，卻拒絕安置，讓很多人面臨無病床可住的問題。
柯文哲今天下午主持防疫記者會，面對聯醫體系以外的醫院不肯配合釋出病床，柯文哲表示，他相信大家願意幫忙，但一開始大家也知道，上星期五到現在變化太快，今天下午開始清理清理病床，情況會好一點，並不是他們不合作，只是醫院要降載需要時間，要慢慢把病人清掉，今天會下達命令給各大醫院，以後會更有效管制。</t>
  </si>
  <si>
    <t xml:space="preserve">
根據中央流行疫情指揮中心統計，新冠肺炎初期症狀以咳嗽最多，3日有醫師提出警告，從一項猴子細胞實驗中發現，止咳藥水中的常見成分「Dextromethorphan」會加速新冠病毒的複製。
陽明大學助理教授、胸腔重症醫師蘇一峰在臉書上發文表示，「Dextromethorphan」是目前臨床上最常使用的止咳藥之一。在知名國際期刊《自然》（Nature）刊登的一項研究，從猴子細胞實驗中發現，Dextromethorphan會加速新冠病毒的複製，甚至可能使患者病情更加惡化。但他也表示，這是猴子細胞實驗的研究結果，人體感染不一定有一樣的反應。因此，研究專家建議「在疫情期間使用止咳藥物Dextromethorphan，尤其是疫區，一定要小心謹慎，因為可能會造成新冠肺炎疫情的惡化，甚至導致重症患者的出現。
蘇一峰也表示，目前健保藥物品項中就有174項的呼吸道藥物都含有Dextromethorphan，許多市售的鎮咳、止咳成藥也都含有Dextromethorphan。
更多 CTWANT 報導
</t>
  </si>
  <si>
    <t>跨年夜，台北市、桃園市靠「天網」，揪出有自主健康管理者違反參加大型集會的規定，雖中央疫情指揮中心已正名為「電子圍籬2.0」，強調非對全民監控，但仍引發爭議。對此，「宅神」朱學恒表示，還是支持把居家檢疫時間延長到21天，只要7天自主健康管理還能出門，「天網也抓不乾淨啦」。
朱學恒今（5）日在臉書引述《紐約時報》中文網報導，指出台灣的觀點是，隔離14天後仍無癥狀的病毒攜帶者，不太可能具有很強的傳染性。不過，衛福部長陳時中也提到，毫不懷疑有一些無癥狀的病例從未被發現，而問題是，他的病沒有產生問題，是不是要花很大力氣，去把這些不會產生問題的人找出來？還是要集中精神，去做其他已經有問題的？
朱學恒直言，「只希望智障側翼看得懂陳時中自己承認，有感染者早就進入國門，只是不想花資源去追蹤而已」，不要再拿什麼台灣銅牆鐵壁的神話到處洗版，「你們的神已經把你們的臉都打到外太空去了，好了啦，回家睡覺啦」。
此外，朱學恒認為，應把居家檢疫時間延長到21天，只要7天自主健康管理還能出門，即使出動「天網」也抓不乾淨。網友問說，「國際上有強制隔離21天的國家嗎？」朱學恒則回覆，越南是28天。
另有網友也同意居家檢疫應拉長到21天，「7天自主管理邏輯是很奇怪，去演唱會抓出來開罰，去上班或聚餐或是出門等等都沒事？」要做就做到最好、最嚴厲，並提到不覺得陳時中是個很好的部長人選，「太軟了，事到關頭還在同理心」。</t>
  </si>
  <si>
    <t>磐石艦新冠肺炎感染者之一是雲林縣民，密切接觸者有8人，19日第一次採驗結果全是陰性，衛福部疾病管制署昨（24日）要求二採，甫引進「聚合酶連鎖反應儀及自動核酸萃取儀」的台大雲林分院緊急協助採驗，昨晚化驗結果立即出爐，8人二採仍是陰性。
磐石艦首批感染者21人中有1人是雲林子弟，雲林縣衛生局匡列8名密切接觸者19日採驗病毒及居家隔離，20日結果出爐8人都是陰性。
因疾管署要求需「二採」，雲林縣衛生局委託臺大雲林分院實驗室統一採驗，該院緊急加班，24日晚上9 點檢驗結果出爐，二採8人仍都為陰性。
臺大雲林分院日前引進即時「聚合酶連鎖反應儀及自動核酸萃取儀」，自4月20日起提供新型冠狀病毒核酸檢驗，成為疾病管制署「嚴重特殊傳染性肺炎」指定檢驗機構，每日最大檢驗量可達30件，雲林縣採檢的個案不必再外送到彰化檢驗。</t>
  </si>
  <si>
    <t xml:space="preserve">新冠肺炎疫情全球發燒，金門鄉親也是人心惶惶。縣府今（21）日專稿說明2名居家隔離、39名居家檢疫者現況，澄清外界不實傳言。縣長楊鎮浯提醒鄉親切勿再以訛傳訛，如散布未經證實的疫情謠言，縣府將依〈傳染病防治法〉移請警政及檢調單位處理，也歡迎鄉親向衛生局提出檢舉。
縣府強調，由於地區民眾對於居家隔離及居家檢疫對象的定義不夠了解，加上部分人士刻意引導，已造成大家人心惶惶。但事實上，金門迄無確診案例，2名居家隔離、39名居家檢疫者均依中央疫情指揮中心規定進行每日監測及追蹤狀況，確保做好相關工作。
在居家隔離方面，1名於定點檢疫處所隔離中，有土耳其旅遊史，為與確診旅遊團同班機旅客，也已採檢送驗，結果為「陰性」。另昨日新增1名通知居家隔離，為旅遊確診案例接觸者，今天為返國後第14天，已依疾管署通知進行採檢送驗，須等檢驗報告為陰性後解除隔離。
另在居家檢疫方面，縣府也說明多數為具旅遊史的鄉親。其中具土耳其旅遊史者共2人，雖與確診旅遊團同班機，但班機座位距離甚遠，楊鎮浯特別也要求衛生及民政單位高度關切。
縣府再次強調，居家檢疫和居家隔離者不是確診案例，相關定義是居家隔離者為與確定病例接觸者，由衛生主管機管每天主動監測2次；
居家檢疫者則是具有國外旅遊史者，疾管署開立通知單後，由民政單位負責追蹤，村里幹事每日撥打電話詢問健康狀況並紀錄「健康關懷記錄表」。
楊鎮浯呼籲鄉親切勿恐慌，更不要對居家隔離、檢疫者有非理性的言語攻擊與暴力行為。他也譴責刻意利用修飾文字，來導引輿論風向，造成地區人心恐慌的「特定人士」於網路社群媒體貼文，強調如此行徑只會增加防疫負擔，且無法讓相關防疫部署更加完善。
他更呼籲，此刻全民應該凝聚團結共識，齊力防疫，切勿因特定人士蓄意煽動，造成彼此間的分裂與仇視。同時也提醒鄉親，可提升自我防護，勤洗手，在人多的密閉空間可戴口罩，做好居家環境消毒工作，更要睡眠充足、飲食營養均衡、以提升自我免疫力。
</t>
  </si>
  <si>
    <t>全國火化遺體數激增，殯葬人員也吃不消。新北市三峽火葬場「三峽昇華園」為消化大量新冠肺炎遺體，原本夜間休息不火化，6月起改為24小時不打烊運作，16名工作人員分三班制負責火化，甚至還有1天火化110具以上遺體，雖然沒有打破紀錄，但也可以排入前3名。
三峽火葬場人員表示，新冠肺炎死者24小時內要火化，就算是半夜收到也要馬上作業，因為有2座專責的火化爐，火化部分勉強應付得來；但像本月3日是習俗上的旺日，共火化110具遺體，只比農曆春前夕趕著出山將近130具左右遺體少一點，但也可列入數量最多的前幾名，看著排隊的喪家不斷湧入，一具接著一具火化，一有空檔還要忙著整理、消毒，基本上連休息時間都沒有。
台北市立第二殯儀館長劉瑞隆說，以往殯儀館人員執行火化儀式時，部分家屬會在一旁陪同，今年遇上新冠疫情，有些家屬、親人因為接觸可能正在隔離，或擔心受到感染沒有到場，陪同火化的人數相對銳減，有親屬到場送死者最後一程，館內保全則會在現場要求保持距離。
桃園殯葬所人員指出，5月爆發疫情後，全桃園已陸續處理12件新冠肺炎確診死亡案，相較去年僅個位數，爆增不少，坦言一開始真的很緊張，尤其還要綁手環，都會擔憂被傳染，所幸逐步增加作業規範，像是醫院套2層屍袋、穿全套防護衣。
為避免其他家祭家屬恐慌，殯葬人員都要加班以額外時間處理，有時清晨4、5時就要到火化場熱爐，但就當服務，希望幫他們一路好走。</t>
  </si>
  <si>
    <t xml:space="preserve">啟碁(6285)今日舉辦法人說明會，董事長謝宏波認為，隨著新冠肺炎疫情舒緩，5G依舊是各國政府會著力的一塊，啟碁5G營收占比今年約3~5%，明年希望有翻倍成長、上看7~10%，另外，由於美中貿易戰恐無法在短期結束，故今年啟碁下半年會有55%以上的產能在台灣、越南廠區出貨。
新冠肺炎疫情現階段逐漸趨緩，謝宏波認為，今年上半年因為疫情關係，招工、員工到廠隔離的額外工資，導致額外支出，多少對獲利造成影響，現階段供應鏈在5月中旬都已經解封、或是有條件解封，6月可以恢復比較正常的狀態，約可達到9成，剩下的就是中美洲、東南亞等地還沒完全恢復，現在大陸地區已經沒有太大的問題，還是大陸以外的供應鏈比較需要觀察，預計在各國疫情舒緩下，材料供應鏈回穩後，啟碁第三季逐月、逐季的產能都會趨向合理應用。
若以疫情對市場面的影響來看，謝宏波分析指出，不需要人員安裝、實際店面銷售的網通產品，在本波疫情中不受影響，甚至有小部分有追單，但需要安裝以及銷售的則受到衝擊，包括汽車、IoT以及部份消費性產品，其中又以汽車最大影響，目前汽車組裝、Tier 1上週開始已經有局部復工，但還是有一大部分還沒復工，這將對上半年衝擊比較大的。
謝宏波表示，今年到明年來說，啟碁在技術上，主要鎖定WiFi 6、OTT、Mesh WiFi、汽車、IoT終端以及行動熱點；至於5G，隨著各國解封，依舊會是可以期待的一塊，今年5G營收占比約3~5%，明年希望有翻倍成長，可以上看7~10%。
在產能配置上，謝宏波表示，啟碁在製造產能的第一階段布局已經就緒，越南廠、台灣南科廠都已經在去年第四季得到客戶認證，生產自動化、數據蒐集也獲得客戶認同，預計本季開始會和客戶協商討論，推估今年下半年會有55%以上的產能在台灣、越南地區出貨，針對台灣、越南的擴建計畫也會持續，主要是因未來營運能量的需求，預計越南廠稼動率下半年會比較滿，目前啟碁還是以大陸崑山廠面積最大，可用面積也比台灣大，但受到客戶要求，故台灣和大陸今年生產金額應該相當，還是要看機動性，只要崑山的稼動率達7~8成，則啟碁今年全球產能就會達到比較健康的結構。
啟碁現階段考量現在疫情、貿易戰短時間不會結束，預計各地產能占比上，越南會12~15%、大陸40~45%、台灣40~45%，還是會視實際狀況會視情況調整。
今年啟碁因為有廠房興建，資本支出預計落在13~15億元左右。
另外，啟碁今年因為有業務擴充、擴產計畫等，現金流來是很重要，故目前沒有買庫藏股計畫。
</t>
  </si>
  <si>
    <t>台北市13日新增9例本土確診個案，台北市長柯文哲表示，萬華區上周仍有新增36例，先前批發市場專案大規模PCR篩檢、施打疫苗後，15日起就可看出是否有效擋住，請大家拭目以待，另外北市除了市場感染，比較麻煩的是家戶感染，是現在疫調主力。
北市新增確診個案連續2天在10例以下，柯文哲今表示，從過去記錄來看，北市感染分為3類，一類是市場感染，過去2周大規模PCR篩檢、打疫苗，希望這周可解決掉，每周12個行政區新增案例，萬華到上周還有36例，批發市場專案疫苗打下去，要14天發揮作用，最後一批是1日施打，所以15日後就可看出是否有效擋住，他要大家拭目以待。
柯文哲指出，除了市場，另外是醫院發生院內感染，會加強醫院管制，也由於醫院較少，一旦有確診，疫調很容易發現，針對爆出感染的醫院處理，最後比較麻煩的就是家戶感染，大概是現在疫調的主力，這周再努力看看。
此外，柯文哲說，今天北市新增9例，分布在5個行政區，中山區是家戶感染，萬華今天新增2例，沒有特別多，但只看1天不準，要看1周累積起來的趨勢，案例雖然變少，但市府一直擴大匡列，追蹤的居家隔離人數保持在1000人上下，病例愈少就加大疫調範圍，希望透過這樣努力達到清零。</t>
  </si>
  <si>
    <t>新北市確診人數持續攀增，今日累計465個確診案例；新北市長侯友宜今主持防疫會議表示，新北市擴大匡列的量很龐大，採檢的量也很龐大，這段期間新北市的確診數一定是愈來愈多，但大家不要怕多，只怕沒有抓出來，「因為寧可這段時間把確診者找出來，也不要讓確診者的病毒在社區內持續蔓延」。
侯友宜說，新北市人口數量龐大，跟萬華區又僅一橋之隔，很多個案感染源來自萬華區、但住在新北市境內，「所以我跟警察局說『有接觸史就要擴大匡列，就要擴大採檢』，要用刑警偵查方式來辦案，有失聯要快速找到，一個都不要給我漏掉。
侯友宜說，所以新北市擴大採檢的量很多，這段期間確診數量也一定很多，不可能馬上把確診數字壓下來，「但大家不要怕多，只怕確診個案沒有抓出來」，寧可這段時間把確診者找出來，阻絕傳染風險，也不要讓確診者在社區裡面繼續蔓延。</t>
  </si>
  <si>
    <t>一名確診者今（6日）在我是板橋人臉書社團留言說，自己是一名確診者，因自己有去萬華人與人的連結，害母親、胞兄染疫，母親5月19日住院治療，於6月1日病歿，是人生的痛！留言也吸引網友幫他加油打氣，但留言目前已刪除。
確診者留言說，首先要感謝全台第一線的警消及北市府的安排，5月12日萬華疫情爆發後，自己有去人與人的連結，回家後立刻告知家人及戴上口罩。但母親5月14日一直咳嗽，因母親有喉嚨乾咳的狀况，就不在意一直叫她喝水。
但隔幾天上午，大哥因高燒前往台北市立聯合醫院快篩，結果為陽性，立刻被安排去防疫旅館，下午時母親想洗頭、洗澡，洗完後母親很疲憊躺在床上，二哥連忙帶她去台北市就醫，隨即入住負壓隔離病房，是自己第一次也是最後一次感受人生的痛。
母親從5月19日住院，6月1日病歿，不到6小時火化，自己是5月20日快篩陰性，5月24日被通知PCR陽性，隔天就被入住集中檢疫所。留言也吸引不少網友加油打氣，但目前留言已經刪除。</t>
  </si>
  <si>
    <t xml:space="preserve">
國內超商都有賣地瓜，但一名超商店員無奈表示，客人挑選時總是要用手把地瓜捏過一輪，讓他得常常提醒客人「旁邊有夾子」。貼文一出引起網友熱議，直呼「我地瓜連皮一起吃耶，以後不敢買了」，時值新冠肺炎疫情侵襲全球，還有人深怕吃到被捏過的地瓜會中鏢。
這名超商店員昨（23）日在臉書社團「爆怨公社」發文：「不要用手捏地瓜！真的很奇怪欸，每個人都覺得自己手超級乾淨一直捏捏捏，剛剛有位先生捏的好開心。」，原PO見狀立即上前制止說：「先生，旁邊有夾子，麻煩不要用手捏可以嗎？現在疫情這麼嚴重！」，那位客人被其他盯看覺得沒面子，只好隨便夾了一顆就結帳了。
原PO感嘆表示，這個時候如果各大超商再不想點辦法，預防這種鹹豬手，「我奉勸各位別買地瓜了，因為你不知道你買的地瓜，到底被多少人摸過…超噁心的」。
</t>
  </si>
  <si>
    <t xml:space="preserve">
第六輪國產高端疫苗於23日開放施打，截至目前（26日）已出現4起猝死案件，其中2人死因推斷為「主動脈剝離」，是否跟接種高端疫苗有關？感染科、心臟科醫師紛紛認為，兩者並無因果關係，只是剛好在接種後發生主動脈剝離。醫師也說，若擔心接種後身體出現不適，這幾種人可先暫緩接種疫苗。
指揮中心發言人莊人祥表示，高端疫苗接種後不良事件截至25日已出現18起，另出現4起死亡。目前僅50多歲陸姓作家完成解剖，研判死因為主動脈剝離合併心包填塞；另一位40多歲基隆女性，經電腦斷層初步診斷也是主動脈剝離，觀察到有大規模剝離情形。
根據《ETtoday》報導，振興醫院心臟血管內科主治醫師黃建龍指出，主動脈剝離大多和先天性血管結締組織健康狀態有關，若結締組織不健康，血壓太高就會破裂，這樣就很難救回來。因此，家族有主動脈剝離史者、心血管內膜不健康者都是高風險族群。
但黃建龍表示，學界並不支持主動脈剝離與種疫苗有關聯性，主動脈剝離通常有潛在原因，在打疫苗後發生，只是「剛好」而非因果關係；中國醫藥大學感染權威黃高彬也指出，接種疫苗與主動脈剝離在理論上無關聯性，剛好在接種後發生這種事，只能說實在很不幸。
若真的要分析關聯性，黃高彬認為應觀察預期值，從統計上來判斷接種疫苗後主動脈剝離人數有無增加。黃高彬提醒，若在接種自我評估身體狀況不佳，有頭痛、疲憊沒睡飽、喘不過氣、胸背疼痛、食慾不佳等症狀，都可以先暫緩施打；黃建龍也說，高血壓者可以數值狀態穩定後再去接種。
</t>
  </si>
  <si>
    <t>中央流行疫情指揮中心今（23日）公布新增287例本土COVID-19確定病例，另有170例本土個案校正回歸上周各日個案，新北市至今已有27處可篩檢，新北市長侯友宜今（23日）表示，三軍總醫院明（24日）將加入板橋機動篩檢站，提升篩檢量能。
新北市長侯友宜今（23日）下午主持防疫應變會議記者會，侯說，今天增設2處機動篩檢站，三軍總醫院5月24日將加入板橋機動篩檢站服務。
此外，校正回歸後，集中檢疫所由中央徵用，除了原有已經啟用的183間外要再增用3間旅館再增加938間房，調整醫療量能。</t>
  </si>
  <si>
    <t>SEMI（國際半導體產業協會）公告最新北美半導體設備出貨報告，今年4月份設備製造商出貨金額止跌回升達22.619億美元，年增率連續七個月維持正成長。SEMI全球行銷長暨台灣區總裁曹世綸指出，新冠肺炎疫情及地緣政治風險升溫，已影響全球科技產業生產鏈，雖然短期設備市場表現良好，但未來市場發展已充滿變數。
根據SEMI統計，今年4月北美半導體設備製造商出貨金額達22.619億美元，較今年3月的22.131億美元成長2.2％，月增率再度由負轉正，與去年同期的19.3億美元相較成長17.2％，出貨金額年成長率連續七個月維持正成長，不過年增率已經連續三個月下滑。
曹世綸表示，今年4月份北美設備製造商的銷售額仍然反映出穩定的設備需求，在面臨特殊情況下，整體市場仍表現良好。然而受到新冠肺炎疫情與地緣政治緊張升溫等因素影響，未來市場走向仍充滿變數。
據SEMI先前公布數據顯示，2019年全球半導體製造設備銷售總金額為597.5億美元，較2018年減少了7％。SEMI表示，2020將是緩步成長的一年，隨新冠肺炎疫情趨緩，各國重啟經濟活動，情勢將於下半年好轉，預期設備市場亦將開始出現復甦跡象，只是外在變數太多且難以預測，未來市場發展充滿變數。設備業者則普遍認為，疫情一旦獲得控制，下半年就會進入復甦循環。</t>
  </si>
  <si>
    <t>這波新冠肺炎疫情來得又快又急，加上「快樂缺氧」的特殊徵兆，許多患者會在尚無不適的狀況下，被醫護人員告知需要插管，因此產生畏懼、抗拒的心理，恐致延誤治療。
●新冠肺炎插管 病人拔管轉病房
台北慈濟醫院為收治新冠肺炎患者之重度級急救責任醫院，已成功為44名插管病人拔管，順利控制病情，其中最年輕者32歲，最年長者90歲。胸腔內科藍冑進主任指出，及早插管不只是為了搶救生命，更有爭取時間讓藥物發揮作用、助於提早拔管的多重用意。
●病患長時間缺氧 插管幫助呼吸
一般而言，臨床醫師會依據病患動脈內氧氣的壓力(PaO2)以及給氧分率(FiO2)來評估病人的氧合指數，確認是否缺氧。如果需要插管，會適時使用鎮定劑、肌肉鬆弛劑協助病患放鬆，減緩不適，而新冠肺炎患者因具傳染風險，醫護人員須著全套隔離裝備，不僅影響手感、視野，也增加插管難度，因此，往往會與麻醉科醫師共同合作。
此外，病患氧氣濃度不足(氧合指數小於150mmHg)、呼吸費力，嚴重至輔助肌肉明顯用力，以及出現意識障礙甚至休克，都是臨床醫師會考慮插管的情況。
●插管後觀察 可自主呼吸即可拔管
藍冑進主任說明，插管後若病況穩定，醫療團隊會逐步將鎮定藥物減量，調整呼吸機的壓力模式，從完全由機器幫助呼吸，改成輔助呼吸的模式，最後再執行自主呼吸訓練，若插管病人可以在不倚靠機器的狀態下自主呼吸半小時到兩小時，就可以考慮拔管。
●鼻高流量濕化氧氣治療 避免插管
插管不是沒有希望，但對許多新冠肺炎患者而言，礙於自身沒有不適的緣故，當臨床端給予醫療建議時，往往無法接受。藍冑進主任特別說到：「現在針對缺氧患者，除了藥物治療外，臨床也會視病人情況予以經鼻高流量濕化氧氣治療，降低插管機率甚或有改善呼吸衰竭，免於插管的可能。」</t>
  </si>
  <si>
    <t>普力生化科技公司4日公布國防醫學院實驗室檢驗報告，該公司產品「普力600二氧化氯抗菌錠」對抗新冠病毒可達99.99％以上，普力生技今更與國防醫學院簽署產學防疫研發合作，也捐贈公司產品與研究設備，一盡軍民共同抗疫的責任。
今日普力與國防醫學院在新板希爾頓飯店舉行簽約儀式，國防醫學院教育長李俊泰代表簽約，李俊泰表示，新冠肺炎疫情蔓延，國防醫學院除了獲得科技部「防疫科學研究中心」研究計畫，也持續與疾管署等單位合作，其中預醫所與國衛院合作研發的新冠病毒治療性抗體及快篩試劑都有亮眼成果。
李俊泰說，今日在國防部軍醫局支持與指導，走出校園與產業結合，是很突破性的一步，也感謝普力生技對國軍防疫工作的支持，期盼此次簽屬合作，一起為防疫注入強心針。
普力生技董事長廖偉凱表示，公司積極研發「普力600二氧化氯抗菌錠」等防疫產品，除取得台灣藥品製成發明專利，也通過美國FDA核准使用於環境清消，也獲得衛服部頒發「協助傳染病防治貢獻卓越」獎章。
廖偉凱今日更拿出國防醫院院實驗室的報告指出，產品針對對抗新冠病毒實驗檢測結果達99.99％以上，可提供研究同仁環境清消另一項新利器，也展現普力對國家防疫工作盡一份心力的責任感。</t>
  </si>
  <si>
    <t xml:space="preserve">雖然新冠疫情在美仍未有明顯下降趨勢，美國總統川普為了救經濟，堅持將在近期重啟國門，讓部分疫情已受控的州得以恢復正常生活。不過為了安全重啟經濟，美國疾病管制與預防中心（CDC）特別草擬在此階段的防疫方針，然而一名CDC官員透露，川普政府不會實施CDC的建議，「該方針恐永遠被埋沒」。
據美聯社報導，這份17頁的重啟美國國門方針，其中包括了對商業、學校、教會以及其他公共場所在疫情仍存的情況下應如何運作，幫助地方官員安全地重新運作經濟生活。一名匿名且未授權對外發言的CDC官員表示，這份方針原本預定將於8日公布，但是CDC的科學家被告知該方針「恐怕永遠無法問世」。
報導指出，一名接近白宮疫情工作小組的人士表示，CDC的方針永遠不會由該機構領導人來對外發布。他表示，由於病毒影響全美各地程度不一，白宮早就不願對外提供重啟國門特定環節的相關細節準則。
雖然川普本人在白宮疫情簡報記者會上一向隨心所欲演出，但川普政府卻一直緊密掌控專家所公布的各項關於新冠病毒以及防疫方針與資訊。傳統上，美國CDC主要角色之一即是在公衛危機期間向大眾以及地方官員公布相關方針以及科學資訊。然而在新冠疫情期間，美CDC已經長達兩個月沒有舉行例行關於大流行資訊的記者會，主任雷德菲爾德（Robert Redfield）雖然是白宮防疫小組成員之一，但很少在大眾面前出現。
雖然川普政府一再堅稱政府有責任處理新冠疫情，其展現方式完全反應在川普的聲明上，但不論是從他先前聲稱不需對全國缺乏檢測負起責任，甚至在各州需求檢測劑之時，稱聯邦政府只是「最後的提供者」，可謂要地方州政府要「自立自強」。
美聯社已取得CDC的防疫方針，並公布於網路上。
</t>
  </si>
  <si>
    <t xml:space="preserve">好萊塢巨星湯姆可魯斯(Tom Cruise)正在拍攝知名系列動作電影《不可能的任務》最新第7集，該片不僅由阿湯哥主演，他還擔任監製，製片方也投注鉅額資本，因此讓他背負不小的壓力，但《不可能7》開拍以來曲折不斷，前些日子阿湯哥才因防疫問題對工作人員大爆粗口，如今又爆出離職潮，阿湯哥當今的態度也被曝光，讓劇組人員心生倦怠紛紛表示「只想回家」。
《不可能的任務7》自去年開拍就遇上新冠肺炎疫情爆發，而該片本就設定要到全球各國拍片，因此困難重重，數度中斷拍攝，去年10月，即便小心翼翼仍爆出有12名工作人員染疫，又折騰快2個月才復工，結果又被阿湯哥看到有2名劇組人員在片場不遵守防疫距離，讓他理智斷線當場爆粗口：「再一次你就他X的給我滾！」，將工作看得比生命還重的他，不希望再發生任何差錯，且堅持一定要拍完這部片。
如今《不可能7》進度稍微趕上，據《太陽報》報導，英國拍攝的部分即將結束，接下來將移師阿拉伯取景，但如今疫情又升溫，英國方面已發布禁飛令，表示他們這一趟飛出去，可能疫情沒結束前都回不了家，這個狀況對整個劇組於心理層面及實際層面都產生了重大影響。
劇組知情人士透露，他們覺得拍《不可能7》真的諸事不順，這一整年折騰下來，整個團隊士氣很低落，已從過去的希望能趕快拍完，到現在已經變成希望暫時停拍，等疫情結束再說，但阿湯哥卻不是這麼想的，「他很堅持要趕快完工，沒人可以阻止他」，而基於上述風波，目前已有5名劇組人員請辭，接下來的拍攝之路，可能會更辛苦。
</t>
  </si>
  <si>
    <t>國內疫情持續擴大延燒，全台大專校院紛改採線上遠距教學，國立台南護專目前仍維持實體授課，學生為此罵翻天，在臉書「黑特南護」直指學校「不要再賭了好嗎？」校長黃美智今表示，考量市府未宣布停班停課，在兼顧防疫和學生受教權，採取不影響學業成績與上課時數的防疫假，目前約300多位學生請假，占全校約16％，後續將視疫情演變，若有需要就會調整為線上授課。
國立台南護專校長黃美智前日前發給全校師生一封公開信，提到雙北學生可採非同步線上上課，不便返校者也可請防疫假，不過，根據目前台南市政府宣布疫情警戒，尚未進入全面採取線上授課階段，宣布正常上課。
由於目前全台各大專校院幾乎都停課，南護學生認為學校並非都是南部學生，不停課太輕率，也有學生批評在校內看見校長不戴口罩，有違醫護專業；黃美智說，應該是誤解，之前疫情不嚴峻時，空曠處可能未全天候戴口罩，但上周開始，疫情嚴峻，一直都戴著口罩，但面對學生的批評她虛心檢討，認為大家都有防疫意識是好事。
校方指出，目前南護約2000名學生，以護理系占大宗，約1200位，其中250位本來在醫院實習，也因應疫情都已經先暫停實習返校，改為在校內實作場域維持學習不中斷。
南護學生控訴實體授課造成防疫危機，引起兩派學生論戰，學生傾向放假者認為改成線上授課比較安全，也有人認為「不是說可以請防疫假了嗎？到底在吵什麼？」校方則強調，尊重學生聲音，但有不少學生比較弱勢，目前也是爭取時間全面建置線上遠距教學相關事宜，以備不時之需。</t>
  </si>
  <si>
    <t>基隆市長林右昌今日說明，基隆市65至67歲市民（原住民55至57歲）第二劑莫德納疫苗施打作業，預計於25日至27日採取集中施打，符合資格市民這幾天會陸續收到市府發送的通知單。
林右昌表示，基隆為了幫65至67歲（原住民55至57歲）市民施打第二劑莫德納疫苗，今日公告全市7區各里別的施打時段，造冊在10月25到27日接種，共3天進行。
林右昌說，這幾天有些長輩收到中央流行疫情指揮中心的簡訊通知，可能心裡有些疑慮，他強調，基隆長者不論是否有上網預約，都會在22日前收到通知單，大家可以到集中施打站接種疫苗，「一定打得到、不用預約」。
林右昌提醒，大家可以多多利用市府提供的疫苗專車、防疫計程車等，就像第一劑施打時一樣便利；此外，本市的整體疫苗施打率已經高達66％，在全國名列前茅。</t>
  </si>
  <si>
    <t>伊林娛樂藝人劉倩妏，最近總是戴著護目鏡，引來不少側目，還有人以為她是為了防疫才自我保護如此周全。其實是她之前拍哭戲常常被隱形眼鏡影響，甚至曾為拍戲戴變色瞳孔放大片，眼前完全看不到，差點從高處摔下。剛好她參與拍攝的電影近期因新冠肺炎疫情關係延拍，因此趁空安排雷射治療近視矯正度數，成功讓她擺脫500度近視，10歲開始就戴眼鏡的她，終於告別15年的近視眼鏡
劉倩妏說，拍戲時間有時非常長，隱形眼鏡經常戴到16小時以上，非常不方便，兩年前她主演公視《生死接線員》，當時在化妝間戴隱形眼鏡時，就有同劇演員建議她可以去嘗試雷射矯正，但是她自己擔心，術後必須戴著護目鏡、一個月不能化眼妝及擦眼部保養品，洗臉也要避免水進入眼睛，覺得不方便，所以就先將雷射計畫擱置。
劉倩妏說，還有一次拍恐怖片，要戴白色變色瞳孔放大片，她戴上去幾乎是盲眼的狀態，那次在高處拍攝，她一直撞到東西，還差點摔下來；其他還有拍哭戲有幾次也因為隱形眼鏡打斷情緒，她說，印象中有次在拍非常生氣的哭戲，必須要睜大眼睛，盯住對方，結果盯太久整個隱形眼鏡突然掉出來，只能喊卡，把隱形眼鏡重新戴好，情緒整個重來，很不方便。日前她鼓起勇氣去雷射，最近減少用手機，眼睛休養中。</t>
  </si>
  <si>
    <t>新冠肺炎疫情當頭，警察全力投入監控協查居家隔離、檢疫對象，防疫情破口。但最近1個多月，全台已發生5件金融機構搶案，其中2件持槍。犯罪學者說，疫情導致經濟蕭條，歹徒可能缺錢鋌而走險，為防治安因疫情出現破口，政府要拿出對策。
今年2月底起，台北內湖、萬華；高雄、台南，接連發生銀樓、銀行搶案，除昨天板信商銀案，其他都迅速破案。
官警說，近年金融機構搶案銳減，跟監視器普及、科技辦案有關，歹徒犯罪成本高，不划算。但近1個月搶案頻傳，難免讓人覺得與景氣變差、警察忙防疫有關。
目前警察防疫，主要落在派出所員警身上，他們與衛生、民政單位一起監控電子圍籬，協查趴趴走的防疫者，刑案偵查仍由刑警負責。刑事局說，治安絕不會有防疫空窗期。
警大法律系主任許福生指出，犯罪率趨勢要長時間觀察，是否與疫情有關還有待觀察。他說，國外研究報告指出，犯罪率提高，與相對剝奪感正相關，也就是經濟弱勢者不滿貧富差距大，進而靠犯罪維生。
中正大學犯防系教授鄭瑞隆則說，除疫情致經濟不景氣，人人都戴口罩防疫，也讓歹徒有機可乘，藉此混在人群，讓檢警不易從監視畫面鎖定身分。但新冠肺炎變數大，是否衝擊治安，政府需嚴正面對，短時間內發生多起金融機構搶案，確實是警訊。不論疫情與治安，都關乎人民的生命財產安全，只能說警察真的辛苦了。</t>
  </si>
  <si>
    <t>近期我國爆發上千起新冠本土個案，中央流行疫情指揮中心將全國到28日以前列為三級警戒，但中研院研究員何美鄉表示，就算阻斷傳播鏈做的再好，5月28日後也不可能可以回到過去的生活，「可能要等到打完疫苗才會回去」。
何美鄉表示，因為篩檢量能不足，因此不斷呼籲強化篩檢能量，我國也與其他甫爆發的國家一樣，剛開始的篩檢量能不足因此才會有「校正回歸」。她也說，如果5月15日三級警戒，大家因此減少傳播的話，應該會在28日後走平穩下降的趨勢，預計近期就是出現症狀的高峰期，但剛開始出現症狀不會立刻就醫，估計近期確診人數會再增加。
何美鄉呼籲，現在不能再採檢的量能不能再落後，應該要及時確診、當下公布，這樣才能看到疫情的全貌。</t>
  </si>
  <si>
    <t>新冠肺炎疫情帶動口罩需求，各式各樣的口罩應運而生。英國精品品牌Burberry就在近日宣布推出單價90英鎊（約台幣3,600元）的經典格紋布口罩，成為全球第一家跨入口罩時尚的精品大廠。
Burberry在20日宣布，即將上市的口罩外層採用Burberry服飾產線的剩餘布料，再運用抗菌技術加強防護力，可重複使用，並強調口罩生產過程合乎環保標準、促進永續發展。
Burberry雖未公布口罩上市時間，但英國官網指出這款口罩將推出米色及淺藍色兩種顏色，有大、中、小三種尺寸，並附贈一個隨身袋讓消費者外出時將口罩收進袋子裡避免接觸病菌。每片口罩的銷售所得將捐出20％給Burberry新冠肺炎社區基金會作為防疫基金。
雖然這不是Burberry第一次生產口罩，卻是該公司首度為了商業目的生產口罩。今年4月歐洲疫情高峰期各地醫療耗材短缺，當時Burberry就曾挪用風衣生產線來生產醫療防護衣與口罩，提供給英國第一線醫護人員使用。
Burberry也在當時成立Burberry新冠肺炎社區基金會，除了募款支持醫護人員之外，也捐款給醫學研究單位推動新冠肺炎疫苗研發，吸引許多精品同業響應。
今年初中國率先爆發疫情時，全球最大奢侈品集團LVMH就捐款人民幣1,600萬元給中國紅十字會，隨後在3月底又從中國訂購4千萬片口罩，提供給法國第一線醫療人員使用。
法國精品業巨頭開雲集團（Kering）也在4月捐款1百萬美元給美國疾病控制與預防中心基金會（CDC Foundation），協助採購個人防護用具及其他醫療器材。年初以來開雲集團已在全球捐款4百萬美元，協助各大組織推動防疫工作。</t>
  </si>
  <si>
    <t>苗栗》立法院副院長蔡其昌赴國家衛生所研究慰勉新冠肺炎研究努力貢獻
謝明俊／苗栗報導
立法院副院長蔡其昌，11上午親自前往竹南國家衛生研究院，對合成瑞德西韋的研究團隊給予嘉勉，同時見證藝術家黃騰輝特別為了國衛院繪製「國家衛生研究院全景圖」的畫作捐贈簽約儀式。
國衛院為了協助政府因應新冠肺炎疫情防疫工作，生技與藥物研究所研究團隊不眠不休，在短短19天內率先完成肺炎抑制藥物瑞德西韋公克級高純度合成，並仍持續進一步的藥物研發及防疫策略。
為獎勵並感謝研究團隊的努力，國衛院長梁賡義特別安排於11日進行表揚，立院副院長蔡其昌為此特地前來給予鼓勵與肯定，對國衛院充分利用多年累積的藥物研發技術與經驗，展現國際級的亮眼成績，，安定國人對抗疫情的信心，成為此次疫情防疫工作上堅實的後盾。
先前，國衛院邀請華人首位作品登上國際VISA卡，並曾為英國皇家御用品牌設計英國威廉王子大婚紀念瓷器的著名藝術家黃騰輝，為國衛院繪製院區景緻，恰逢新冠肺炎疫情爆發，黃先生對於國衛院不眠不休的努力與義不容辭的精神相當感動，特別將畫作「國家衛生研究院全景圖」的著作權捐贈給國衛院，作為國衛院歷史典藏及公開使用，並在蔡副院長的見證下完成授權簽約儀式。
梁賡義院長表示，國衛院身為台灣最高醫藥研究機構，醫藥衛生政策的智庫，在面臨如此緊迫嚴峻的疫情，自然是第一時間就致力於可用藥物及疫苗的研發，對於全院同仁都繃緊神經，一體同心的共同努力，感到非常感動及感謝。但並不是就此止步，快篩試劑、疫苗、治療藥物的開發還在持續，流行病學的預測模型、資料庫及研究網也陸續建構，利用2003對抗SARS與2005年合成克流感之經驗，結合國內醫院、學研機構與業界之力量，望能盡速獲得對抗新型冠狀病毒的武器，降低第一線醫療人員的壓力，穩固國人信心，保護國人健康。</t>
  </si>
  <si>
    <t xml:space="preserve">據美媒《國會山莊》報導，國務卿蓬佩奧（Mike Pompeo）的太太蘇珊（Susan Pompeo）已在本月初確診新冠，比國務院在16日宣布蓬佩奧曾因接觸新冠肺炎人士自主隔離的時間還要更早。報導稱，目前蓬佩奧檢測仍為陰性，但國務院不願透露是因為接觸誰而宣布自主隔離。
報導指出，根據蓬佩奧的公開行程顯示，就在他16日宣布自主隔離的前一日舉行了邀請了各國外交官參加宴會，廣邀9百名貴賓，不過當天宴會上出席的人數不到70人，原本要致詞的蓬佩奧也臨時取消行程，由他人代打。
不過正值新冠疫情在美惡化之際，蓬佩奧不顧「避免室內聚會」的防疫建議，也違反了國務院內部「避免參加與職務無重大相關的聚會」的防疫方針，不僅引起外界批評，公衛專家更擔憂導致超級傳播事件。
另外，如同其他川普政府內的高階成員與幕僚，彭佩奧一再無視防疫規範，在出國旅行時仍多次沒戴口罩，例如在上月12日至23日的旅外行程中，被媒體捕捉到他與妻子都未戴上口罩，且在巴黎參加團體聚餐時也未戴上。
雖然在感恩節連假之後，新冠疫情在美加速惡化，至今已造成1800萬人確診、32.7萬人病歿。不過川普與其政府團隊一再舉行大型聚會，白宮在聖誕節前一周也接連舉行室內派對，引起廣泛批評。
</t>
  </si>
  <si>
    <t>新冠肺炎疫情衝擊商圈買氣，也讓第一線醫護人員備感艱辛，宜蘭大學園藝系3年級學生曾品均邀約畢業學長林聖翔開著自己經營的披薩窯烤車到陽明大學附設醫院門口，現烤50份總價值超過萬元的披薩贈送給醫院醫護人員，表達支持與鼓勵；蘇澳鎮公所也宣布中原、新馬2處公有零售市場的52家攤商免收租金3個月，官民紛紛雪中送炭，盼共同撐過疫期。
曾品均說，防疫醫護人員真的很辛苦，也讓台灣的防疫工作做得很好，日前看到某些店家或外送人員拒送餐點給醫院醫護人員，心裡感到很不捨，因此希望盡自己一點能力傳遞溫暖，讓醫護人員感受到民眾對他們的支持及鼓勵。
林聖翔剛服完兵役，接到學弟曾品均的電話後，二話不說專程從台北搭車到宜蘭，兩人一起動手現場烤製披薩，並由陽大醫院院長楊純豪代表受贈。
楊純豪說，全國一線醫護人員在照顧新冠肺炎隔離病人面臨高風險，對自己生活及家庭造成不便，確實很辛苦，也很了不起，來自社會的這份心意，醫護人員確實被鼓勵到了。
蘇澳鎮公所指出，中原、新馬公有零售市場每月租金為1500元至2400元，但從新冠肺炎爆發後，傳統市場消費民眾減少，還有攤商嘆道，向公所承租攤位20、30年，生意從未有如此慘淡。
鎮長李明哲表示，攤商們平日經營不易，且疫情有不斷拉高趨勢，為因應疫情衝擊與攤商共體時艱，從3至5月期間免收租金。</t>
  </si>
  <si>
    <t>聯亞疫苗EUA審核結果未通過，指揮中心指揮官陳時中指出是聯亞的中和抗體效力差，是未通過的主因。然而，胸腔暨重症醫師黃軒表示，不想重症、死掉，需要的不只是抗體，而是T細胞的反應，直言「中和抗體檢測多好、多高，只是商業手法的把戲而已！」
黃軒在臉書指出，各廠商一直說抗體有多高，那其實只是免疫系統的初階反應而已，真正可以讓人免於重症和死亡的是負責殺毒的「T細胞反應」，不只是因為人體內產生很多的中和抗體而已。
黃軒表示，單純的抗體，只是輕症患者的滅毒主要工具，真正能對抗病毒的殺手，是叫CD8+T細胞，也就是「殺手T細胞」，只有有用的殺手T細胞持續存在，才可能殺死重症病患身體內的COVID-19病毒。一但進入重症狀態，決勝點就是看你的殺手T細胞強不強、夠不夠久、T細胞殺毒的工具好不好。
為什麼需要的不只是抗體？黃軒表示，有科學家研究在COVID-19重症存活下來的人，和重症死亡的人，檢查他們血液中的T細胞濃度差異，才知道重症存活者，其第一線參與戰鬥的T細胞，都維持很高的水平﹔而重症死亡者，都無法維持有效的T細胞反應，因此人不想死，需要的不只是抗體而已，還需要的是T細胞參與。
黃軒表示，T細胞在對抗病毒感染中扮演非常重要的角色，負責殺毒，其中輔助性T細胞為協助淋巴細胞B細胞產生抗體，和協調其他免疫細胞的應答，而殺手T細胞負責殺死受感染的細胞，以減少病毒量，此外，T細胞還有記憶病毒的記憶性T細胞、防止免疫過度反應的調節T細胞。所以人類身體內需要的不只是有足夠的抗體，也得有足夠、真的可以工作的T細胞。且疫苗一定要打完二劑滿14天，體內才能有足夠的T細胞保護，免於重症、死亡。
對於EUA沒過，聯亞表示，疫苗經第一、二期臨床證實是高度安全，可有效誘導T細胞毒殺病毒，且對印度Delta變異株，仍保有與原始病毒株相近的中和抗體效價，但食藥署公告是以對原始病毒株中和抗體效價，與AZ比較，當作EUA免疫橋接認定標準。</t>
  </si>
  <si>
    <t>雲朗觀光與嘉義縣新港農會為共同推動提振國產農產品，旗下飯店將於12月中起陸續於各館客房擺放「黑娘媽」黑豆茶包，讓住宿房客可以免費品嘗台灣黑豆茶的好滋味。
雲朗觀光集團擁有「君品酒店」、「雲品溫泉酒店」、「翰品酒店」、「兆品酒店」以及「品文旅」五個品牌共十間飯店，遍及國內北中南東九個縣市。新港農會為了讓新港生產尚青的黑豆茶可以走出嘉義、同步接觸多個縣市的客群，此次特與雲朗觀光合作，共同推廣台灣優質農產品。
新港農會民國106年以新港在地知名廟宇奉天宮主神媽祖林默娘為精神象徵，推出「黑娘媽」自有品牌，開發出黑豆茶、黑豆粉、黑豆漿、香酥黑豆、黑豆糙米香、黑豆蔭油、黑豆蔭油膏、青仁黑豆等黑豆產品。農會總幹事林雅欣說，農會黑豆茶使用新港在地生產、非基因改造、通過「產銷履歷驗證(TAP)」的國產黑豆製作，安全且品質新鮮有保障。
飯店業者表示，受新冠肺炎影響，許多國人無法出國改走國內旅遊行程，飯店願意盡一份心力協助推廣國產優質的農產品。農糧署副署長姚志旺指出，農糧署南區分署長期輔導新港農會種植與推廣國產黑豆，新港農會黑豆產品品質好且價格實惠，農會用心生產高品質的黑豆產品，光黑豆保存設備就投入上千萬，目的在顧好黑豆品質，例如黑豆乾燥機燃料堅持不用柴油，而是用碾米後的粗糠當燃料，隔絕重金屬汙染，讓黑豆味道不會被油味汙染，給消費者高品質且可安心食用的黑豆產品。</t>
  </si>
  <si>
    <t>新北市政府宣布板橋區新埔國小預防性停課3天，新北市議員劉美芳今（8）日與新埔國小家長會長高玉素表達支持，讓疫情遠離校園。
劉美芳表示，這一波的疫情來洶洶，甚至有Delta入侵的疑慮，顯示開學季的開始，就有病毒進入校園的疑慮，希望中央及新北市政府能研議學生防疫的守則，並且在這一次的停課當中，能全力的清消校園，讓病毒遠離學校，遠離孩童。
高玉素說，這次臨時停課，家長會全力配合市府及學校的安排，在防疫相關宣導上，家長會也會來配合宣傳，希望在家長及學童的配合之下，能讓疫情順利的中止，並且趕快恢復，讓學生正常的上學。
2人共同表示，身為家長的她們，都能感受到停課帶來的不便及困擾，但畢竟健康安全是第一，希望大家都能平安，而新北市能趕緊回到繁榮日常。</t>
  </si>
  <si>
    <t>新冠肺炎疫情衝擊國內經濟，政府推出多項紓困方案協助民眾度過困難時期，但許多繁雜手續引發不小民怨。新北市長侯友宜視察汐止區公所表示，中央防疫又要紓困很辛苦，大家要共體時艱，侯強調，個體發放只是解燃眉之急，路還很長，要共同拚經濟。
侯友宜稍早接受訪問時表示，區公所同仁有反應很多聲音，他都給予很多打氣。他說中央政策下來，新北市會貫徹，他說中央防疫又要紓困很辛苦，大家要共體時艱。他說他也反映很多狀況，很多民眾仍對於紓困方案不瞭解，有些問題還在溝通，有些錢還沒到位。侯強調，會跟中央站一塊，解決民眾痛苦，中央地方共同了解，怎樣做才能到位，才能解決民眾問題，讓民眾安心、好好生活，「這是有責任的政府要做的」。
對於滾動式修正，侯表示，要碰到特別狀況才會滾動，政策下來要力求執行到底，讓民眾有感。滾動式調整是因為疫情改變才要調整。他說經濟紓困一定能快速解決民眾問題，不斷隨疫情舒緩過程當中，紓困力道要越來越大，怎樣讓經濟活絡起來。他說全民在疫情舒緩後，要拚經濟，個體發放只是解燃眉之急，路還很長，要共同拚經濟。</t>
  </si>
  <si>
    <t>疫情嚴峻掀疫苗搶打，但至今台灣僅有71萬劑AZ疫苗。無黨籍立委傅崐萁今天再次呼籲行政院長蘇貞昌，儘速開放民間企業與地方政府採購疫苗，民間與地方絕對有能力來承擔，唯有疫苗才能讓台灣成為全世界最安全的地方，台灣應把握機會，讓經濟再度起飛。
傅崐萁重申，很遺憾過去一年政府的防疫只剩「三不政策」，包含不封城、不設方艙醫院、不設新冠專責醫院，現在則是「三沒有」，沒有全民普篩、沒有足夠篩檢量能，更沒有歐美優良疫苗；面對嚴峻疫情，必須同島一命，解決目前的問題。
傅崐萁呼籲行政院，過去政府一再宣傳現階段是台美關係最好的時刻，那就應該立即與美國政府協商，至少購買到2000萬劑的莫德納疫苗，讓全民都可以免疫。倘若買不到莫德納，至少也應該開放民間企業與地方政府來採購疫苗，相信全民都樂見其成。
傅崐萁表示，這段時間不論是德國BNT或上海復星醫藥，早就和台灣有非常充分的接觸，希望閣揆蘇貞昌能立即開放地方政府與民間企業，把全世界最好的；台灣至少要有4000萬劑的莫德納或輝瑞，才能讓全體國人都施打2劑，達到接種率95％以上全台群體免疫，成為全世界最安全的國家。
傅崐萁認為，台灣必須以美國為借鏡，過去美國因一個疏失而造成十分之一人口、超過三千萬人染疫，變成全世界最危險的國家，但全面施打疫苗後，美國如今卻即將解除封城，迎接經濟啟動。
傅崐萁指出，立院將於31日第三次追加紓困預算，提高上限至6300億，他推估，若疫情持續，未來即便突破兆元救災都不夠，然而，全球最好的輝瑞疫苗國際均價每劑約22美元，如果台灣採購4000萬劑，一人打2劑，只要約264億元就能讓全民免疫，讓印度等重災區的訂單轉向台灣，而我國一整GDP約22兆，只要經濟成長5％就有1兆台幣。</t>
  </si>
  <si>
    <t>新北市板橋區某幼兒園群聚基因定序確定為Delta病毒，因為有不少學生居住在隔離的社區或是有相關接觸，新北今天增加13個學校、3170名學生停課，新北市劉和然表示，因接觸學生PCR都為陰性，明日3170名學生將全數復課。
劉和然說，疫情防治不管地方還是中央，都是要合作，因為疫情分佈情況，處理情形都不同，第一線觀察非常重要， 對於外界各種質疑與指導，新北都會虛心接受，處理過程中央防疫醫師都有加入討論，也就是為何社區B棟清空，A棟沒有，都經過專業判斷。
劉和然說，新北市這次增加13所學校停課，大家可能擔心疫情是否擴大，但都是預防性的做法， 明日3170名學生將全數復課。</t>
  </si>
  <si>
    <t xml:space="preserve">本土疫情多點爆發，中央流行疫情指揮中心今（14日）宣布新增29例本土確診，其中16例確診與萬華區茶藝館有關。「草莓姐姐」簡皎竹今日也在臉書抒發身為一個母親且又住在疫情爆發的萬華的心情，更在看到眾多網友留言鼓勵時，忍不住感動鼻頭酸。
草莓姐姐與「香蕉哥哥」林掄元結婚近3年，育有1子，她今日在臉書有感而發地寫下：「沒錯，我們住在萬華，一個疫情爆發的地區。雖然沒有在地圖框框內，但也是每天買東西吃東西坐車的地方。」
草莓姐姐坦言身為媽媽的她，現在出門都要花30分鐘思考做準備，但仔細想想，這些診足跡是一個禮拜前的事，現在再來躲避這些地方，好像來不及了。她表示最根本的方法，還是做好個人防疫，正確面對疫情觀念，以及記得自己的足跡。
草莓姐姐還說，電視上好多政府官員都是醫生，對他們有信心，至少他們對疫情有正確觀念，「就讓我們能做的做好，保持平常心，提升免疫力，一起加油。再次期待可以讓孩子安全旅遊的世界。」
最後草莓姐姐更不忘為萬華人加油，要彼此為了我們愛的人，勤洗手戴口罩，互相加油打氣比封區更重要。草莓姐姐這一席話立刻吸引網友熱烈留言鼓勵，也讓她看了忍不住感動鼻頭酸，再次留言感謝：「謝謝大家的鼓勵～～大家一起防疫大作戰！」
</t>
  </si>
  <si>
    <t xml:space="preserve">總統蔡英文今天(2日)在疫情指揮中心指揮官、衛福部長陳時中陪同下，視察指揮中心，她坦言，這段時間，有時很害怕接到陳時中的電話。
蔡英文表示，疫情指揮中心每天開記者會，應該是收視率最高的時候。她可說是一喜一憂，因憂心疫情失控，所以每天都要看指揮中心的報告，去了解疫情是不是穩定；喜的是整個社會對專業人員的尊敬和信任越來越深。
據《東森新聞雲》報導，蔡英文也坦言，她這段時間有時很害怕接到陳時中打來的電話，因為可能確診的人數比較多，她的心情會比較不好一點。但是她也很期待陳時中打電話告知每一個重要發展，她自己的心情和國人是一樣的，每天起起伏伏，但是心裡還是有穩定的感覺，「因為我們有一個很好的團隊在照顧這個國家及每一個國人」。
</t>
  </si>
  <si>
    <t xml:space="preserve">國發會今（27日）發布2020年元月景氣報告，景氣燈號綜合判斷分數為25分，月減2分，為連續第三個月亮出代表景氣穩定的綠燈。國發會表示，景氣同時指標續呈上升，惟領先指標連續2個月緩跌，顯示景氣回溫暫時受不確定因素干擾，須密切關注後續發展。
台灣景氣於2019年11月擺脫低迷的黃藍燈，接連兩個月出現綠燈，並且景氣綜合判斷分數持續升高，原本前景光明，但受到今年初以來全球景氣走疲，加以新冠肺炎疫情升溫，未來景氣增加不確定性。
國發會表示，1月景氣對策分數為25分，較去年12月的27分減少2分，燈號續呈綠燈。9項構成項目中，工業生產指數由綠燈轉呈黃紅燈，分數增加1分；機械及電機設備進口值由紅燈轉呈黃紅燈，分數減少1分；批發、零售及餐飲業營業額由綠燈轉呈藍燈，分數減少2分；其餘6項燈號不變。
另外，領先指標不含趨勢指數為101.63，較去年12月下降0.11%。同時指標不含趨勢指數為101.27，較去年12月持續上升0.28%。
展望未來，國發會表示，政府即將施行防疫特別條例，推動防疫、紓困及振興相關措施，以降低企業損失、協助產業復甦。此外，半導體廠商持續投資先進製程，疫情亦可望加速台商回台及外商對台投資，有助民間投資穩健擴增；加以政府加速公共建設執行率、優化投資環境，將推升國內整體投資動能。
外需方面，美中正式簽署首階段貿易協議，5G通訊、人工智慧等商機蓄勢待發，廠商持續調升在台產能配置，以及疫情轉單商機，可望帶動出口成長。惟近期IMF等國際機構因肺炎疫情下修中國大陸與全球經濟預測，加以疫情延燒影響中國大陸復工，進而衝擊全球供應鏈，對我國影響須密切關注。
</t>
  </si>
  <si>
    <t>今年5月因新冠肺炎確診遭隔離在雙和醫院的洪姓男子，持刀攻擊3名護理人員，檢方起訴後，新北地方法院裁定羈押，他不服提抗告，台灣高等法院認定他犯罪嫌疑重大，且有逃亡及反覆實施同一犯罪之虞，駁回抗告，裁定羈押確定。
洪男在雙和醫院隔離期間，今年5月31日持刀攻擊護理人員3名，經警方到場予以逮捕，請示檢察官後，檢察官以被告罹患新冠肺炎且在隔離中，考量此病傳染性甚強，有事實上不可抗力而無法進行偵查，6月9日下午4時15分許解除隔離後，向法院聲請羈押，新北地檢偵結後將洪起訴。</t>
  </si>
  <si>
    <t>新冠肺炎疫情爆發後，在西醫尚無專門針對這一新型病毒特效藥的背景下，中醫藥當時發揮了重要作用。大陸國家主席習近平近日於考察時指出，經過抗擊新冠疫情等重大傳染病後，對中醫藥的作用有了更深的認識，未來要進一步發展中醫藥，走中西醫結合的道路。
習近平於12日來到河南省南陽市的醫聖祠和南陽藥益寶艾草製品公司，了解中醫藥發展和艾草製品產業發展情況。
習近平說，過去，中華民族幾千年都是靠中醫藥治病救人，特別是經過抗擊新冠肺炎疫情、SARS等重大傳染病之後，對中醫藥的作用有了更深的認識。他指出，要發展中醫藥，注重用現代科學解讀中醫藥學原理，走中西醫結合的道路。
去年6月一場專家學者座談會上，習近平也曾表示「中西醫結合、中西藥並用」，是這次疫情防控的一大特點，也是中醫藥傳承精華、守正創新的生動實踐，「中國藥方」還助力全球戰疫，被多個國家借鑒和使用。
新冠疫情爆發後，以清肺排毒湯等「三方三藥」為代表的多種中醫藥防控救治手段被廣泛於中國運用。
新華社報導稱，中國國家中醫藥管理局於2020年1月在河北、山西、黑龍江、陜西四省定點醫院展開清肺排毒湯臨床救治和療效觀察，顯示有效率達90％以上，該方後被納入國家診療方案，成為治療各型新冠肺炎患者的通用方劑。
中國工程院院士、天津中醫藥大學校長張伯禮曾說明中醫藥在抗擊疫情的應用情況。他表示，中醫藥在治療輕症患者、降低轉重率方面效果顯著，中藥、針灸、按摩、八段錦等療法能夠有效調節康復患者的心肺功能和血熱等症狀，幫助復陽患者排解痰栓。
另一方面，近日，大陸商務部、國家中醫藥管理局等7部門聯合印發《關於支持國家中醫藥服務出口基地高質量發展若干措施的通知》，支持基地開展境外投資和技術合作，在國際醫療保險、業態融合等方面創新發展，並支持培養更多懂中醫、懂外語的複合型人才，完善人才激勵制度。</t>
  </si>
  <si>
    <t>新北某幼兒園群聚案已累計29人確診，外界猜疑埃及爸就是這起事件的傳染源。前台大醫院感染科醫師林氏璧表示，目前還未確認裝修工人夫婦的病毒基因序列，是否與幼兒園相同，裝修工人在9月1日發病，但他是在8月12至14日前往板橋某社區，潛伏期長達18至20天，這「不是不可能」，但當時埃及爸還在居隔中，代表感染源並非埃及爸，而是社區恐早有未知的傳播鏈。
林氏璧日前與個人臉書粉專《日本自助旅遊中毒者》分析，追感染源並非要獵巫，而是要弄清楚源頭，才能對感染範圍清楚的掌握，特別在Delta變異株進入社區時，更要努力溯源匡列。若因此追殺幼兒園教師、埃及爸，或是裝修工人，「那都大可不必」。
林氏璧指出，沒有人想生病，更何況埃及爸完全依照中央的防疫措施，問題完全不在他身上，要檢討也應該是14天3採檢的檢疫政策，再者目前也未確認裝修工人夫婦的病毒定序，是否和幼兒園完全相同，現在只是先確認他們也感染Delta變異株而已。
林氏璧說，先假設裝修工人的病毒序列與幼兒園一致，依照先前的疫調結果，他在9月1日發病，但他是在8月12至14日去板橋某社區大樓，但當時埃及爸還在居隔中，這代表裝修工的潛伏期高達18至20天，這「不是不可能」，但也代表感染根源不是埃及爸，而是在板橋社區中有未知的傳染鏈在，且在8月12至14日就已有傳染力。
林氏璧接著說，若裝修工人的序列與幼兒園不同，那就是另一個獨立的Delta變異株傳播鏈，同時他也提醒，Alpha變異株一直沒有離開，而Delta變異株可能已經在你我身邊。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病毒肆虐全球，造成百業蕭條，不只飯店、旅行社接連關門，許多人也被迫放無薪假，造成不小的經濟壓力，為提供保戶彈性的資金運用需求，新光人壽推出「防疫關懷」台幣保單借款專案，線上、線下借款優惠利率分別為1％及2％，即日起至8月31日止，保戶可善加利用調度資金，讓生活及資金運用更具靈活性。
「防疫關懷」優惠專案活動期間符合資格者，自符合資格日起享優惠利率至12月31止，優惠額度最低須達2萬元。新光人壽保單借款具備手續簡便、撥款快速、毋須徵信、免擔保人、免開辦費等優點外，對於有資金需求的保戶而言，專案固定期間的優惠利率，更能靈活調配利息支出。
因應新冠肺炎疫情，新光人壽也提醒保戶可多利用快速便捷且全年不打烊的新光人壽網路會員專區線上借款服務，在家不出門便可完成保單借款，降低接觸感染風險；另有新光人壽與新光銀行合作推出的ATM現貸卡，可使用各地金融機構ATM提款機輕鬆辦理借還款，或者委託新光人壽服務人員代辦、親臨新光人壽全國各行政中心等方式，完成保單借款申請程序。</t>
  </si>
  <si>
    <t xml:space="preserve">劉品言常在社群網站與粉絲分享日常生活，向來敢說敢言的她突然在Instagram限時動態寫下「接下來是一篇真心抱怨文，廠商們莫慌，朋友們別怕」，接著便分享網購內衣的心路歷程，不禁感嘆大胸女孩挑選內衣時的困擾。
劉品言表示疫情關係，多了不少網購的機會，但疑惑的是買一般衣服沒有尺寸問題，但是內衣就永遠小一號，總是沒有一件合穿的，即便認真對照尺寸表，最後仍然是穿不下，由於試了3間不同品牌都出現同樣問題，讓她不禁感嘆：「能不能照顧一下大胸女孩兒們的需求？能不能給我一件真實的D而不是塞了水餃當D」，更向網友求救：「請問這樣我應該要買到幾號呢？」
最後劉品言也向所有賣家喊話，「難不成大家網購點size還不能對自己誠實嗎？不然為何你們要這樣設計這巧思呢？還是哪個廠商願意聽聽我們的需求啊？！」不過抱怨完則立刻怒吃一堆零食，來宣洩心中不滿情緒。
</t>
  </si>
  <si>
    <t xml:space="preserve">世界衛生組織(WHO) 總幹事譚德塞在記者會上表示，新冠肺炎與季節性流感存在4個重要區別，它相比季節流感的差異包括：1.新冠病毒傳染力較流感低；2.引發病情較嚴重；3.目前還無針對新冠病毒的疫苗與療法；4. 流感不可控，但新冠肺炎疫情可以得到控制。
據《新華網》報導，譚德塞在例行記者會上說，世衛組織正在加深對新冠肺炎的認識，並發現它與季節性流感存在4個重要區別：
一，現有資料顯示，新冠病毒的傳播效率低於季節性流感。譚德塞指出，無症狀感染者是流感病毒的主要傳播者，而新冠病毒並非如此。「來自中國的證據顯示只有約1%的確診病例沒有症狀，且這些病例中的大多數會在兩天內出現症狀。」
二，與季節性流感相比，新冠病毒引發的疾病更嚴重。譚德塞說，目前全球新冠肺炎導致的病亡率約為3.4%，而季節性流感的病亡率通常遠低於1%。全球許多人已經具備對季節性流感病毒毒株的免疫力，而新冠病毒是一種新病毒。這意味著新冠肺炎的易感人群更多，有些人會出現重症。
三，目前尚無針對新冠病毒的疫苗和專門療法。譚德塞說，目前有20多種針對新冠病毒的疫苗正在研發，一些療法也在進行臨床試驗。
第四，流感不可控，但新冠肺炎疫情可以得到控制。譚德塞說：「我們不會針對季節性流感進行接觸者追蹤，但各國應該追蹤新冠肺炎患者的密切接觸者，這樣可以阻止傳染並挽救生命。」
譚德塞強調，正因為新冠肺炎疫情可被控制，世衛組織呼籲各國採取全面的防控措施，特別是那些已建立流感檢測和防控體系的國家可對現有體系進行相應調整，無需從零開始。
</t>
  </si>
  <si>
    <t>高中以下學校2月25日開學，因新冠肺炎疫情日益嚴峻，許多學生家長憂心忡忡，擔心校園爆發群聚感染，危害子女健康，教育部不應猶豫，應立即宣布開學日再往後延。
目前各大學因應防疫作為，大多把開學日延至3月2日，避開228連假，部分大學只延後1周於2月25日開學；至於中小學開學日依法由教育部統一規定，對於家長及學者專家的呼籲再延後，教育部卻堅持延至2月25日開學不變。
教育部長潘文忠為安撫家長的憂心，宣布協助學校採購額溫槍2.5萬支、酒精8.4萬公升以及防疫備用口罩645萬片。家長批判這些防疫物資根本不夠用，尤其年輕上班族父母親沒時間排隊，孩子上學沒口罩根本不安心。
教育部深諳口罩無法分發每位學生，竟呼籲學校及家長，配給備用口罩是有咳嗽等呼吸道症狀的師生才戴。這又讓家長更加擔憂，因為最近不但新冠肺炎疫情有擴大趨勢，流感及腸病毒也來勢洶洶。
疾管署18日公布原本春夏好發的腸病毒，上周不只新增兩例腸病毒併發重症，其中1位甚至是15歲少年，成了感染腸病毒重症年紀最大者。
更恐怖的是流感，上周就新增15例流感併發重症死亡案例，其中1位是30歲的病患，從發病到死亡僅5天。對照新冠肺炎目前1人死亡，流感7天就奪走15人的寶貴生命，目前媒體聚焦新冠肺炎，流感的嚴重性反而被忽略了。
面對新冠肺炎爆發疑似社區感染，台大公衛學院院長詹長權已公開呼籲，如果疫情是圍堵期就應延後開學，如今再加上腸病毒及流感蠢蠢欲動，防疫視同作戰，教育部應當機立斷，絕不能拿師生的健康當賭注！</t>
  </si>
  <si>
    <t>治療新冠傳出好消息，巴西近日的千人實驗發現又有一款老藥可降低死亡發生，是一款名為氟伏沙明（Fluvoxamine）的抗憂鬱症老藥，陽明醫院胸腔科醫師蘇一峰指出，該研究指出可減少新冠感染後死亡風險達9成，並獲Nature期刊註明為重要發現，可望為全球的新冠疫情帶來轉機。
台北市立聯合醫院急診醫學科醫師賴昭智，今日於新冠肺炎科學防疫線上論壇說明新藥發展，提到氟伏沙明是一款抗憂鬱症老藥，經巴西的千人試驗後發現，能有效降低新冠住院風險達32％，若服藥遵從度能超過8成，降低住院風險更可達66％。
衛福部草屯療養院精神科醫師沈政男表示，氟伏沙明是一款使用超過20年的老藥，主要用於重度憂鬱症病患，當大腦血清素降低，人就容易鑽牛角尖，引起負面情緒，而氟伏沙明的功能就是抑制大腦回收血清素，讓血清素保持在高水平，幫助人控制良好情緒。
沈政男說，目前不清楚氟伏沙明預防新冠重症的機轉為何，但這款藥副作用低，是精神科的常見用藥，且價格便宜，若將來能廣大應用在治療新冠肺炎，可望帶來很大的幫助。
賴昭智也指出，除氟伏沙明能夠老藥新用外，近期國際間也有Sotrovimab的單株抗體，以及再生元單株抗體雞尾酒療法進入三期臨床，前者可降低8成5的住院風險，後者具有可接受的安全性，並能有效降低住院、死亡率，為根除新冠疫情帶來新希望。</t>
  </si>
  <si>
    <t>新冠肺炎疫情蔓延，準備因應旺季來臨的觀光業首當其衝，高雄遊覽車業界已傳出有兩、三家業者司機放無薪假、出車率僅剩1成，計程車業者業績也狂掉5至7成，大家都希望政府能伸出援手補貼，協助他們度過考驗。
高市遊覽車公會理事長林士勛表示，三至五月是遊覽車業旺季，每月有9成出車天數很正常。但受疫情影響，目前高雄百家遊覽車業者全數受影響，大家一個月只出車3、4天，所有國內旅遊行程全數取消，僅剩工廠、公司行號的交通車。
林士勛表示，業者買車有貸款、利息、信用瑕疵等壓力，還會關係到連帶保證人、不動產設定。以他為例，旗下40輛車每月車貸200多萬元，40名司機每月人事成本約120萬元，還要加上大型停車場的年租費用。面對疫情嚴峻考驗，短期一兩個月還能硬撐，但若拉長戰線，就得走上與銀行、租賃公司協商展延貸款一途，希望政府適度補貼，舒緩業者壓力，間接維持司機們生計。
北部一山遊覽車業者表示，「這冬天很長，快撐不下去」，以前幾乎高達8成的遊覽車都會出去，在進香旺季還會供不應求，現在因為新冠肺炎疫情關係，不僅各國政府都祭出各種限令，連一般民眾也都打消出遊的念頭，對整個觀光產業鏈的影響相當嚴重，出車量不到1成，運輸業全掛，盼政府能有配套搶救「不是一個慘字能形容」。
「威士特丹號」爆發新冠肺炎個案，高雄計程車司機也人心惶惶，有運將乾脆休息放大假，也有人為討生活，歹命大嘆得面對「恐懼」。高市計程車公會理事長甘光華表示，原本受疫情影響，已接不太到客人了，如今心情更是七上八下，整體業績差了4、5成；陳姓女司機表示，建議政府多少能在油價上補助。
基隆市觀光服務促進會理事長謝燦榮指出，車隊司機的載客量絕對有下降，因為要顧家庭、顧生活，這些曾經負責載送郵輪旅客的司機都會繼續載客，車內都以消毒水來進行全面消毒，請民眾放心，而司機也都會戴上口罩來保護自己。</t>
  </si>
  <si>
    <t>東京奧運倒數81天，由於新冠肺炎疫情仍未受到控制，東奧組委會要醫療院所派遣500位護理師在東奧期間幫忙，此舉引起護理人員不滿，認為政府竟然在接近疫情爆發臨界點之際，還無視國內防疫。
據了解，東京奧運需要1萬名護理人員協助，因此東奧組委會希望有更多護理人員投入協助，但日本國內東京、大阪兩大都會區都再度進入緊急狀態，增加了護理人員的負擔，一位來自名古屋的護理師表示：「在憤怒之餘，我更震驚的是日本政府對新冠肺炎疫情的漠然，展現出人民性命是可以這樣被忽視。」
日本醫療勞動人員工會秘書長森田進指出，現在應該要重視新冠肺炎大流行的問題，而不是奧運，應該要阻止送更多醫療志工去幫忙奧運的請願，而是應該要好好一起跟人民對抗新冠肺炎，真的很生氣政府堅決舉辦奧運，不顧病人、護理師的風險。  新冠肺炎目前在日本造成1萬人死亡，加上變種病毒，都讓防疫工作更加困難，醫護人員也無法確定能否控制住情況，籌辦賽事高昂的金額，也增價納稅人負擔，估計為了這次奧運日本估計要花費154億美元（約4346億台幣），民調顯示，有八成民眾希望取消或延期。</t>
  </si>
  <si>
    <t>世界衛生組織（WHO）發言人賈撒列維克（Tarik Jasarevic）今天表示，關於南韓中部大邱市一帶發生新冠病毒「群聚」感染，世衛正與南韓保持密切聯繫。
南韓昨天通報20起2019年冠狀病毒疾病（COVID-19，武漢肺炎）新增感染病例，其中14人與大邱市數起教堂禮拜疫情有關。當局稱這是「超級傳播事件」。
賈撒列維克以電郵告訴路透社：「回應大邱市地區新冠病毒群聚感染確診病例，世衛正與南韓政府進行密切溝通。」
他還說：「世衛不會以『超級傳播』作為術語。然而，可能發生大量感染者來自同一源頭的傳播事件。這可能因為一連串環境及流行病學原因而發生。」</t>
  </si>
  <si>
    <t xml:space="preserve">我國採購疫苗截至六月底，帳面上共花新台幣67億，但實際上目前卻只花10億元購買國際疫苗。衛福部長陳時中今天指出，到現在都還在講疫苗價格的，覺得有點居心叵測，因為疫苗價格在合約中已寫得清清楚楚，就是保密事項，若再講下去就可能破壞合約，影響合約有效性與進貨時程。
陳時中今天指出，有關67億採購疫苗的爭議，其實是因為政府單位在採購疫苗前都會先編列預算數、權責數以及所付出的現金流，而我國採購疫苗後，簽約有一定的量，但現在到貨的數量卻沒那麼多，所以使用的預算自然沒這麼多，後續預算會等疫苗到貨前陸續付款。
陳時中今天再度回應67億爭議時表情嚴肅，直指現在外界仍有聲音要講價格的，根本是居心叵測，因為現在疫苗進貨是最大困難，而價格早在合約內就寫得很清楚，是雙方都要保密的事項，拜託各位不要再講，如果因此破壞保密事項，會影響到合約的有效性與進貨時程。
另外，今天外媒報導泰國政府流出一份文件，指出我國早在去年十月就已採購AZ疫苗，對此陳時中說自己沒看過該份文件，但仍強調我國早在去年九月底與COVAX簽約、十月底與AZ簽約，開始談判則更早，要往前推2、3個月。
</t>
  </si>
  <si>
    <t>新冠肺炎全球肆虐，高齡者更是感染發病死亡的高風險族群，長輩的防疫絕對不能輕忽。台南市政府社會局為讓關懷據點能持續照顧長輩，特別強化據點防疫物資及宣導防疫觀念，希望避免發生群聚感染。
社會局表示，台南市積極打造健康樂活的高齡友善城市，目前全市有368個社區照顧關懷據點，日前該局透過台南市工商發展投資策進會，共同協助據點備齊75％防疫專用消毒酒精，還提供據點因應新冠肺炎疫情防疫服務處理作為，輔導據點志工服務人員，落實長者進出據點館室量測體溫、使用酒精消毒手部等防疫措施，並於志工會議運用宣導防疫短片，加強社區志工服務知能。
另外，為防止群聚感染，也要求各據點的健康促進活動課程以戶外空間為原則，長輩倆倆間應距離1公尺以上；為避免近距離同桌共餐問題，可打菜帶回家食用；並宣導社區民眾若有發燒或呼吸道症狀，遵守呼吸道衛生及咳嗽禮節，務必配戴口罩並勤洗手，一同落實據點環境整潔消毒相關措施，全體做好防疫工作，不讓社區據點成為防疫破口
台南市長黃偉哲認為，長輩到據點參與活動，不僅能有愉快的社交生活，適度的運動又可提升免疫力，同時透過防疫宣導學習正確防疫觀念，讓長者瞭解預防新冠肺炎最有效、最經濟實惠方式，是落實勤洗手、避免觸摸眼鼻口、保持環境清潔及通風等措施。</t>
  </si>
  <si>
    <t>據大陸《央視》引述伊朗媒體報導，伊朗衛生部副部長哈利其(Iraj Harirchi)確診感染新冠病毒，已接受隔離，目前情況良好。
據伊朗伊斯蘭通訊社25日報導，哈利其在其社交媒體證實了這一說法。他表示，24日晚上的測試顯示陽性，此後他已經接受隔離，目前狀況良好。
報導說，當地時間2月25日，伊朗衛生部公共關係與信息中心主任賈汗普爾表示，伊朗新冠肺炎確診人數新增34例，新增3例死亡病例。截至25日中午，伊朗共確診新冠肺炎病例95例，死亡15例。
34例新增確診病例中，16人來自庫姆，大多數確診病例都有庫姆接觸史。賈汗普爾呼籲民眾避免出行，盡量待在家裡。
伊朗的疫情迅速擴大，自昨日起已有阿聯酋與阿曼兩國暫停與伊朗之間的航班。</t>
  </si>
  <si>
    <t>國內新冠肺炎疫情升溫，中華郵政公司宣布5月20日起導入簡訊實聯制系統，即起在全台1299間郵局營業場域實施。
中華郵政表示，除配合中央流行疫情指揮中心各項防疫措施，實施營業場所量測體溫、佩戴口罩外，亦提高整體環境清消頻次。各場域入口處執行實聯制措施，民眾可透過簡訊實聯制掃描QR Code後，完成簡訊發送即可，使用人毋須支付簡訊費用；若未攜帶手機，民眾亦可選擇以紙本填寫方式進入。</t>
  </si>
  <si>
    <t>台北市信義區確診數升高，永利市場11日爆出1名菜販確診，市場封市3天急清消。台北市副市長黃珊珊表示，這名確診攤商一開始疫調還沒有說實話，北市府花兩天調閱資料，還動員警察調監視器，才讓攤商吐實，發現攤販先生曾到環南市場批貨，目前已匡列49人免費篩檢。
黃珊珊指出，該名婦人稱因為朋友告知可以免費篩檢，就自行前往醫院做免費PCR篩檢後確診，但在疫調時聲稱有先生跟小孩，但沒有同住也沒有來往，她平時也少使用電話，因此毫無足跡可言，導致疫調困難。
黃珊珊說，疫調人員調出電信通聯紀錄，並向警局調出監視器，發現她與先生去篩檢，疫調同仁拿資料向婦人詢問後，結果婦人嚇到，才告知是在永利市場賣菜，也匡列49人，市府透過精準疫調會讓匡列者免費去篩檢。
黃珊珊強調，婦人一開始沒有說實話，調出通聯紀錄及監視器影像才知她在市場賣菜，先生有去環市場批貨，目前是陰性並在居家隔離中，此次疫調同仁很認真，抽絲剝繭，像辦案一樣辛苦，旁邊的攤商也都匡列去篩檢，後續有狀況再對外說明。</t>
  </si>
  <si>
    <t>海基會26日上午表示，已協調華航班機，於29、30日晚，從上海飛桃園，送滯留湖北的國人返台。不過湖北省台辦26日晚表示，滯留台胞希望可就近從武漢飛回台灣，若兩岸共同執飛，各飛兩班，本周內就可將申請搭乘的800多名台胞運送返鄉，此想法也已正式向台灣提出。
新華社報導，湖北省台辦透露，大陸已通過兩岸民航聯繫渠道提出，為便利台胞返鄉，由東航或東航與華航再次執飛臨時航班，運送滯留湖北台胞返鄉。
報導指，湖北省台辦負責人表示，此前由東航和華航共同執飛運送返台的361名台胞，在結束集中隔離14天后，已於25日全部回家。目前仍滯留在湖北的台胞希望就近從武漢直接返回台灣。日前統計，申請搭乘臨時航班的台胞有800多人。如實現東航運送，或東航、華航各執飛兩個航班運送，本週內即可將滯留湖北台胞全部運送返鄉，滿足他們早日回家的需要。
湖北省和武漢市新冠肺炎疫情防控指揮部近日已就當地對外交通和人員流動逐步恢復正常發出通知。根據相關規定，滯留湖北各地台胞可提出離開湖北申請，經核酸檢測及醫學檢查合格獲得健康證明後，即可自行離開當地。
海基會26日上午則指出，已指定兩架華航班機，航班號碼皆為CI504，飛行時刻表分別為3／29（日）、3／30（一）各一架次，皆是19：50從上海浦東機場起飛，預計21：50抵達桃園，提供給滯留湖北當地的台灣民眾搭乘。</t>
  </si>
  <si>
    <t>廣東官方「健康廣東」微信公號16日公布，6月15日0至24時，廣東省無新增本土確診病例和本土無症狀感染者。廣東省獲批首批60萬支重組亞單位新冠疫苗已經到粵。該疫苗是由中國科學院微生物研究所和安徽智飛龍科馬生物製藥有限公司聯合研發的重組新型冠狀病毒疫苗（CHO細胞），全程共接種3劑次。
據悉，大陸全境新增境外輸入確診病例21例，其中廣東14例（廣州1例，來自柬埔寨；深圳報告13例，均來自南非）截至6月15日24時，廣東全省累計報告新冠肺炎確診病例2650例（境外輸入1098例），在院213例。
6月15日，廣東省預防醫學會官方微信公號發布消息稱，重組新型冠狀病毒疫苗技術原理和已經運用很成熟的B肝CHO細胞疫苗類似。它是採用基因工程技術，在CHO細胞內表達病原體抗原RBD蛋白，經過純化加入氫氧化鋁佐劑製成的疫苗。整個生產過程是蛋白表達和純化的過程，沒有活病毒參與，所以生產過程是安全的，也容易大規模生產。
大陸國家衛健委發布的《新冠疫苗接種技術指南（第一版）》指出，重組新型冠狀病毒疫苗全程共接種3劑次。相鄰2劑之間的接種間隔建議大於4周。第2劑盡量在接種第1劑次後8周內完成，第3劑盡量在第1劑次後6個月內完成。上臂三角肌肌肉注射。
央視新聞報導，中國疾控中心主任高福院士此前表示，重組新型冠狀病毒疫苗要接種3針，從臨床試驗結果來看，2針效果已經很好了，仍然採用3針是基於這次新冠疫苗是一種新疫苗，但根據以往其他重組蛋白疫苗使用的經驗，3針次會更好。
廣州市疾控中心副主任張周斌15日表示，7月以後，廣州市將繼續全面推進第一劑次和第二劑次的疫苗接種工作，持續提高新冠疫苗接種人群覆蓋率。
此前，廣州市曾暫停新冠疫苗的社會接種。5月31日，廣州市副市長黎明在昨天記者會表示，廣州決定從即日起，調整新冠疫苗接種工作的節奏，近日先有序安排重點行業、重點群體的團體預約和集體接種為主，暫緩個人預約，暫停新冠疫苗的社會接種。</t>
  </si>
  <si>
    <t xml:space="preserve">伊林娛樂名模殷琦嫁給台中高明精機總經理張仕育，婚後幸福。近日新冠肺炎疫情緊張，政府趕著擴建口罩生產線，背後仰賴「工具機國家隊」投身奉獻，殷琦25日對外表示老公也投身其中，支援組合製作口罩的機器，「在這不平靜的時刻，看到同業間不分彼此，工具自己帶便當自己訂，不問獲利只為了台灣人民，感覺很溫暖。」
殷琦透過經紀公司表示，張仕育投入人力與設備的支援，但已投入成本不方便透露，「年後一開工就收到公會的召集，希望能組織一個盟軍，因為台灣遇到困難需要我們救援了，我們要完成一個不可能的任務。」她也點出其中難處，「原本一個月才能生產4台的口罩機器，現在必須在3周內完成60條生產線。」
殷琦傳達張仕育心意，「為了安定民心，為了讓大家不要陷入恐慌，讓每個人都可以無憂購買充足口罩，讓第一線的醫療人員有充足的防禦武器對抗病毒。」經常陪老公出差世界四處跑的她，因為這波疫情，接連取消數個機械展行程，包含上海、重慶以及韓國行，幸好在疫情蔓延前，她在過年前先帶了家人赴日旅遊，全程戴口罩，相當謹慎。
</t>
  </si>
  <si>
    <t>長榮機師染疫案成為第2起Delta變異株入侵社區疫情。醫師周百謙分析，雙北、桃園人口密集，室內聚集機會多，比起先前屏東疫情控制難度更高，並考驗全民防護措施是否落實。
長榮有3名機師與1名機師之子確診COVID-19（2019冠狀病毒疾病），中央流行疫情指揮中心今天公布，經基因定序全數為最早在印度發現的Delta變異株，但與其中1名最早確診的機師案16066病毒基因序列有所不同。
今年6月Delta變異株首度入侵台灣社區，在屏東縣引發本土群聚，共有17人染疫。台北醫學大學附設醫院胸腔內科主治醫師周百謙分析，屏東相對地處偏遠，人口密度低，靠著迅速篩檢與隔離策略，讓疫情迅速獲控制。
但周百謙認為，這次長榮機師染疫案，確診者足跡遍及雙北、桃園等大都市，不僅人口密集、大眾交通運輸發達，室內群聚機會也比屏東多，一旦疫情擴散到社區，防疫難度相對較高。
他舉例，屏東民眾經常在戶外活動，先前有確診個案僅聊天5分鐘就遭傳染確診，而雙北都會區民眾經常在室內停留，COVID-19病毒可能透過氣溶膠傳播，氣溶膠在室內停留時間更久，且賣場、購物車等，若未加強消毒，也可能有病毒停留。
周百謙說，目前接觸者初步篩檢結果都呈陰性，可能代表個人防護措施得宜，但仍要觀察這段時間是否還有出現其他陽性個案，且是否為預期中的個案，即匡列隔離者或者收到警示簡訊的對象，必須密切注意至少14天。
要圍堵Delta變異株，個人防護基本功仍是重點。台大公衛學院教授詹長權說，多數台灣民眾習慣室內外都佩戴口罩，未來值得密切觀察，或許可望讓社區傳播風險降低。
詹長權提醒，目前疫調要著重確診者居家活動、在外用餐或其他可能取下口罩的機會，並將這些可能取下口罩場域的接觸者列為重點篩檢對象，有助圍堵疫情。</t>
  </si>
  <si>
    <t>昨日大聯盟主席曼佛雷德(Rob Manfred)說雖然希望能在5月開季，不過仍不排除縮短賽季。大聯盟與大聯盟球員工會達成協議，針對因為新冠肺炎疫情而產生的年資、薪水、選秀的問題，一一討論解決，預計明日各隊老闆簽名同意後就宣布。
首先有關球員服務年資，今年有可能無法打滿162場，過去球員要在大聯盟待滿172天才能獲得完整年資，今年大聯盟同意，只要去年有在25人名單內或在傷兵名單的選手，即使今年取消賽季或縮短賽季，都可直接獲得1年年資。
因此貝茲(Mookie Betts)、包爾(Trevor Bauer)、史卓曼(Marcus Stroman)、瑞爾穆托(J.T. Realmuto)等球星，仍可在今年11月投入自由市場。
而根據《ESPN》報導，大聯盟選秀可能延到7月進行，且可能縮短輪次至5輪及簽約金延緩給付，還可能在2021年縮短至20輪，至於今年的國際球員簽約延到2021年1月，2021年、2022年的國際球員簽約也都會順延。</t>
  </si>
  <si>
    <t>台灣本土昨增401例確診，各縣市公布確診者足跡，醫藥粉專「MedPartner 美的好朋友」發現，案6755非常值得表揚，個案在5/10和家人去萬華某餐廳吃飯，5/17發現該餐廳有人確診，便與家人去醫院自費快篩，當時的結果雖是陰性，但這家人卻沒有因此而鬆懈，反而在政府宣布三級警戒時，確實遵守、極少外出，超自律的足跡曝光，引發網友熱議，根本是防疫典範，這家人好謹慎。
醫藥粉專「MedPartner 美的好朋友」昨在臉書分享，非常值得表揚的確診者（案6755），每個人都應該要一起做到這樣的自覺、自律。個案在5/10與丈夫和女兒去台北萬華區某間海鮮餐廳聚餐，5/11返回花蓮，後在5/17看新聞得知該海鮮餐廳有人確診，便與家人一起去醫院自費快篩，結果為陰性。
根據花蓮衛生局公布的疫調足跡顯示，個案在5/21-5/26，全國提升為三級警戒以後，多數時間都待在家裡面，若外出也都會戴口罩，與他人接觸未達15分鐘；5/24個案開始發燒、流鼻水；5/25早上9點自行去醫院急診採檢；5/26疾管署通知PCR陽性確診。
醫藥粉專「MedPartner 美的好朋友」指出，個案在快篩陰性之後，仍有落實自主健康管理，直到5/24開始出現症狀、5/25去醫院做檢查，最後在5/26確診。許多人快篩陰性之後，可能覺得安心就開始亂跑，如果大家都跟這位確診者一樣，這麼有警覺心，相信病毒也難有機可趁。大家一定要加油，一起撐過去！
超級自律的足跡吸引1.3萬人朝聖，不少網友留言大讚，「這種正向的防疫新聞才真的值得報導」、「這家人好謹慎，從到萬華到有症狀差不多2星期還是很警覺，一般人過了這麼久大概都覺得沒事了」、「非常讓人稱讚的一家人，祝早日康復」、「這個是標準範本啊！一起提高病識感」、「病毒很狡猾，希望大家提高警覺性！」</t>
  </si>
  <si>
    <t>摩洛哥突宣佈鎖國，傳出大陸曾想派包機接回台灣旅行團，居間處理者為前總統府發言人李佳霏。外交部部長吳釗燮表示，我們沒有感受李小姐替大陸施壓，但大使館已接收到大陸希望接回台灣的事宜，此舉屬於統戰。因此，駐法國代表處要更加努力，確保摩洛哥國人安全歸來。</t>
  </si>
  <si>
    <t>上午10時，北京全城防空警報鳴響，大陸國家主席習近平等國家領導人向大陸新冠肺炎疫情犧牲烈士和逝世同胞默哀3分鐘。
習近平、李克強、栗戰書、汪洋、王滬甯、趙樂際、韓正、王岐山等大陸黨和國家領導人來到中南海懷仁堂前，佩戴白花，神情凝重肅立。
今天(4日)上午十點，為表達大陸全國各族人民對抗擊新冠肺炎疫情鬥爭犧牲烈士和逝世同胞的深切哀悼，北京地鐵和京港地鐵所有線路列車皆臨時停車3分鐘，期間所有列車鳴笛三次。
同時，湖北武漢和大陸全國各地群眾靜立默哀。汽車、火車、艦船與防空警報同時鳴響。</t>
  </si>
  <si>
    <t>新冠肺炎疫情蔓延未見趨緩，全台百貨業亦積極往線上搶客，包括新光三越線上網購從美妝類擴展至3C家電、超市與婦嬰用品等達3000項，而SOGO百貨則以防疫用品為主力，上線流量在近期均有數倍成長。
三年前新光三越電商平台beauty STAGE美麗台推出僅限於美妝類，在疫情催化下，商品團隊原先要在半年後推的線上網購加速在20日提前推出「我的微型百貨」上線，強調「世界很艱難，購物要更簡單」亦頗得年輕同溫層有感，首日流量即出現數倍成長，且包括3C家電的蘋果Airpods新款等均一度賣到缺貨。新光三越商品副總歐陽慧指出，總計6大商品館、逾3,000項商品，且首波至3月18日全站免運費， 吸引驚人流量，未來將隨著季節推出包括最新美妝、服飾專區等，至於線下會員到府刷卡服務多以高單價商品需求為大宗，但其實不限金額適用館內所有商用。
SOGO百貨則自3日起SOGO iStore推出防疫商品專區，推出不到2周較去年同期業績成長超過3倍，SOGO強調，將陸續增加食品及民生用品。同時也與遠傳Friday購物平台擴大合作。而在線下則推出宅配到府服務，更新增A地購買、B地取貨等服務。
遠百線上亦應援線下實體賣場最新商品資訊與宅配到府服務，其中又以美妝類為主，遠百強調，宅配服務多數以一級商圈像是信義A13、西門町寶慶店、板橋大遠百等為主，其他各地門市受到影響不大，對應策略是228檔期將推出一系列促銷活動，除了防疫到位，各櫃位廠商亦可為顧客意願提供店外取貨或快遞宅配到府。
微風則指出，微風APP會員近60萬人次，消費滿2,000即提供免費宅配服務、到府刷卡等多項微風會員專屬智能購物服務，今年上半年更將打造的「微風新科技」攜手「台北文華東方酒店」，透過微風APP即可線上訂房，並獲得微風會員專屬優惠回饋。</t>
  </si>
  <si>
    <t xml:space="preserve">美西華盛頓州29日出現感染源不明的首例死者，是一名50多歲男病患，原本就有嚴重健康問題。但該州陸續出現至少4起不明感染源的確診個案，讓專家擔心，這已符合社區傳染定義。此外，該州一個長照中心出現一名醫護人員確診，也是美國首起醫護人員染疫，中心另有50多人出現新冠肺炎症狀，現正在接受檢驗。專家擔心，華盛頓州除了社區傳染，恐也出現院內感染。華盛頓州長英斯利已宣布該州進入緊急狀態。
首例死者就醫地點位於金恩郡（King County）的柯克蘭（Kirkland），附近有家「生命長照中心」（Life Care Center of Kirkland），該中心29日新增了2例確診個案，一為病患，一為中心的員工，兩人也都無出國史或接觸史。這也是美國第一起醫護人員確診病例。但更讓人憂心的是，長照中心另外還有多達52人出現新冠症狀，顯見該中心恐已出現院內大規模感染，疾病管制暨預防中心（CDC）已派專員前往支援。
專家直言，該州在1月21日出現第一例確診個案（從武漢回國），而今至少4起無感染源的確診病例，已屬於社區傳播病例，也顯示病毒在該州可能已擴散長達6周之久，感染人數恐在150-1500人之間。金恩郡人口約220萬，約占華盛頓1/3人口，若爆發社區傳染或院內感染，將是災難。
華盛頓州疫情擴大，但川普29日發表談話，呼籲國人無須恐慌，也無須改變日常行程，稱政府已做好「超級準備」，可應付更廣泛疫情。CDC署長瑞德菲也強調，染疫風險很低，民眾應該維持正常生活。
但政府加強了邊界防疫，川普宣布對伊朗實施旅行限制，禁止過去14天內出入伊朗的外國人入境。並提高對南韓和義大利的旅行警告，調升至最高級「不要前往」。川普也表示，考慮關閉美國與墨西哥的邊境。
</t>
  </si>
  <si>
    <t>大陸《環球時報》4日報導，大陸8月3日0-24時新增本土確診病例71例、無症狀感染者15例，顯示疫情依舊嚴峻。北京大學第一醫院呼吸和危重症醫學科主任王廣發表示，大陸這一輪疫情有三個主要的「暴發點」，一是南京-張家界，這一「暴發點」的疫情外溢到了揚州、北京等城市，二是鄭州，這是由院內感染外溢造成的，三是上海，從目前的資訊來看是和外航貨機有關，是環境暴露引發的本土病例。三個「暴發點」最終根源都還是可追溯到境外輸入。
王廣發認為，從目前來看，大部分地方採取的是「精准應對」的防疫措施，而並非大面積整體「封城」，這類措施將成為未來常態化的防疫應對措施，尤其是詳盡的流行病學調查，將成為比救治更加重要的防疫手段。
據大陸國家衛健委4日通報，8月3日0-24時，大陸共報告新增本土確診病例71例（江蘇35例，湖南15例，湖北9例，山東6例，雲南3例，河南2例，福建1例）；本土無症狀感染者15例（河南9例，湖北3例，湖南3例），顯示出疫情形勢依舊嚴峻。
從各地通報的資料看，涉及南京祿口機場傳染鏈的江蘇依然是3日新增感染者最多的省分，新增的35例本土確診病例中，南京3例，揚州32例。7月20日至今，南京累計報告本土確診病例223例，揚州市累計報告126例，無症狀感染者2例。
根公開資料顯示，揚州疫情中心點是棋牌室。在本輪疫情中，於7月21日離開已採取封控管理措施的南京江寧區，乘大巴前往揚州的64歲毛姓女子是揚州報告首例病例。官方公布行程軌跡顯示，毛婦在揚州曾往多個棋牌室打牌。在7月28日毛某成為揚州第一例確診病例後，揚州此後報告病例，多數是去過棋牌室的老年人。揚州市與湖南張家界市已採取同樣最嚴格的防疫措施。
《環球時報》報導，武漢大學醫學部病毒研究所教授楊占秋稱，此次張家界疫情並非本土暴發，屬於外來輸入型，傳染鏈條較為明確，除了外來輸入病例及其密接群體到過的地方，其他地方應該不會有新病例，這和去年年初武漢多地同時出現病例有很大不同。
楊占秋認為，雖然張家界目前採取了類似「封城」措施，但預計這種狀態不會持續很長時間，當地疫情應該兩周內就可以得到有效控制，相應防疫措施也會隨之調整。
武漢在本輪疫情迄3日24時，已報告12例本土確診病例與8例無症狀感染者，武漢市已根據疫情啟動全員核酸檢測。
在南京祿口機場疫情傳播鏈外，上海2日也發現一例新增本土病例。上海市新冠肺炎臨床救治專家組組長張文宏指出，作為機場員工，新增病例接種過疫苗，但這名確診者所有密接者沒有一例陽性。這說明，如疫苗廣泛接種可使病毒傳播速度大幅衰減。大陸有更加大的把握，在非常短的時間內做到防控。</t>
  </si>
  <si>
    <t>新冠肺炎疫情在歐美蔓延，許多城市陸續進入封城或半封城狀態，想要維持正常營運又擔心疫情衝擊的企業，在家遠距工作（Telework）成為新的模式，並帶動雲端運算及資料中心龐大商機，筆電及伺服器供應鏈接單暢旺，成為肺炎疫情壟罩下的受惠族群，法人點名台積電及南亞科等個股受惠。
包括臉書、Google、亞馬遜、微軟等大廠都已要求員工在家工作，英特爾、台積電、日月光等半導體大廠也啟動分組上班，不必進辦公室的員工則在家上班。為了避免資料外洩，同時確定公司資料安全性，除了在筆電或智慧型手機等邊緣運算裝置上要求支援安全性方案，雲端運算及資料中心等應用更是大爆發，並帶動新一代伺服器平台強勁出貨動能。
受惠於ODM／OEM廠的伺服器接單接不完，英特爾及超微直接受惠。英特爾現在主流的14奈米Cascade Lake處理器及Purley平台出貨暢旺，新一代14奈米Cooper Lake處理器及Cedar Island平台可望在第二季開始交貨，至於新一代10奈米Ice Lake處理器及Whitley平台會在下半年開始交貨，將帶動新一波伺服器平台換機潮。
超微Zen 2架構第二代EPYC伺服器處理器Rome已經量產出貨，採用台積電7奈米製程量產，因為是目前市場上唯一支援PCIe Gen 4的伺服器平台，受到許多國際網路大廠或大型企業、研究機構等採用。
超微宣布，從極端氣候分析、自動駕駛、到各種國防系統，歐洲各地的研究人員與科學家紛紛改用超微EPYC伺服器處理器，以因應各種最嚴苛的需求，超微已逐漸鞏固超級運算市場版圖。而超微近期持續提高對第二代EPYC處理器Rome在台積電7奈米投片量，年底試產第三代EPYC處理器Milan將採用台積電7奈米量產。
新冠肺炎疫情推升雲端運算及超大規模資料中心強勁需求，伺服器DRAM因此供不應求，第二季合約價計畫調漲20％。然而近期韓國半導體廠員工傳出感染新冠肺炎，韓國疫情仍未獲得控制且風險較高，DRAM市場供給疑慮再起，業界預期第二季伺服器DRAM價格漲幅可能擴大，法人看好2020年搶進伺服器DRAM市場的南亞科將直接受惠。</t>
  </si>
  <si>
    <t>台北市今無本土病例，北市衛生局說明，新增4例境外移入，從美國、烏克蘭、菲律賓入境。衛生局也提醒學生，沒有在校園接種，也未1922預約平台登記的學生，聯合醫院仁愛院區10月16日上午加開BNT門診，可以前往接種。
有關校園BNT疫苗接種，歐佳齡說，147所學校、14萬3千多人皆種已全數完成，但還有3千多名學生沒有在學校接種，提醒學生若有在1922登記，可在10月15日至18日到預約院所接種，若學校沒有接種、預約平台也沒有登記到，有請聯醫仁愛院區，16日上午加開學生BNT門診。
歐佳齡指出，國高中的學生有給他們一張「小叮嚀」，有教育局也有名冊給醫院，只要符合學生身份，確認沒有在學校施打，即可在仁愛院區施打。
對於花博疫苗接種站亂象，針對哪些地方改善？歐佳齡表示，每天接種完後會檢討、改進，昨天有民眾提出需求，今各局處加派150人力去維持秩序、提供長輩協助，同時運用場內跟場外調配，不會讓他們久候或淋雨，今天比昨天相較起來獲得大幅改善。</t>
  </si>
  <si>
    <t>美國面臨第二波新冠肺炎疫情持續升高危機，根據國家廣播公司（NBC）的統計，周三單日新增確診人數飆破4萬大關，來到逾4.5萬，創下新高紀錄。近來相當強勢的美股受此利空襲擊應聲大跌，那斯達克綜合指數更失守1萬點大關。
美股周三收盤出現近期罕見的長黑，道瓊工業指數重挫逾700點或2.7％，那斯達克指數大跌2.2％，跌破1萬點大關，周四早盤進一步開低，道指下跌逾百點或0.5％，報25,310點，但有逐漸拉回趨勢。
歐股周四早盤跳空開低，英國、德國與法國主要地區股市一度大跌約1％，但稍後拉高到小漲的局面。
根據NBC的統計，美國新冠肺炎確診人數周三新增45,557人，較4月26日第一波疫情高峰時的前高大增超過9,000人，改寫新高紀錄。包括德州與亞利桑那等好幾州單日確診人數都同創新高。
另外，根據《華爾街日報》的分析，自6月13日以來，全美7日平均新增確診人數成長率皆高於14日平均值，證明美國疫情快速加溫。
據約翰霍普金斯大學的資料，美國迄今新冠肺炎累計感染人數已超過230萬，逾12萬人死亡。由於疫情再度升溫，引發外界擔憂將衝擊社會解封與經濟復甦。
紐約、紐澤西與康乃狄克州州長周三宣布新措施，規定從疫情熱區來的旅客，需檢疫隔離兩周。
白宮傳染疾病專家佛奇（Anthony Fauci）指出，「美國目前確實出現確診人數異常暴增的情況，不過仍屬於第一波疫情的階段。」
隨著疫情升溫，川普的抗疫表現民調支持度也連連破底。根據路透／易普索公布的最新民調，對川普抗疫表現表示滿意的美國人僅三成七，創下3月初開始此一民調以來的新低，不滿意的比率更高達五成八。
另一份由紐約時報／錫耶納學院周三發布的民調也呈現類似的結果，有將近六成的受訪者不滿川普的抗疫表現。</t>
  </si>
  <si>
    <t>央視新聞報導，今天（25日）召開的北京市第247場新冠肺炎疫情防控工作新聞發佈會上，北京市政府新聞發言人徐和建表示，近期大陸多地相繼發生疫情，北京陸續發現京外關聯和本地病例，疫情形勢嚴峻複雜，首都面臨的疫情風險和防控壓力持續增大。首都嚴格進京管理聯防聯控協調機制，對首都防控措施作出調整和加強，實施「要求在京人員近期非必要不出京，按75％限流開放景區」等措施。
徐和建表示，北京市新冠疫情防控採取七項措施如下：
一是最大限度減少出京活動。在京人員近期非必要不出京，不前往新增感染者及中高風險地區所在地級市。在京黨政機關、國有企事業單位、軍隊加強所屬人員日常防疫管理和排查管控，嚴格出京審批，落實「誰申請、誰負責」「誰審批、誰負責」要求。重點場所、重點行業可視情要求出京人員在返京後立即進行核酸檢測，結果為陰性後方可返崗工作。
二是繼續堅持涉疫地區人員限制進返京政策。有1例及以上本土新冠病毒感染者的縣(市、區、旗)及14天內有該縣旅居史人員嚴格限制進返京，就地落實防疫要求，對其「北京健康寶」不賦綠碼。有1例及以上本土新冠病毒感染者所在地級市(直轄市、副省級城市的縣、市、區)其他縣人員非必要不進返京，確需來京的須持「北京健康寶」綠碼和登機登車前48小時內核酸檢測陰性證明，抵京後主動報告，進行14天健康監測。
三是所有進京人員嚴格查驗「北京健康寶」。全國各地機場、火車站、長途客運站對來京人員逐一查驗「北京健康寶」，嚴阻非綠碼人員登機登車。未安裝「北京健康寶」的，現場下載並查驗賦碼狀態。對老年人、兒童、視力聽力殘疾人等群體，可採取核驗同行人員賦碼狀態或查驗本人48小時內核酸檢測陰性證明等措施，便利不使用或不會操作智能手機人員出行。
四是加強進出京旅遊管理。市民群眾最大限度減少出京旅遊活動，京內景點嚴格控制預約人數。暫停跨省旅遊，在途團隊加強防疫管理。繼續暫停出入境旅遊業務。
五是嚴格會議論壇防疫要求。會議論壇等活動堅持非必要不舉辦原則，盡可能採用視頻形式，最大限度壓縮線下活動規模，減少外埠人員進京。確需舉辦的，按照「誰主辦、誰負責」「誰審批、誰負責」原則，嚴格落實各項防疫要求。北京馬拉松推後舉行。
六是從嚴落實公共場所防控措施。按75％限流開放公園景區、影劇院、博物館等室內外文化娛樂場所。社區棋牌室、麻將館等場所暫停營業。商務樓宇、商超、餐館、酒店、各類門店等各類室內外公共場所，嚴格落實掃碼登記、體溫檢測、佩戴口罩、「一米線」、清潔消殺、限流錯峰等措施，做好有序排隊和客流疏導，堅決防範扎堆聚集。
七是嚴格落實「四方責任」。在京各類用工單位要加強內部人員排查管理，對入境進京人員、有風險地區旅居史人員以及與涉疫人員、地區、場所有交集人員要按要求及時排查管控報告，對發現的漏管漏控漏檢問題將嚴肅倒查追責。個人要嚴格落實各項常態化防控要求，不斷提升防控敏感性，有涉疫地區旅居史、人員接觸史的加強健康監測，第一時間主動報告，按照要求進行核酸檢測、健康管理，履行好個人防控義務。對拒不配合防疫管理，故意隱瞞旅行史、接觸史、密接史的，將追究法律責任，並公開通報，提高全社會主動防疫意識。</t>
  </si>
  <si>
    <t>行政院長蘇貞昌今天一早到台南市仁德區視察三爺溪排水治理情形，被問到藍營批他說全台逾910萬人施打疫苗是大內宣，數字根本沒那麼多，蘇貞昌沒回應數字，只說當全世界因變種病毒而疫情再起，台灣70天內將疫情控制在最平穩，目前病例數只剩個位數，民眾踴躍打疫苗，裁能將疫情控制下來，至於相關數字，中央流行疫情指揮每天都會公布。
蘇貞昌今天上午7點50分起馬不停蹄在台南依序視察三爺溪、歸仁西瓜及東山龍眼、絲瓜受損災情，首站到三爺溪接受聯訪時，
被問到民眾質疑五倍券效益，「何不用五倍券付政務官薪水？」蘇貞昌說，去年三倍券大成功，有2333萬人領取使用，創造千億效果，且振興券全國普發、限期使用，地方政府及企業也跟進，效果更好。他強調，今年是複製去年成功經驗並精進，希望能在這波疫情下受衝擊內需市場包括餐廳、夜市、零售等都能使用，帶動內需市場，希望受衝擊產業能快速地振興。他也說，針對紓困部分已經發1500多億元現金，900多萬人領取。
針對高端疫苗在巴拉圭取得第3期臨床實驗核准，但遭台北市議員張斯綱暴料指與高端簽署臨床實驗備忘錄的巴拉圭國立亞松森大學醫學院，文件以「中國台灣」稱呼台灣，被問到此是否有矮化我國的嫌疑？他說，外國相關作業將請外交部進一步了解。</t>
  </si>
  <si>
    <t xml:space="preserve">新冠肺炎疫情全球肆虐，人心惶惶，腦麻孩子口罩用量約是一般人的2倍，庫存不敷使用，嘉義市婦聯會主委、前嘉義市議長蕭淑麗9日代表捐助500個口罩及2萬元防疫基金給嘉義市腦麻協會，她說，這是拋磚引玉，希望有更多人提供防疫物資幫助弱勢孩子們。
蕭淑麗說，腦麻孩子會有一些不由自主的動作，且在再耕園庇護工場群聚在一起學工藝，口罩用量比一般人更大，他們又不能去排隊買口罩，因此與婦聯會姊妹特地來捐贈500個口罩及2萬元作為防疫基金，希望讓腦麻協會能添購防疫物資，提高防疫的能量。
蕭淑麗也為協會的志工老師們加油打氣，感謝他們費心教導腦麻兒及幫忙相關防疫工作，期許大家都能加強防疫，一起平安健康渡過這次險峻的疫情。
腦麻協會主任林麗美說，協會有40名腦麻兒及10名工作人員，成人口罩不夠用，只好戴先前善心人捐贈的兒童口罩，目前成人口罩沒有庫存，就是今天收到的500個可以應急。
</t>
  </si>
  <si>
    <t>新冠肺炎疫情持續擴大，全球經濟前景籠罩陰霾，費城半導體指數連跌四個交易日之後，已較前次波段高點大跌近12％，意味著費半指數已進入修正。26日早盤反彈1.8％。
費城半導體指數25日收盤重挫3.06％，創下2008全球金融危機以來最大四日跌幅，並較2月19日創下的波段高點大跌將近12％，指數或股價跌幅超過10％即被視為進入修正。
即便費半指數近日連連下探，但該指數過去12個月仍累計上漲27％。近幾年全球晶片需求陷入低迷，市場預期半導體產業不久後將會復甦，帶動費半指數不斷上攻，但強勁的漲勢也令投資人擔心，晶片類股更容易受到利空消息衝擊。
野村Instinet基於新冠肺炎恐打擊晶片需求和銷售，24日將輝達（Nvidia）的投資評等由「中立」下修至「減碼」，並將目標價由235美元下修至230美元。輝達股價25日收盤大跌4.11％，報262.05美元，對費半指數帶來沈重下壓。
野村Instinet分析師David Wong指出：「新冠肺炎疫情對半導體產業的衝擊在近幾周逐漸加劇，公司將輝達的繪圖晶片和任天堂Switch晶片視為非必需消費品，肺炎對經濟的影響可能危及多數電子終端產品的需求。」
Wong表示，輝達的遊戲晶片業務占整體營收比重過半，且對手超微（AMD）在繪圖晶片市場的競爭日益加劇。
此外，美銀美林預期肺炎疫情將影響美光（Micron）晶片銷售，25日下修美光股票投資評等，由「買進」一口氣調降至「遜於大盤」，目標價訂為50美元。美光25日收盤報52.1美元。
美銀美林分析師Simon Woo指出，調查顯示，美光3月，甚至第二季可能面臨砍單。
野村Instinet同時下修2020年全球晶片產業銷售預測，由4,370億美元降至4,290億美元，意味著營收成長率由6％減至4％。</t>
  </si>
  <si>
    <t xml:space="preserve">新冠病毒仍在美肆虐，至今已確診破百萬、並造成5.8萬人死亡，超越越戰陣亡人數。面對此一數據，美國總統川普28日卻樂觀地表示「疫情最糟糕的日子已過去了」，暗示重啟全國經濟的時機即將來到。
據美《國會山莊》報報導，川普在白宮接見受惠於緊急貸款計畫的小型企業主時，對美國重啟飽受疫情衝擊的經濟表達樂觀。他表示，「我們的國家正在對抗這可怕的禍害時，政府持續幫助那些失去摯愛、悲切傷痛的美國人民，我們同舟共濟、終將戰勝；我們的即將重返且變得更強大」。
在川普接見小企業主的場合上，與會者感謝川普政府的「薪資保障計劃」（Paycheck Protection Program ），讓許多小企業得以在疫情中生存，持續發放員工薪資，一名受邀上台演講的受薪員工向川普政府表示，「你們真的就是我的家人」，其他受邀到場的小企業主也對川普團隊讚美有加。
正當白宮仍在尋求復甦全美經濟，美國已有數州宣布在未來數周將放寬原先的居家防疫等限制政策。而白宮防疫團隊最高公衛專家佛奇（Anthony S. Fauci）28日也表示，他希望在5月底或6月初時，每一位需要檢測新冠病毒的人民都可以受檢。
雖然川普一心想恢復經濟，但紐約時報先前取得美國國土安全部、衛生及公共服務部相關文件報導，根據文件預測顯示，美國居家防疫如實施30天就鬆綁，全美新冠肺炎感染人數將在夏季飆升，恐奪走20萬條人命，死亡人數只比毫無防疫作為少10萬人。
</t>
  </si>
  <si>
    <t>為了防止新冠肺炎疫情擴散而實施的封鎖措施，迫使經銷商關閉商店，並導致生產與銷售中斷，歐洲4月新車銷售崩跌。
歐洲汽車製造商協會公布，4月歐盟新車登記數較去年同期暴跌76.3%，較3月的年減55%進一步惡化。
歐洲大部分國家在3月中開始實施封鎖措施。該協會表示，4月是歐洲實施封鎖措施第一個完整的月份，該月汽車需求量創下史上最大跌幅。歐盟4月新車銷量從去年同期的114萬3046輛跌至略逾27萬輛。
歐盟27個會員國的新車銷售都出現2位數衰退，其中以義大利與西班牙的跌幅最大，分別為97.6%與96.5%。此外，德國4月新車銷量年減61.1%，法國銷量年減88.8%。</t>
  </si>
  <si>
    <t>鼠年新春全球金融市場受到中國大陸新冠肺炎（COVID-19）的突襲，主要國際股市紛紛重挫，也打亂了台股多方新春紅盤衝關12,682點的步調，台股加權指數一度回測半年線支撐。雖然現階段相關疫情的訊息仍不斷擾動人心，但整體來看，除非疫情失控擴大，不然這次疫情對股市的最壞影響應已結束，後續將進入產業調整與類股輪動的階段。
就經濟面來看，這次新冠肺炎在內需旺季的農曆春節爆發，對中國大陸的內需經濟造成重大的傷害，原本受惠龐大春運所帶動的旅遊、運輸、餐飲及娛樂等需要人與人接觸的服務業，在防疫措施的限縮下，幾近停擺，外資甚至預期中國2020年經濟成長率最壞情況可能不到5％，加上各國政府採取的旅遊禁令，限制中國旅客，重創觀光產業，影響層面擴大，預期亞洲首季整體經濟成長率將明顯放緩。
從產業供應鏈的角度，由於武漢不僅是中國「九省通衢」的交通要道，更是中國半導體、面板產業的重要生產基地，也是中國的光纖及汽車生產重鎮，在中國製造2025計畫中擁有重要地位。
這次新冠肺炎的重災區武漢（湖北），對中國大陸製造業造成的衝擊不言可喻。加上大陸官方為控制疫情先延長農曆新年假期，而後各省多處城市採取封閉管理措施，導致整體大陸製造業陷於停擺狀態。雖然部份製造業廠商已在2月10日復工，但各地的封鎖檢疫措施已阻礙物流的運轉及外地員工返工，造成現階段廠商有效產能將僅有二到三成，對資通訊產業的零組件及產品組裝出貨量都受到延宕。
就市場短期需求來看，疫情造成對消費性電子的需求斷崖式下滑，根據市調機構預測，大陸智慧手機第一季出貨量將下降32％，由去年同期的約8,900萬支降至6,000萬支。由此來看，2、3月電子業大廠營收都不會太好，且進一步影響第一季的財報數據。
回顧過往SARS對中國大陸的影響，對於經濟與股市應屬短期效應。SARS起初自廣東省開始，當時的防疫措施與觀念都不及現在，故疫情延燒超過三個月，並在第二季達到高峰，導致中國大陸當時第二季的經濟成長率由前一季的11.1％減少2個百分點，降至9.1％。但在人行大幅寬鬆貨幣救市，及疫情逐漸受到控制後，大陸第三季經濟成長率便重新站回10％以上，金融市場也逐漸重回原本的上升軌道。
雖然現階段新冠肺炎疫情仍舊緊張，中國大陸的經濟規模也今非昔比，造成的經濟損失將更為龐大。但研判此次疫情對大陸經濟與金融市場的影響過程會與當初SARS接近，即最大衝擊會出現在第一季，第二季起便可望出現反彈，主要是產業供應鏈可望在3月逐漸回復正常，對消費性電子產品的支出及5G產業的投資雖然延後，但並未消失。加上中國人行這個月已釋出1.5兆元人民幣的資金來救市，只要疫情不失控，預期中國大陸的經濟成長率可望在下半年出現較明顯的回升。
就市場面來看，雖然1月底、2月初，全球金融市場都受到疫情影響，出現明顯的回挫，但隨著疫情原因逐漸明朗，疫苗與治療藥物開發也出現進展，市場逐漸回穩，美股甚至再創新高。值得留意的是，位居疫情風暴中心的陸股也走出2月3日紅盤日重挫8％的低谷，在利空中連續彈升，大幅收斂指數跌幅。其中，以科技股為主的深圳指數更領先以傳統大型股為主的上證指數封閉下跌缺口，站回疫情風暴前的點數位置，顯示先前一再提醒中國大陸股市結構向科技類股轉型的方向並未改變。
總結來說，如同年前的分析，鼠年的行情不再是一路上升的行情，加上未來一兩個月市場仍需受到營收、財報等數據利空考驗，股市波動上下刷洗的幅度不會小，次數也不會少，類股輪動的速度快，操作的難度也會較去年提高。
投資人在選股上，宜先避開餐飲、交通、觀光等內需產業，畢竟其產業環境受到疫情衝擊最深，就算要回復也要不短的時間。科技股仍是相對看好的選項，特別是與5G相關的網通產業及零組件等標的。</t>
  </si>
  <si>
    <t>香港出現狗被確診新冠肺炎的首例！新冠肺炎確診者、香港女富豪周巧兒的愛犬，之前經香港漁農自然護理署兩次病毒測試，發現其口腔及鼻腔樣本呈弱陽性反應，成為世界首例。
頭條日報網4日報導，香港漁護署曾徵詢港大、城市大學及世界動物衛生組織專家的意見，他們一致認同有關結果顯示，這條狗已低程度感染有關病毒，並很可能由人類傳染，目前正在港珠澳大橋口岸動物居留所接受檢疫。</t>
  </si>
  <si>
    <t>本周美國又有新的州不顧公共衛生專家的警告，準備解除為控制疫情實施的限制舉措，而白宮預計4月的失業率將達到16%或更高。科羅拉多、密西西比、明尼蘇達、蒙大拿和田納西州將加入嘗試重啟經濟的行列，而這些州沒有衛生專家所稱防止疫情反彈所需的檢測和接觸追蹤的基礎設施，無法保障民眾的生命安全。
在一個月的封鎖之後，喬治亞，俄克拉荷馬、阿拉斯加和南卡羅來納已經採取措施重啟經濟。
這些前所未有的限制措施導致3月中以來有創紀錄的2,650萬美國人申請失業救濟。美國國會預算辦公室(CBO)週五預計，第二季經濟年率將萎縮近40%。CBO預計，即使是明年，平均失業率也將在10%以上。
白宮經濟顧問哈西特(Kevin Hassett)對記者表示，美國4月失業率可能達到16%甚至更高。「我認為未來幾個月將非常可怕，」哈西特週日表示，「你將看到的數字將是我們所見過的最糟糕的。」
在全美各地爆發抗議活動、要求解除居家令之際，田納西州表示，週一將允許餐館重新開門。密西西比州的居家令也在同一天到期。
蒙大拿州將允許企業週一復工，但前提是他們需限制產能和實施社交距離，明尼蘇達州將允許部分企業週一復工，工業、製造業和在辦公室工作的8萬至10萬人將重回工作崗位。
科羅拉多州的民主黨州長Jared Polis允許可路邊取貨的零售店週一恢復營業。美發店理髮店和刺青店週五可以營業。零售店、餐廳和電影院之後也將開放。
但大多數州解除限制舉措的步伐並不統一。比如，丹佛將居家令延期至5月8日，但城市居民可駕車到附近的縣城理髮。喬治亞禁止地方實施比州法更嚴格的法規。
有八個州從未命令居民呆在家中，他們是阿肯色州、愛荷華州、內布拉斯加州、北達科他州、俄克拉荷馬州、南達科塔州、猶他州和懷俄明州。
幾項民調顯示，多數美國人希望待在家中以防感染新冠病毒，儘管這會對經濟有影響</t>
  </si>
  <si>
    <t>民進黨副秘書長林飛帆近日PO出自己在廚房切雞肉的「防疫生活」照，表示疫苗已陸續到位，也呼籲民眾沒事宅在家。未料鄉民完全不領情，紛紛大酸「這就是月薪9萬的廚房嗎」、「15萬(劑疫苗)又開始吹了」、「殺雞取暖？」而林飛帆不久後也將照片悄悄下架。
林飛帆在臉書表示，第一批莫德納疫苗已經抵達台灣，還有上周抵台的AZ疫苗也開始提供給第一線防疫人員，還有更多疫苗會陸續到位，預估8月時能有1千萬劑。在疫情舒緩前，請民眾沒事宅在家。文章還附上一張在中島式廚房切雞肉的照片。
此篇文章被鄉民CrazyWinnie(據網友稱，此帳號為卡神楊蕙如所有)轉到PTT後，鄉民大酸「殺雞是為了取暖？」、「日子過得不錯啊，不抗議了嗎？」、「那隻雞=被魚肉的人民」、「領9萬的廚房就是專業」、「前線醫護人員有多慘，這張照片就有多諷刺。」
還有鄉民發現，林飛帆照片中的廚房，疑似是專業攝影棚，與過去藝人鄭元暢節目拍攝的廚房一樣。鄉民們紛紛表示「發個臉書還要先去攝影棚拍照？」、「不懂為何這時間點還要作秀耶飛帆」、「這人臉皮真的厚出一個新境界。」、「假鬼假怪的瘦版沈玉琳。」林飛帆在不久後悄悄將照片下架。</t>
  </si>
  <si>
    <t>大陸國新辦今（21日）舉行有關科技創新支撐疫情防控記者會，大陸科學技術部副部長徐南平表示，最快的疫苗將於4月下旬左右，申報臨床試驗。
大陸新冠肺炎確診與死亡人數持續攀升，日前，大陸科研團隊宣佈疫苗已經開始動物試驗，最快4月就可進行人體臨床試驗。
當時第一財經報導，一款新冠病毒疫苗由大陸疾控中心、上海同濟大學醫學院和上海生物技術公司斯微生物共同設計開發，斯微生物提供生產疫苗樣本。新疫苗的樣本已經在100多隻健康的小鼠身上注射。疾控中心的官員證實疫苗進展的同時還強調，「這還是非常早期的階段，要用到人身上，還有很多『步』要走。」
儘管大多數科學家相信「遠水救不了近火」，等到疫苗被認為是安全的時候，疫情可能已經有所緩解，但是疫苗的儲備對於未來類似病毒的防控有積極意義。以伊波拉病毒為例，2014年病毒首次在西非暴發時，沒有疫苗可用，然而在2019年剛果再次暴發伊博拉疫情時，有超過20萬人注射疫苗，及時抑制疫情的擴散。
目前全球包括美國、英國、法國、澳洲等國家的研究人員仍在積極投入新型冠狀病毒疫苗的研製。</t>
  </si>
  <si>
    <t>新冠肺炎疫情蔓延全球，全台至15日累積確診達59人，連江縣政府加強防疫措施，進醫療院所須進行手部消毒、配戴口罩及量測體溫等步驟，但卻傳出有民眾不配合情況。對此，衛生福利局長謝春福強調，屢勸不聽者，將依違反《傳染病防治法》開罰3000元至1萬5000元。
衛生福利局表示，醫護同仁嚴守第一線工作相當辛苦，呼籲民眾進出醫療院所要配合相關規定，手部消毒、配戴口罩及量測體溫等，民眾配合相關措施就是對醫護人員的支持。
謝春福提到，民眾進出醫療院所若沒有口罩，醫療院所也會盡力協助幫忙，但若有屢勸不聽者，將依違反《傳染病防治法》開罰3000元至1萬5000元，目前尚未有開罰案例，若勸導後仍干擾防疫工作，將協同各單位蒐證予以開罰，嚴防疫情破口。</t>
  </si>
  <si>
    <t xml:space="preserve">敦睦艦隊22日再新增1例屏東籍確診個案，至今屏東累積5名官士兵確診，屏東縣政府接獲防疫中心通報後，隨即啟動相關疫調，足跡新增屏東家樂福新屏店，業者已在第一時間閉館全館消毒。
屏縣府衛生局指出，目前敦睦艦隊屏東籍共5例確診，且匡列79名接觸者進行居家隔離、116名自主健康管理，縣府加強電話關懷，隨時掌握民眾健康情形。
另外，4月18日國軍在潮州國中附近召集，地點在校外文化路人行道旁，屏縣府教育處強調，車輛並沒有進入校園，請家長與師生安心，環保局也已完成校園周遭消毒作業。
屏東縣長潘孟安表示，希望大家保持同理心，不要歧視，不要恐慌，如需接受疫調，也請誠實以對，一起守護台灣。
</t>
  </si>
  <si>
    <t xml:space="preserve">綠營議員連署召開臨時會，要求高雄市長進議會報告防疫政策及紓困措施，然而，海軍敦睦艦隊群聚感染，高雄防疫風險升溫，議員態度出現轉折，有人認為應如期開臨時會、有人認為可轉視訊質詢、也有人建議臨時會取消，5月15日直接開定期會，22日臨時會確認議事日程表如何決定恐怕還有變數。
民進黨、時代力量、台聯等高市議員日前連署，要求召開臨時會，針對防疫措施及紓困方案，要市長韓國瑜進議會報告，議會程序委員會通過22日至24日開會3天，且韓國瑜必須列席報告。
然而，海軍群聚染疫，有300多位官兵設籍高雄，市府近日忙於疫調，並陸續公布確診個案行經的賣場、旅館、餐廳等公共場所，要求業者閉館配合消毒，據了解，議會對開臨時會的看法已有所變化。
一名國民黨議員透露，包括國民黨團及無黨籍議員在高雄疫情升溫後，認為22日上午臨時會開議，在確認議事日程錄時應提案討論，方向包括取消臨時會、直接改為5月15日召開定期大會，或改為視訊詢答，確保防疫安全，但最後結果如何，仍須經由全體議員表決。
高市府多次表示，向議會報告是市府職責，市長韓國瑜已經準備好了，隨時可到議會報告，22日臨時會上午9點前韓國瑜也確定會到議會，至於如何開會，完全尊重議會決定。
</t>
  </si>
  <si>
    <t>中國汽車工業協會（簡稱中汽協）4日表示，2021年1月大陸汽車業銷量預計為254萬輛。由於2020年初新冠肺炎疫情爆發導致基數較低，加上與當前各家車企積極促銷，使得當月銷量年增大幅成長至31.9％。而2020年1月份，大陸汽車銷量為年減18.0％。
綜合陸媒報導，據中汽協4日公布數據顯示，分車款來看，2021年1月大陸乘用車銷量預計為207萬輛，年增28.4％，商用車銷量預估48萬輛，年增50.1％。
另據大陸乘用車市場信息聯席會3日公布的最新車市數據，1月份大陸日均汽車銷量6.6萬輛，年增25％，但較上月下降5％，走勢總體平穩。乘聯會表示，雖因大陸政府進一步強化防疫措施，北方部分地區消費者到門市買車的意願減緩，但因為春節臨近，即使返鄉購車潮較弱，但車市零售月底仍會持續拉升。
中汽協近日表示，2020年將是大陸汽車市場較低潮的年份，實際銷量2,531,1萬輛，年減1.9％，但降幅較上年已收窄6.3個百分點。預測2021年汽車銷量有望超過2,600萬輛，年增4％，其中乘用車銷量2,170萬輛，年增7.5％左右，商用車銷量460萬輛，年減10％左右。
中國汽車流通協會則指出，大陸汽車業從2018年至今經歷了三年的調整期，預計2021年起將扭轉下滑的走勢，年增率逐步恢復到正增長的態勢。
特別是新能源車表現更受到各方期待。中汽協總工程師許海東表示，預計2021年大陸新能源汽車銷量達180萬輛，年增40％，大幅優於整體車市表現。
中汽協表示，大陸透過多年來對新能源汽車產業鏈的培育，各個環節逐步成熟，豐富和多元化的新能源汽車產品不斷滿足市場需求，使用環境也在逐步改進。在此情況下，新能源汽車愈來愈受到消費者的認可，尤其在官方「新能源汽車產業發展規劃（2021-2035年）」大力推動下，新能源車未來可望迎來快速增長。</t>
  </si>
  <si>
    <t xml:space="preserve">根據日媒統計，截至今天上午10時30分止，日本全境含鑽石公主號郵輪的武漢肺炎病例共有894例，其中有51人重症；死亡人數加總鑽石公主號4人及境內感染死亡3人共7人。
日本放送協會（NHK）報導，日本政府厚生勞動省表示，日本境內因確診武漢肺炎必須使用人工呼吸器、在加護病房接受治療的重症患者，截至26日止共有51人，包括鑽石公主號上的36人及境內感染的15人。
根據NHK自行統計，日本全境疫情到上午10時30分止，共有894例確診病例，包括在境內確診感染的175名患者、鑽石公主號上705名患者，及搭乘日本政府包機返回日本的14名患者。
以日本47個都道府縣目前的175例來看，疫情最嚴重的是北海道，共有39例；東京都35例居次；愛知縣25例排名第3。接下來依序是神奈川縣18例、和歌山縣13例、千葉縣13例、熊本縣5例、石川縣4例、沖繩縣3例、長野縣2例、京都府2例、福岡縣2例。
櫪木縣、埼玉縣、三重縣、岐阜縣、大阪府、奈良縣及德島縣各一例；另外還有包括厚生勞動省職員及檢疫官等共7例。
厚生勞動省表示，不算鑽石公主號上旅客，截至25日止，日本境內已有32名患者因症狀改善等出院。
</t>
  </si>
  <si>
    <t>國發會副主委鄭貞茂30日表示，國發基金管理會今通過「受新冠肺炎影響新創事業投資要點」，凡受此波疫情影響的新創事業，可自即日起至今年9月底前提申請，國發基金審查通過後可給予6個月的營運資金。
鄭貞茂表示，針對疫情給予新創事業協助，過去都是以融資方式，這是首次以投資方式協助，他表示，經近日與業者接觸，發現新創業者受疫情影響不小，因此提出此一過度性的投資要點。
鄭貞茂表示，疫情期間新創事業仍有租金、薪資、進料等營運成本得支出，藉此要點新創業者可提出受疫情影響情況、所需營運資金等資料，經審查通過，會給予6個月的營運資金，而業者則需給國發基金等額的「特別股」，並明訂來日景氣恢復後贖回的條件，或轉換「普通股」的程序。
鄭貞茂說，針對這一投資要點會設專案審查會議，投資總金額雖未匡列，但會盡量協助，只要是新創事業，即日起至9月底前皆可來申請，為讓救援更即時，審查時程也由三個月縮短至一個月。</t>
  </si>
  <si>
    <t>去年4月，美國國務卿蓬佩奧宣稱中美貿易戰爭不只是貿易，而且是科技、甚至是整體「文明的對抗」；從此之後，敏銳的觀察家就到處可以看到這兩大文明之間的尖銳對抗。
今年是庚子年。春節過後，新冠肺炎在武漢爆發。2月3日，美國《華爾街日報》刊出一篇文章，題目為〈中國是真正的亞洲病夫〉，劈頭就說：「因為某種蝙蝠病毒，像不可阻擋的重型卡車般的中國終於在本周停住了。儘管中國當局努力控制疫情，並重啟經濟發展，但這個正逐漸習慣中國崛起勢不可擋的世界，已然發現：沒有什麼東西，包括中國的實力，可以視為理所當然。」
寫這篇文章的專欄作家瓦特·米德，是美國哈德森學院外交戰略與政策研究學者，他的幸災樂禍反映出美國的主流意見。一時之間，西方主流媒體和社交網路充斥著諸如「新黃禍」、「黃色警戒」之類帶有種族歧視的粗鄙語言，德國《明鏡週刊》甚至以「中國製造的冠狀病毒」作為封面標題。
2月初美國和日本從武漢撤僑，美國是純撤僑，並未捐贈任何醫療物資給中國大陸。日本的飛機則帶來兩萬個口罩和一批紅外線體溫計，日本漢語水平考試事務所捐贈的包裝紙箱上寫著「山川異域，風月同天」；日本醫藥仁心會等4家機構捐贈的物資上寫著「豈曰無衣，與子同裳」。
後者出自《詩經》秦風；前者則是取自唐代日本長屋王邀請鑑真法師到日本弘法時，送給大唐千領袈裟上繡的偈語：「山川異域，風月同天，寄諸佛子，共結來緣」。難怪中國外交部發言人華春瑩立即表示：銘記在心！
天道好還。到了3月上旬，新冠疫情在中國大陸已經基本上受到控制，但在歐洲和中東快速蔓延開來，其中以義大利和伊朗最為嚴重。3月10日，義大利外交部長迪馬約向中國求援，中國外交部長王毅立刻答應提供義國急需的口罩及醫療設備，同時大陸國務院聯防聯控外事處宣布成立「院士級」的「中國紅十字會志願專家組」，準備對伊朗或其他需要幫助的國家輸出「中國防疫經驗」。
當中國已經學會源自西方的科技，甚至已經「青出於藍而勝於藍」的時代，所謂中美「文明對抗」並不僅止是「綜合國力」的對抗，而且是價值觀和世界觀的對抗。東方傳統「人飢己飢、人溺己溺」的價值觀，和西方「個人主義」的價值觀，究竟何者比較能夠幫助人類應付大自然的挑戰，將在這次的新冠肺炎危機中展現無遺。大家且拭目以待。
（作者為國立台灣大學心理系名譽教授）</t>
  </si>
  <si>
    <t xml:space="preserve">香港氣質女歌手施匡翹上月中確診新冠肺炎，隨即被安排住院治療，而她直到8月14日出院，足足花了24天才恢復健康，遭踢爆是因為不配合用藥，才會拖長住院時間，被說是「最壞的榜樣」。
有名為「現役Dirty Team醫生」的讀者對《立場新聞》投稿，以〈施匡翹做了一個最壞的榜樣〉為題，指出一般確診病患約7到14天療程就能恢復，但施匡翹卻花了24天，踢爆是她在隔離治療期間堅持不接受藥物治療，才導致時間拖長，認為這樣的行為相當不可取。
消息曝光後，施匡翹打破沉默，公開發文澄清，表示自己自住院起，完全遵循醫生的診斷及治療安排，也每天跟醫護人員保持聯絡，「期間主診醫生建議我不用藥，原因是由於我一直沒有特別的病徵和年齡不大，一般會慢慢好起來」。
她表示自己完全尊重醫生的專業，「選擇這個情況下最合適的治療方法」，最後也表達了對醫生及醫護人員的感謝之意，藉由完全還原治療過程，打臉個該名爆料者，而事後，「現役Dirty Team醫生」投稿的文章，以從《立場新聞》中悄悄撤下，還給施匡翹一個清白。
</t>
  </si>
  <si>
    <t>交通部觀光局為落實強化與地方政府觀光施政意見雙向交流，25日邀請縣市政府觀光首長召開座談會，就新冠肺炎疫情對觀光產業衝擊的相關紓困方案進行討論。其中，紓困方案已進入法制作業程序，振興方案則將聚焦內旅遊、國際旅遊、旅遊景點優化3重心。
交通部20日核定紓困相關5大實施要點，觀光局表示，將以紓困、復甦及振興2方案協助業者度過難關。在紓困方案方面，將陸續依法制作業公告後，開始受理旅行業、旅宿業及觀光遊樂業申請，就營運損失救濟、營運支持及減輕營運負擔等項目提供協助。
振興方面部分，觀光局將以國內旅遊、國際旅遊、旅遊景點優化3大項目，提供國內旅遊復甦計畫－國旅補助、促進旅行業發展方案、跨縣市區域合作結合觀光產業公協會，以及鼓勵新創、國際旅客入境旅遊市場獎勵措施、旅遊景點優化等方案。
為持續提升國內觀光旅遊，觀光局將持續搭配各年度行銷主軸，推動「108、109年度台灣好行服務升級計畫」及「小鎮漫遊2.0及3.0」，由各縣市政府及業者協助盤點及提案，以新闢「台灣好行」旅行線，並達成台灣小鎮推廣3年達100個小鎮目標。
此外，觀光局將辦理觀光旅遊安全宣導周研討會，以及i-Center旅遊服務體系服務品質考評作業等計畫，透過專案講座與考核評比獎勵，提升中央與地方旅遊服務品質。
觀光局表示，藉由此次座談會議，除讓各縣市觀光首長更深入瞭解觀光產業紓困及復甦與振興方案，並透過實際討論及溝通，廣泛蒐集各縣市觀光首長寶貴意見，使政策能更貼近市場需求，迅速及全方位協助業者度過難關，將衝擊減到最低，並在疫情過後迅速復甦。</t>
  </si>
  <si>
    <t>新型非洲變種病毒Omicron來勢洶洶，為提高民眾疫苗施打率，屏東縣政府與縣內百貨公司合作，廣設施打站，加上屏東火車站及家樂福等增設疫苗施打站，縣府呼籲民眾盡早接受疫苗施打，以提升自身保護力。
首位在屏東太平洋百貨施打疫苗的林小姐說，自己第一劑打ＡＺ，聽聞可以混打莫德納，便決定就近施打，她笑著說，因為第一劑施打完畢身體不適、副作用大，加上別人說莫德納第二劑很恐怖，因此決定「親身體驗」，感受兩者不同。
屏東縣衛生局表示，即日起除了針對學生及上班族群在屏東火車站設站外，潮州火車站也在接洽安排中，另外針對社區民眾與家樂福、太平洋百貨、環球百貨合作，12月4日星期六下午1點到5點在家樂福新屏店，12月6日星期一下午3點到8點在家樂福仁愛店，12月1日至12月5日下午5點到8點，分別在環球百貨及太平洋百貨，都有提供莫德納疫苗施打服務。提醒民眾記得帶健保卡，第二劑要帶黃卡前往。
衛生局施丞貴局長表示，非常感謝屏東火車站、家樂福、環球百貨及太平洋百貨對縣府疫苗政策的支持，也提醒民眾新型非洲變種病毒Omicron國際間逐漸蔓延，在許多國家都已出現確診個案，國人切不可輕忽，雖然流行疫情指揮中心加強邊境管制，但病毒仍可能潛伏在人體內未被檢出，呼籲民眾儘早完成COVID-19疫苗施打，盡早產生抗體以提升保護力，日常生活中時時做好防疫措施，就能享有一個平安又愉快的春節假期。</t>
  </si>
  <si>
    <t xml:space="preserve">昨日新增334例本土案例，及256例校正回歸，全台僅剩台東縣沒有確診者。據疾管署「全國本土病例地理分布圖」顯示，今年以來已累計3691人確診，雙北為重災區，其中以新北市1786人最多，其次為台北市1407人、桃園市177人，另外，中部則以彰化縣96人最多，警示燈號早已亮紅燈。
根據疾管署「全國本土病例地理分布圖」顯示，今年截至5月24日為止，已累計3691人確診，以新北市1786人佔最多，其次依序為台北市1407人、桃園市177人、彰化縣96人、基隆市53人、宜蘭縣41人、台中市40人、高雄市25人、屏東縣17人、南投縣11人、台南市及新竹市各8人、新竹縣及雲林縣各6人、苗栗縣及花蓮縣各4人，最後，嘉義縣、市各1人。
除了雙北成了這波疫情重災區，確診人數加總達3193人，中部則以彰化縣疫情最嚴峻，昨日新增12人確診，累計96人染疫，警戒燈號早已轉為亮紅色，另外，台中市也有新增8人染疫，目前共40人確診，目前僅剩台東縣及外島地區，包括金門縣、澎湖縣及連江縣零確診。
★《中時新聞網》提醒您：因應新冠肺炎疫情，疾管署持續加強疫情監測與邊境管制措施， 如有疑似症狀，請撥打：1922專線，或 0800-001922， 並依指示配戴口罩儘速就醫，同時主動告知醫師旅遊史及接觸史，以利及時診斷及通報。
</t>
  </si>
  <si>
    <t>新型冠狀病毒引起的肺炎（COVID-19）席捲全球，影響本國企業及農漁民日常營運與資金調度。全國農業金庫配合政府訂定產業紓困、振興方案，減低受疫情衝擊業者負擔，協助本國企業及農漁民渡過難關。
全國農業金庫應新冠肺炎疫情紓困貸款措施如下。
一、受新冠肺炎影響之農（漁）民業者、農民團體、農企業（外銷業者）視其符合專案農貸資格，提供利率0.79～1.68％之優惠貸款。
二、中小企業優惠貸款專案，可搭配中小信保基金保證機制，利率前三個月最低1.83％起，融資期限最長三年。
三、提供舊貸戶還款困難者，可申請延期還款及本金寬緩。
四、受理期間：即日起至2020年12月31日。</t>
  </si>
  <si>
    <t>3月30日是大陸中小學生安全教育日，大陸地震局當天組織推出《居家防疫期間如何做好地震安全準備》影片和《疫情期間中小學生地震安全知識圖解》，旨在抗疫期間共同提高中小學生地震安全意識和能力。
《疫情期間中小學生地震安全知識圖解》圖文並茂，包括做好防震準備、牢記震時避險原則、掌握就近躲避的方法、明確撤離時的要求、熟知震後疏散方法、震後疏散應遵循的要求等六方面內容，希望中小學生在主動配合學校做好疫情防控的同時，認真學習防震減災科學知識，提升防震減災意識和能力。
防震準備方面，要記住應急避難場所的標誌、嚴肅對待應急演練、準備「一包」和「一卡」等，一包是裝有應急物品和藥物用品的應急包，一卡是寫有家庭住址、父母姓名、聯繫電話等聯絡小卡片。
震時避險原則方面，要根據震時就近躲避，震後迅速疏散，能跑則跑，不能跑則躲等有效地震避險方法，按各自實際情況，因地制宜，迅速做出抉擇，同時要行動果斷，不要猶豫不決，在學校上課和校園活動時，要聽從老師指揮。
據了解，自1996年起，大陸將每年3月份最後一周的星期一，設為全國中小學生安全教育日。</t>
  </si>
  <si>
    <t xml:space="preserve">因新冠狀病毒感染確診與死亡病例持續激增，義大利宣布隔離措施擴及全國。
義大利總理孔蒂（Giuseppe Conte）周一宣布，義大利倫巴底（Lombardy）行政區的封城措施將擴大至全國。義大利全國人民除了工作必要或緊急情況外，不應離開居所。他並表示，將禁止所有大眾集會，並暫停所有體育活動。
孔蒂表示，此決定是為了保護國內最脆弱的人，全境封鎖措施將於本周二（3月10日）生效，並持續到4月3日。他向全國人民呼籲：「現今正確的決定就是待在家裡，我們的未來和義大利的未來掌握在我們手中，現在我們必須比以往更有責任感」。
截至周一（3月9日）止，義大利確診病例大增24%，達到9,172人，創下自2月21日首例確診以來最大單日增幅。目前為止，確診死亡病例增至463人。
</t>
  </si>
  <si>
    <t>敦睦艦隊磐石艦爆發群聚感染，傳出行政院早在4月9日會議拍板，要求國防部發給國軍人員一天一片口罩，然而，國防部拖到17日才宣布國軍每人每天一片口罩政策，隔天便爆出官兵確診。國民黨立委林奕華質疑國防部早知情，刻意選在公布確診案例前一天提前危機處理，掩蓋國軍口罩政策延誤的疏失。對此，資深媒體人韋安直言，最嚴重的問題，就是行政院的口罩國家隊，把目標產量訂在1500萬，連軍警都無法保障。
據《鏡週刊》報導，行政院4月9日會議拍板，要求國防部依職務類別分別發放14天10片、14天14片的口罩給國軍人員，但有官員爆料，國防部卻未落實，僅針對特殊勤務人員約4萬7,500名國軍發放口罩。
對此，韋安在臉書指出，當初船艦出發的時候，每人配發幾片口罩？就算9日開始配發14天14片，船上的官兵也已經來不及了。他認為，最嚴重的問題，就是行政院的口罩國家隊，把目標產量訂在1500萬，連軍警都無法保障。
行政院發言人Kolas Yotaka回應表示，國防部正在調查，任何漫不經心或隱匿都不能容忍，調查結果一出爐會儘速請相關部會對外說明真相。Kolas指出，除國軍口罩政策會調查，針對磐石艦隊整件事情來龍去脈，包括軍人航程中集回程通報系統，發現確診案例是否有回報，都會逐一確認釐清事實真相，一旦確認調查結果，會請相關部會說明。</t>
  </si>
  <si>
    <t xml:space="preserve">新冠肺炎肆虐，眾志成城同心抗疫之際，卻有人假冒防疫人員，騙入民宅綑綁屋主洗劫財物，警方據報很快逮捕這名可惡強盜，並由法院速審速決判刑坐牢11年。
據大陸中央電視台報導，南京市一名男子上月11日，正是武漢地區新冠肺炎大爆發之際，其他省市嚴格抗疫防止擴展之際，一名業姓男子謊稱自己是疫情防控人員，以資訊登記為由騙取被害人開門，用膠帶捆綁、持刀威脅等方式向被害人強行索取人民幣8000元（約台幣3萬5千元），後被害人被迫通過微信借款2000元（約台幣8700元）轉入入業某賭博遊戲帳戶。
當地警察局據報，根據描述歹徒容貌在一天後，就抓獲這名趁火打劫的強盜歸案。南京江寧開發區法院近日公開開庭審理並當庭判決被告人業某犯搶劫罪，判處有期徒刑11年，罰金4萬元，剝奪政治權利2年。
報導指出，該案發生在新冠肺炎疫情防控的關鍵時期，由於案件事實清楚，證據確實、充分，被告人認罪認罰，江寧開發區法院迅速啟動了刑事案件快速辦理機制，受理案件後六日內審結，對打擊和減少涉新冠肺炎疫情違法犯罪行為，維護良好社會秩序起了「殺雞儆猴」積極作用。
</t>
  </si>
  <si>
    <t xml:space="preserve">「印度神童」阿南德又有恐怖預言，他在16日發表的最新影片中揭露，包括印度、美國、日本及英國等4國可能爆發新一波疫情，至於疫情何時好轉？可能要等到2023年4月以後，全球才會逐漸解封。
阿南德在16日發表的YouTube影片中指出，自6月20日開始，木星將逆行回到土星，這對全世界來說都不是好事，影響層面向包括新冠疫情、全球經濟及股市。
阿南德更進一步指出，6月20日至9月21日，包括英國等歐洲多數國家，以及印度、美國、日本等，將爆發新一波疫情，到7月火星與木星處於相對位置時才會趨緩，9月至11月將會是全世界最動盪不安的時期，經濟及股市將在11月後回歸穩定，至於全球疫情要等到2023年4月以後才會好轉，屆時全球才能逐漸解封。
因精準預言新冠疫情而爆紅的阿南德，日前預言英國、以色列這2國將在6月20日之後發生嚴重大事，與英國將原訂6月21日的解封日延後不謀而合，接著阿南德在13日發布影片，點出未來經濟復甦的5大階段，表示2023年將有「大型重置」，如今他預言下一波可能遭遇疫情侵襲的國家和解封時間點，再度引起關注。
</t>
  </si>
  <si>
    <t>先前外交部已宣布在3月21日前，以免簽方式等入境台灣的外籍人士，不需額外申請即可延長30天停留期限，停留天數不得超過180天。
外交部於3月時公布，因全球新冠肺炎疫情仍未有明顯趨緩，且各國國境及飛航限制也未傳解禁，故在3月21日（含當日）前持免簽證、落地簽或停留簽證入境台灣者且未預期停留的外籍人士，無需申請在台停留期限將一律自動延長30天。
疫情記者會上有記者提問，部分外籍人士認為台灣防疫有成，盼可以延長簽證期限拉長在台停留時間，待國外疫情趨緩後再離境。
中央流行疫情指揮中心指揮官陳時中對此表示，「如果國外的疫情仍是嚴峻的，那相信外交單位將會視情況予以延長」。</t>
  </si>
  <si>
    <t>為防止居家檢疫者亂跑，新北市加強KTV、夜店臨檢，此外，針對其他人潮擁擠、密閉空間，是否也會加強查察，侯友宜表示，私人場所有很多可以去了解，不是只有KTV、夜店，有一些場所也會評估，原則上用道德勸說方式，讓業者能配合把人潮降到最低。
另對於疫情衝擊各行業，其中公車業者反映受到很大影響，侯友宜說，公車業者從以前到現在，對防疫作為都很協助，這段時間確實有受到影響，會跟業者談紓困的方式，降低他們的損害，針對其他面臨困境的業者們，我們也都會想辦法用減稅、紓困方式，來做完整的配套，最近還會推出更多。</t>
  </si>
  <si>
    <t>新冠疫情持續已超過一年，近日又爆發群聚感染，是否因受疫情影響產生焦慮和憂鬱的情緒，進而影響自己的判斷力？根據2020年12月發表於《eLife》期刊的一項研究指出，當混亂的事情愈多，患有臨床焦慮或憂鬱症的人就愈難做出明智的決定，並且無法從錯誤中吸取教訓。
●情緒復原力　強者可以適應不斷變化
該研究由美國加州大學柏克萊分校學者進行，研究者進行兩項實驗，第一個實驗邀請86名18-50歲的民眾參與，其中包含廣泛性焦慮症及重度憂鬱症患者、出現焦慮或憂鬱症狀者，以及沒有症狀者，受試者於實驗室中，透過電腦遊戲反覆地在兩個形狀間做選擇，選擇後會出現獎勵或電擊，部份任務結果可預期部份則是變動的；第二個實驗，研究者招募了147名患有不同焦慮和憂鬱程度的美國成人，以遠距方式完成類似的任務。
兩個實驗結果皆指出，與情緒復原力強的參與者相較，不管決策結果對應的是獎勵或懲罰，同時出現焦慮和憂鬱症狀者，面對變化的環境時最難做出正確的決定；研究也發現，人們通常不自覺地以過去正向或負向的結果來做為當下決策的參考，情緒復原力強者可以更快地根據過去的成功結果來適應不斷變化的狀況。
●注意力轉為專注正向結果　有助穩定情緒
台北長庚醫院精神科主治醫師劉嘉逸說明，焦慮或憂鬱症患者若面臨重複出現且難以抉擇的情境時，比較容易將注意力放在自己所犯的錯誤上，從上述研究結果可發現，情感復原力較佳者會專注於過往正向結果的經驗。
依此研究推論，建議可於臨床中協助焦慮或憂鬱症患者，將注意力從自己所犯的錯誤轉為專注於過往正向結果的經驗，可能有助於焦慮或憂鬱患者穩定情緒，能夠在困難的情境中做出較佳的決策。
●改變看待事物觀點　3招產生好的結果
董氏基金會心理衛生中心主任葉雅馨表示，應將觀點放在「好」的事情，避免被「壞」淹沒，建議透過三個步驟來改變看待事物的觀點：
．首先「瞭解自己」：確認自己是什麼個性的人以及做決策的方式；
．再來「調整速度」：事緩則圓、急事慢做，減少因倉促決定而犯下錯誤的機會；
．最後增加「好的感覺」，常提醒自己聚焦在好的感覺上，當你做了對的決定你會有好的感覺、好的影響力，產生好的結果，此帶來的正面效應可讓自己穩定心情、增加自信。</t>
  </si>
  <si>
    <t>新冠肺炎疫情延燒，民眾繃緊神經做好防疫工作，日前全台出現口罩荒，行政院6日所推新制「口罩實名制」上路後，不少民眾抱怨買不到，一罩真的好難求。日前新北市有名客運司機，看到上車乘客沒有配戴口罩，便主動提供口罩請他戴上，無私的暖舉動，獲得不少民眾讚賞。
防疫敏感時機點，不少人大讚無私暖司機，《中時新聞網》(12日)獨家找到這位欣欣客運670路線的司機江銘奇，他表示「我很注意乘客是否戴口罩，如果沒有戴的人，我都會說為了你的安全，為了車內乘客安全，請戴上口罩，若沒有戴口罩的人，我會拿出全新口罩給他，我秉持自己夠用就好，因為公車是密閉空間傳染性很高。」
客運業者相當重視搭乘民眾的衛生與健康，客運站長趙廷芳受訪時表示「公司規定每兩小時，每位公車司機都要使用酒精擦拭扶手、欄杆、拉環，地板則是用漂白水從裡到外拖過，全面做好防疫清潔的工作，一同度過這非常時期。」</t>
  </si>
  <si>
    <t>大陸周三（23日）公布新增10宗新冠肺炎確診病例，全部為境外輸入，廣東通報最多的4宗，患者分別由印尼及孟加拉入境後確診。雖然大陸疫情已受控制，但中國工程院院士、傳染病學家、國家衛健委高級別專家組成員李蘭娟表示，要把疫情防控常態化，不能讓得來不易的防疫成果前功盡廢。
廣東省新增的輸入確診個案，全部出現在廣州，印尼和孟加拉各有2人入境後確診；同日新增境外輸入無症狀感染者7人，廣州報告3宗，分別來自印尼、孟加拉、贊比亞；佛山報告2宗，分別來自新加坡和查德；東莞報告2宗，來自印度。四川過去一日新增3宗輸入確診，天津、山東、河南則各一宗。全國累計85,307人確診，當中4634人病亡。
李蘭娟周三在官媒撰文稱，做好常態化疫情防控，必需落實早發現、早報告、早隔離、早治療的要求，控制傳染源、切斷傳播途徑、保護易感人群，及時有效救治患者。為此，社會需要加強健康教育，提高疫情防控意識。全國各級各類醫療機構需要繼續加強新冠肺炎檢測和強化診斷能力。
另外，她又呼籲要繼續強化社區防控，包括利用大數據和人工智能技術實現群防群控，事業單位、機關、學校、商業機構等都落實常態化疫情防控制度。在外防輸入方面，針對境外疫情的新情況新趨勢，採取更加靈活的措施，加強邊境地區、口岸城市衛生檢疫和隔離觀察救治能力。</t>
  </si>
  <si>
    <t xml:space="preserve">
CBA球星林書豪對新冠肺炎疫情發表心聲，呼籲起身對抗種族歧視，更為亞裔身分感到驕傲。但因他使用「新冠病毒」，及在大陸參加職籃運動，便引來部分網友灌爆他的臉書，指責「人民幣的味道！你慢慢奶啦！」、「武漢肺炎就是武漢肺炎」等等。見到這網路霸凌，北市議員羅智強怒批「1450丟盡台灣人的臉」。
羅智強在臉書表示：「現在1450，到處出征所有不稱『武漢肺炎』的人，從釋昭慧法師到林書豪，都不放過，真是丟盡所有台灣人的臉。這麼愛出征，民進黨中央黨部的公告都改口為『新冠肺炎』了，舔朝廷的1450們怎麼不去把卓榮泰的台拆了」。
羅智強更點名「王定宇，民進黨要不要黨紀處分卓榮泰；范世平，你覺得卓榮泰夠蠢嗎？」
羅智強指出「這一切荒謬笑話鬧劇的源頭，説穿了，就是蔡英文堅持要用『武漢肺炎』。全世界195個國家的政府，194都用『新冠病毒』，只有偉大的蔡英文政府『世界唯一』堅持武漢肺炎，1450還可以囂張跋扈地出征全世界，真是見鬼了的丟盡台灣人的臉！」。
羅智強並貼出「丟臉」兩字，底色大綠的貼圖，暗喻民進黨的「1450丟盡台灣人的臉」。
</t>
  </si>
  <si>
    <t xml:space="preserve">
美國新冠疫情最嚴重的莫過於紐約州，在3月時，一位母親先被感染，結果將病毒帶回家，造成17個小孩也被感染，好在一個月來陸續恢復，母親說「這真是最可怕的經驗！」
住在紐約州門羅縣的布特妮（Brittany Jencik），含收養的小孩共有18個孩子。身為大家族的母親，每天都很忙碌，在3月中旬時，布特妮在沒有意識到的情況下，被感染了新冠肺炎，開始一家人的悲劇，因為一起住著的17個小孩接連被媽媽傳染。
布特妮表示，「我根本不知道自己在哪裡被傳染的，但我最早出現症狀，兩天後小孩們就接連出現症狀，我根本不敢回想這一個多月是怎麼渡過的。」現在一家人病情正在好轉中，也請專門的清潔公司來把家裡全部清毒一下。
負責消毒的清潔公司也說，「所有員工穿著核子戰爭時，能抵抗放射能的塑膠防護衣進去消毒，一般3個人可以消毒完的工程，我們這次出動了12人。」
目前美國感染人數已超過76萬人，光紐約州就有24萬8千人。
更多 CTWANT 報導
</t>
  </si>
  <si>
    <t>新冠肺炎延燒到東北亞，連歐洲、美洲也遭殃，投資人恐慌情緒加溫，美股道瓊重挫1031點，台股今天一開盤就大跌逾百點，一度失守半年線，但隨即跌幅收歛，開盤1個小時後，指數小漲12點、來到1萬1547點，成交量已破867億元。
第一金投信全球大趨勢基金經理人葉菀婷分析，美股大跌1031點，是反映新冠肺炎疫情延燒到歐、美國家，先前歐、美國家都將新冠肺炎視同SARS，疫情局限中、港、台，沒想到鑽石公主號遊客下船，回到自己的國家後，都有通過安全檢測，但卻在檢測幾天後發病，甚至出現失控，擔憂疫情在全球延燒2個季度，很多零組件斷鏈，當第3季消費旺季來臨時，陷入商品做不出來的窘境。
而日本疫情也有擴大趨勢，日本股市日經225指數盤中一度暴跌逾千點，隨後收斂、跌點在700點之內。
台股今表現相對抗跌，葉菀婷表示，台股對疫情的反應，在新春開盤大跌近700點已經反映了，若1萬1439點半年線可以守住，台股近期不至於出現大跌、將呈盤整格局。
葉菀婷表示，新冠肺炎對經濟仍屬短期影響，如果疫情重災區能在今年夏季以前全部復工，對市場的影響可以縮小，若疫情延燒到夏季還未結束，對經濟面</t>
  </si>
  <si>
    <t xml:space="preserve">
國內新冠肺炎疫情趨緩，帶動新竹零售業買氣，新竹遠東巨城購物中心人潮回流及業績表現亮眼，五一勞動節當天業績較去年同期成長36%，今年三天連假更較去年有五成的成長，包括美妝香氛、流行服飾、3C家電表現亮眼之外，美食街及主題餐廳用餐人潮同樣明顯增加。
Big City遠東巨城購物中心配合中央防疫政策持續加強防疫措施滴水不漏，4月底改裝新櫃陸續開出已吸引不少消費者關注嘗鮮，加上連日無本土病例的好消息，五一勞動節3天連假可觀的人潮亦帶動買氣，搭配母親節加碼推出的超值活動，整體業績較去年同期成長約5成。
遠東巨城母親節活動即日起至5/10(日)流行服飾7折、精選鞋類配件5折起，美妝保養系列商品，各櫃品牌推出巨城獨家商品大打滿額贈，換季保濕、美顏緊緻、頭皮秀髮護理等搭配組合一應俱全最低下殺3折起；SABON推出保養、沐浴、香氛組及明星商品自由配，滿額再贈沐浴保養旅行組，系彩妝品牌ETUDE及innisfree更祭出全台獨家首賣商品。
即日起至5/10(日)指定樓層專櫃單筆消費2,000送100元抵用券；於遠東巨城購物中心全館消費累計達指定門檻，還有機會兌換鹿窯菇事禮盒、威秀電影票、巨城主題餐廳抵用券、SABON香氛組等滿額好禮，巨城VIP還可獨享單日全館累積消費20,000送500元抵用券，使用HAPPY GO PAY消費還享點數最高19倍送。
Big City遠東巨城購物中心表示，持續進行各項改裝調整計劃，近期陸續有桃竹苗獨家的「星野肉肉鍋」、來自日本大阪的「壽司郎」，以及全台獨家泰式麻辣鍋「辛麻泰」、韓式燒肉「姜滿堂」等獨家話題新櫃開幕，5F更將擴大營業面積延伸至創藝大樓更多餐飲輕食與婦嬰品牌全新登場，還有精選熱門商品的「Big City線上商城」即將上線。</t>
  </si>
  <si>
    <t xml:space="preserve">隨著美國總統拜登宣布6月底前將向國外提供8,000萬劑新冠肺炎疫苗，白宮更於3日宣布將先釋出2,500萬劑疫苗，而台灣也在接受的名單之中。對此，美國在臺協會(AIT)4日發布新聞稿，指出美國民眾不會忘記一開始身處新冠肺炎大流行時，台灣曾慷慨援助口罩與其他醫療緊急物資。至於援台疫苗的具體細節，之後會更進一步宣布。
新聞稿指出，對於台灣也在接受疫苗的名單之上，AIT熱切地歡迎。先前美國面臨新冠肺炎打擊時，台灣慷慨地援助口罩與緊急物資，美國民眾始終謹記在心。隨著新冠疫情在亞太升高，加上全球也面臨疫苗短缺，今天白宮的捐贈將協助台灣保護最急需保護的民眾。
新聞稿還表示，就在美台持續合作對抗新冠肺炎於全球大流行的同時，這批捐助的疫苗不只象徵雙方合作的一部分，隨著台灣持續採購莫德納疫苗，以及日本捐贈的AZ疫苗，意味著台灣疫苗劑量將得以充足。
文中最後感性地提到，從美國卡崔娜颶風、台灣莫拉克颱風，到日本311大地震，美日台民主政府將持續延續危難時期互助的傳統。
稍早，白宮發言人莎琪(Jen Psaki)在記者上宣布，部分疫苗4日就會出貨。至於輸出的疫苗將由美國食品藥物管理局批准的疫苗庫存中撥出，包括輝瑞、莫德納與嬌生疫苗。
</t>
  </si>
  <si>
    <t>本土疫情嚴峻，外籍移工不能成為防疫破口。市議員陳淑華指出，台中市移工人數高達10餘萬人為全台第二多，目前台中市只有兩個工業區及中科園區在快篩，萬一未快篩工業區出現案例將容易失控。市府強調，台中還有園區屬於經濟部管轄，經濟部正在籌備快篩作業中。
陳淑華表示，苗栗爆發移工群聚染疫，讓許多在工業區工作的民眾非常擔憂，頻頻詢問台中市政府對工業區的防疫對策？中市目前只兩個工業區及中科園區在快篩，市府應將醫護及相關防疫人力及物資應妥善分配，不能有本位主義，讓各工業區自行處理。
市府指出，市府於8日在台中市主管的神岡豐洲及南屯精密兩產業園區設置快篩站，屬於科技部管轄的中科當天也同步進行快篩作業，台中還有一些園區屬於經濟部管轄，經濟部正在籌備快篩作業中；市府主政園區快篩告一段落後，亦將支援經濟部確保台中的安全。
經發局說，中市主管的神岡豐洲及南屯精密兩產業園區設置快篩站，接受園區內外廠商預約申請本國員工及國際移工快篩，8日有5家業者共75人採檢；檢驗結果全部陰性；昨天參與快篩廠商共有14家，檢驗結果全為陰性。
經發局強調，今天神岡豐洲及南屯精密兩產業園區預計將有12家廠商，包含本國與移工共310名員工將進行快篩，市府持續鼓勵廠商預約快篩，協助企業建立防護網，避免工業區淪為防疫破口。</t>
  </si>
  <si>
    <t xml:space="preserve">隨著大陸CBA在20日迎接本季復賽，林書豪即將領軍北京首鋼迎戰遼寧隊，豪哥也在IG貼出閉眼沉思照片，更寫，「CBA球季今天重啟，但此時感受格外不同，復賽意義遠大於打球，這代表身為人類的我們，對抗後新冠時期下一步！」
「換句話說，我將帶著沉重心情站上球場，我知道還有很多人受傷、很多人生病、很多的不義，看來我打球並非正確，但我也清楚球賽代表什麼，人們可以團結在一起享受競爭性，無關年齡、膚色或信仰，籃球最棒之處就是團隊、公平與愛。」
「我還在持續學習、傾聽與思考自己如何可以變成更好的人，同時更希望我們的球賽，可以帶給全世界一些光芒！」林書豪在IG上面寫著。
林書豪19日也出席賽前記者會，當被問到接下來目標，他信心滿滿表示，「當然是冠軍！從開始打球到現在，從來沒有一個球季，我的目標不是這個。我們之前一直努力訓練，包含籃球智商與技術都獲提升，所以我很期待跟隊友上場比賽。」
至於林書豪今天將跟好友郭艾倫的對決，豪哥仍用標準答案回應，「我們是朋友，也是對手！」郭艾倫則把眼光放在贏球上面，「這不是拳擊，而是籃球！」北京首鋼將在今晚7點35分在青島賽區迎戰遼寧隊。
 Restarting the CBA season today...but this time it feels so different. The return of games means more than just hoops. It represents us as humanity fighting to take our next steps post-COVID. On the other hand, I step onto the court with a heavy heavy heart. I know there are so many people hurting, so many sick, so much injustice. It almost doesnt seem right that I get to hoop. But I also know what the game stands for - people who unite to enjoy competition regardless of age, skin color or beliefs. Bball at its best is a game of teamwork, equality and love. Im still learning, listening and thinking about how I can be a better ally. In the meantime hope our games can bring some light to the world 🏀❤️
 Jeremy Lin 林書豪（@jlin7）分享的貼文 於 PDT 2020 年 6月 月 19 日 下午 4:55 張貼
</t>
  </si>
  <si>
    <t>新冠肺炎疫情擴散，出門戴口罩已成全民習慣，但民眾黨立委高虹安質疑，對比1月底到3月中的口罩總數與分配量發現，有7600萬口罩不翼而飛，對此中央疫情指揮中心指揮官陳時中記者會上回應，指出這些口罩會用來作為14天9片口罩新制的儲備量。
高虹安在今天(10日)質詢時表示，自己統計了自1月28日到3月16日的口罩數據，總量3億6500萬片的口罩，扣掉分配給民眾、醫護人員、各大產業加上疾管署庫存後，前後竟出現7600萬的差距，質疑難道這7600萬片口罩數量變成「國家機密」。行政院長蘇貞昌雖回應「政府不可能暗槓口罩，暗槓要幹嘛」，但也無法說明口罩下落。
對此陳時中在今天記者會上作出回應，他坦承自己沒仔細看高虹安算法，但相信高虹安是數據專家，結果應該不會有錯。陳時中表示，這7600萬片口罩將會作為剛上路的14天9片口罩新制儲備量，他也說因為有這些庫存，才能從7天3片升級為14天9片。</t>
  </si>
  <si>
    <t>第24例新冠肺炎確診個案，為北部一名60多歲的女性，近2年皆無出國旅遊史，發病29天才確診，讓該病例的潛伏期引發各界熱議，而ICU醫師陳志金則在臉書解釋，潛伏期是被傳染後出現，這之間的時間。
ICU醫陳志金在臉書上PO文解釋，「潛伏期」是指「被傳染到出現症狀，這中間的時間」，並不是出現症狀到確診的時間。昨晚第24例新增個案尚不知道她是在「何時、被誰」傳染，因此目前還不清楚伏期。而這29天是指從發病到確診的時間，並非是所謂的潛伏期。
貼文曝光後，網友在留言處熱烈討論，「1月22日發燒，那潛伏期往前推的話不就更早」、「發病至確診期間也是種空窗，人為空窗非自然空窗，」、「從數據看來大部分都是輕狀，甚至都沒有症狀， 是不是要檢討一下防疫的等級」、「背脊涼了...政府加油，天佑台灣」。</t>
  </si>
  <si>
    <t xml:space="preserve">陸媒報導，四川成都一治癒者出院，10日後複檢出核酸陽性，確認二次感染！
據《央視》報導，2月19日，四川成都望江錦園出現一治癒10日後回家隔離的新型冠狀病毒患者，目前該患者和家屬都送至醫療機關治療。今日（21日）該社區物業發佈了告全體業主書，全文如下：
望江錦園新型冠狀病毒疫情防控通報
各位業主：
2月19日下午接社區通知，5棟3樓治癒回家隔離的新型冠狀病患者（回家隔離第10天，患者及家屬均未出過門，所需物資由物業送上門）按統一要求，需出門到定點醫院複檢（出門路線：從消防樓梯下樓，經單元大廳出樓棟，再經總平道路出社區大門；出門要求：戴口罩、手套）。當天晚上再次接社區通知，患者的複檢結果為核酸陽性，醫療機構需馬上接走患者及家屬做進一步的核查及隔離觀察。19日23:00左右和20日淩晨1:00左右，相關機構先後接走家屬及患者（出門路線：從消防樓梯下樓，經單元大廳出樓棟，再經總平道路出社區大門；出門要求：患者戴口罩、手套，家屬戴口罩）。物業及疾控中心隨即對該患者及家屬從家出門到社區大門所經過的路線進行了全面的消殺（詳見照片）。物業中心將會持續對該樓棟進行重點消殺，持續跟進該患者的情況，及時向全體業主通報。
</t>
  </si>
  <si>
    <t xml:space="preserve">國產聯亞疫苗沒有通過緊急授權EUA，關於國內參加聯亞第二期人體臨床試驗的3800多名受試者接下來該怎麼辦？衛福部長陳時中表示，將依照受試者意願，協助安排接種其他疫苗，可以打其他廠牌，也可以等聯亞第三期臨床試驗。
衛福部食藥署昨(15)日召開專家會議審查聯亞疫苗，21名專家中，有17人投下不同意票、4人要求補件再議，因此不予核准專案製造，陳時中今(16)日公布，很遺憾聯亞疫苗無法取得緊急授權EUA。
指揮中心指出，參與聯亞臨床試驗的受試者，簽署受試者同意書時已充分告知，試驗過程中可隨時退出試驗，且不需任何理由，臨床試驗受試者於退出或完成試驗後之後續疫苗施打規劃，將專案處理，接種前應與醫師討論身體狀況，並經專業評估相關風險後再接種疫苗。
據了解，聯亞疫苗第二期臨床試驗收案約3800人，包括12至18歲青少年、19至64歲的成人，以及65歲以上的長者。陳時中表示，若受試者想接種國內現有的疫苗，會協助安排其他廠牌的疫苗接種，由於聯亞仍可繼續執行第三期人體臨床試驗，未來可循一般疫苗上市程序，向食藥署申請藥證，如果受試者要等到第三期臨床試驗，也尊重受試者意願。
</t>
  </si>
  <si>
    <t>新冠肺炎疫情除了衝擊旅行社、飯店業、航空產業外，還有一群在第一線帶陸客團的華語導遊也大受衝擊，面臨無團可帶的窘境。華語導遊改做洗碗工、代購謀生或參加勞工局職涯訓練等度難關。他們寫信到總統府及行政院陳情，訴求特約導遊及領隊也能申請失業補助，希望能減免去年所得稅，減低大家的負擔。
家住新北市、擔任華語導遊的陳佑雯表示，2017年下半年起團量逐漸變少，2019年更是少得可憐，平均1個月能排到1團，就要謝天謝地。她說，導遊是領日工資，自己去年一整年只接到8團陸客，最多7天、最少4天，整年總收入低得可憐，今年因疫情關係，收入直接掛零。
陳佑雯表示，現在只能想辦法找別的出路賺點吃飯錢、買點麵包，最近更開始跟朋友一起做代購，去商場拿一些手工豆腐乳或蘆薈水等貨品，再把貨物送去給消費者，賺點微薄的利潤。
另名家住高雄、53歲的汪姓導遊說，他做華語導遊11年，興盛時期幾乎整年沒有休息時間，1個月能接4個8天團，這意味著當天送機後立刻接機，繼續帶團，可惜好景不常，現在幾乎所有的華語導遊，基本上工作是完全停擺。
汪姓導遊強調自己是特約導遊，拿不到旅行社開的失業證明，無法跟勞動局申請失業補助；他沮喪地說，女兒讀大二，有學費要繳，還有家庭生活開銷，最近剛應徵到洗碗工的工作，只求度過難關。
陳佑雯表示，很多前輩為了生計，改開計程車、去擺地攤跑警察，或當保全、外送員，年紀大的人面試到處碰壁，被嫌太老，為何大家不找正式工作？因為大家對帶團仍抱持一份熱忱。</t>
  </si>
  <si>
    <t xml:space="preserve">台北市環南市場出現41人群聚，中央流行疫情指揮中心今傍晚6點30分起，提早發出8萬多則警示簡訊，提醒曾前往該市場的民眾接受採檢。警示簡訊內容如下：
[疫情警示]如您曾至環南市場，且6月8日之後曾有發燒、呼吸道症狀，腹瀉，或嗅、味覺異常等疑似症狀，請就醫評估或可至社區篩檢站採檢。
指揮中心提醒民眾，收到簡訊者若有不適，務必正確佩戴外科口罩儘速就醫，不可搭乘大眾交通工具，就醫時應主動告知醫療人員相關暴露及接觸史。指定社區採檢院所醫院清單可至疾病管制署網站查詢：http://at.cdc.tw/5y262t。
本次簡訊發送範圍：北至萬板大橋，東至西藏路，南至華翠大橋，西至環河快速道路。
</t>
  </si>
  <si>
    <t>新北市板橋快篩站截至昨日篩檢497人，陽性個案達24例，陽性率4.8％，新北市長侯友宜表示，今天除了增加三站，其實在萬華事件後，就已要求17個急救責任醫院展開篩檢，因為板橋地區因為確診個案多，才馬上再增加一個篩檢站。
侯友宜強調，台北市萬華地區是集中的所以設了四個篩檢站，新北因為在周遭，才會請急救17家責任醫院，在板橋篩檢站後，中和確診個案多，今天啟動了土城醫院、永和耕莘醫院做好中和地區周遭包括新店、永和、土城、樹林支援。另外新莊樂生療養院也加入，板橋篩檢站也調整可接受三重、蘆洲地區。</t>
  </si>
  <si>
    <t xml:space="preserve">全球新冠肺炎疫情持續升溫，帶動宅經濟商機起飛，傳出Sony將大幅調升預計在今年底開賣的次世代遊戲機PS5，且調升幅度最高上看5成，據悉，鈺太(6679)為PS5的MEMS麥克風晶片獨家供應商，隨著Sony調高生產計劃，鈺太下半年營運可望大進補，第三季動能可望再更勝第二季。
全球第二波疫情捲土重來，宅經濟商機持續發酵，Sony預計在今年底開賣次世代遊戲機PS5，傳已經調升生產計劃，今年內的採購量將上看900萬台，已經相較原先調升達5成之多。據了解，因為鈺太為PS5的MEMS麥克風晶片獨家供應商，鈺太是對PS5是出手把，一個手把用2顆A-MIC套片(ASIC＋Sensor)，隨著Sony調升出貨，鈺太勢必將迎來追單，貢獻第三季營運動能可期，有機會延續第二季高檔表現，甚至更勝第二季。
鈺太第三季除新遊戲的利多消息外，鈺太也還會有TWS、穿戴等新品，且因為目前新冠肺炎在全球持續延燒，居家辦公、遠端教學等需求恐持續下去，對NB需求應該不會快速降溫，加上第三季將會有NB新品，鈺太為全球5大NB廠合作廠商，都可望持續受惠。
鈺太6月營收1.55億元，月增加5.75%，年增加28.89%，續創單月歷史新高，累計前6月營收8.1億元，年增加31.39%。
</t>
  </si>
  <si>
    <t>台灣新冠肺炎疫情在北部醫院已出現內疑似院內感染，成大醫院1日宣布大幅縮短探病時間，提升防疫規格，一般病房探視從每天開放12個半小時，大幅縮短至1小時，成人與小兒加護病房每天僅開放半小時。燒燙病房的探視縮短至1小時。
北部醫院已有看護與護理人員、清潔工確診新冠肺炎，被認為疑似院內感染，成醫1日立刻預防性提升防疫規格，繼日前宣布封閉管制住院大樓與門診大樓多處出入口。院方1日大幅限縮民眾探病時間。
成大醫院住院大樓仍維持上午7時到晚上9時限持陪病症進入規定。一般病房探視則大幅縮短，從原本每天早上9時到晚上9時30分，開放長達12個半小時的時間，大幅縮短至每天下午5時30分至6時30分，僅開放1小時探病。
成醫成人與小兒加護病房原本每天上午與下午6時至有兩個開放探視時段，提升管制後，限縮至僅開放下午6時至6時30分，僅半小時。探病人數限每次2人。燒傷病房探視時間限下午2時至3時，每次2人，較以往縮短1小時。
院方強調，全部陪病人員及訪客在病房時，皆須全程正確配帶口罩，接受護理師指導，並登錄姓名；陪病者（含照護服務員）每天早晚由護理師量體溫。
成大醫院呼籲民眾如無特別需要，儘量減少出入醫院，避免感染風險。</t>
  </si>
  <si>
    <t>全球正逐步走出新冠肺炎陰霾，台灣政府的振興措施亦有功效，國泰金控21日發布9月國民經濟信心調查，有84.9％的受訪者認為今年台灣經濟成長率可在1％以上，即鐵定「保一」，最多比率即28％是估年長1.5~1.75％；但對2021年的經濟風險，有48.5％的民眾擔心新冠肺炎疫情再次惡化。
預期2021年可能影響台股最大的黑天鵝或灰犀牛，有34.3％受訪者認為是全球財政與貨幣政策寬鬆程度，也就是各國持續放錢，台股就會維持多頭行情，但若緊縮、收錢，股市就會出現波動；也有23.8％受訪者覺得美國股市影響明年台股最深，兩者會連動；20.3％受訪者則是認為兩岸關係是明年台股最大變數。
主計總處估計2020年台灣經濟成長為1.56％，通貨膨脹率則為-0.19％，國泰金9月針對其集團客戶的電子問卷調查結果亦顯示，民眾對2020年台灣經濟成長率的平均預期值維持在1.4％，有近85％的受訪者認為經濟成長率會達1％以上，若要攀上2％，則只有2.2％的受訪者認有可能。
受訪者對2020年平均通膨預期值維持在0.4％ ，預期今年通貨膨脹率將低於1％的民眾維持在90％，但比8月的92％微降，國泰金分析，這是顯示疫情影響下民眾認為通膨緩和。
今年已過快3／4，展望2021年的台灣經濟成長率，國泰金調查有48.5％的受訪民眾認為若新冠肺炎疫情再次惡化，將成為衝擊明年經濟的最大因素，另有28.4％的受訪者擔心中美衝突進一步擴大，9.4％的民眾則憂慮供應鏈重組會提高成本，削弱企業獲利，僅1.4％的民眾認為其他新興市場動盪，會影響台灣2021年的經濟成長。
至於影響2021年台股走勢的可能因素，有34.3％受訪民眾認為全球財政與貨幣政策的寬鬆程度，是最主要原因，有23.8％受訪者選擇美國股市走勢最影響台股，另有20.3％民眾認為兩岸關係的穩定度最重要，有17％則看重台灣經濟成長及企業獲利，有3％認為是其他類別資產價格的走勢，1.6％覺得大陸股市會影響台股。</t>
  </si>
  <si>
    <t xml:space="preserve">美國總統川普急著讓學校在秋天全面復課，日前更語出驚人，指出孩童和父母被關在家裡悶出「精神創傷」，甚至「快死了」（dying）。
英國《每日郵報》（Daily Mail）報導，川普近期疾呼讓學校在秋季復課，不過全美第二大的洛杉磯聯合學區（Los Angeles Unified School District）卻已決定秋季只會進行網路授課，對此，川普14日接受美國哥倫比亞廣播公司新聞網（CBS News）專訪時，批評當地政府做了一個「很糟糕的決定」。
記者追問部分家長及老師認為學校復課並不安全，川普卻語出驚人，「孩童及家長都快因為精神創傷死了，他們快死了是因為他們不能做他們之前在做的事，父母親不能去工作，因為突然間他們必須待在家裡看小孩。」
川普強調，不能讓小孩去學校上課，對父母造成了「巨大壓力」，「我們必須讓學校開學。」
不過川普並沒有權限強制要求學校何時復課，只有州政府及地方政府才有權力，川普日前揚言要扣住聯邦政府給予學校的經費，以施壓地方政府復課，不過報導指出，川普同樣無法撤回國會已經批准的資金。
</t>
  </si>
  <si>
    <t xml:space="preserve">全球半導體產能拉警報，高通資深副總裁暨CDMA事業部營運長陳若文今表示，原先就預期5G升級潮對於晶片的需求更勝4G，但突然殺出來的2020年黑天鵝「新冠肺炎」究竟是擴大缺口或是收歛缺口，仍有很大的想像空間，畢竟半導體產業的榮衰往往和GDP密不可分，只是在全球GOP衰退之際，半導體產業大好，似乎又跳脫以往的格局，另外，他也預估，「2021年半導體還是很健康的一年」。
半導體產業全球吃緊，尤其是上游製程，陳若文說，目前所有的產業鏈都遇到產能吃緊，且若將新冠肺炎的因素剔除，本來在4G相較5G上的晶片使用就多很多，在今年5G升級潮下，儘管預估智慧機的總量不會增加，但晶片需求絕對會增加，整體來說，「2021年半導體還是很健康的一年」。
另外，陳若文也談到高通和台積電的合作，他表示高通對於台積電每年的採購金額很大，雙方一直有很密切的關係。
在供應鏈策略上，陳若文表示，高通非常重視第二供應鏈，好比先前有晶圓廠火災，對高通確實有影響，但一下就解決了，就是因為高通非常重視第二供應商，一方面當然是高通的量非常大，將風險降到最低是很重要的，儘管需要更多的成本，但這是需要的；其所指的就是欣興(3037)山鶯廠發生火警，部分BT載板製程，當時也影響高通部分4G晶片出貨。
</t>
  </si>
  <si>
    <t xml:space="preserve">全球新冠肺炎疫情可望因各國加速開發疫苗獲得控制，電商龍頭-富邦媒(8454)卻遭逢賣壓，市場擔心今年受惠疫情宅經濟需求業績高成長的富邦媒可能因疫情漸除而成長力道趨緩，今天盤中股價逆勢大跌逾5%，失守650元關卡，擁有東森購物的東森(2614)盤中股價則力守平盤。
今年新冠肺炎疫情從年頭延燒到年尾，帶旺宅經濟需求，富邦媒、東森購物今年前10月業績表現亮眼，其中富邦媒momo旗下通路包含購物網、摩天商城、電視購物及型錄，10月合併營收約49.3億元，年增21.2%，再創歷年同月新高，累計1至10月合併營收約514.5億元，較去年同期成長28.7%；東森購物10月合併營收21.17億元、年增16%，獲利1.4億元、年增106%，累計前10月合併營收達196.59億元，獲利11.21億元、年增177%，每股盈餘達11元，再創歷史新高。
儘管全球新冠肺炎疫情未止，歐美各國積極投入新冠肺炎疫苗開發，包括：美國輝瑞等藥廠新冠肺炎疫苗佳音頻傳，讓疫情負面影響逐漸淡化，市場樂觀期待疫苗問世後各國經濟活動可望重啟，而今年受惠疫情宅經濟業績高成長的電商，在經濟活動重啟及業績基期已高下，明年營運成長幅度恐難如今年一樣，因而引發居高思危獲利了結賣壓。
受到獲利了結賣壓影響，富邦媒今天盤中股價逆勢重挫逾5%，東森盤中股價亦一度翻黑，股價表現疲弱。
</t>
  </si>
  <si>
    <t>工業電腦廠融程電（3416）今（27）日召開股東常會，通過2019年財報、盈餘分配及資本公積現金發放案，決議以盈餘配發2元、資本公積配發1元，合計配息3元。展望今年營運，面對新冠肺炎疫情的嚴峻挑戰，公司仍將審慎因應，續拚營運穩健成長。
融程電2019年合併營收創16.65億元新高，年增6.4％。毛利率36.93％、營益率16.33％，分創近3年、近4年高點。歸屬母公司稅後淨利2.41億元，年增達17.65％、改寫歷史次高，每股盈餘（EPS）3.34元，優於前年2.84元。
融程電近年來專精於強固型工業電腦和手持行動解決方案研發，產品廣泛應用於車檢、石化、物流倉儲、物聯網（IoT）、船舶、航太及公共安全等領域，並通過各產業高規格專業認證。
融程電表示，透過多年耕耘，公司醫療級認證平板設計已獲得國際大廠導入開發（Design-in），並持續精進車檢及車用運算平台，為堆高機、貨車及車輛生產線開發各類處理器及作業系統的平板電腦，滿足產業低中高階需求。
此外，融程電因應人工智慧（AI）產業蓬勃發展，亦開發車載適用的AI邊緣運算平台，並投入公共安全（Public Safety）領域研究，結合Sub-G無線技術、防爆等級的安規設計及雲端運算，提供人員監控、緊急通報的求救系統，盼為產業安全提供妥善解決方案。
展望今年，由於年初新冠肺炎疫情蔓延全球，各國為控制疫情而陷入「大封鎖」狀態，對全球經濟衝擊甚大，國際貨幣基金（IMF）4月中將今年全球經濟成長率預期調降至衰退3％，認為恐面臨1930年代美國大蕭條以來最嚴峻挑戰。
面對此嚴峻經濟情勢變化，融程電表示，將秉持「永續經營，創造價值，利益平衡」的經營理念提供行銷服務，期許成為「產業智慧終端科技的領航者」，深信在專心經營與積極努力下，公司技術研發、產銷業務仍能穩健成長，審慎因應以創造更佳的營收與獲利表現。</t>
  </si>
  <si>
    <t>近期因新冠肺炎疫情無解，多項農畜產品銷路受阻，包含花卉、雞、鴨等產業團體都對前景感到憂心，農委會今天表示，已在本月預先盤點疫情對農業部門所造成的可能影響，並啟動完整應對措施，目前農產品的價格仍穩定，呼籲農漁業者與消費者放心。
農委會表示，新冠肺炎疫情造成短期消費行為下降，已在2月6日邀集各縣市政府與產業團體，務實檢討農禽產品全年生產目標，針對土雞、肉鴨分別減產1000萬隻、300萬隻，經產業界自主性調節後，土雞價格已從春節前的每斤35元上漲至43元，肉鴨價格也維持在41元水準。
花卉部分，根據國內5大花卉批發市場資料，今年元旦至昨天為止國產切花交易量為956萬把，雖然較去年同期減少107萬把，但均價每把67.2元則較去年同期增加10.7％，由於國內花卉需求多集中於年節、清明等節慶與祭祀需求，因此年節後市場需求減少，尚屬正常，3月主要外銷市場日本將逢民俗掃墓節，屆時預估需求將再增加。
對於因疫情影響外銷受阻的產品，農委會強調已加強分散及拓展海外市場，其中包含鳳梨、釋迦、石斑魚、午仔魚都提供海外市場拓銷補助，增加業者外銷誘因，另外也將於日本、新加坡、馬來西亞及穆斯林市場舉辦拓銷活動，開發新興市場。
農委會指出，因應春節後消費需求降低，將加強電子商務網購平台的銷售，已在2月13～14日舉辦農漁畜產品大型媒合會，媒合供貨農民團體與電商平台合作，另針對花卉產業推動花心陪伴傳遞愛網購宅配活動，增進消費量。
除因應產銷措施外，農委會表示亦提供總額度68億元之優惠利率貸款，協助受疫情影響之農業相關業者紓困所需資金，優惠利率0.79％到1.68％；舊貸戶還款困難者，亦可申請延期還款。</t>
  </si>
  <si>
    <t>忍不住想投資。資本市場行情居高不下，帶動投資型保單買氣從谷底回升，9月壽險投資型保單銷售逾345億元，占當月新契約保費的51.77％，應是2008年金融海嘯之後，再次出現單月投資型保單占率破五成。
投資型保單是壽險業對抗低利率環境的利器，既然業務人員有商品可賣，壽險公司也不用保證利率、承擔投資風險及匯率風險，今年初不少公司就已打算要大推投資型保單，但新冠肺炎打亂腳步，加上7月降責任準備金利率出現傳統保單停售效應，投資型保單新契約占率一度掉到三成以下。
9月因為資本市場仍佳，壽險業面臨季報壓力，不想承擔過高的增資壓力，再加上老年化社會的退休金議題漸夯，因此不少公司都轉向大推投資型保單，主流商品都是月配型類全委投資型保單，保戶多為躉繳一筆保費，訴求專家替你理財，且有穩定的現金流，甚至還有身故保本、生存保本等各類設計，
9月如國泰人壽投資型保單銷售92億多元，是市場上第一大，並占其單月新契約保費的72.5％；另外如台灣人壽亦銷售54億元，占其新契約保費近66％，富邦人壽亦有近35億元的投資型保單，但占率僅近41％，三商美邦人壽則有84％新契約來自投資型保單，單月14億多元，另外如安聯人壽、法國巴黎人壽、安達人壽及合庫人壽的投資型保單都占約9成以上。
且因為今年投資型年金銷量是投資型壽險的二倍，代表保戶投保的投資用途高於保障用途，不少人都是想藉由投資型保單參與資本市場，估計第四季投資型保單依舊會是主流商品。</t>
  </si>
  <si>
    <t xml:space="preserve">
中央流行疫情指揮中心17日晚間召開記者會，針對16日確診新冠肺炎的白牌車司機死亡案例也回溯到一名浙江台商。中央流行疫情指揮中心指揮官陳時中強調，由於浙江台商檢驗為陰性，所以未來將透過血清檢驗試劑，來確認是否為死亡確診個案的傳染者。
陳時中公布確診時序圖，台灣首例死亡案例是在1月22日載了一名自浙江返台的台商，針對死亡案例以及後續相關的確診案例，已經先後採檢了相關接觸者，分別通知109人、採檢108人、103人為陰性，以及通知72人、採檢68人、10人為陰性。
中央流行疫情指揮中心專家諮詢小組召集人張上淳解釋，現在透過檢驗這名浙江台商的抗體，來確認他是否曾經感染新冠肺炎，由於這檢驗試劑不是現成買得到的，所以在收到血清後，需要2個工作天才能完成確認。
陳時中也再三強調，這名浙江台商已經過了潛伏期，如果是在他有症狀時傳染給其他人，這些人也都過了14天潛伏期，請大家放心，現在疫情中心也會持續把檢驗案例完成，抗體檢驗就要麻煩研究單位加速進行。
張上淳也補充，這名浙江台商身上已經沒有病毒，「該有防疫措施釐清當中」，他強調透過血清檢驗是要釐清事實，而不是對防疫有所影響。</t>
  </si>
  <si>
    <t xml:space="preserve">台灣境外移入個案驗出首例哥倫比亞變異株，北市副市長黃珊珊證實，個案於昨天（13日）在台北劍潭安心檢疫所驗出，將謹慎看待此新興變異株。針對哥倫比亞變異株現身台灣，毒理權威招名威教授分析，該病毒與英國、南非變種病毒出自同一門，傳播力和致死率雖然不能太早下定論，但確實不容小覷。
面對Delta變異株肆虐全球，哥倫比亞變異株也漸漸竄起，並在昨天於我國境外被驗出。招名威表示，該病毒於今年1月在哥倫比亞首度被驗出，5月被WHO列入變異株名單，目前在至少28國曾被檢驗出，美國則有2％確診者染上哥倫比亞變異株，推估傳播途徑是從南美洲往美國、少數歐洲國家擴散。
根據文獻，招名威指出，不像Alpha、Delta變異株，哥倫比亞變異株尚無希臘字母歸屬，目前只能用「B.1.621」代稱，從病株的突變位點可得知，它是從英國、南非變異株衍伸出來的。至於傳播力，從哥倫比亞當地疫情分析，B1621可以「以一傳五」的速度傳播出去，近日比利時安養院就傳出有7名打完疫苗的老人，仍集體感染到哥倫比亞變異株的案例。
招名威指出，目前還沒有研究指出哥倫比亞變異株會特別增加傳染力或致死率的報告。儘管安養院本身就屬於有高度感染風險的區域，再加上對象又是老年人，但B1621確實不容小覷，「畢竟它還是與南非及英國變異株系出同門」。
招名威坦言，現在對哥倫比亞變異株下定論還太早，儘管只多了一個突變點，但Delta也「只不過」多變異了一兩個位點而已，就造成全球肆虐。他強調，「是否一定會對台灣造成影響，這倒未必，邊境守好才是關鍵！」指揮中心指揮官陳時中也表示，邊境管制會持續用現在的強度來做管理。
</t>
  </si>
  <si>
    <t>新冠肺炎如SARS（嚴重急性呼吸道症候群）一樣會留下肺部纖維化後遺症！指揮中心專家諮詢小組召集人、台大副校長張上淳昨表示，目前國內第1起案例有較明顯的肺炎症狀，經電腦斷層檢查發現肺部有一點纖維化，出院時，肺功能也還沒有完全恢復，跟SARS及H7N9也會產生肺部纖維化有點類似。
張上淳表示，目前國內26例新冠肺炎病例，僅有第1例及最近找不到感染源的60多歲婦人狀況較為嚴重，其餘均為輕症，目前國內第1例新冠肺炎的50多歲女台商已經出院。
對於外界表示，自浙江台商身上驗出的微陽性抗體可作為治療之用，張上淳指出，目前大陸有試驗用這個方法去治療病人，但這名台商身上驗出的抗體並不高，如果要以血漿抗體治療的話，反而是我們先前出院的2位病例的抗體較高，要用也是用這2位的，但還要考慮實際狀況及患者同意。
台灣感染症醫學會理事長黃立民則表示，肺部纖維化顯示肺部曾被嚴重破壞，有些免疫反應會造成肺部纖維化，還有一些病毒像是SARS及H7N9感染，也已知會造成肺部纖維化。
他強調，每個病毒會造成身體如何的傷害，通常要經歷過才知道，依大陸及國內病例來看，新冠肺炎也會造成肺部纖維化，如同在17年前，SARS病患有1/3均留下肺部纖維的後遺症，不少病患深受後遺症之苦。</t>
  </si>
  <si>
    <t>兒童感染新冠肺炎比例雖然遠低於成人，且重症死亡率低，但造成的危害仍不容小覷。目前國內12歲以下兒童尚無疫苗可打，而12至17歲BNT第2劑暫緩接種，感染科醫師提出5項理由，建議兒童族群仍須接種疫苗。
林口長庚醫院副院長邱政洵今天在疾病管制署「COVID-19感染管制與防治策略研討會」分享，各國兒童新冠肺炎染疫人數中僅占全年齡的1到2％，且重症及致死率較成人低，以美國今年中的Delta變異株疫情為例，兒童死亡率遠低於成人；但即便如此，新冠肺炎疫情還是對兒童族群造成不小的衝擊。
邱政洵提出「兒童需要接種疫苗」的5大理由，包括：疫苗可以減少新冠肺炎傳播、預防重症死亡，更能避免兒童成為疫情下的「漏網之魚」，而且肥胖、糖尿病及氣喘等兒童患者更是重症高危險群，另外也能盡早讓兒童恢復正常生活，有助於身心獲得健全發展。
台灣兒童感染症醫學會理事長邱南昌則分享各國青少年接種經驗，包括美國、英國、澳洲、加拿大、歐盟、日本、新加坡皆已提供12到17歲青少年接種BNT疫苗，其中多數國家建議完整接種2劑，而英國則是例外，目前建議健康青少年打1劑、重症高風險群打2劑。另外美國近期已通過BNT疫苗用於5至11歲兒童，劑量是一般疫苗的3分之1。
目前國內暫緩12至17歲青少年BNT第2劑接種。邱南昌說明，衛福部傳染病防治諮詢會預防接種組（ACIP）在今年11月9日開會，當時考量國內疫情平穩，因此不急著施打第2劑，要再看看國外資料作參考；但這些都是滾動式的策略，並非「絕對不打」，因為疫情會改變，國際間也會有更多報告可供參考並做決策。
除了BNT疫苗已在多國使用於12至17歲族群，目前歐盟、日本、新加坡、加拿大、澳洲也通過12到17歲族群可接種莫德納疫苗。
邱南昌提到，目前國產高端疫苗也正在進行12到17歲試驗，共收案399人，已於今年8月打完第1劑、9月底打完第2劑，預計11月底期中分析，他個人持樂觀態度，期待成果出爐，可望提供青少年族群更多疫苗選擇。</t>
  </si>
  <si>
    <t>世界衛生組織（WHO）與臉書、微軟等科技大廠合作舉行黑客松（hackathon），鼓勵開發者創造帶來社會影響力的軟體方案，旨在解決當前COVID-19（新冠肺炎）疫情挑戰。上周末德國政府即舉辦一場48小時的防疫黑客松，逾800個的創新構想出爐。
由德國政府舉辦對抗新冠肺炎黑客松，吸引4萬多人參加，共同合作找出對抗疫情的創新方法，內容涵蓋購物、育兒、症狀監控等包羅萬象的議題。評審結果於3月29日公布，獲選專案可取得政府資金補助。4萬多位國際參與者並非像一般的黑客松模式齊聚一堂，而是待在家中進行。
參與者組織團隊後，集思廣益解決疫情帶來的挑戰，包括追蹤、檢測流程、危機溝通、易受感染群體的保護措施以及隔離時期的心理健康等。例如，一個團隊開發出症狀追蹤器程式，可供疑似病例每日輸入症狀，便於衛生機關進行確認，另有團隊打造無須GPS、而是採用機器學習技術的監控隔離者App。
WHO周二宣布名為「#BuildforCOVID19」的黑客松活動，預計周四開始接受專案申請。此次臉書、微軟之外，其他科技業者如推特（Twitter）、微信（WeChat）、抖音（TikTok）、Pinterest、Slack和Giphy也都參與其中。這些科技業者將「在這段提案期間共享資源，藉此支持參與者」。
臉書執行長祖克伯在宣傳黑客松的貼文表示，臉書「曾在黑客松曾率先打造捐血與危機處理等功能，目前在全球獲得數百萬人使用。我們希望一些有用的原型和構想，也可以在這次黑客松出現。」此次黑客松是鼓勵軟體開發者針對保健、企業、社區、教育和娛樂等多項主題提交專案。申請至下周一截止，將於4月3日公布獲選計畫。</t>
  </si>
  <si>
    <t>度假租屋網站Airbnb執行長切斯基（Brian Chesky）在疫情過後認清旅遊市場將從此改變，也重新思考公司的核心價值，決定回到最初創業的根本，那就是全心投入創造個人專屬的的當地住宿體驗。
今年2月切斯基剛從加州棕櫚泉度假回來，埋首準備Airbnb首度公開發行（IPO）的申請文件，並在心中盤算著春假和大學老友來場小旅行，沒想到新冠肺炎爆發讓他的旅遊計畫泡湯，也打亂原本的IPO計畫。
近日他在受訪時表示Airbnb並未放棄IPO，只是現階段公司有更重大的任務必須優先執行，而IPO必須等到市況穩定後再說。他口中的重大任務無疑是如何在疫情過後讓Airbnb重振業績，因為今年初各國實施邊境管制重創觀光旅遊業，迫使Airbnb裁員1,900人，相當於公司25％人力。
Airbnb預期今年營收只有去年的一半，但切斯基面對市場前景依舊樂觀。他表示：「我認為將來旅遊會再次成為特別體驗，因為我們不再像從前一樣將旅遊視為理所當然。」
切斯基坦言新冠肺炎確實徹底改變全球消費者的旅遊習慣，且短期內難以恢復昔日光景。他認為即便在疫情趨緩後，全球旅客也不敢輕易搭飛機。為了避免長時間處於密閉空間增加群聚感染風險，多數人將傾向自行開車到鄰近城鎮旅遊。
切斯基表示，疫情爆發前Airbnb平台上只有13％的房客計畫在離家50英里內的地區旅遊，如今比例增至30％。他預期在短期未來，全球旅客外出旅遊除了不敢跑太遠之外，也不敢太早訂房，並傾向人口密集度較低的鄉間旅遊。
目前Airbnb網站上最熱門的訂房日期是一周內入住，或超過6個月以後才入住。以美國為例，今年5月25日陣亡將士紀念日連續假期期間，Airbnb在當地的訂房量高過去年同期。
切斯基表示：「大家可以預期一周內世界發生什麼事，所以能安心旅遊。至於6個月到1年後，大家也有信心出發旅遊了。」相較之下，反而是中期未來的訂房需求下滑。
今年38歲的切斯基是在2007年移居舊金山時萌生將公寓空房分租給短期觀光客的念頭，主要是為了替自己和室友分擔舊金山昂貴的房租，沒想到一個單純的想法促成他在2008年創立Airbnb。
今年5月切斯基在公司內部信件中向全體員工表示，當年他的創業初衷是提供一個讓旅客感受人際互動並擁有歸屬感的短期住處。
過去數年隨著Airbnb用戶量在全球快速成長，公司也發展出當地運輸及其他周邊服務，但新冠肺炎疫情讓他重新思考公司的核心價值，決定回到最初創業的根本，那就是全心投入創造個人專屬的的當地住宿體驗，為此公司必須集中資源、暫時放下其他周邊事業。
他在5月宣布關閉運輸服務部門，並公布一套全新的住房清潔規範，包括要求房東使用當地主管機關認可的個人防疫用品及消毒工具，也規定上一任房客退房後至少要間隔24小時才能讓新房客入住，以確保房東有足夠時間進行消毒。
面對近日美國種族爭議再起，切斯基也虛心檢討，坦言Airbnb應該為種族平等貢獻更多，例如讓公司董事會成員更多元化。Airbnb董事會目前包含4名白人男性、3名白人女性、1名非裔男性及1名亞裔男性，但管理高層清一色都是白人。
切斯基表示：「這是矽谷的一大問題。我們距離理想還很遙遠。我們的基本原則是希望公司人口組成能與所在地的社會人口組成相呼應，但目前我們連這點基本都未做到，更何況是讓管理高層更多元化。」</t>
  </si>
  <si>
    <t>本土疫情延燒，世界各地受到變種病毒影響，除了確診個案與死亡比例大幅上升，醫療能量也受到極大考驗，台大公衛學院指出，三級警戒自5月15日實施以來的確讓確診個案數降低，專責病房數需求也會下降，但是因應變異病毒的出現，加護病房與重症照護能量需要早期部署與預估，如此才能有效降低重症死亡率。
台大公衛學院教授陳秀熙今(2)日上午召開「新冠肺炎科學防疫」線上記者會，陳秀熙指出，本波本土疫情裡，主要是萬華帶來的第一波社區感染，不過政府5月15日實施三級警戒後，雙北以外縣市的確診數並未隨著時間明顯增加，Rt值也趨向小於1，顯見三級警戒措施有發揮功能，目前看來台北市疫情已經開始受到控制，接下來就要來看醫療照護的需求。
台灣大學公共衛生學院校友、醫師許辰陽指出，以去年義大利倫巴底新冠肺炎疾病進展指標為模型來看，當時倫巴底大約有3成輕症者僅需自我隔離就能自行康復，另外7成需要進入門診治療或住院治療，當中近8成可康復，剩下的2成因為有重症或急性呼吸窘迫症需要高度醫護需求，其中近半會死亡。
但是大部分國家只有1成左右是重症，這部分解釋了義大利急重症照護能力無法趕上大量出現的病人，使得重症指數與死亡率攀升。
許辰陽表示，去年1到6月全球主要疫情仍以武漢原生株為主，傳播力相對英國變異株較低，但是大量出現的疫情讓臨床照護需求嚴重不足，全球當時肺炎轉至急性呼吸窘迫症比例約16％，年底因為疫苗和臨床指引的出來，所以降到6.4％；然而今年截至5月因為巴西變異株、印度變異株、南非變異株等出現，重症照護量能大量增加，轉重症率又增加到7.7％，台灣目前轉重症率為6.4％，臨床照護勉強能跟上需求。
許辰陽指出，隔離病床相對可以快速擴充，但是重症病人的照護需要密集的人力，包含精密嚴格的侵入性、循環性照顧，重症照護能量、加護病房數應及早部署與評估，才能進一步減少重症率及死亡率。</t>
  </si>
  <si>
    <t xml:space="preserve">台灣這波疫情5月中旬爆發時，澳洲西澳大學流行病學專家Zoë Hyde在推特評論，台灣曾是防疫成功案例，但因太過自滿，導致社區大規模感染，時隔2個多月，Zoë Hyde於8月7日再度發文提及台灣，改口大讚台灣「幾個月前面臨大規模爆發，但從未放棄零確診目標。」
Zoë Hyde 5月30日曾於個人推特指出，台灣曾經是新冠肺炎防疫成功的案例，但現在正面臨大規模社區感染，最不幸的是，這個國家過去因防疫有成而變得自滿，將機組員的隔離天數縮短，甚至停止篩檢，「因為他們認為自己是安全的。」
不過，隨著台灣近日疫情獲得控制，Zoë Hyde也在8月7日再度於推特分享台灣近日本土疫情走勢圖，表示「幾個月前，台灣曾面臨大規模爆發，但他們從未放棄清零目標，8月7日僅增加6例本土及4例境外移入。」
該貼文引發不少網友回應，其中一名網友認為台灣防疫做得不錯，雖然台灣流行的病毒是Alpha變異株，而非棘手的Delta變異株。對此，Zoë Hyde也回覆該網友留言說，「台灣社區中主要盛行的的確是Alpha變異株，但台灣是世界上人口最稠密的國家之一，所以仍是一項非常了不起的成就。」
★《中時新聞網》提醒您：因應新冠肺炎疫情，疾管署持續加強疫情監測與邊境管制措施， 如有疑似症狀，請撥打：1922專線，或 0800-001922， 並依指示配戴口罩儘速就醫，同時主動告知醫師旅遊史及接觸史，以利及時診斷及通報。
</t>
  </si>
  <si>
    <t>繼昨天Jolin來了(連續9天0確診)，今天則是「伊林」(連續10天0確診)達陣，國內連10天沒有新增病例。指揮官陳時中也表示，有關129名印度返台民眾，目前無後送就醫者，全員持續於集中檢疫所密切健康監測，另外馬爾地夫36人中，有四名民眾，14天內有症狀，在機場採檢後，也已經是陰性。
中央流行疫情指揮中心今(17)日表示，國內今日無新增病例，昨(16)日新增218例新型冠狀病毒肺炎相關通報，截至目前累計通報69,206例(含68,139例排除)，其中440例確診，分別為349例境外移入，55例本土病例及36例敦睦艦隊。確診個案中7人死亡，395人解除隔離，其餘持續住院隔離中。
指揮中心表示，全球累計4,660,752例確診，分布於187個國家/地區；病例數以美國1,489,642例、俄羅斯272,043例、英國240,161例、西班牙230,698例及義大利224,760例為多；病例中311,064例死亡，以美國89,813例、英國34,466例、義大利31,763例、法國27,625例及西班牙27,563例為多。
現階段國內疫情趨緩，指揮中心鼓勵民眾及業者力行「防疫新生活運動」，不分行業，重點就是保持室內1.5公尺以上、室外1公尺以上的社交距離，無法維持社交距離時，應戴口罩，業者可運用隔板將座位隔開，或採取梅花座維持適當的安全距離；出入各類場所不分室內外，皆要量體溫，隨時保持手部清潔，業者也應於入口及場所內提供乾(濕)洗手用品或設備，並採取實名制，確實執行人流管制及環境的清消。酒店、舞廳、夜店等行業只要依循相關防疫規範並盡到管理的責任，即能在有條件的情況下適度開放業者復業，各縣市政府確實執行業者復業相關評估與查核，落實監督工作。
指揮中心再次提醒，民眾應做好手部衛生與咳嗽禮節；出門若無法保持社交距離，或是搭乘捷運、台鐵、高鐵等大眾交通運輸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中央流行疫情指揮中心今（25）日宣布，公眾集會活動「室內超過100人、室外超過500人」建議停辦。文化部發布新聞稿表示，考量藝文活動參與人數眾多，為免長時間近距離接觸，降低可能的傳播風險，針對所屬機構及行政法人表演型場館主辦、合辦及所屬劇團、樂團室內演出活動自即日起暫停。
文化部所屬的展覽型場館，則應重新計算同一時段容留人數，展場內觀眾人數不得超過100人，且參與者之間需保持一公尺以上距離為原則。
文化部表示，所屬表演型場館外租辦理的室內演出活動，觀眾人數若在100人以上，建議取消或延期；觀眾人數在100人以下的演出，將請場館主動協助演出單位延後演出相關事宜，若決定延後或取消演出，場租將全額退回，並協助觀眾辦理全額退票。
文化部表示，觀眾人數在100人以下的室內演出活動或是500人以下的戶外演出活動，若仍規劃演出，必須依據中央流行疫情指揮中心發布的「『COVID-19』因應指引：公眾集會」提供的6項風險評估指標進行評估，若具有較高風險，建議應延期或取消，或改以其他方式辦理。若評估後還是決定辦理，應訂定防疫應變計畫，落實相關防疫準備與措施。
此外，文化部表示，日前已發佈「文化部對受嚴重特殊傳染性肺炎影響發生營運困難產業事業減輕營運衝擊補助申請須知」第一次公告，藝文事業可申請「減輕營運困難補助」及「因應提升補助」，自然人亦可申請「減輕營運困難補助」，預計四月中旬將公告第二次申請須知。
文化部表示，將盤點所屬機構年度預算，包括與國家表演藝術中心、國立傳統藝術中心等，共同研議如何運用今年度既有預算，協助表演藝術工作者與團隊持續發展作品及人才培育，以維持運能。
文化部表示，已啟動跨部會協調，爭取藝文產業適用其他部會的紓困方案，例如考量映演業等大型事業業者有較高額的貸款需求，已向經濟部爭取未來納入大型企業紓困貸款專案，並由信保基金提供信用保證。</t>
  </si>
  <si>
    <t xml:space="preserve">受到新冠肺炎疫情衝擊，公司無預警歇業，波及勞工生計！台中市政府勞工局為保障勞工權益，主動於大型勞資爭議調解程序中，提供歇業事實認定相關資料，近2年已受理認定158家事業單位，並協助約790位勞工向勞動部勞工保險局申請工資墊償，積極保障勞工權益。
勞工局長吳威志說，勞動基準法第28條規定，雇主有歇業、清算或宣告破產之情事時，未獲雇主清償積欠工資、資遣費、退休金等，可向勞動部勞工保險局申請積欠工資墊償，由該局先行墊付勞工遭積欠之工資、資遣費或退休金。工資墊償範圍以雇主於歇業、清算或宣告破產前6個月內所積欠之工資為限；雇主未依勞基法給付之退休金、資遣費或勞工退休金條例給付之資遣費，合計數額以6個月平均工資為限。
吳威志表示，如事業單位受疫情影響，終止生產、營業、倒閉或解散，未辦理歇業登記，且有積欠勞工工資、資遣費或退休金等情事，市府為保障勞工權益將於大型勞資爭議調解程序中，主動提供歇業事實認定相關資料；如應勞工之請求，核發歇業事實證明文件，透過歇業事實認定相關程序，函詢有關單位提供協查資料並實地查察，確認事業單位無營業事實後，核發歇業事實證明文件。
吳威志強調，勞工朋友遇有勞動權益問題，可至勞工局網站查詢，也可撥打專線04-22289111分機35200、1999市民一碼通，或逕洽勞工局服務櫃台諮詢。
</t>
  </si>
  <si>
    <t>台北市員警臉書PO文，指上月底處理一起在家死亡案，因死者死前發高燒，通知衛生單位遭「甩鍋」，衛生局不派員到場行政相驗，推給司法相驗，引發檢改團體「劍青檢改」質疑，8日呼籲指揮中心勿坐視檢察官司法相驗案件成為國內防疫破口，籲請指揮中心盡速統合行政相驗與司法相驗流程。
劍青檢改表示，當前疫情嚴峻，對於染疫病死者，應以最高規格防疫。如係「疑似」染疫而死亡者，防疫視同作戰，亦應以最高規格同等對待，嚴防逸脫匡列，導致病毒自遺體及遺屬間持續擴散。
但自5月上旬疫情爆發以來，全國各地衛生局對「疑似」染疫死亡案件之介入標準低落消極。據統計，目前除新北市政府、台南市政府採取「行政相驗優先原則」外，包括台北市政府在內之全國各縣市衛生局對於「非確診」自然死(病死)亡案件，許多竟婉拒處理，推由派出所警察、分局偵查佐報請司法相驗。
最近新聞大幅報導諸多確診案件，其實均係由檢察官執行司法相驗。尤其司法相驗下採檢送核酸檢測(PCR)時程較慢且量能有限，導致警察、檢察官、遺屬、殯葬人員在結果出爐前，均暴露於高風險下，儼然將形成防疫巨大破口，各地反映溝通均未果，亟待指揮中心立即統一全國作法，緊急應變。
目前警方受理死亡通報案件，各地衛生局介入程度差異極大，且第一時間衛生局更無統一授權對遺體及遺屬進行快篩，致各地員警做法不一且缺乏保護，均形成防疫破口。政府應儘速統一作法，明令要求並提供抗原檢測快篩，以保護警察、殯葬人員、遺屬且及時防止擴散。
劍青檢改建議指揮中心協調以下作法；一、疫情期間行政相驗優先原則；二、非病死由司法相驗補充；三、已經列管確診在案者，如經通報死亡，無論其在防疫旅館或住家，均應由當地衛生機關先行辦理行政相驗。
四、疫情期間就行政相驗民眾所需繳納規費，建議一律予以免除，以免民眾為節省相關費用而選擇警察、檢察官司法相驗，逸脫快篩及檢驗而造成防疫破口；五、自警察受理民眾通報死亡階段，即能獲得衛生局及防疫窗口專人立即到場協助，先進行行政相驗、快篩檢驗或司法相驗分流，才能截堵疫情擴散於前線。</t>
  </si>
  <si>
    <t>「新冠狀肺炎COVID-19」疫情延燒，讓全球至少150國出現確診案例，搞的人心惶惶，但對於病毒究竟起源自何處，至今說法眾說紛紜。但近期有美國的研究所協同多個國家進行研究武漢肺炎病毒株的基因序後發現，這種病毒並非屬於人造病毒，且可能有2種自然演化的「假設」。
據美國「斯克里普斯研究所」（Scripps Research Institute）發表於《自然醫學》期刊(《Nature Medicine》)的共同研究論文，可能推翻「人為製造」的陰謀論說法。
該研究團隊為探索新型冠狀病毒的起源與演化方式，在實驗室分析病毒株基因序，發現該病毒是世界上第7種影響人類的冠狀病毒，並發現該病毒具有兩類特徵，包括「突刺蛋白RBD突變」及「獨特的骨架」。研究論文判斷，起源追朔已可清楚的顯現，基本『可排除掉實驗室人為製造出病毒』的說法，斷定該病毒「非人為製造、操縱」。
「斯克里普斯研究所」免疫學和微生物學副教授Kristian Andersen博士指出，「通過比較已知冠狀病毒株的可用基因組序列數據，我們可以堅定地確定SARS-CoV-2來自自然過程」。
該實驗室同時也提出「新冠病毒起源論」的2種合理假說。第一，是新冠病毒在動物宿主身上產生，並經過「天擇」自然演化而來，之後再透過多種途徑傳染給人類。第二，則是動物身上有另外一種「非致病性」的病毒，在傳染給人類以後，經突變演化為在全球爆發的新型冠狀病毒。
據公開資料顯示，斯克里普斯研究所（英文：The Scripps Research Institute，縮寫TSRI）是世界著名的綜合性醫學研究及教育機構，也是世界上最大的私立非營利性生物醫學研究機構之一。總部位於美國加州聖地牙哥市，研究人員包括3000餘名科學家、研究人員，誕生過包含諾貝爾醫學獎得主 布魯斯·比尤特勒（Bruce Alan Beutler)在內的醫學、化學獎得主。</t>
  </si>
  <si>
    <t>「全國抗擊新冠肺炎疫情表彰大會」今天上午在北京人民大會堂舉行，旺旺集團北京首席代表、全國台企聯常務副會長林天良表示，很榮幸代表所有『旺旺人』出席。旺旺一直秉持著回饋社會的理念，參與兩岸各項救援行動！兩岸好，台灣才會好。
今年初新冠疫情爆發後，旺旺集團董事長蔡衍明與首席營運官蔡旺家等人親自坐陣指揮，旺旺員工全體動員起來，加速復工復產，並投入各地防疫工作。
旺旺集團積極向第一線的醫護、軍警、防疫單位捐贈乳飲食品、旺旺水神微酸性電解次氯酸水生成器及各類噴瓶，協助各地抗疫工作，捐贈物資價值超過人民幣8000萬元。
旺旺人也不畏艱難，奮戰各地疫情最前線，包括：湖南旺旺醫院派遣16人醫護團隊馳援武漢金銀潭醫院47天；旺旺人也趕赴武漢、綏芬河、北京新發地等重點疫區，協助抗疫。
旺旺集團始終認為：『兩岸好，台灣才會好』，『九二共識』就是兩岸一家人的共識，無論從歷史、血緣、文化，台灣人就是中國人，所以當然要相挺！</t>
  </si>
  <si>
    <t>34歲英國男星羅伯派丁森（Robert Pattinson）雖因《暮光之城》系列走紅，但也花了很長時間才藉獨立製片電影甩掉發光吸血鬼的形象，他在上映中的新片《天能》正式回歸主流大片，飾演穿針引線的男配角卻搶走男主角約翰大衛華盛頓（John David Washington）不少風采，將接棒成為新任蝙蝠俠的他，4日卻驚傳確診新冠肺炎，導致才復拍3天的新版《蝙蝠俠》被迫2度停拍。
新版《蝙蝠俠》片商華納兄弟公司雖僅表示「製作團隊中有1名成員的新冠肺炎檢測結果為陽性，目前已遵照既定程序進行隔離，電影拍攝暫時停止」，並拒絕透露染疫者的身分，但包括《浮華世界》與《好萊塢報導》等媒體，都藉內部消息證實確診者就是派丁森。
新冠疫情不僅重創好萊塢，許多A咖明星也接連傳出染疫，除了湯姆漢克斯（Tom Hanks）在3月確診，凱文哈特（Kevin Hart）也在上周透露年初染疫，巨石強森（Dwayne Johnson）則在3日宣布自己、妻子與2個女兒全都罹患了新冠肺炎。
新片上映檔期恐延後
新版《蝙蝠俠》拍攝過程一波三折，先前宣布派丁森將化身蝙蝠俠時曾遭粉絲群起抗議，3月時則配合疫情停止拍攝，沒想到才在英國復拍3天又再度停擺，電影原預定在2021年10月上映，現在恐因開工進度延誤而退檔期。</t>
  </si>
  <si>
    <t>再增1確診！中央流行疫情指揮中心今（10日）宣布，新增1例境外移入個案，下午2時將由發言人莊人祥召開臨時記者會說明個案相關事宜。
根據指揮中心資料，我國新冠肺炎目前累計病例有496例確診，分別為404例境外移入病例，55例本土病例，36例敦睦艦隊及1例不明（比利時工程師）。而確診個案中有7人死亡、475人解除隔離、13人住院隔離中。
另繼加利口罩之後，今又傳出一家實名制口罩廠，私下將進口的「非醫用口罩」，冒充成醫用口罩在市面上販售，昨日下午彰化檢警接獲通報便發動搜索，發現為員林市豪品公司，且該公司已有200多萬片的假醫用口罩流入市面，其負責人涉法詐欺及妨害農工商等罪嫌，複訊後諭知以200萬元交保。
指揮中心再次提醒，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 xml:space="preserve">一連串新冠肺炎候選疫苖臨床試驗的好消息，以及歐盟成員國領袖接近就新冠紓困復甦計畫達成協議帶來提振，周一歐洲股市盤中由跌轉升。
周一收盤，泛歐Stoxx 600指數上漲0.75%，為375.51點，歐元兌美元站上逾4個月新高。醫療保健股指數上漲1.2%，漲幅最大。旅遊休閒股下挫0.9%，表現最疲弱。
歐元兌美元漲0.12%，報1.1441美元，盤中一度站上1.14675美元，創下逾4個月新高。
美國藥廠輝瑞（Pfizer）與德國生技公司BioNTech合作開發的新冠肺炎疫苗，以及牛津大學與阿斯利康（AstraZeneca）合作開發的候選疫苗，都在早期臨床試驗中傳出令人振奮的好消息。
德國總理梅克爾表示，在7,500億歐元（8,580億美元）新冠復甦基金與規模約1.1兆歐元的2021～2027年共同預算案方面，歐盟各成員國領導人已經具備達成協議的基礎。為了解決在關鍵議題上的分歧，歐盟高峰會已延長至第4天。
回應中國實施《港區國安法》，英國宣布將暫停與香港簽定的引渡條例，在中英兩國緊張關係升高下，英國股市表現相對疲弱，富時100指數跌0.46%，為6261點。
德國DAX指數漲0.99%，為13046點。法國CAC 40指數漲0.47%，為5093點。義大利富時MIB指數漲0.99%，為20621點。西班牙IBEX 35指數漲升0.51%，為7478點。
</t>
  </si>
  <si>
    <t>中央流行疫情指揮中心7日下午2點公布嘉義縣新增1位新冠肺炎確診案例，嘉義縣長翁章梁7日線上疫情記者會中指出，該案11541是73歲男性，是大林泡茶群聚中早餐店的爸爸，原先採檢為陰性居家隔離中，6日因喉嚨痛送醫採檢確診。
案11541是為案8862的丈夫，5月30日因太太、女兒確診列為居家隔離，6月6日居家隔離第7天上午出現喉嚨痛症狀，由衛生局安排防疫計程車就醫採檢後確診。
嘉義縣衛生局長趙紋華指出，案11541確診ct值15，推測5月30日採檢時可能是潛伏期，可傳染期約為發病日前兩天，以此回推疫調，因該男當時在居家隔離中，有電子圍籬監測，因此無其他足跡。
翁章梁在記者會中表示，有關大林泡茶群聚案，縣府針對周邊鄰居、訪查找出可能的接觸者、有重覆足跡且有症狀、社區群聚點等，啟動擴大篩檢專案，完成4場次篩檢377人，除先前公布的確診個案，其餘皆為陰性，請地方不要有過多揣測。</t>
  </si>
  <si>
    <t>新冠肺炎〈COVID-19〉的疫情持續升溫，各國也積極投入疫苗與藥物的開發，還有不少人針對自己的專業提出防疫小撇步，像是俄羅斯一名性學專家日前就在自己的課程中提出一項論點，認為透過性愛、高潮可以達到防疫的效果，也認為許多染病的年長者就是因為缺乏性活動，病情才會如此嚴重！
Natalia Kobylkina (Official)（@nataliakobilkina）分享的貼文 於 PDT 2020 年 3月 月 18 日 上午 4:23 張貼
根據外媒報導，俄羅斯的知名性學專家納塔莉亞科比姬奈（Natalia Kobikinai），因為經常在網路上分享豐富的性愛資訊或相關知識，讓她受到眾多粉絲推崇。近日她在線上的課程中向學員聲稱「性愛可以達到防疫的效果」，此論點也瞬間在網路上掀起熱烈的討論。
納塔莉亞認為性行為可以刺激人體的免疫系統，表現投入的「口愛」還能提升高朝的效果，進一步掃除冠狀病毒這個「業障」，她提到「我可以向你保證，性高潮會殺死所有冠狀病毒。因為性愛可以激發你的免疫系統，對冠狀病毒有很好的預防作用，至於年長者為什麼會容易生病？正是因為他(她)們缺乏性高潮。如果有充足的性行為活動，他(她)們就更能對抗病毒。」 但是目前這番論點尚未被醫學界證實，也有不網友不認同她的說法，奉勸她不要胡說八道。</t>
  </si>
  <si>
    <t>新冠肺炎疫情未歇，各國紛紛投入疫苗研發。中央流行疫情指揮中心昨透露，我國日前已向國際疫苗廠支付部分訂金，目標是要取得1000萬劑的新冠疫苗。若再加上向COVAX採購的疫苗，至少有近1500萬劑的疫苗在手中。
何時到貨無法保證
指揮官陳時中說明，1000萬劑的疫苗是之前所談到的「口袋名單」，目前共有3家正在洽談的疫苗廠，為COVAX以外的來源。不過，究竟是哪一間藥廠，礙於保密協定，他並未透露。
由於目前加入COVAX平台的疫苗分別有AZ、BNT以及賽諾菲，Moderna還在觀望中，因此外界猜測，陳時中所洽談的疫苗廠，很可能是Moderna。
陳時中表示，若將與廠商直接洽談的疫苗，加上COVAX平台採購的疫苗，至少有1500萬劑疫苗在手中。
至於何時能夠取得新冠肺炎疫苗，陳時中說無法保證，強調一切都在談判之中，他自己不喜歡談論疫苗的到貨時間，如果掀底牌說明年第2季可以取得，那原本有可能在第1季拿到的疫苗，是不是又要延後了？一切談判都需保密。
國內昨新增5名新冠肺炎境外移入個案，其中3人為印尼移工、2人為菲律賓移工，均無症狀，於集中檢疫期滿前採檢後確診。截至目前，國內共累計623名確診案例。
台列適合旅遊地區
此外，彭博社發布了「新冠疫情時代哪些最適合和最不適合去的地方」的排行榜。台灣排名僅次於第一名紐西蘭和第二名日本，榮居全球最適合去的地方。
美下月分發640萬劑
另美國衛生部長阿扎爾24日證實，疫苗安全及效果審查機構定於12月10日召開會議。如果一切順利，美國將會在12月10日之後立即啟動在全美的疫苗分發。初期640萬劑將分發到各州，由州政府自定接種順序。
白宮首席防疫專家佛奇則表示，他預期明年5月前為70%美國人接種疫苗實現群體免疫，從而讓美國恢復正常。
歐盟執行委員會主席馮德萊恩24日表示，歐盟將與莫德納簽署第6份與疫苗生產商的預訂合約，確保1.6億劑疫苗供應。</t>
  </si>
  <si>
    <t>新冠疫情衝擊全球，醫護人員堅守第一線，不僅辛苦且需承擔巨大風險。日本厚生勞動省24日宣布，將向每名醫護人員發放最高20萬日圓（約新台幣5.5萬元）慰勞金；在加護病房照顧重症患者的人員，薪資可能增至目前的3倍。
日本放送協會（NHK）報導，針對負責診療新冠肺炎患者的醫護人員，以及長者照護設施員工，朝野都同意，應給予適當慰勞津貼。厚勞省計畫，發給醫師與護理師每人20萬日圓，未實際收治患者、但保留專用病床的醫療機構，每人可獲10萬日圓（約新台幣2.8萬元）。
至於老人照護設施員工，政府也將發放慰勞金，但具體金額尚不清楚。為確保必要防疫人力，厚勞省也在討論，可能將加護病房醫護人員薪酬一口氣提高至現行平均的3倍。
現在日本新冠疫情明顯趨緩，迄今除東京都、神奈川縣、千葉縣、埼玉縣、北海道等地，其他地區的緊急狀態令皆已解除。日媒報導，只要今日召開的專家會議同意，政府最快當天就會宣布全日本正式解封，讓民眾逐步回歸正常生活。
東京解封後，全日本經濟活動將分3階段重新啟動：各級學校將率先復課，接著體育比賽將閉門復賽，最後就是餐廳等公共場所重新開放。
此外，據《共同社》23日引述外交人士消息透露，日本首相安倍晉三有意赴美參加預訂近期在大衛營登場的G7峰會，本次峰會將探討疫情緩解後的全球經濟復甦應對措施，並聚焦藥物與疫苗研發合作，以為第2波疫情來襲預做準備。日美雙方正商討舉行雙邊領導人會談的可能性。
《NHK》公布最新統計數據，日本全境確診人數達到1萬7281例（含鑽石公主號郵輪712例）、死亡人數則為838人（含鑽石公主號13例）。</t>
  </si>
  <si>
    <t>為宣導居家隔離檢疫不要趴趴走，內政部小編今天在臉書貼出心跳示意圖，原先是正常心跳，收到罰單後一陣錯亂，接著心跳停止，有網友留言，然後呢？然後他就死掉了
內政部今天仿心跳貼出應隔離檢疫者到夜店趴趴走，然後收到百萬罰單的心跳瞬間三格示圖，許多網友認為創意十足。
內政部在官方臉書留言，動茲動茲～夜店趴趴走！以為黑壓壓一片，警察就找不到你嗎？錯！M-Police連線疾管署資料庫，臨檢用身分證號，護照或居留證查詢，一查就讓你現出原形！
小編也說，不要成為防疫豬隊友！拜託拜託拜託（小編再300萬次拜託）居家檢疫或隔離期間，不要亂跑，好好待在家。居家檢疫期間違規外出，依法罰10至100萬！</t>
  </si>
  <si>
    <t xml:space="preserve">
民進黨內大小派系的競合令人咋舌，新系身為最大派系，其中的山頭更是動見觀瞻。今年二月初，賴清德宣稱以「個人身分」低調赴美出席華盛頓一年一度的「全美祈禱早餐會」，但因他的「準副總統」身分格外敏感，隱含著「台灣最高層級官員訪問華府」的意涵，備受矚目；近期更傳出賴清德私下邀請立法院「親賴」立委餐敘，動作頻頻引發黨內議論。
訪美前幾天，正值新冠肺炎疫情升溫，賴清德在臉書公開倡議「此時正是兩岸合作的時機」，以及「幫助中國就等於幫助台灣」，與蔡英文、蘇貞昌「台灣自助優先」方向不同，甚至讓藍營人士撿到槍，消遣民進黨政府，引發綠營內部不滿。因此傳出賴清德訪美期間，台北高層還特別致電提醒不要太過高調。
一位民進黨南部立委指出，賴清德去年因為參加總統初選，掀起黨內「茶壺風暴」，不少人將其定位為「政變」，一連串發言和動作，都讓執政團隊頭痛。日前賴還邀林俊憲、郭國文、林宜瑾和高嘉瑜等立委聚餐，更被外界視為招兵買馬、厚植實力之舉。
「賴清德找立委吃飯培養感情，是從當台南市長就有的習慣，但賴清德有競爭下任總統的企圖心，五二○還沒到，動作就這麼多，不免讓人說閒話，而且賴清德又是去年初選後，被蔡英文『撿回來』當作副手人選，應該先安分二年再說，更何況大家會拿前後幾位副總統來做比較。」政壇人士直白地說，賴清德的動作就是一心想再上一層樓，但他在與黨內其他派系競爭前，恐怕會先被拿來跟同為新系的桃園市長鄭文燦對比。相形之下，鄭文燦經營青年議題、網路操作有謀略，也比較考量政通人和。
更多 CTWANT 報導
</t>
  </si>
  <si>
    <t xml:space="preserve">荷美公司（Holland America Line）旗下遊輪「威士特丹」號（Westerdam）因為受全球新冠肺炎疫情蔓延影響，陸續遭5個港口拒絕，在海上漂流了兩星期，終於獲准停靠柬埔寨。
柬國總理洪森14日在沒戴口罩的情況下，親自前往港口，獻上玫瑰花束，歡迎下船的乘客與船上工作人員，甚至與下船的乘客擁抱。
據路透報導，遊輪上有1,455名乘客與802名工作人員。遊輪13日停靠施亞努市（Sihanoukville）的港口。柬埔寨衛生部說，經過檢測後，並未發現有人感染新冠病毒。柬國聲明中說，正協調各國安排包機，協助旅客返國。聲明說，等最後細節敲定後，將會告訴旅客。
當「威士特丹」號13日晚終於停靠柬埔寨時，船上歡聲雷動。世界衛生組織（WHO）秘書長譚德塞（Tedros Adhanom Ghebreyesus）大讚柬埔寨，說它為「國際團結」樹立了典範，而這正是WHO所要求的。
76歲的船上旅客格雷戈里（William Gregory）說，雖然遊輪在海上漂流，但他很滿意船上的待遇。「他們讓我們保持精神振奮，」他說，「我很輕鬆，根本沒壓力，還打了太極拳。」
先前據《商業內幕》（Business Insider）網報導，由於船上13日有20人腹痛發燒接受新冠肺炎病毒檢測，其餘超過2,250名乘客接受隔離。不過，經過檢測，這些人呈陰性反應，乘客14日已開始下船。
另一方面，台灣中央流行疫情指揮中心指出，已掌握遊輪旅客共1458人，其中2名台灣人，其餘是外籍或中港澳人士。台灣將允許2名國人入境，並安排住院採檢。若檢驗為陽性，將繼續住院隔離治療；若為陰性，則讓他們返家自主健康管理14天。
</t>
  </si>
  <si>
    <t>桃園市長鄭文燦5日直言，大家要有心理準備三級管制可能延長，學習適應生活中感受到的不便，「假設什麼都一樣就不叫三級管制！」，社會活動要降到1成，適應戴口罩、不聚會、沒聚餐的日子，「適應一個人靜靜的幸福！」
「三級管制確實有可能延長！」鄭文燦說，以各國的經驗，封城令延長很正常，台灣還沒到達封城令、也還沒到達居家令的程度，但是一定要做好心理準備，三級管制確實有可能延長。
鄭文燦說，因應三級警戒延長，市府已經做好準備，包括學校停課如果延長到暑假該做的調整，大部分的管制政策會延續，市府會根據這段時間管制的經驗，在6月14日以後進行防疫對策的微調，有的會提高、有的會微調。
鄭文燦說，有些管制政策大家可能已經習慣，有的還不太習慣，必須要學習適應生活中感受到的不便，「假設都一樣的話就不叫三級管制！」要把社會活動降到10％、20％，不諱言是生活上很大的調整、不便也是很正常，必須提高個人防護，適應戴口罩、不聚會、零聚餐的日子，適應一個人靜靜的幸福，呼籲大家要有三級管制延長的心理準備。</t>
  </si>
  <si>
    <t xml:space="preserve">香港新冠肺炎確診人數近日不斷飆升，衞生防護中心表示，今(20)日激增48例確診，再創單日新高。其中新增的病患絕大部分是國外返港人士及他們的緊密接觸者，包括8名留學生，其他確診人士大多由歐美地區旅遊返回。
據《東網》報導，香港衛生署衛生防護中心傳染病處主任張竹君在記者會上表示，今日新增個案包括25男23女，年齡介乎於4至69歲，香港的累計確診病例至今增至257宗(包括256宗確診及1宗懷疑個案)。48宗新確診個案中，有36宗個案有外遊，大部分為歐洲，有到新加坡、瑞士、英國、土耳其、加拿大、奧地利、泰國及杜拜等國。
張竹君說，部分個案屬密切接觸者，另有個案沒有外遊紀錄，包括一名出租汽車司機，懷疑由乘客傳染機會較大。此外尚有一確診案涉及一名上周來港的菲傭，一名轉機澳洲籍人士，一名曾到奧地利訓練的運動員，以及度蜜月返港後確診。
對於今日個案創新高，張竹君認為因為多人外地回港，希望只是短暫高峰，盡量控制疫情，建議市民保持社交距離，避免進行不戴口罩的活動。
</t>
  </si>
  <si>
    <t>新北市今新增確診3人，分布在永和、板橋、土城區各1人，新北市長侯友宜表示，這3人CT值都超過30以上，不具傳染力；針對三峽個案，新北也已同時啟動血清抗體檢驗，10人結果都是陽性，代表都是舊案，新北在這段期間，確診個案都是CT值超過30、陪病看診篩檢出的個案，呼籲中央針對不具傳染力的個案嚴格面對，制定SOP快速抗體檢驗流程，追源頭釐清。
侯友宜說，今日新增確診3人，土城個案在5月14日跟朋友同住，朋友是確診個案，個案在8月16、19、20日陪同朋友住院，前幾次採檢都是陰性，但在28日採檢陽性，CT值是38，比較不具傳染力，應該屬於舊案。
板橋個案則是在28日陪家人到醫院看長輩，採檢後呈現陽性，CT值30.46，且同住父母和親屬都是陰性，推測應該也是舊案。另外，永和個案是陪先生到台大醫院回診，29日先生轉病房住院，個案採檢陽性，CT值超過30，目前2案都在疫調中。
針對昨日三峽個案，侯友宜也說，新北市改變策略作法，三峽10位確診已同時做血清抗體檢驗，結果都是陽性，代表這些個案都是舊案、無症狀確診者，研判超過1、2個月時間，而這類舊案、沒有傳染力的個案在新北市的比例愈來愈多，且都是在陪病看診中篩檢發現，因此呼籲大家還是要出來篩檢，新北也將針對這類個案加驗血清抗體，釐清感染時間。
侯友宜說，建議中央採取不同的疫情策略方式，針對不具傳染力的個案嚴格面對，制定快速抗體檢驗流程，制定SOP快速抗體檢驗流程，才可以了解舊案多久時間感染，釐清感染源頭，因應不同狀況應該有不同的策略和戰略。</t>
  </si>
  <si>
    <t xml:space="preserve">
新冠肺炎疫情持續影響智慧型手機供應鏈，在主要生產工廠復工進度不明確、人力返崗比例偏低，以及物流運輸中斷等因素下，供應鏈恢復狀況不如預期，推估影響時間將達1至3個月，預計到三月下旬才會回復到正常水平。
有鑑於此，全球市場研究機構TrendForce將2020年第一季智慧型手機生產量由疫情爆發前預測的3.07億支，擴大下修至2.7億支，較2019年同期衰退13.3%。
觀察第一季市場需求，中國市場因春節銷售遲滯影響，通路承受極高的庫存壓力；海外銷售則因疫情在2月中下旬後大規模擴散至全球70餘國，成為第二波的疫情受害者，第二季全球景氣也將受到牽連。TrendForce對第二季全球智慧型手機市場看法趨於保守，預估生產量約3.18億支，較2019年同期衰退約7.4%。
若在第二季結束前，疫情能獲得有效控制，下半年智慧型手機需求力道將明顯回升，加上5G手機以及多鏡頭機種的推出，預估2020年全球智慧型手機生產總數將達13.51億支（疫情爆發前預測為14.1億支），年衰退3.5%。對於全年5G手機的產量預估，TrendForce也由原先的2.5億支調整至2億支，占所有智慧型手機比例約14.8%。
更多 CTWANT 報導
</t>
  </si>
  <si>
    <t xml:space="preserve">
新冠肺炎今年初爆發，全球已有超過600萬人確診，甚至有30多萬人因此喪命。印尼安全統籌部長馬富（Mohammad Mahfud）日前卻將新冠病毒比擬為叛逆的妻子，強調若無法控制兩者，就與他們並存，而這番言論曝光後也引發極大爭議。
綜合外媒報導，馬富26日舉辦一場大學線上演講，提到新冠肺炎情的問題時，他突然說道：「我們會永遠陷入困境之中嗎？我們可以適應這種狀況的同時持續關注健康。」
馬富繼續說道：「某天我從我的同事口中得知一個網路迷因（meme），他們說『新冠病毒就像是你的老婆，起初你會想去控制她，但到最後會發現做不到，然後你就學會與她／它並存了。』」此番言論不僅遭到網友砲轟，更被認為是性別歧視。
對此，組織婦女團結（Women’s Solidarity）行政總裁丁達（Dinda Nisa Yura）發布聲明表示，馬富的言論不僅反映出印尼政府對於疫情問題的消極態度，更顯示了公職人員的性別歧視和厭惡女性的心態。
更多 CTWANT 報導
</t>
  </si>
  <si>
    <t>傳美國擬擴大華為禁令，再加上蘋果公司對新冠肺炎提出財務預警，台股護國神山台積電成外資提款機，18日遭大賣40,790張，股價大跌2.87％、收322元，市值蒸發2,463億元，市場緊盯新冠肺炎低點312元的支撐力。
儘管台積電強調目前沒有調整第一季營運目標的計畫，而半導體供應鏈也表示蘋果沒有砍減單的動作，但美國未來牽制華為的強度，將是一大變數。
瑞銀證券亞太區半導體首席分析師呂家璈便指出，初步計算，如果美國規範改變，在當前的定義下（不包括設備），台積電來自美國的技術含量不到5％，因此，就算更改為10％以下，台積電也可繼續出貨華為。
但是，要是將有美國技術含量的設備也算進來，台積電該比重就會來到17％，也就是說，如果美國改變對技術規則限制的定義，就會為台積電能否在出貨給華為、海思半導體投下變數。外資估算，華為占台積電營收比重約15％。
瑞信證券台灣區研究部主管艾蘭迪（Randy Abrams）指出，台積電是華為智慧機應用處理器與基地台特殊應用晶片（ASIC）最重要晶圓代工合作對象，考量到華為占大陸智慧機市場四成以上分額、在全球網路建設市占逾三成，又是全球建構5G通訊的關鍵角色，一旦華為5G發展步調受到壓抑，整個晶圓代工產業都會受到衝擊。
他指出，若由全球2020年可望出貨2.5億支5G智慧型手機、大陸就占1.21億支，且將替台積電增加10～15億美元內含價值的預期來看，若台積電無法再出貨給華為，將同步受到直接與間接性衝擊。
儘管台積電尚握有蘋果、高效能運算（HPC）商機、AMD訂單與物聯網（IoT）等成長引擎，然假設華為禁令規則更嚴苛，使得5G發展降速，瑞信認為，台積電2020年的營運成長可能變得較緩和，不容易達成年增二成的高度期望值。
外資18日賣超台積電逾4萬張，占當日成交量比重63.08％，賣超總金額達132.2億元，創下史上外資單日提款第四大紀錄，股價重挫9.5元跌2.87％收322元。
外資摩根大通、大摩、台灣匯立及瑞銀賣超逾5,000張，麥格里及美林賣超逾4,000張，幾乎所有外資均站在賣方，反倒是本土券商帶頭衝，包括富邦、元大、永豐金三大證券總公司買超逾千張，呈現土洋對作的現象。</t>
  </si>
  <si>
    <t>衛福部草屯療養院精神科醫師沈政男參考國外研究提出，打兩劑AZ的保護力幾乎等於零，因此打了也是白打，這樣的說法引起討論，不少醫師看了直呼，這樣說法根本是在誤導民眾。而台北市立聯醫陽明院區胸腔內科醫師蘇一峰則說，打兩劑AZ不會白打，但如果真的很擔心，就趕快去打第三劑。
台北市聯醫忠孝院區胃腸肝膽消化內科醫師陳昶宇昨在臉書發文表示，打AZ疫苗真的是白打嗎？明明打完以後，重症死亡風險至少降低了9成以上，什麼混打或第三計都是要加強抗體，不要太容易被輕症感染突破，但說穿了只是增加自己副作用的風險，去保護那些不打疫苗的人。讓他痛批「睜眼說AZ白打這種瞎話，真的是在誤導民眾。」
陳昶宇也分享國際醫學期刊《刺胳針》的文章說「AZ+AZ+莫德納」的組合可得到最高的中和抗體，以及最好的細胞免疫能力，這是最近英國第三劑加強針試驗的結果，比起「BNT+BNT+莫德納」都還要好，所以打兩劑AZ真的是白打嗎？
胸腔內科醫師蘇一峰昨也在臉書發文說，打兩劑AZ疫苗不會變成白打，只是有可能無法防止Omicron感染，但還是可以避免變成重症，如果真的很擔心的話，可以趕快去打加強針保護自己。
針對「打兩劑AZ保護力幾乎等於零」的說法，中央流行疫情指揮中心指揮官陳時中昨也在記者會上回應說「太過解讀也不好！」目前全球主流意見中，還沒有看到這樣的說法，大多都是認為面對新冠變異株，現有疫苗的保護力可能會降低而已。</t>
  </si>
  <si>
    <t>新冠肺炎疫情彰化縣昨兩日已15例確診，16日晚間又傳出陸續有學生確診，不少家長憂心校園群聚，希望彰化縣政府宣布停課未果，乾脆直接幫小孩請假，縣府教育處統計，全縣9萬3千名中小學生，17日共計有1.1萬人請假，超過1成。
目前彰泰國中因2學生確診全校停課2周，連帶和群國中、芬園國中都有學生受影響被匡列或停課，彰工考場縣府也已請彰化市公所清潔隊完成大規模清潔消毒，但許多國立高中職學生今天也紛紛請假在家。
彰化縣議會原定上午舉行定期會開議縣政質詢，不少縣議員到場簽到後，彰化縣議長謝典林邀集各黨團協商，經國民黨黨團書記長劉淑芳議員、無黨團結聯盟黨團會長吳淑娟議員、民進黨黨團總召許書維議員、時代力量吳韋達議員，彰化縣副縣長林田富及民政處長賴致富等人同意，暫停開議兩周。盼讓縣府全心投入防疫工作。
有議員在議事場外等候黨團協商結果，紛紛為疫情炸鍋表示令人憂心，由於彰化縣政府認為沒有停課必要，不少議員私下也直指早就決定幫孩子們請好假，乖乖待在家中不亂跑，避免到校園增加群聚風險。
彰化縣議長謝典林表示，周末2天快速改變大家習慣的生活方式，更提醒我們嚴峻的疫情還沒過去，彰化縣已進入準三級警戒的狀態，最需要每一位縣民努力配合，懇請大家提高警覺但無須恐慌，配合各項防疫政策，戴口罩、勤洗手，可以的話也盡量保持運動習慣以增強抵抗力。</t>
  </si>
  <si>
    <t xml:space="preserve">新冠肺炎來勢洶洶，1月30日行政院下令徵調口罩，第一波醫療人員優先的配給方案，看似周全但漏洞不少，從基層診所、醫療前線的清潔工、洗衣工、保全、住院病患、密閉空間的司機等，許多「高危族」被遺忘！
「在前線，我們是一群不被看見的小螺絲釘，每天接觸病毒、接送病人卻買不到口罩，那種恐慌誰能了解？如果不是為了自救，我們不會出來開第一槍抗議。」威合威務公司是全台最大的後勤管理外包商，副總經理陳嬿宇嚴肅的強調，員工們服務的醫院中不乏新冠肺炎確診病例，風險很高，萬一員工染病，成了防疫缺口，到時再來反應就來不及了。
這一切的混亂始於大年初六（1月31日）的中央口罩徵調令，隔天，總部位於台北的威合威務聞訊，上下亂成一團，陳嬿宇到班後，快步走向口罩貯藏室，鑰匙一開，眼前一片空盪盪，令她倒抽一口氣。
威合威務不是第一次在前線防疫作戰，超過三分之一的員工曾經參與抗SARS，成軍31年首度打破沉默，第一槍就開向中央。
「每個月口罩用量約8千盒，如果以目前每人每天提供一片口罩計算，現場十幾箱的存貨，恐怕撐不到7天。年前訂的口罩還沒有到貨，口罩徵調政策一出，公司中槍倒地！我們全台服務的醫院近80家，派駐醫院的員工4千多人，要去哪裡買這麼大量的口罩？」陳嬿宇痛訴，清潔人員工作包含收垃圾，難免會碰到病菌；傳送人員要推病人，也可能接觸到新冠肺炎病患，如果沒有即刻更換口罩，恐怕造成交叉感染，一天一片口罩根本不夠用。
「政府棄我們於不顧！」在口罩徵調政策發表後第5天，威合威務鼓起勇氣替自己出聲，向本刊獨家投訴，經本刊在官網「CTWANT」報導後，兩天內傳來好消息，連同醫院的保全及洗衣工，值勤時都有口罩可戴。（待續）
更多 CTWANT 報導
</t>
  </si>
  <si>
    <t>全球央行自去年來積極降息，有利於新興市場重展雄風，儘管近期受疫情衝擊出現短線整理，然而新興市場具備價值面、基本面和資金面等三大優勢，此次回檔反而為日後上漲積蓄動能，一旦疫情緩和，預料會成下一波國際資金回流標的，建議可透過布局全球新興市場型基金來參與。
摩根基金－全方位新興市場基金產品經理劉奕伶表示，美股近期屢創新高，本有帶動新興市場跟漲的機會，無奈新冠肺炎疫情爆發，導致新興市場資產跟風走揚的步調受挫。如果從估值面來看，目前美股股價淨值比已較過去15年的平均超過38％的溢價，代表估值已不便宜，反觀新興市場盤整多時，便宜的投資價值正吸引資金目光，估值回升行情正要展開，落後補漲行情值得期待。
最新1月美銀美林調查也顯示，全球基金經理人在股市區域布局上重新興市場勝於美股。劉奕伶說明，基金經理人對美股的淨加碼比重下滑5個百分點至4％，對新興股市的淨加碼比重卻上揚7個百分點至32％，反映出新興股市價值面相當具有吸引力，為現階段全球經理人的股票布局首選。
在基本面有支撐下，新興市場補漲有底氣，劉奕伶指出，新興市場經濟增長有望落底回升，且新興國家央行較成熟國家央行有較大的政策彈性。再者，市場對新興市場2020年企業獲利預估也相對樂觀，近期已見新興市場的企業預估獲利及盈餘修正比率雙雙回升，有助帶動股市買氣，此刻正是投入新興市場的好時機。
其實，去年第四季以來已見資金回流新興市場，劉奕伶說明，新興企業獲利動能再展雄風，投資氣氛也大獲提振，進而吸引國際資金持續進駐卡位，2019年第四季以來已見資金回流新興市場，然多為ETF資金，後續來自主動型基金的資金動能仍可期待。只是，劉奕伶也提醒，疫情持續發展推升市場不確定性，看好新興市場的低估值和低基期等雙低優勢，建議此時先透過全方位型的新興市場基金參與。
要選就要選最大的！投資人在選擇新興市場基金時，也應注意市佔規模，若規模夠大才能更全方位參與到新興市場這一波資金潮，才能放大投資效率。摩根基金－全方位新興市場基金在目前台灣可供銷售的環球新興市場股票基金當中的規模最大，達85.5億美元，加上靈活操作和積極管理，更能發掘基本面良好投資標的。</t>
  </si>
  <si>
    <t>三立電視台9日晚間接獲通報有2員工確診，立刻做大樓清消，10日上午安排該樓層所有員工PCR篩檢，台北市副市長黃珊珊今在臉書表示，三立該層所有員工都是PCR陰性。
黃珊珊指出，10日接到三立電視台副總的電話，她與聯合醫院許副總院長連夜趕到公司看現場，一個員工確診，的確會造成很多員工的驚慌失措，因為北市府有許多經驗，所以告訴對方要怎樣處理後續事宜；另外，因北農與環南市場疫情穩定，中央與地方聯合前進指揮所昨天解編，由台北市政府處理後續事宜。
黃珊珊指出，就像壹電視、文化大學宿舍案、北農案、高鐵案一樣，工作職場先分紅、黃、綠區，「紅區」人員不但要篩檢，有近距離接觸者還要被匡列隔離14天；「黃區」人員也要全面篩檢，紅黃區的篩檢結果再判斷綠區的風險，壹電視沒有全面篩，因為紅黃區都沒有被感染，其他不同棟工作的同仁也不需要太緊張。
黃珊珊表示，三立電視台該樓層的員工都已經PCR篩檢陰性，雖然接觸者還是會被匡列隔離，但總是一個好消息。</t>
  </si>
  <si>
    <t xml:space="preserve">國內今(17)日又新增333起本土個案，其中雙北確診數最多，面對本土病例狂飆，不少民眾好奇，雙北為何還不宣布封城？一名住在加拿大的台灣人表示，加國已經經歷過三度封城，他以過來人經驗指出，人民自覺自律的效果絕不輸封城。
這名住在加拿大的台灣人在網路論壇《Dcard》舉例說明，加拿大至今經歷三次封城，每爆一波疫情就封一次，去年聖誕節隔天封城，但疫情依然擋不住，甚至狂飆到單日破萬例，封城延續到今年2月底，日增病例降至2、3千例，但因經濟快撐不下去宣布解封，結果人民馬上瘋狂出門購物、遊玩、群聚，3周後確診數再度飆到單日破萬例。
他說政府不封城，有他們的考量，但是人民不作為，就是自己的問題，他強調人民的自覺自律效果，絕對不輸封城效果！希望台灣在2周內，把每日確診數降到最低。他指出如果你的親朋好友這時還硬要出去玩，應該把這篇文章給他們看，希望透過經驗分享，可以讓大家有所警惕。
他並呼籲，如果接下來有更多確診者被公布足跡，千萬不要公審他們，因為公審只會讓確診者更不願意說實情，甚至說謊；此外，他也呼籲不要囤積糧食，因為台灣還沒有到這個程度，疫情不是世界末日，國外反覆封城，也都沒有囤積糧食，因為知道一定有糧食。
貼文一出引起廣大討論，瞬間吸引1千7百多個讚，網友紛紛留言表示，「火終於燒到自己家了才有感覺…現在要回到零我看需要點奇蹟」、「人到哪裡都會被人性害死」、「有自覺真的比什麼政策都強大多了」、「人民僥倖心態才是讓病毒擴散的根本原因」。
</t>
  </si>
  <si>
    <t>新冠肺炎在亞洲各地引發擔憂，自上周起大陸境外病例急增之後，全球市場瞬間墜入悲觀氣氛，由美股帶頭下挫，據統計美股基金單週淨流出177.4億美元居全球之冠，連帶也讓今年以來備受看好的全球新興市場股票，在上周淨流出15.27億美元。至於原本景氣動能偏弱的歐股基金再度流出20.78億美元。
摩根投信環球市場策略師林雅慧指出，新冠肺炎對全球市場的影響，從原本的「亞洲憂慮、歐美淡定」的情況，正式演變成全球都發燒憂慮的階段。這當中的關鍵，除了南韓與日本疫情擴大恐導致全球科技供應鏈恐中斷外，義大利與伊朗新增病例的升溫，也讓市場擔憂疫情擴散恐衝擊到全球今年的經濟發展。
林雅慧表示，全球股市在2019年出現優於預期的強漲後，市場在今年就會比較嚴格檢視企業的實際獲利；如今隨著新冠肺炎對全球經濟的衝擊正式擴大，獲利了結的動能自然也比預期中激烈，所以本益比偏高的美股，也在上周出現了10％的修正。
韓國疫情的加劇，也讓全球對科技產品供應鏈中斷的擔憂持續擴大，日本國內對疫情擴大的擔憂，更進一步反應在今年夏季東京奧運是否延期；加上大陸2月製造業PMI指數創下歷史新低紀錄的35.7，顯示對疫情的憂慮；但隨著大陸境內疫情獲得控制，三月份復工的狀況若加速，製造業PMI數據也可望恢復，全球供應鏈中斷的疑慮也可望因此減輕。
凱基收益成長多重資產基金經理人李奇潭表示，依目前美國通膨仍未達2％目標，且疫情對經濟的不確定性來襲下，美國聯準會（Fed）今年可能至少降息1至2碼因應 ，而目前仍需觀察大陸復工狀況及復工後是否有第二波感染情況，若全球疫情可望在第二季受到控制且大陸未發生第二波感染，經濟數據有機會在第二季逐步止穩，並在第三季逐步回升，預期利率仍將緩步墊高。但在目前市場波動加大下，看好擁有多元收益來源的多重資產基金抗跌穩健。
群益美國新創亮點基金經理人徐煒庠表示，短期來看在市場投資情緒謹慎之下，美股料維持震盪格局，不過整體來看，儘管疫情蔓延使得股市上演大逃殺戲碼，但由於此為非經濟因素所導致的跌勢，因此全球經濟可望在短期修正後重回復甦軌道。
再者，全球主要央行仍維持相對寬鬆的貨幣政策立場，同時VIX指數於先前盤中已接近50高點，短線恐慌程度似已滿足，而從評價面來看，美股本益比已經跌至16～17倍，位於10年均值附近，表現並未偏高，市場亦仍預估美國經濟於今年仍維持成長，因此中長期而言美股表現並未看淡。</t>
  </si>
  <si>
    <t xml:space="preserve">美國因為武漢肺炎病逝的人數打破50萬大關，拜登總統今晚將帶領點燃燭光，為病故者默哀，並宣布全美聯邦機構降半旗5天，拜登也將發表談話。
2019冠狀病毒疾病（COVID-19，武漢肺炎）爆發一年多來，全美累積確診病例超過2816萬例，病故人數超出50萬人。
在這哀傷的時刻，拜登（Joe Biden）今晚將與第一夫人吉兒（Jill Biden）、副總統賀錦麗（Kamala Harris）夫婦等人在白宮南草坪舉行默哀與點燃燭光儀式，為死者致哀。
白宮發言人莎琪（Jen Psaki）今天在例行記者會上表示，今晚的活動標誌50萬不幸病故美國民眾的紀念，呼籲所有美國民眾在日落時分的儀式上一同為病故者默哀。
莎琪表示，拜登將發表談話，並將宣布聯邦政府機構降半旗5天。
至於拜登的談話內容，莎琪指出，主要是凸顯這對美國民眾與許多家庭帶來的巨大損失，並透過依循公共衛生指導方針共同努力，儘速完成疫苗接種，以扭轉疫情大流行。但今晚不是向公眾提供建議或更新防疫進展的時機。
儘管美國每日通報的新增確診病例數已有所下滑，但目前每天仍有數千人染疫不治，且全國只有不到15%人口接種疫苗。
拜登首席醫療顧問佛奇（Anthony Fauci）日前向美國有線電視新聞網（CNN）表示，美國染疫死亡人數即將達到50萬大關，這是「美國史上極具歷史意義的重大事件」。
被問及2022年美國民眾是否應繼續戴口罩，佛奇回答「我認為可能是這樣」，他還說，這取決於社區中的病毒量，以及可能的變異病毒株。
佛奇在接受美國國家廣播公司（NBC）節目「會晤新聞界」（Meet the Press）訪問時也表示，要確定美國何時能達成群體免疫仍為時過早。（編輯：張佑之）1100223
</t>
  </si>
  <si>
    <t>國內今日新冠肺炎本土、死亡個案都+0，新增8例境外移入確定病例，其中6人突破性感染，接種廠牌為莫德納、BNT及AZ。
今日新增8例境外移入個案，為5男、3女，年齡介於10多歲至40多歲，分別自印尼(5例，案16713、案16716-16718、案16720)、加拿大(案16714)、美國(案16715)及柬埔寨(案16719)入境，入境日介於今(2021)年11月17日至11月29日，皆持有搭機前3日內檢驗陰性報告。其中6人突破性感染，接種廠牌為莫德納、BNT及AZ。
截至目前，國內累計1萬6609例確診，分別為1,965例境外移入，1萬4590例本土病例，36例敦睦艦隊、3例航空器感染、1例不明及14例調查中；無新增空號病例，累計111例移除為空號。2020年起累計848例死亡病例，其中836例本土，個案居住縣市分布為新北市412例、臺北市321例、基隆市29例、桃園市27例、彰化縣15例、新竹縣13例、臺中市5例、苗栗縣3例、宜蘭縣及花蓮縣各2例，新竹市、南投縣、雲林縣、臺南市、高雄市、屏東縣及臺東縣各1例；另12例為境外移入。
指揮中心呼籲民眾，應落實手部衛生、咳嗽禮節及佩戴口罩等個人防護措施，減少不必要移動、活動或集會，避免出入人多擁擠的場所，或高感染傳播風險場域，並主動積極配合各項防疫措施，共同嚴守社區防線。</t>
  </si>
  <si>
    <t>高雄市今日0確診，9日將在三大科學園區啟動企業快篩，預計7天完1萬多名移工快篩。社區快篩執行迄今，尚未驗出陽性個案。陳其邁強調，落實疫調、匡列並確實隔離8成接觸者，就能有效控制擴散。
高市企業快篩9日將在三大科學園區啟動，預計7天完成1萬多名移工快篩，進而分艙分流、降載、加嚴管理，確保生產力及社區安全。社區篩檢站運作迄今累，計共8048次篩檢，經序列檢測，全都陰性，代表高市社區風險相當低。
陳其邁表示，從日本東京、大阪經驗看來，群體免疫尚未建立，疫情很容易再度死灰復燃、起起伏伏，終究要打疫苗。醫師公會、護理師公會、衛生局招募熱血醫護參與疫苗接種大隊，迄今有2000位加入注射。
陳其邁強調，疫調、匡列、隔離很重要，若不執行，1感染者一次可傳5人，每日成等比成長。若落實疫調及隔離6成接觸者，20天後僅傳染16人。若落實隔離8成接觸者，就能有效控制擴散。
國內尚未將孕婦納入公費疫苗優先對象，疫苗專家、高醫院長鍾飲文公開呼籲，首批莫德納疫苗應禮讓孕婦優先。陳其邁對此表示，疫苗施打順序是科學問題，不是政治問題，得看科學證據。目前還沒看到相關安全性資料，會尊重國內專家會議的審查、評估。
傳高市府禁陸官入伍生團7月開訓，衛生局駁斥是錯誤訊息，呼籲勿再轉傳。目前仍是三級警戒，後續防疫措施，會依照需求滾動式修正。陳其邁表示，會與國防部協調。</t>
  </si>
  <si>
    <t>全國防疫警戒升至三級後，疫情指揮中心要求外出必須戴口罩，否則最重可罰1.5萬元，但「開車要不要戴」反成民眾困擾。由於各縣市標準不一，指揮中心將於今天召開的全國防疫會議中，訂出指引供外界遵守。指揮中心發言人莊人祥昨晚說，他自己一個人開車不會戴口罩，「但如果車上有別人就要戴」。
有民眾打電話問1922防疫專線，得到「全國三級警戒，離開家門算外出，外出就是要戴口罩」的回覆，其中也包括開車；但開車戴口罩衍生不少問題，例如眼鏡起霧，反而影響行車安全。
各地方政府的標準也不一致，如開車沒戴口罩新北不罰，北、高卻不這麼認為；多數民眾傻眼，感到無所適從。指揮中心預計在全國防疫會議上討論，針對「開車是否戴口罩」訂出一套規則。
根據《ETtoday新聞雲》報導，莊人祥受訪時表示，「我自己一個人在車上是不會戴（口罩）啦」，但他強調，在車子裡如果關窗戶，屬於密閉空間，有其他乘客的話就通通都要戴。</t>
  </si>
  <si>
    <t>台灣連續52天無本土疫情，中央流行疫情指揮中心宣布餐飲、休閒娛樂業有條件解封，但高雄市政府5日表示，仍不允許逐桌敬酒、自助取餐仍有清消限制，與中央稍不同調。KTV最快傍晚5點可復業，從業人員接種未達6成者將比照長照機構，一周免費快篩一次。
高市管制開放措施如避免逐桌敬酒，自助取餐仍有使用手套、清消等限制，些微與中央不同調，陳其邁強調，這是「鬆中有緊」，還是得採取必要的措施，降低大規模的感染風險。。
陳其邁還說，民眾外出務必全程佩戴口罩，如運動場所、公園、爬山、野餐等戶外遊憩場域，容易發生不特定接觸風險，仍須全程配戴口罩，不可邊走邊吃。在家和朋友打麻將、桌遊可允許，但需戴上口罩。
KTV目前最快下午5點可復業，經發局會在一天內協助業者快速復業。從業人員接種未達6成，比照長照機構，高市府提供免費快篩試劑，一周篩一次，也會盡快安排施打疫苗。</t>
  </si>
  <si>
    <t>新冠肺炎疫情打亂日本房市前景，有專家指出，都市的中古屋可能大跌二至三成，原本乏人問津的郊外住宅，則可能重新受到矚目。
■Shop prices in prime locations in Tokyo and Osaka that had held firm for more than a decade, have fallen by nearly 30 percent.
日本《現代商業》引用住宅評論家櫻井幸雄的推測指出，「東京23區的大樓公寓房價，2007年時平均為6,120萬日圓（約台幣1,724萬元），經歷雷曼兄弟金融風暴後，2009年跌至5,190萬日圓（約台幣1,462萬元）。新冠肺炎疫情限制了全球的人、物、金錢的流動，不動產一定也會受到極大的打擊。」
報導指出，不少專家認為，「日本人口持續老化，擁有不動產本身就是風險。」不動產評論家牧野知弘則指出，東京奧運延期，使原本期待訪日旅客帶動經濟的期待破滅，這也會影響不動產市場。看準奧運投資的企業當中，可能會出現因為資金周轉困難而無法經營下去的公司，屆時可能會低價變賣手中持有的土地，導致土地價格下跌。
中古不動產恐跌價三成
疫情持續下去的話，飯店、零售業、中小企等相繼破產，導致失業人數持續增加，還不起房貸的人也可能變賣房產，間接影響到房價。
櫻井還預測，中古不動產價格最終可能大跌二至三成。但他也說，不用急於脫手，股票和不動產一樣，總會有反轉的時機，不動產大約三至五年就會有漲跌的輪迴，如果能等，可到景氣復甦後再考慮賣房。相反的，對想買房的人而言，說不定後新冠期是不錯的時機。
牧野則指出，過去20年，日本人從郊外回歸便利的都市，使郊外的住宅變得很沒人氣，景氣一變差，房價就一直跌，然而經過這次新冠肺炎疫情後，都市人口密集的地方染疫風險大，今後買家很可能把焦點再度轉向郊外的住宅，因此在郊外的房子也不急著脫手，再等個五年看看。
大企業為了避免員工染疫的風險，開始實施居家辦公制度，即使疫情過去，也很可能繼續實施工作方式改革，有些公司已在研究每周去公司三天的上班方式，也有助於舒緩上下班時間交通顛峰期間的擁擠。近年來許多人為了不想通車而搬到東京都心，若以後在家辦公的時間增長的話，郊外的住宅很可能會重新受矚目。
還不起房貸 賣家急脫手
此外，日本《現代商業》雜誌報導，受到疫情影響，許多背著房貸的蝸牛族開始為還不起房貸而煩惱，若因延遲繳房貸而信用破產，申請破產的案例恐將激增。個人破產的件數最近一年約6～7萬件，2000年代初期曾達到10萬件，後新冠期也有可能增加到20萬件。
日本政府為因應新冠肺炎疫情，發布長達一個月以上的「緊急事態宣言」，許多公司要員工在家上班，但薪水、業績獎金、津貼都縮水，有些太太平時去餐廳打工貼補家用，受到政府要求店家暫停營業的影響，連打工收入也沒有了。許多人省吃儉用，貸款買了理想的房子，卻因為疫情關係而還款困難。
東京千代田區的線上住宅貸款服務公司「MSF」針對「新冠肺炎疫情對房貸還款的影響」，在4月7日發布緊急事態宣言後未滿一個月時，進行了一項問卷調查。結果顯示，疫情對六成以上的家庭收入有影響，其中31.3％的人回答「收入減少了」，有30.0％的人回答「現在沒影響，但今後好像會減少」。
回答收入減少的家庭當中，有30.5％的家庭一個月減少5～10萬日圓（約台幣1.4萬至2.8萬元）；有22.5％的家庭減少1～3萬日圓（約台幣2,800元至8,451元）；19.2％的家庭回答，減少3～5萬日圓（約台幣8,451元至1.萬元）。以年齡層來看，30多歲的人占了約四成。
調查中提問，「受疫情影響，是否為還款而苦？」有13.7％的人「非常痛苦」；25.9％的人「有點痛苦」。兩者加總可看出，有39.6％的家庭為還房貸而苦。還有28.4％的人回答「今後可能會痛苦」。
日本住宅金融支援機構指出，2月時約接到20件左右有關還房貸的諮詢，3月時增加到200件，4月更超過1,200件。才短短兩個月諮詢件數增加了60倍。</t>
  </si>
  <si>
    <t>桃園市7日新增1本土案例，桃園市長鄭文燦表示，新增案15882為居家隔離對象，他是特殊交友圈外溢的確診年長夫妻的家人，3日已經匡列隔離，當時1採陰，但後來發燒6日2採後確診，CT值20。
新增確診者是日前特殊交友圈確診者傳染給家人，該家人又拜訪一對年長的夫妻，2人先後確診，並匡列接觸者居家隔離。當時確診者雖然1採陰性，但是後來他發燒後再安排採檢於6日確診。桃園市衛生局匡列職場接觸者10人及家庭接觸者1人，並依照風險分列居家隔離6人、自主健康管理2人及自我健康監測3人。目前7人陰性、1人檢驗中。
另外桃園市政府公布日前確診者足跡，案15882曾於8月2日前往八德區高城郵局。請於足跡重疊次日起14天，進行自我健康監測。</t>
  </si>
  <si>
    <t>新冠肺炎持續肆虐全球，昨天全球確診人數突破700萬，台大公衛學院昨公布香港皇家研究院最新研究顯示，曾經感染SARS一樣會感染新冠肺炎，提醒民眾，即使台灣大解封，在國際疫情未結束前，仍要維持洗手、戴口罩、保持社交距離等個人習慣。
台大公衛學院副院長陳秀熙指出，2003年曾爆發SARS，外界懷疑若曾經感染SARS產生抗體，可能對新冠肺炎免疫，據香港皇家研究院進行香港血清監測研究，對象包括超過接近2000個血清，其中53個曾經感染過SARS並且抗體反應為陽性，顯示即使感染過SARS且產生抗體，也無法保護不受新冠肺炎感染。
此外，陳秀熙表示，當全球解封指數為1，就可以考慮開始解封，若要解封最好小於0.1，目前全球解封指數來到1.17，全球有54％國家解封指數小於1；而小於0.1、可解封的國家共15國，包含台灣在內，解封指數為0.049，在全球186國中排第8。
陳秀熙也舉義大利日前利用配戴式隱藏式感應器腰帶，測試戴口罩與所帶來與旁人真正的社交距離的研究，結果發現，有配戴醫療口罩或自製口罩的民眾，與他人保持的距離長達120公分，而未配戴任何口罩的民眾，行人之間距離僅59公分，陳秀熙表示，可見戴口罩還有視覺刺激可使社交距離增加。</t>
  </si>
  <si>
    <t xml:space="preserve">聯發科(2454)法說報喜，釋出今年營運仍會有合理成長的訊息，8家外資也對其出具最新研究報告，多看好第二季起大陸的5G智慧機訂單將開始發酵，且一路延續到下半年，但在新冠肺炎疫情下，新興市場的4G晶片出貨恐成隱憂，其中又以印度市場最為明顯，8家外資目標價最高來到450元，最低則為311元。
美系外資認為，智慧型手機SoC(系統單晶片)目前占比聯發科總營收約40%，目前大陸市場需求已開始有所改善，但海外市場(包括印度)尚未見復甦跡象，故在疲軟的經濟環境下，智慧型手機製造商可能需要推出更多「價格適中」的5G手機，這恐對聯發科長期毛利率較為不利，且法說會中，聯發科並未明確評論5G SoC利潤率趨勢，但承認價格競爭仍存在，故維持中立評等、目標價378元。
另一家美系外資則認為，所有主要的大陸智慧手機品牌都將在第二季採用聯發科「天璣800」，並期望在下半年可以拿到國際品牌的訂單，一般認為其所指的就是三星，且更重要的是，聯發科預計今年5G SoC與4G產品的平均售價將持續增長，看好5G SoC的毛利率穩定，將帶來更好的收益能力，惟在新冠肺炎疫情影響下，對新興市場的影響，尤其是印度，這恐是聯發科第二季、第三季的4G晶片出貨會出現一些疲軟，預估今年聯發科的4G智慧型手機SoC出貨量下降16%；除此之外，聯發科在ASIC(客製化晶片)上，第二季起將恢復強勁的成長，且下半年將投入生產某大客戶的新型AI ASIC，此客戶有可能就是亞馬遜，有鑑於眾多因素下，將聯發科目標價由420元到450元、維持加碼評等。
還有一家美系外資認為，聯發科有多樣化的產品組合和5G增長，儘管受到新冠肺炎影響，但2020年仍將具有合理成長，而最近對新興市場需求疲軟的擔憂正在影響4G智能手機的整體需求，但在很大程度上會被市占率的增長和5G貢獻增加所抵消，加上還有新產品推動下半年營運，將聯發科目標價由420元調升到450元、維持買進評等。
歐系外資指出，大陸的5G智慧型手機市場將成為聯發科第二季營運的重要動能，其可以抵消東南亞、印度市場因為新冠肺炎而減少的4G訂單，以及運動賽事暫緩導致的電視需求下滑，且聯發科也預告下半年有機會將拿下非大陸品牌的智慧型手機訂單，市場認為其所指的就是三星，加上若美國加大對華為的限縮力道，則聯發科也將有機會從中獲益，故維持優於大盤評等、目標價430元。
亞系外資指出，聯發科法說對第二季、下半年都釋出樂觀訊息，5G組合將有助於推動整體毛利率趨勢，但儘管有5G產品的出貨增加，但聯發科所釋出的第二季毛利率預估為42.5%，這意味著鑑於潛在的平均售價壓力，加上庫存天數增加，也引發下半年毛利率上升空間恐有限的擔憂，將目標價由300元調升到311元、維持持有評等。
另一家亞系外資指出， 聯發科已經注意到在新冠肺炎疫情下，第二季、第三季新興市場，尤其是印度的需求恐轉為疲軟，但其5G SoC在大陸市場已經拿下多數品牌的訂單，天璣1000第二季度將推出更多手機，還有天璣800、甚至是天璣600，都將成為聯發科下半年營運的重要動能，且在其他領域上，還有WiFi、路由器、電源管理IC以及遊戲機晶片等，也會有不錯表現，故將聯發科目標價由362元調升到438元、評等由中立調升到優於大盤。
日系外資表示，在新冠肺炎疫情下，聯發科認為在均衡的產品布局，加上5G產品週期，今年營運應該還是會有合理的成長，大陸5G市場將是聯發科今年重要的營運動能來源，故維持440元目標價、評等買進。
另一家亞系外資則認為，聯發科在5G初期即快入市場，該動作有助於其在2020年5G業務快速成長，但受到新冠肺炎疫情的關係，恐將減弱其在新興市場的4G業務，故將聯發科目標價由440元調降到415元、維持優於大盤評等。
</t>
  </si>
  <si>
    <t>科技部南科管理局針對新冠肺炎後疫情時代，超前佈署打造精準健康產業鏈， 並配合政府六大核心戰略產業之「生物及醫療科技產業」，展現階段性成果。展示成果包括目前最受矚目的 COVID-19 核酸檢測試劑（泉沂）、全球唯二的自主研發小切口無角膜瓣飛雷屈光手術儀之設備（艾克夏）、以及AI深度學習技術輔助癌症篩檢產品（柏瑞醫）、電腦輔助術前計劃系統（巧醫）、心臟幹細胞製劑及腦血管幹細胞製劑（鴻曜）、骨科及顱顏口腔手術導引系統（醫百）、植牙導航定位系統（台灣植體）、智慧影像分析系統及自動光學檢測系統（思創）、體外脫針漏血警示系統（翔安）、生理監測儀（云醫）等成果展示，向各界宣示打擊新冠肺炎及守護國人健康。
南科管理局表示，在後疫情時代，民眾更需要精準健康產業全方位準確的照護，包含「精準診斷、治療、照護與預防」四面向。以疫情為例，從預防性的新興疫苗研發，到感染症狀診斷，篩選抗體與藥物，配戴特定設備做智慧防疫、使用物聯網做遠距照護，都是精準健康產業範圍。而南科生醫聚落發展至今，從傳產轉型至生產高階醫療器材已歷經十年歲月，無論是頂尖技術開發、國際市場拓銷、新南向及新創引進等推動，南科管理局都扮演重要推手，並盡全力扶持。
科技部透過跨域跨部會的整合方式，規劃「臺灣精準健康戰略產業發展方案」，南科依循科技部政策方向，結合園區內既有ICT資通訊與BIO生醫兩大產業優勢，導入AI人工智慧及大數據資料庫，應用於精確檢測技術及設備、個人化醫療等，期望從智慧健康、智慧醫療及智慧照護等三方向，發展精準健康新興產業，守護全民健康福祉。
南科生醫產業聚落陣容堅強完整，目前共計有近80家廠商，為國內最重要的生醫聚落之一，無論是面對後疫情時代，抑或是未來精準健康與智慧醫療來臨，將持續結合國內ICT與國外資金技術，藉由卓越的研發量能與高端技術，投入智慧生醫之研發，發展醫學檢測、精準醫療等，擴大業務版圖促升產值，展現南科生醫產業的實力。</t>
  </si>
  <si>
    <t>內政部長徐國勇宣布暫時取消全國性酒測，臺灣酒駕防制社會關懷協會理事長陳喬琪5日晚間表達嚴正抗議 ，指酒駕造成的殺傷力，絕對比新冠肺炎病毒來的更立即與危險，一秒鐘就會要人命
對於酒駕防制團體批評，徐國勇強調，疫情嚴峻，防疫工作最為優先，除了保障員警執勤安全，目前警政署如保ㄧ、保四、保五總隊的同仁，皆全力配合投入警力於執行邊境防疫、居家隔離、檢疫訪查與協尋等相關防疫工作，而地區性酒測勤務仍持續進行， 民眾勿以身試法。
徐國勇說，酒駕肇事造成不少家庭破碎，是民眾最痛惡的行為，酒駕零容忍，為防制酒駕，防疫期間，警察機關仍會以嚴格態度取締酒駕，以有效保障用路人的安全。
陳喬琪表示，請內政部正視酒駕曾經造成的國人嚴重傷亡與慘痛代價！去年因酒駕造成1萬1877人嚴重死傷(293死亡)嚴重死傷，2014年高達1萬8097人死傷(534死亡)，近幾年，警方每年取締酒駕違規高達10萬件上下。好不容易在警方加強取締以及酒駕修法嚇阻之下，這6年來，酒駕傷亡在警方與國人共同努力下，減少了近35％。
陳喬琪強調「酒駕悲劇的減少，要感謝第一線警察同仁辛苦付出，但防酒駕沒有假期！防酒駕絕對不能走回頭路，尤其在嚴峻的疫情裡，我們的警察同仁必須在獲得足夠的裝備下，可以繼續執行安全的酒駕監測任務」。
協會並強烈要求，中央必須編列警方執行酒測防疫設備與專屬預算，不能因為酒測設備不足，就減少酒駕取締任務，取締酒駕是保護國人更要保護警察，中央必須盡速提供充足與安全完善的防疫設備給警察，執行任務。防疫優先，警員更要完善的防護裝備，人命關天，取締酒駕零假期。
★中時新聞網關心您：飲酒勿過量，開車不喝酒！</t>
  </si>
  <si>
    <t>本土疫情肆虐，各行各業經濟受嚴重波及，可行政院提出的紓困4.0方案卻平息不了民怨，如行政院日前為緩解打工族停班壓力，再拍板投保薪資2萬3100元以下的兼職時薪人員，可領取1萬元生活補貼，但消息曝光後，隨即引來沒領到補助的正職勞工不滿，認為中央要這樣一直追加補助，不如直接推行「普發」。
受疫情影響，國內民不聊生，許多沒班可上的打工仔，生活陷入難以想像的困頓。勞動部日前因此特別召開就業安定基金管理會，擬讓今（2021）年4月30日前有投保，且薪資在23100元以下的打工族領取1萬元生活補貼，若領取其他部會相關補貼則不可重複領取，預估這項紓困政策全台有41萬人適用，今日行政院也正式通過該方案。
可消息一出，同樣受疫情所苦，卻一分紓困也領不到的正職勞工超級不爽，認為自己明明也是疫情受災戶，拿不到中央補助也就算了，如今還乖乖繳稅，被中央當「提款機」，不僅如此，PTT上還有鄉民直言「税是我在繳，錢是別人爽」、「單身上班族都不用養父母顧家」、「感謝社會中流砥柱們的付出，疫苗最後打、紓困領不到、稅金年年繳」、「做正職的都該死，這個社會不需要正職員工」、「我他X每天工作，領超過最低薪資，我活該命X」。
其中更有不少網友向政府喊話，建議補助方案一直追加，何不乾脆考慮普發，並留言強調「普發排富是會死嗎？偏要自己用一堆鳥設定，這樣綁法票又不會比較多」、「普發就好，搞一堆有的沒的，一直追加」、「年薪50萬以下無房產的直接普發不就解決了」、「早說了，普發最公平」、「什麼鬼，要這樣發乾脆普發就好了啊」。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在新冠肺炎疫情持續延燒的非常時期，星展銀行（台灣）積極投入，以實際行動協助防疫，除提供客戶多元數位金融服務，讓客戶免出門即可輕鬆完成所需交易外，近來也貼心推出法定傳染病補償保險金保障，陪伴貴賓客戶度過艱難時刻。針對星展內部員工的部分，已有縝密的因應計畫與配套措施，確保大家的健康與安全，同時更開放員工使用彈性福利金購買防疫物品，全方位協助同仁對抗疫情。
星展銀行（台灣）總經理林鑫川表示，人才是星展最重要的資產，提供員工安全的職場環境，可說是我們最重要的課題。星展銀行（台灣）在新冠肺炎疫情爆發之初，即啟動營運持續管理因應計畫及配套措施，包括部門異地備援、在各辦公室配置消毒酒精及耳溫槍、加強消毒清潔辦公環境、提供口罩予需要接觸客戶之前線同仁，並安排知名醫師進行線上講座，解說新冠病毒防疫衛教專業資訊，隨時關心員工的身體情況。
此外在廣受同仁好評的iflex彈性福利金方面，除了讓員工可依個人需求，選擇申報休閒旅遊、醫療保險或教育學習等相關花費，考量防疫為杜絕傳染的基本工作，近來星展銀行（台灣）特別將「防疫用品」納入申請項目範圍，開放同仁使用彈性福利金購買包含消毒用品、防疫家電、維他命、口罩等防疫相關產品。
針對因公務需求，必須前往中央流行疫情指揮中心公佈之旅遊警示國家，或在出發前（或在途）該國未列為第三級旅遊警告國家，之後自第三級旅遊警告國家返國，而需要居家隔離或居家檢疫之同仁，星展銀行（台灣）給予最優14天全薪防疫隔離假。針對其他因疫情有需要請假的同仁，星展銀行（台灣）亦提供在家辦公（有薪）、14至21天有薪年假、7天無薪家庭照顧假、7天無薪事假與14天無薪防疫照顧假等選擇。
</t>
  </si>
  <si>
    <t xml:space="preserve">新冠肺炎疫情持續升溫，屏東確診人數增至3人，居家檢疫也來到720人，其中屏東市就占255人，基層民政人員除本身業務外，也擔當起第一線防疫工作，屏東縣政府為此以失智手環為發想，開發「平安手環」，輔助加強追蹤功能，盼能適度減輕防疫人員辛勞。
近期居住歐美國人陸續返國，造成居家檢疫人數激增，屏東縣長潘孟安指出，過去曾在縣內智慧樂活社區，以平安符外型內建ＧＰＳ，掌握長輩足跡；如今以此為發想，設置平安手環，未來可彌補防疫手機功能不足，輔助加強追蹤關懷居家檢疫民眾，也減少村里長及村里幹事防疫工作量。
</t>
  </si>
  <si>
    <t>北市松山區某國中出現1確診個案，並有他校學生曾與確診者接觸，因此，松山區已有2校預防性停課，北市教育局為防止疫情擴散，緊急勸導周邊18間補習班，建議今晚課程改採線上教學，環保局也將在今晚到周邊消毒。
台北市疫情再次升溫，引發人心惶惶，北市松山區某國中接獲通知校內有1學生確診，深夜緊急通知學生，今下午聯醫也進駐該校協助600多位學生做PCR篩檢；據了解，該生在課後有參加4人小型補習班，因此，為防堵疫情擴大，北市教育局緊急通知周邊18間補習班，建議改採線上教學預防性停止實體課程1天。</t>
  </si>
  <si>
    <t>全國升三級警戒，進出營業、公共場所等都必須實施實聯制。不過最近有民眾發現，有店家張貼於門口的QR Code遭不肖人士更換，民眾不知情掃描後，造成荷包大失血，內政部警政署也在臉書宣導，提醒民眾傳送實聯制簡訊前，先確認是否傳送至「1922」，否則連結至惡意網站，個資恐外洩。
一名網友昨（6）日於臉書社團《爆怨2公社》指出，有店家將實聯制QR Code張貼於店門外，卻遭不肖人士更換，連結至高額付費號碼或惡意網站，讓荷包大失血，因此在掃完QR Code後，發送實聯制簡訊前，應先確認螢幕上方，傳送對象是否為「1922」，確定無誤再傳，「希望大家多留意，防疫也要詐騙，真的太可怕」。
內政部警政署日前也在臉書《165全民防騙網》宣導，張貼於店門口的實聯制QR Code，務必不定期檢查，以防遭不肖人士更換，也提醒民眾多加查核是否傳至「1922」，確認後再傳送。
貼文曝光後，不少網友相當氣憤，紛紛表示「唉，台灣真是無處不詐騙耶，氣死人了，趁火打劫，災難已經夠可憐了」、「這種趁火打劫的不得好死」、「賺這種錢不怕染疫暴斃嗎」、「都什麼時候了，還搞詐騙？」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疫情蔓延，民眾怕群聚感染不敢搭乘遊覽車，造成日月潭團客大幅減少，有時1天不到10輛遊覽車，但仍有許多民眾自行開車出遊，散客一日遊和住宿受影響幅度較小；但遊艇因屬群聚空間，載客量則明顯減少。
日月潭國家風景區管理處長洪維新表示，日月潭是具有魅力的景點，新冠肺炎疫情在世界各國擴散後，台灣控管疫情得宜，相對安全，因此許多原本要出國旅遊的民眾，改轉往日月潭旅遊，旅宿業者都感受到出口轉內需情況。至於預定9月舉辦的日月潭萬人泳渡、10月到11月間的日月潭花火節是否如期舉行，將視疫情狀況再評估。
南投縣觀光處長王源鍾表示，日月潭是國際級風景區，景色優美且開闊，目前一日遊的旅客減少幅度不大，但團體旅遊客源就明顯減少很多，3、4月間是畢業旅行旺季，也是觀察遊客消長的重要指標。南投縣長林明溱則呼籲民眾走出戶外，到日月潭旅遊，享受湖光山色美景。
受疫情影響，不少都會區大飯店歇業甚至倒閉，日月潭得天獨厚的環境相對有「避難」優勢。涵碧樓總經理史墨威指出，都會區飯店多數是密閉空間，民眾擔心群聚感染而不敢入住，但日月潭視野廣闊、通風良好，悠閒度假的氣氛未遭受破壞，反而是許多都會區民眾遠離恐慌、「躲」到日月潭度假的好時機。</t>
  </si>
  <si>
    <t>金門金城鎮公所今（9）日宣布因受新冠肺炎疫情影響，決定取消一年一度的〈金門迎城隍宗教文化觀光季〉活動。至於傳統的「香路」遶境及祭祀活動是否照常舉行？則尊重廟方自行安排。
文化部指定為國家重要民俗，已有340年歷史的「農曆4月12日迎城隍」是金門最大規模的廟會活動，信眾將萬人空巷的「4月12人看人」與台灣「3月瘋媽祖」的盛況相提並論。
其中，迎城隍重頭戲「蜈蚣座」是金門地區傳統藝陣之一，陣頭出巡有滌蕩邪穢、除惡辟邪的意義。建國百年時，金門縣以「世界最長純人力肩扛蜈蚣座陣頭」獲得《金氏世界紀錄》的認證，吸引不少外籍遊客前來，甚至加入遊行隊伍，讓這項年度廟會慶典渲染繽紛的國際色彩。
金城鎮長李誠智宣布在與廟方審慎評估後，考量因為新冠肺炎疫情持續發燒，決定取消往年由縣府和鎮公所統籌主導，時間長達1個月，估計吸引4萬名觀光客來到，經濟產值約3億元的〈金門迎城隍宗教文化觀光季〉活動。至於已有300多年歷史的傳統「香路」遶境及祭祀活動是否照常舉行？則尊重廟方自己的安排。一旦如期照辦，鎮公所將在防疫方面提供必要協助。
根據文史工作者李秉鈞的研究，金門迎城隍自清代以來，即屬地方年度大事，民國以來或有大迎、小不同規模，島民連年虔誠舉辦，迄民國40年間因國共戰事，才有停辦的紀錄。在官方觀光季活動因疫情停辦下，若民間「香路」遶境也跟進停辦，可確定為60多年以來，逾一甲子僅見。
李誠智表示，往年備受鄉親歡迎，開放報名即告秒殺的「蜈蚣座親子嘉年華踩街」及相關動態活動確定停辦，至於廟口的「祈福牆」及周邊活動將援例或調整舉辦規模，期待在大疫壓境的此刻，能為鄉親帶來祈福與希望的力量。
當地民眾普遍認為，17年前SARS來襲，金門迎城隍照常舉辦，但今年新冠肺炎疫情更加嚴峻，全球各地都遭大疫肆虐，官方考量避免群聚感染的風險，在籌備作業採取最高規格因應作為，用心相當值得肯定，也相信只要鄉親心存虔敬，神明也會庇佑平安度過難關。</t>
  </si>
  <si>
    <t>全台連續7天本土確診病例破百，其中以新北市累計895例最多，新北市議員張志豪今（22日）再度爆料，中和區一家9口有5人確診，雖3人已經送醫，但尚有許姓父女確診等待救治，女兒才年僅6歲，他相當憂心防疫能量崩解，盼中央、地方一起努力。
張志豪表示，中和許姓一家9口，日前61歲父親、62歲伯父、92歲祖母確診，已送醫急救，但其他6人仍持續住於家中，許男今（22日）上午接獲疾管署電話通知，他和6歲女兒也確診，目前急需送醫救治，卻等不到相關單位後續安排，一家9口已5人確診。
張志豪憂心說，家中還有另外4名健康家人，卻等不到防疫旅館，且市府21日已徵用位於淡水的飯店作為集中檢疫中心，專門收治輕症、無症狀患者，更該盡速將確診者送去檢疫中心，獲得更好的救治及避免疫情再度擴散。
張志豪表示，目前防疫失序、量能崩解，市民苦等求援，盼中央地方合力，一切考驗市長智慧和決心。</t>
  </si>
  <si>
    <t xml:space="preserve">
國內昨爆發首起院內感染，各醫院提升入院管制規定，新北市衛生局表示，新北市立聯合醫院三重院區作為應變醫院，即日起每1名住院病人限1名訪客探病，探病時間為上午11點11點半，以及晚間7點至7點半，且住院病人僅能有1名陪病者，所有訪客以及陪病者皆需登記入院。
新北市衛生局表示，上月22日市長侯友宜召集17家急救責任醫院召開應變會議，要求各院嚴格落實感染管制，確實做好分流篩檢及收治，呼籲醫院落實加強院內監測方案，保護醫病人員健康，同時藉由社區感染防疫演習，做好與民眾間風險溝通，齊心協力共同抗疫。
新北市衛生局長陳潤秋說，新北市立聯合醫院三重院區啟動院內感染管制策略，陪病或探病者皆登記並詢問TOCC（旅遊史、職業史、接觸史及群聚史），限制每床陪病人數為1名，每日固定時段開放探病外，對於探病者則採較中央要求更嚴格管制措施，每床以1人為限，全力防堵院內感染，力求守住防疫的最重要戰線。</t>
  </si>
  <si>
    <t>台灣本土疫情爆發，且在《彭博社》「全球防疫韌性」排名中，跌至第44名，是全球參與評比國家的末段，對此，國民黨台北市議員王鴻薇指出，台灣防疫吊車尾，對比台灣時常拿來做為對手比較的韓國，卻是位居前10名，只能大喊「好想贏韓國！」
國際媒體《彭博社》6月公布最新的防疫排名，台灣從去年11月的第3名，到現在已經吊車尾排到了第44名，對此，王鴻薇今（1日）在臉書發文表示，對比台灣時常拿來做為對手比較的韓國，卻是位居前10名，不管是在疫苗接種率、封鎖嚴重性等評分項目，都遠勝過台灣，實在是讓人又想大喊：「好想贏韓國！」
王鴻薇稱，事實上，韓國從今年2月起開始施打疫苗，到了現在，全國已經有超過4成的民眾接種完第一劑，而現在雖然AZ疫苗到貨延遲，但韓國政府也已經決定從7月開始，將以其它疫苗混打的方式，開始接種第二劑，目標是在11月底前達成70%的施打率，也就是普遍認為群體免疫的標準。對比台灣，到現在疫苗仍然是嚴重不足，接種率遠遠落後。有別於韓國政府是大力鼓勵民眾出來打疫苗，台灣人民是「搶著要打疫苗」！
另一方面，在殘劑施打的安排措施上，王鴻薇指出，韓國政府在5月底就推出了「殘劑疫苗地圖APP」，讓符合資格的民眾可以透過該APP預約，一有殘劑釋出，即會主動推播通知，讓民眾儘速到施打站接種。
王鴻薇直言，而台灣，指揮中心就一句話「開放18歲以上的民眾預約」，其餘全部丟給地方政府處理，導致各地殘劑預約各玩各的、亂象頻出。光是在同個縣市裡，有的院所可以網路預約、有的一定要用傳統的電話預約，而不同縣市，有的全面開放18歲以上的民眾預約，而有的又不開放，還是要照施打排序來排隊。過去蔡政府一直自誇「防疫有成」，但其它國家正在邁向解封的現在，台灣人卻正處於水深火熱，各行各業都苦不堪言。防疫的九局下半，台灣被對手遠遠超過，王感嘆，真的好想問政府，「到底在幹什麼？我們好想贏韓國啊」！</t>
  </si>
  <si>
    <t>中央流行疫情指揮中心指揮官陳時中31日傍晚旋風式造訪台中，第二站抵達曾受敦睦艦隊疫情波及的台中一中商圈，並表示「這個地方很安全，大家放心來玩，不用擔心」。對此，歷史學者王丰諷刺道「你快走下祭壇退乩了你還不知道呀！」
陳時中昨與台中市長盧秀燕挽起袖子，照著業者指令親自調製珍奶，並拉起口罩把吸管送入嘴中，無形中示範了戴口罩要如何喝手搖飲。陳時中表示，希望一中商圈趕快復甦，他相信這條街有很多大家可以逛的地方，也期待未來跟中市有更多合作，一起把防疫做好，振興台中也可以成功。
對此，王丰在臉書指出，陳時中被造神造久了，攬鏡自照，左看、右看、上看、下看，怎麼看自己都像神。王丰提及，陳時中前進一中喝珍奶，並表示這裡很安全歡迎來玩，王丰直言，陳時中自我感覺是神近半年，真以為新冠病毒歸他管，全球病毒都會乖乖聽命於他。「假神啊，你快走下祭壇退乩了你還不知道呀！」</t>
  </si>
  <si>
    <t xml:space="preserve">俄羅斯近日新冠肺炎疫情大爆發，目前我國旅居俄羅斯僑民約百餘人，其中約有30至40名國人想提早返台，外交部亞西及非洲司司長楊心怡今天表示，日航25日將有一班撤離日僑的班機，可為台灣民眾保留約50個機位，駐俄代表處正積極洽詢日航及有需求的民眾保持聯繫。
楊心怡表示，駐俄代表處統計在俄國有100多名國人，約有30到40人有興趣提早包機回國，一開始洽詢的價格過高，平均一個人要30萬台幣以上，後來得知日航在11日有班機，但又因為位置不足無法成行。
楊心怡說，日航在25日還有一班撤離日僑的班機，駐俄代表處與日航以及國人保持聯繫，現在洽詢保留50個機位，但上機人數仍要詳細確認，費用也要再進一步洽商。
</t>
  </si>
  <si>
    <t xml:space="preserve">
北市信義警分局有員警爆料，北市一名8旬翁在家死亡，疑有新冠肺炎症狀，衛生局卻不到場做行政相驗，警方只好報請檢察官司法相驗，確認死者染疫，痛批衛生局甩鍋。對此北市副市長黃珊珊7日表示，刑事局去年的SOP說這種案子是由檢警來做司法相驗，而衛生局是針對居家隔離及居家檢疫去做匡列，但因此情形太多，因此她已要求不能卸責，衛生局、警察局第一時間都要處理。而警政署也承諾，會對上述離譜個案進行調查。
台北市信義警分局偵查隊一名孫姓員警在臉書發文述說自己親身經歷，表示上週接到通報，轄內有民眾在家中死亡，家屬向他表示，死者年紀大，有慢性疾病，「上週有感冒症狀，剛剛119到場量測體溫有發燒」。家屬透露，他們有聯繫1999轉聯醫要報行政相驗，怎料，聯醫卻回覆他們，因為死者有相關症狀，所以不能報行政相驗，請警察到場處理，走司法相驗，他們不會到場。
孫姓員警表示，隨後他打給北市衛生局疾管課通報案例，並請他們到場，結果衛生局竟也回覆他，「因為死者不是居家檢疫、居家隔離或遭匡列的對象，也不是確診者，所以他們不會到場處理」。孫姓員警忍不住痛批：「是在哈囉，疫情期間的相驗案件SOP是訂好看的嗎？」，放任確診者擴散病毒，「這場疫災我看不到盡頭。」
除了黃珊珊要求衛生局不能卸責，要會同警察第一時間處理，警政署也發出回應，
表示會對上述離譜案例進行調查，並詢問全台各警察機關有關行政相驗與衛生單位連繫處理情形，如有問題會積極協助基層警員反應給衛生機關，未來會更加落實疑似確診個案報驗流程，確保警員人身安全。
</t>
  </si>
  <si>
    <t>26歲凃姓男子於今年1月25日新冠肺炎爆發之際，在嘉義縣太保市住處，以手機連結網際網路，登入臉書社群網站張貼「嘉義嘉基已經確診一例武漢肺炎」的不實訊息，是全台首樁傳播疫情謠言者，嘉義地檢署13日偵結聲請簡易判決。
嘉檢表示，《嚴重特殊傳染性肺炎防治及紓困振興特別條例》自今年2月27日起正式施行，對於散布疫情謠言或不實訊息，已提高刑責，將可處3年以下有期徒刑、拘役或科、併科新臺幣300萬元以下罰金，請民眾切勿道聽塗說，隨意散播假訊息。
嘉檢表示，凃姓被告是於《嚴重特殊傳染性肺炎防治及紓困振興特別條例》施行以前散布不實疫情訊息，因此是依《傳染病防治法》第63條偵辦，此條例刑責是科處新臺幣300萬元。</t>
  </si>
  <si>
    <t xml:space="preserve">在外交部與駐印度代表處安排下，與世界台灣商會聯合總會等台商組織協商後，決定租用華航專機於5月4日晚間7時在新德里搭載南亞的台商與台僑返台。
根據駐印度代表處先前的初步統計，包括印度、孟加拉等地共200多名台灣人表達搭乘華航專機回台的意願。
但部分已表達意願的台商和台僑後來又考量前往新德里的交通有困難，或者還有其他考量，因而放棄搭乘專機。駐印度代表處今天再度展開搭機意願調查，明天截止，預計27日向華航做最後確認並估算專機票價，開始接受訂位。
由於專機是使用者付費，所以票價將根據搭乘人數的多寡來分攤。
印度幅員遼闊，許多居住在加爾各答、孟買等其他城市的台商和台僑雖想搭乘專機，卻遇到印度全國封鎖，國內航班停擺。若搭車前往新德里，往往需要數天才能抵達。除沿路會遭警察盤查外，還增加感染2019冠狀病毒疾病（COVID-19，武漢肺炎）風險，因而部分台商和台僑暫時放棄搭乘專機。
在聽取台商意見及多方協商後，駐印度代表處今天發函給孟加拉和印度各地的台灣商會和台僑組織表示，在駐印度代表處協調安排下，世界台灣商會聯合總會名譽總會長劉雙全、前總會長黃正勝及孟加拉台灣商會協商後，決定租用華航專機於5月4日晚間7時，從新德里英蒂拉．甘地國際機場（Indira Gandhi International Airport）搭載南亞的台商和台灣僑胞回台。
官員透露，華航撤僑專機訂於印度結束全國封鎖後的隔天啟航，就是考量報載印度國內航班預計5月4日復航，可解決印度其他城市台灣人無法搭印度國內航班到新德里的問題。
駐印度代表處官員呼籲，如果想搭乘5月4日的華航專機，應及早籌劃前往新德里的交通方式。
此外，孟加拉台灣商會有20多人已決定從孟加拉包機前往新德里，以搭乘華航專機回台。
印度武漢肺炎疫情嚴重，短短一個月確診病例從千例增加到今天的2萬5000多例；孟加拉則有近5000個確診病例。由於兩國的病毒篩檢率仍然較低，不利疫情防控，因而旅居兩國的部分台灣人希望搭專機返台。
</t>
  </si>
  <si>
    <t>中研院研究助理（案16816）染疫，中央流行疫情指揮中心指揮官陳時中今天指出，該實驗室內包括桌面、門把都有驗出病毒。兩位國內感染科專家聽聞此事皆表示不解，直言「病毒不可能出現在這些地方」，恐怕是操作上沒有遵守SOP，才會讓病毒散播在環境中。
案16816曾任職於中研院基因體中心P3實驗室，環境採檢發現，該實驗室內多處驗出病毒。台大兒童醫院院長黃立民對此表示訝異，因為病毒照理說只會在安全操作櫃中，雙手戴手套進入櫃中，離開操作櫃時一定要清洗手套，人員離開後會開紫外線燈消毒，理論上周邊環境都會是乾淨的，更直言「我不太理解為何會驗到有病毒，這個有點奇怪」。
長庚大學新興病毒感染研究中心主任施信如也認為，顯然是有汙染的現象，因為操作病毒的時候，病毒一定是在操作箱的培養皿裡面，所有沾到病毒的東西都會放在廢棄桶裡面處理掉，不可能在實驗室其他地方有病毒。
經調查，案16816在實驗室中負責操作的是Alpha小鼠，同時間還有另外兩人於操作武漢原始株、Delta株小鼠。施信如指出，這樣的做法是合乎規定的，例如有時候要比較同一個疫苗對三種病毒株的效力，可能就會一起進行，但要很小心，避免交互感染。
施信如強調，實驗室內都會戴雙層手套和防護衣，做完就脫掉手套，離開實驗室時脫掉防護衣，而且整個實驗室都是負壓環境，「環境裡不應該有病毒，從事研究的人也不應該被感染」。她認為有兩大疑點需要釐清：為何在環境中會有病毒？為何在全副武裝之下仍被感染？需要弄清楚到底是哪裡出錯。</t>
  </si>
  <si>
    <t>基隆市日前因小吃店群聚案，上演「萬華茶室2.0」，中央繼撥給基隆1700劑後，如今再撥2100劑。基隆市長林右昌4日上午在線上記者會表示，2100劑將優先給5項人員，包括診所及地區醫院的非醫師人員、長照機構人員（含復康巴士司機）、警察外勤人員、環保局外勤清消人員、基隆市公車處司機。
林右昌說，他之前已大力向中央疾呼，基隆應比照雙北，給更多疫苗待優先施打予第二、三類人員（防疫人員、高接觸風險工作者），也感謝中央聽到基隆的聲音，將北北基桃視為區域聯防，如今再撥的2100劑，將施打給5項人員。
林右昌指出，第一項是診所及地區醫院的非醫師人員500人（先前已施打1280人），第二項是長照機構人員（含復康巴士司機）900人，第三項是警察外勤人員200人（先前已施打677人），第四項是環保局外勤清消人員300人（先前已施打112人），第五項是基隆市公車處司機260人。
另外，日本疫苗將在4日下午運送124萬劑抵台，美國也宣布將捐贈疫苗，加上原本就有的15萬劑莫德納疫苗和中央要進口的疫苗，林右昌說，基隆會預先做好準備，設置大型且快速施打的疫苗站，目前正在整備紐澤西護欄、水電、流動廁所、設備設施等，預計7日正式啟用，屆時基隆1天最多將可施打給1萬人。
「不能因基隆防疫有成就被忽略！」他強調，區域聯防缺一不可，雙北疫情持續升溫、壓不下來，因此基隆疫苗物資都應比照雙北。針對台南市長黃偉哲說在台南的日本僑民應優先接種，林右昌說「中央有優先順序的規範，尊重中央」。</t>
  </si>
  <si>
    <t xml:space="preserve">在一個多月來新冠肺炎疫情擴散期間被各地方政府封閉的省際公路客運，以及城市公共交通、軌道客運，在近期已有多數陸續恢復營運。此舉除顯示大陸新冠肺炎的疫情已漸趨穩定，也是為了封城多時之後，必須因應城市內居民生活與企業生產需要而重啟公共交通運輸。
據《新華視點》報導，大陸國務院交通運輸部指出，截至2月12日，江蘇、浙江、安徽、福建、山東、湖南、廣東、重慶、四川等9個省份已有序恢復省際道路客運，17個省份有序恢復省內道路客運。
此外，河北、遼寧、吉林、安徽、江蘇、福建、山東、河南、湖南、廣西、雲南、甘肅、寧夏等省份的26個地級市、27個縣級市已恢復地面公共交通運營；在已開通城市軌道交通的41個城市中，33個城市軌道交通線路正常運營。
早先許多分析人士認為，停運公共交通採取封城或半封城措施是疫情嚴重時不得不進行的防控手段，但封閉各地省際公路與市內公共交通會嚴重影響市民日常生活，對於企業復工也造成重大阻礙，因此在國務院下令盡一切力量復工後，重啟公共交通將大幅改善疫情防控對企業復工的造成障礙，也能大量地恢復市民正常生活。但是，恢復公共交通對疫情防控仍有極大壓力，目前雖疫情防控已出現積極現象，仍需嚴格防範再次發生疫情擴散。
</t>
  </si>
  <si>
    <t>日月光投控（3711）法說會對2020年第二季營運釋出樂觀展望，但坦言下半年不確定性仍高、訂單能見度偏低，對市況及營運展望暫不評論。外資出具最新報告，雖因應下半年能見度偏低，將目標價區間自67～90元略微縮減至67～88元，但仍看好長期營運成長前景。
台股今（30）日連4天強彈，盤中大漲逾200點。日月光投控股價同步跟進走高，開高後放量穩揚逾2％，最高上漲2.91％至67.2元。三大法人近期仍偏空操作，本周迄今合計仍賣超876張，但昨（29）日轉為買超613張，且調節力道較上周賣超達7727張明顯收斂。
亞系外資認為，日月光首季營運出色、第二季展望樂觀，主要受惠與矽品策略結盟拓展市占率，以及5G和人工智慧高速運算（AI HPC）2項長期需求推動的多元化業務。不過，由於新冠肺炎疫情影響，預期下半年營運仍難逃供應鏈庫存修正，全年營運展望有下修風險。
不過，亞系外資認為，儘管疫情對下半年營運影響，可能削弱上半年成長動能，但認為疫情僅為季節性影響，在5G及AI HPC兩大成長動力不變、與矽品整併綜效增添獲利成長空間，仍看好日月光投控長期營運，給予買進評等、目標價88元。
美系外資亦認為，儘管上半年庫存回補需求強勁、市場不確定性高，削弱日月光投控下半年營收展望能見度、可能出現季節性調整，但仍預期日月光投控今年營收將成長8％、營益率將提升1.7個百分點至7.4％。
美系外資看好日月光投控長期營運前景，認為完整的全球產線布局、在高階先進封裝及添線封裝、系統級封裝（AiP/SiP）的領先地位，將持續推動營運成長，與矽品整併亦將強化競爭優勢，將今明2年每股盈餘均調升1％，維持買進評等、目標價80元。
另一家美系外資認為，日月光投控將透過強化與矽品整併綜效、降低負債等，因應2020年下半年可能出現的庫存調整，將今年每股盈餘預期下修6％，但看好整合綜效及未來5G、AiP成長強勁，維持明年每股盈餘預期不變，維持增加持股評等，目標價自70元升至72元。
另一家亞系外資基於消費及行動裝置需求下滑，使下半年營運產生不確定性，調降日月光投控今年每股盈餘預期5％，但持續看好SiP等新領域長期需求，未調整明、後年每股盈餘預期，維持優於大盤評等，基於下半年高不確定性，將目標價自85元調降至75元。
日系外資對短期看法相對保守，認為面對下半年訂單需求下修風險，封測代工（OSAT）業者將承受更大壓力。基於庫存調整及電子代工（EMS）營收疲弱風險，將日月光投控評等自「買進」砍至「中立」，目標價自90元降至70元。
不過，日系外資也指出，此次調降評等及目標價主要基於周期性考量，仍看好日月光投控長期的產業競爭力及與矽品的整合綜效。同時，認為日月光投控現金流無虞，但首要應調配資金降低負債，以避免影響股息配發能力。</t>
  </si>
  <si>
    <t>世界衛生組織（WHO）5日表示，有報導稱法國在去年12月就出現了新冠肺炎病例，比先前認為的時間更早，「這不令人意外」，並敦促各國調查其他早期疑似病例。
世衛發言人林德梅耶在日內瓦的簡報會上說，有關法國的報導，「改變了疫情的全貌」。他說，如果重新檢測採檢樣本，可能會冒出其他更早的病例。
法國一家醫院重新檢測以前採集的肺炎患者樣本，發現該院治療的一名男子早在去年12月27日就感染新冠肺炎，比法國政府證實的首批確診病例早了近一個月。
林德梅耶呼籲其他國家檢測2019年年底不明原因的肺炎病例，稱這會讓全世界對疫情有「新的、更清晰的認識」。
據英國一項最新研究，新冠病毒從去年底就已開始在世界各地人傳人，而且擴散地非常快。倫敦大學學院基因研究所研究員鮑盧克斯表示，其研究團隊對超過7600名全球新冠肺炎患者進行病毒基因分析後發現，病毒正出現變異，但暫時無法證明它變得更易於傳播或是致病性更強。
該研究團隊還發現，新冠病毒在歐洲和美國等地的傳播時間要比各國官方報告的首例病例發現時間（1月或2月）提前數周甚至數月。
另外，今年的世界衛生大會預訂5月17日到21日舉行。從5月1日開始，美國國務院國際組織事務局展開一系列推文，加上了「為台灣發推」、「台灣模式」的標籤。美國駐聯合國代表團也轉推了相關推文。
國務院發言人奧特加斯呼籲世衛應該讓台灣有意義地參與和允許台灣的觀察員地位，世界可以從台灣因應新冠肺炎疫情的經驗中汲取很多教訓，世衛不應該忽視台灣。
美國總統川普3月簽署的《台北法案》也要求美方利用影響力或其他工具，支持台灣成為不以主權國家為參與資格的國際組織會員，並在其他適當組織中取得觀察員身分。
不過大陸對此表示不滿和堅決反對。大陸外交部發言人耿爽表示，台灣事務屬於中國內政，不容任何外部勢力干涉。</t>
  </si>
  <si>
    <t>義大利是新冠肺炎的死亡人數最多的國家，截至周一已經有超過6,000個死亡病例。然而在疫情正值嚴峻之際，連續幾天以來的新增病例數字開始下降，對於未來疫情的走勢忽然露出一絲曙光，專家認為最黑暗的高峰期，或許已經過去。
根據路透社報導，本周一(23日)義大利民眾防護局公布的最新數字，新增602名死亡病例，是四天以來的最低數字，累計6,077例。而新增確診數字4,789例，也是五天來的新低，累計病例數為63,927例。
北方重災區倫巴底大區的醫療當局高層加列拉(Giulio Gallera)告訴記者，今天當然不是慶祝勝利的一天，但是我們看見了隧道盡頭的光線。新增案例的降低，對抗疫第一線的人員來說，是個鼓舞，因為這代表高峰點或許已經過了，未來的疫情應會越來越和緩。</t>
  </si>
  <si>
    <t xml:space="preserve">南韓SM娛樂男子天團「東方神起」出道10多年來，除了團體在2009年因合約問題而鬧出風波外，允浩始終潔身自愛，形象非常正向陽光，不料近日卻爆出他違反韓國防疫聚餐時間規定，事後更被媒體爆出去的是非法酒店，遭臨檢時允浩還逃跑，新聞一出引發軒然大波，讓SM娛樂跟允浩趕緊發聲明解釋與道歉。
允浩跟夥伴昌珉一同擔綱主持的大型競賽節目《Kingdom：Legendary War》播出在即，卻鬧出大風波，他日前被爆違反南韓防疫規定，在超過晚上10點後跟朋友聚餐，持續到深夜，因此遭到警方調查，允浩立刻委託所屬之SM娛樂發聲明，為「一時之間的疏忽」道歉，表示會深刻反省，態度誠懇得到了多數網友的諒解，本以為到這裡已解決，沒想到又被媒體挖出事情不單純。
韓媒MBC新聞繼續追蹤此事，獨家報導了允浩聚餐的地點登記為一般餐廳，但卻掛羊頭賣狗肉，是非法營業會員制酒店，窗戶玻璃是做不透光處理，難以從外面看見內部狀態，而媒體深入其中，看見的是一條長廊兩側有多間包廂，還有女服務生進進出出，提供陪酒服務，酒店員工則透露不是普通人就能進來消費，必須是會員，且沒提前預約就無法進入。
MBC新聞更報導，當天允浩是跟3名朋友到店消費，身旁有幾個女服務生坐陪，一直待到午夜時分，警方於凌晨到該處臨檢，朋友為了讓允浩逃走而拖住警方，發生肢體衝突，最後一行人被上銬帶走，也立案調查，餐廳則在調查結束後，被以違反防疫規施以行政處罰。
yunho（@yunho2154）分享的貼文
報導曝光後，SM娛樂再發聲明，澄清報導內容並非事實，還原允浩當天被朋友揪出去，說要聊天談心，就去了被告知的地方，但他是第一次去，事前不知情，而現場也沒女性陪酒，只有女性工作人員負責結帳而已，而允浩全程配合警方調查，沒有逃跑，表示唯一做錯的地方就是違反了防疫規定，希望其他的部分外界不要臆測並誤信。
而警方事後也澄清允浩並沒有逃跑，是他的朋友可能被到場便衣刑警嚇到，在不知道是警察的情況下表示抗議而已，並沒有肢體衝突，也沒妨礙公務，而允浩被還以清白後，仍在個人社交平台po文，寫下「對自己生氣」、「感到羞愧」等，粉絲也表示能夠理解原諒，叮嚀他下次注意一點就好。
</t>
  </si>
  <si>
    <t>新冠肺炎疫情蔓延之際，歐美股市卻未受影響頻創高點，台股繼續軋空並守穩月線、季線。市場專家表示，疫情未止穩前，股市表現強者愈強，可注意元月營收表現佳，且兼具技術面與籌碼面優勢的個股，計有技嘉、敦泰、寶雅等15檔抗疫強勢股，做為投資參考。
永豐投顧總經理李學詩指出，受惠於科技股財報優於市場預期，美股的道瓊、S&amp;P 500與那斯達克（NASDAQ）指數頻創新高，台股輕鬆越過季線、甚至站上短中長期均線上，表現出乎市場預料，主力順勢圍捕恐慌空頭，未來就看空方何時認輸。
李學詩認為，投資人過度反應新冠疫情的恐慌情緒，逢低介入的資金順著美股走強成功拉抬行情，但須注意台股反彈之際，成交量逐漸萎縮，顯示多頭雖成功打敗空頭，卻有追價謹慎的疑慮，短線投資人宜將資金布局在1月營收強勢、技術面多頭及籌碼穩健的個股上，力抗新冠肺炎疫情。
挑選今年1月合併營收較去年同期成長、技術面強勢、外資近五個交易日買超的個股，計有技嘉、敦泰、力成、致茂、系統電、華擎、原相、台汽電、展旺、寶雅、全域、宇峻、富邦媒、日友、太極等15檔抗新冠疫情強勢股。
台新投顧副總黃文清認為，新冠疫情重災區的陸股已強勢反彈，尤其深圳股市成功回補缺口，反映投資人看到大陸政府實施寬鬆貨幣政策情緒樂觀，此時的台股，原則上以強勢股為主，配合1月合併營收成長為優先布局的對象。
15檔力抗新冠疫情強勢股中，黃文清表示，與當前台股最熱門的漲價概念股、內需消費、缺貨股等題材相關性最高。
其中寶雅與富邦媒為零售通路股，富邦媒受惠於新冠肺炎疫情爆發，民眾不敢出門逛街及購物，取而代之的是電視購物、網路購物等下單方式，相關題材吸引了資金追捧，市場預期，富邦媒2月營收也將同步成長。技嘉及宇峻為宅經濟的受惠股，因疫情擴散，民眾在家時間增加，電競筆電龍頭技嘉前景看佳，遊戲業者宇峻2月業績也將隨著寒假延長兩周而成長。
李學詩並認為，台股融資餘額大減、融券餘額增加，市場預期有軋空行情可期，指數區間看11,700～11,950點。</t>
  </si>
  <si>
    <t xml:space="preserve">
由《雙子殺手》特效團隊傾力打造，繼《ID4星際終結者》後又一科幻災難片《末日異戰》，繼在俄羅斯吸金近10億台幣票房後，上週末在台正式上映，在肺炎疫情衝擊下，首週末3天全台票房近200萬，勇奪全台票房冠軍，《末日異戰》同時也是台灣影史首度登上票房冠軍的俄羅斯電影。不少觀眾大讚「宛如《明天過後》加上《ID4星際終結者》」、「好一陣子沒看到這樣的爆米花特效大片啦！」、「結尾讓人意猶未盡，敲碗續集！」。更有網友表示在近來受到疫情影響，大家生活十分苦悶，《末日異戰》適時舒緩了緊繃的心情。
《末日異戰》劇情描述在一場外星飛船墜落莫斯科事件3年後，獲得外星力量的少女尤莉亞成為政府祕密實驗的研究對象，不僅人類覬覦她的能力，就連外星異種也亟欲取回她這股足以毀滅世界的力量，在雙方追殺之下，少女不得不作出選擇決定自己該為誰而戰。《末日異戰》現正全台熱映中。
更多 CTWANT 報導
</t>
  </si>
  <si>
    <t>萬華地區疫情嚴峻，率先設置四間篩檢站，北市府也採用快篩方式釐清感染者，但中央流行疫情指揮中心今天重申，無症狀者若接受快篩，會有較高的偽陽性，建議還是接受兩次採檢才能較準確的抓出個案。
指揮中心發言人莊人祥表示，抗原快篩試劑較適合用於五日內有症狀的發病者，若沒有症狀就去篩會有偽陽性，我國過去曾有段時間常被日本篩出陽性個案，就是因日本對所有入境者實施快篩所致，產生相當多的偽陽性。
莊人祥指出，未來衛生局若要做快篩，還是要採檢兩次，不管快篩結果為何，都要先通報再接受一次核酸檢測，來彌補抗原試劑敏感性、特異性的不足，因此快篩試劑僅適合用於疫情流行地區，不適合用於非疫情流行區域。
不過衛福部長陳時中表示，近來因國內疫情有些變化，會請張上淳教授帶回去請專家諮詢小組進行研議，視情況來調整國內的篩檢措施。
陳時中也說明，目前台北市的快篩方式有兩套，第一套的目的是為先排除一些人，第二套則是去做正確性比較高的篩檢，希望在快篩後即時發現可能感染者，讓這段等候期間的風險降低。</t>
  </si>
  <si>
    <t xml:space="preserve">新冠肆虐，病毒殺紅了眼！又一個歐洲國家剛剛被確認，因新冠死亡人數超過大陸.它是西班牙，目前死亡人數已經超過了3434人，成為繼義大利後，被新冠奪走人命最多的國家。
西班牙衛生部門剛剛發布的數字顯示，星期二又有738人死於新冠肺炎，造成死亡人數達到了3434人，目前確診人數則從日前的39673一下跳到了47610。
目前排名第一的義大利死亡人數6820人，第三是大陸的3281人。
</t>
  </si>
  <si>
    <t>台中28日本土零確診，境外移入1例（案15726），為一名64歲的印尼台商，在印尼確診後搭醫療專機返台治療，目前收治在北部一家負壓隔離病房。市長盧秀燕表示，統計至今日上午，全市施打第一劑人數已正式「突破80萬大關」，而台中疫苗總剩餘率15.54％。
衛生局長曾梓展表示，該名境外移入個案是一名長期於印尼工作的台商，屬境外即確診，7月16於印尼當地確診陽性，因當地醫療量能負載治療不易，經衛生福利部疾病管制署7月26日依「境外確診嚴重特殊傳染性肺炎（COVID-19）國人專案返國就醫作業原則」核可後，搭醫療專機於27日入境，再搭乘救護車直接入住位於台北的醫院負壓隔離病房治療。
個案搭乘醫療專機返台就醫，無台中市公共場域足跡，相關人員皆有適當防護設備，無須匡列密切接觸者。
盧秀燕也在台中市疫情指揮中心線上記者會公布，全市施打第一劑有80萬172人，已正式突破80萬大關，換算下來，18歲以上的「全年應施打率」是34.11％，全市總人口施打率是28.37％，另外，從中央提供的數據也發現，台中市的疫苗總剩餘率15.54％，是六都最低。</t>
  </si>
  <si>
    <t>新冠肺炎蔓延全球超過1年，變種病毒頻傳，台灣自5月中旬以來的本土疫情，就是和在英國被發現的Alpha變異株有關。已有醫師提出警告，現在要擔心的是在印度被發現的Delta變異株，「傳染力更強，甚至會在地自我進化，極可能成為接下來的主要病毒株。」
「Delta變種，傳播力比整慘台灣的Alpha變種更強，超過50%以上！」萬芳醫院精神科醫師潘建志指出，這個新病毒導致主要疫苗的保護力下降，相信不久後將淘汰其他變種，成為主要病毒株。
潘強調，根據變種病毒的結構，以及流行病學統計，兩個方向都導向一致結論，「那就是：要挫賽了...」
潘建志引述國外研究，指Delta變種的R0值更大，恐怕超過6；英國打完兩針AZ疫苗的人，死了12個。研究指出，它的S蛋白更容易進入細胞，致病力、致死力增強。
潘建志甚至認為，目前在台灣的Alpha變種，會自我進化成Delta變種，一個免疫力缺乏、慢性病毒在體內繁殖的病人，就可以找到新的變種病毒，「不必桃園機場、不必松山機場，完成在地進化。」</t>
  </si>
  <si>
    <t xml:space="preserve">世界衛生組織總幹事譚德塞在世界衛生大會(WHA)上說，專家們尚未發現對現有疫苗和藥物有效性構成威脅的新冠病毒新菌株，但是病毒變異的情況不斷改變，不能保證目前疫苗有效的狀況不會改變，各國應該設法在9月之前為至少10%的民眾接種疫苗，如果不是每個國家都能控制病毒，疫情就一直持續下去。
綜合外媒報導，譚德塞在第74屆世界衛生大會開幕式上稱：「到目前為止，還沒有能嚴重破壞現有疫苗或療法有效性的新毒株。但是，不能保證這種現象會持續下去，這種病毒正在不斷變化，我們的工具可能會毫無用處。瘟疫還沒有結束。如果不是每個國家都可以控制病毒，瘟疫就不會結束。」
他指出，在過去3周中，死於新冠肺炎的人數有所減少。同時，儘管疫苗接種速度很高，但目前世界仍處於脆弱狀態。因此世衛組織敦促各國捐贈疫苗，以在9月之前為所有國家的10%人口接種，並在年底之前為30%的人口接種疫苗。
譚德塞說，自疫情大流行開始以來，最近18個月以來，世界各地的醫護人員都在醫療前線搏鬥，已經至少有115,000名醫療衛生工作人員因而死於新冠疫情。
據世衛組織的資料顯示，在世界上佔全球人口10%的最貧窮國家中，疫苗接種率僅0.3%，這個比率與台灣的接種率差不多。
</t>
  </si>
  <si>
    <t xml:space="preserve">中華隊在近日東奧賽場上不斷有好消息傳回台灣，並大篇幅佔據新聞版面。在此同時，26.5萬劑高端疫苗竟默默通過檢驗並取得封緘證明，萬事俱備只欠開打。對此，資深媒體人趙少康批評，趁著全民瘋奧運，蔡政府防疫不力的事實被成功轉移焦點，高端疫苗也被暗度陳倉，雖然被輿論遺忘，但是高端的爭議不會因此消失。
食品藥物管理署2日宣布，首批高端疫苗共26.5萬劑已完成審查檢驗，並核發封緘證明書，消息一出引發審查沒過就開始量產的討論。面對質疑，陳時中解釋「等EUA通過才量產送驗，恐怕多等半年才有得用」，更把疫苗做壞比喻為蛋糕做失敗，對於陳時中的回應，趙少康昨（4日）在臉書痛批，真是不倫不類，亂講一通。
趙少康直言，連疫苗的保護力都不知道就通過EUA並量產，政府甚至早早下訂500萬劑，全力護航高端的斧鑿明顯，盡顯照劇本演出的醜態。趙指出，在接受永齡基金會、台積電以及慈濟捐贈疫苗後，政府強調疫苗夠了，不會再開專案，近期卻因為疫苗斷炊，不斷拉長接種第二劑的間隔時間，並替高端完美創造了空窗期，剛好讓高端「趁虛而入」。
趙少康感嘆，面對「三無疫苗」：一個沒有保護力資料、沒通過EUA就量產、送驗，也沒有通過國際認證的疫苗，對因相信民進黨而敢打高端的人，只能獻上佩服與祝褔。
</t>
  </si>
  <si>
    <t xml:space="preserve">新冠肺炎在歐美持續升溫，帶動居家辦公、遠距教學等需求大增，NB市場大好，一路暢旺到年底，義隆(2458)也看好在此熱潮下，第三季營收逐月成長，今股價掀起反彈，開高走高，漲幅一度逾2%，站回5日線、周線。
受到疫情衝擊，居家工作、遠距教學帶動一波NB拉貨需求，且由於疫情持續不見尾聲，故此波需求也持續延伸到至少年底，且以教育市場標案為主要成長動力，其中又屬Chromebook需求最熱，主要原因是Chromebook尺寸跟機構和一般的NB入門款相同，義隆的市佔率逾90%以上，搶搭這波順風車，義隆目前也因為市場需求太熱因素，幾乎沒庫存，相較以往1~1.5個月來說，營運動能確實位居高峰。
義隆第2季營收為35.39億元，季增加60.4%、年增加62.3%，營收創下歷史新高，單季淨利為8.8億元、年增加107.5%、更相較第1季大幅成長19倍，單季每股獲利3.15元，單季毛利率為47.6%，展望第3季，義隆看好營收可望再成長逾3成，將續創新高。
</t>
  </si>
  <si>
    <t>生華科（6492）宣布新藥CK2抑制劑Silmitasertib（CX-4945）在抗新冠肺炎的臨床進展有重大突破。全美國最大的醫療體系之一Banner Health日前主動聯繫，表達運用新藥Silmitasertib在新冠肺炎患者治療上之合作意願，雙方已於6日完成簽訂合作備忘錄。
生華科表示，若對新冠患者具正向療效，生華科將和美國FDA討論爭取緊急使用授權（EUA），並進一步討論樞紐性試驗計畫加速藥物上市。
Banner Health設立於亞利桑那州的鳳凰城，是全美最大的醫療體系之一，橫跨美國六大州，有三個醫學中心和28家醫院，共有超過5萬名醫護專業人士和員工。因疫情爆發後，Banner Health體系陸續收治大量新冠肺炎患者，加護病房ICU超過八成都是新冠重症患者，對新穎潛力藥物可治療新冠肺炎，並減緩醫護資源負荷，Banner Health積極爭取合作。
生華科指出，Banner Health除將盡速向FDA申請擴大取得人體臨床試驗（IND），為個別單一患者進行治療；同時也將提出由研究者發起主導的IIT臨床試驗，以快速取得較具規模的人體臨床數據。
生華科總經理宋台生強調，Banner Health向FDA申請擴大取得臨床試驗，是病患在面臨生命威脅且無其他現行治療方案選擇下，緊急使用安全性無虞，已經在臨床階段之研究藥物進行治療，FDA在收到申請後隨時可核准進入人體臨床，這是台灣第一家生技公司的新藥最早用於治療新冠肺炎患者，對公司意義重大。</t>
  </si>
  <si>
    <t xml:space="preserve">南韓天團EXO成員Xiumin（金珉錫，김민석）近期參與音樂劇演出，原先接受PCR檢測呈現陰性，但昨（4）日身體出現不適，再度檢測後今（5）日收到新冠肺炎確診消息；Xiumin所屬經紀公司SM娛樂聲明中表示，EXO其他成員和相關工作人員已接受檢測，且馬上居家隔離，等待結果。
根據SM娛樂今日發出聲明中得知，旗下男團EXO成員Xiumin最近有音樂劇的工作，在7月29日有先接受PCR檢測，收到陰性結果，變繼續投入音樂劇準備工作中；沒想到昨日Xiumin身體出現疑似新冠肺炎不適症狀，於是又接受一次PCR檢測，今日收到確診新冠的通知。
而EXO其他成員和有跟Xiumin接觸的相關工作人員都立刻接受檢測，也馬上進行居家隔離，等待檢測結果出爐；SM娛樂也強調會遵照南韓防疫政策，Xiumin原本行程全部中斷，連音樂劇的演出者和工作人員也都隨即被安排檢測，但也向粉絲承諾，「會盡全力恢復旗下藝人健康，讓大家擔心感到抱歉，目前會以藝人和工作人員的健康安全為優先」。
★《中時新聞網》提醒您：因應新冠肺炎疫情，疾管署持續加強疫情監測與邊境管制措施，如有疑似症狀，請撥打：1922專線，或 0800-001922，並依指示配戴口罩儘速就醫，同時主動告知醫師旅遊史及接觸史，以利及時診斷及通報。
</t>
  </si>
  <si>
    <t>新北今日出現首度的0確診，新北市長侯友宜今在防疫說明會上說，面對疫情要學會謙卑、嚴陣以待，更要小心翼翼，「一天的零，不代表之後都是零」。
侯說，要每天檢視疫情哪些沒做好？全力以赴，希望每個腳步都是穩定的，守住新北疫情也跟各縣市聯合作戰，守住全國疫情，疫情高高低低，用平常心看待最重要，守好疫情。</t>
  </si>
  <si>
    <t>台北市長柯文哲今天在臉書爆出，北市衛生局今接到疾管署通知，有兩位市民可能接觸感染屏東這波染疫民眾。新北市府衛生局今也證實，當初搭載祕魯返台租孫的防疫計程車司機住在新北，中央下午已通知要求司機前往採檢，目前結果尚未出爐。
新北市衛生局表示，該名司機是在機場排班的防疫計程車，該對祖孫6日返國，由該名司機接送回屏東，今天（27日）收到中央通知，要求安排該名司機前往篩檢，目前結果尚未出爐。
另外衛生局也說，26日有接獲中央通知新北，有1名屏東Delta病毒確診個案的接觸者居住新北市，衛生局立即安排該名接觸者隔離安置集中檢疫所，PCR檢驗陰性。
據了解，該名接觸者是屏東12例其中一人的友人，在這段時間有下屏東碰面，昨天接到通知採檢。
★《中時新聞網》提醒您：因應新冠肺炎疫情，疾管署持續加強疫情監測與邊境管制措施， 如有疑似症狀，請撥打：1922專線，或0800-001922，並依指示配戴口罩儘速就醫，同時主動告知醫師旅遊史及接觸史，以利及時診斷及通報。</t>
  </si>
  <si>
    <t>因應北農爆出群聚感染，為嚴防其萬一出現破口，新竹市政府22日起連續兩天啟動全面快篩，針對新竹果菜批發市場員工、承銷人及攤商快篩，22日先對40名果菜公司員工快篩均為陰性，今天上午再對攤商做檢測，已有近6成攤商、逾300人報名。
市長林智堅指出，北農出現新一波群聚，新竹農產運銷公司（新竹果菜批發市場）為大新竹地區最重要的蔬果批發市場，因此針對新竹農產運銷公司員工、承銷人及攤商提供快篩作業，讓高風險接觸者藉由快篩解除疑慮。
昨天40名員工已全部完成快篩，結果均為陰性，今天上午已排第1批攤商167人篩檢，明天也預訂再篩檢137人。
市府產業發展處長張力可表示，新竹農產公司除「貨運回頭車」跟北農略有關係外，員工及承銷商業務都跟北農沒有直接關聯，蔬果都是產地直送。但為求慎重、防堵病毒，市府還是從嚴辦理，先對市場員工及承銷商作全面快篩。市府也呼籲，因果菜批發市場約有承銷人550名，攤商應踴躍參與篩檢。
此外，3級防疫警戒以來，防疫作為都嚴格執行，包含實施實聯制人流管制、設置防疫檢查站量測體溫、提供手部酒精消毒及身分證尾數分流、管控容留人數等，也持續呼籲消費者控制消費時間一小時內，「快買、快走、1次買足」，另，本周市府也再次完成全市12處傳統市場的清消。</t>
  </si>
  <si>
    <t xml:space="preserve">
本土疫情升溫，中央流行疫情指揮中心今（21）再宣布新增312例本土個案，指揮官陳時中坦言，現在疫情已經「多頭燒」，週末將至，呼籲民眾應減少外出，避免群聚。對此，網卻一面倒表示，「別太高估台灣人」。
本土確診量暴增，疫情延燒一週仍未減，今本土個案再增312例。眼看週末假期將至，指揮官陳時中特別呼籲民眾減少外出、避免聚會，一起努力把人員流動、感染的可能性降到最低，才能將傳染鏈切斷，「拜託大家，六日沒必要就千萬不要出門。」
對此，有PTT網友以「真的會有蠢蛋六日跑出去玩嗎」發文指出，看完直播，不管是CDC還是台北首長都呼籲大家六日能不出去就不要出去亂跑，況且現在室外不能群聚，電影院、餐廳能停業的也都停了。「六日還會有笨蛋為了玩跑出去嗎？真的有這種人？」
不過，網友卻一面倒回覆「絕對有」、「一定有」。網友表示，儘管疫情嚴峻，還是有人會認為，外面人少正是出門好時機，甚至還會到外縣市旅遊。「一定有而且會去南部」、「放心一定有的」、「多到你無法想像」、「有一些茶莊還在攬客」、「是沒看過颱風天自律」、「你太高估台灣人的水準了」、「台灣從來不缺這種別人都是笨蛋俺最聰明的投機者」。
</t>
  </si>
  <si>
    <t>羅馬尼亞職業女網前世界球后哈麗普（Simona Halep）準備參加比賽，不過目前許多國家對於防止新冠肺炎另一波傳染，依舊採取嚴格的防疫措施，8月份的義大利帕勒摩女子公開賽，因為義國政府對於來自羅馬尼亞、保加利亞發出入境後必須隔離14天的規定，可能影響哈麗普參賽計畫。
職業網球賽事因為新冠肺炎大流行已經停擺四個多月，8月3日在義大利正式開打的帕勒摩女網公開賽，將是新冠疫情之後首場WTA官方正式賽事，不過義大利衛生部長史伯蘭沙（Roberto Speranza）頒布一項規定，就是來自羅馬尼亞、保加利亞的旅客，入境後必須先隔離14天，確定體內新冠肺炎病毒反應呈陰性才能自由活動。
義國政府這個新規定恐怕打消哈麗普參賽念頭，因此帕勒摩賽事官方送了一封「緊急信」給史伯蘭沙，希望給哈麗普開個特例，賽事總監帕爾默（Oliviero Palmo）表示：「考量到選手價值及重視哈麗普參賽，可以對新冠疫情後首場比賽有所幫助，我們寫了一封信給部長，因為我們相信WTA的防疫規範已經夠嚴格了，可以保障選手及所有人員健康安全。」
WTA規定選手在前往帕勒摩前要接受病毒檢驗，抵達後每4天也要進行一次病毒檢驗，在結果出來前必須待在飯店，帕勒摩公開賽官方也計畫開放350到1000名觀眾進入主球場觀賽，WTA世界排名前30的選手，有10位在籤表中，除了哈麗普，還有英國孔塔（Johanna Konta）、拉脫維亞奧斯塔朋科（Jelena Ostapenko）及捷克萬卓索娃（Marketa Vondrousova）。</t>
  </si>
  <si>
    <t>受疫情影響，許多人減少到醫院，不讓疫情影響治療，中國附醫乳房外科醫護以直播節目取代病友聚會，每次門診動輒數百位病患的乳癌權威劉良智，甚至為此獻上個人直播處女秀，他直言，透過網路科技空中衛教，並即時解決病友疑惑，省去門診病患重覆發問的時間，看診品質及醫病關係都大大提升。
台中市圓緣關懷協會為中國附醫醫護團隊鼓勵乳癌病友彼此打氣聯誼組成，每月有定期聚會與活動，受到疫情影響，病友面對面交流機會變少，醫護們於是透過FB直播維繫和病友間的互動，從4月開始，至今已播出6集，團隊成員事先討論病友常問的問題，如：放射線治療、術後淋巴水腫、乳房手術方式、病友治療中飲食對策等，再邀請相關科別，如復健科、整型外科、營養科等醫師，一起在直播中解答。
台中市圓緣關懷協會理事長、中國醫藥大學附設醫院乳房外科主任劉良智，也在護理師鼓勵下從來賓變主持人，過去始終拒絕上電視的他更在近期獻出自己直播處女秀，他坦言，從診間走入直播間，是跨到另一個領域學習，時代在進步，利用直播和病友互動，統整病友們常見的問題，節省門診時要重覆回應同樣問題的時間，現在病人回診時問題變得更深入直接，也是意外的收獲；他期盼，未來醫師都可以透過更多工具不但提升醫療品質也讓生活品質變得更好。
長榮獅子會看到圓緣關懷協會的線上直播，也決定捐款30萬元幫助協會中高風險、低收入戶患者，彌補正規醫療體係無法給予的幫助。</t>
  </si>
  <si>
    <t xml:space="preserve">新冠肺炎疫情持續延燒，而台灣宗教盛事「大甲媽祖繞境」，預計將在下個月19號開始，然外界擔心如此高人數的群聚活動，恐成為防疫缺口，認為需為民眾安全考慮停辦與否，然鎮瀾宮董事長顏清標卻喊話：「媽祖會保護大家」，要外界不要恐慌，被認為是力挺繞境照常舉辦，引發爭議。
對於今年大甲媽遶境是否照常舉行，雖陳時中表示要再積極跟相關人士協調，然仍有不少人支持照常舉辦，而這樣的態度讓「館長」陳之漢超火大，昨晚忍不住在臉書發文，對於說出「媽祖會保佑、繼續辦吧」，希望民眾要記住那些人的嘴臉，接著酸嗆若照這邏輯，「染疫的那天，媽祖會醫好你的」，想必特效藥也不用研發，「瑞德西韋？？？？免啦！，吃香灰就可以了」。
</t>
  </si>
  <si>
    <t>新冠肺炎疫情中斷全球人員流動，航空業首當其衝，鑑於疫情尚未趨緩，長榮航面對一年高達195.9億元人事成本終於也扛不住了，17日對內宣布專案無薪事假與放寬「留職停薪」申請規定，長榮航希望員工與公司攜手度過營運艱困時期。
長榮航2018年財報顯示，員工人數11,321人，一年人事費用高達195.9億元。
由於新冠肺炎疫情爆發以來，減班情況嚴峻，今年2月客運收入僅有52.34億元，年減37.1％，再加上尚有波音新飛機陸續交機，以及保障最低飛行時數等，財務壓力甚重。
長榮航17日對內部發布最新的鼓勵休假措施，即日起亦增設台灣地區員工專案事假申請，與放寬留職停薪申請規定。
其中，專案事假不列入考評及服務年資繼續累計，且不與其他差假併計，也不會影響相關福利權益，員工可依個人需求事前提出，但每月不得超過14天。
留職停薪部分，則不限事由均可提出，每次申請至少一個月以上。
長榮航強調，專案事假及留職停薪，均需由部門主管依業務及人力狀況核定，沒有任何強迫性，並持續鼓勵同仁多安排休假。</t>
  </si>
  <si>
    <t>第74屆「世界衛生大會」（WHA）即將於下周一以視訊方式召開，13個友邦以WHO會員國身分，分別向WHO幹事長譚德塞（Tedros Adhanom Ghebreyesus）提案要求邀請台灣以觀察員身份參與WHA，至於未提案的巴拉圭也為我方致函WHO幹事長，呼籲邀請台灣以觀察員身分出席本年WHA。
外交部發言人歐江安表示，我國政府持續努力推動爭取以觀察員身分出席WHA。友邦一向不遺餘力支持我國國際參與，並以各種多元方式積極協助，例如提案、致函世界衛生組織（WHO）幹事長、在WHA會議中為我國執言等。此外，友邦也透過政府高層公開發言及在媒體發聲，以及立法部門通過決議或聲明，為台灣爭取參與WHA營造更大的國際支持聲量。外交部感謝並尊重友邦以各種具體行動協助我方參與WHA。
歐江安指出，本年我國友邦貝里斯、史瓦帝尼、瓜地馬拉、海地、宏都拉斯、馬紹爾群島、諾魯、尼加拉瓜、帛琉、聖克里斯多福及尼維斯、聖露西亞、聖文森及吐瓦魯以WHO會員國身分，分別向WHO幹事長譚德塞（Tedros Adhanom Ghebreyesus）提出標題為「邀請台灣以觀察員身分參與世界衛生大會」（Inviting Taiwan to participate in the World Health Assembly as an observer）的提案，要求列入本年WHA議程討論，WHO已據以列入議程「補充項目」（supplementary item）。
歐江安強調，巴拉圭重申堅定支持台灣參與WHO及WHA，巴國政府也為我方致函WHO幹事長，呼籲邀請台灣以觀察員身分出席本年WHA。台灣與巴拉圭邦誼穩固友好，兩國基於民主、自由、人權等共享價值，長期以來在雙邊及多邊領域密切合作，相互扶持，共同為兩國人民福祉及國家永續發展齊心努力。</t>
  </si>
  <si>
    <t>中央流行疫情指揮中心今公布國內新增2例境外移新冠肺炎病例，分別自菲律賓及美國入境，其中菲律賓20多歲女子是集中檢疫期滿後，自費採檢才確診，另一名美國入境的本國籍30多歲男子則是居家檢疫期間發病，採檢後確診。截至目前，國內共累計550例確診案例，確診個案中7人死亡、41人住院隔離中。
案549為20多歲菲律賓籍女子，因工作緣故，今年9月30日入境台灣，搭機前3日內檢驗陰性，集中檢疫期間都無症狀，10月13日檢疫期滿前，採檢結果為陰性，期滿後由仲介安排至宿舍自主健康管理，22由自費檢驗後確診。指揮中心發言人莊人祥表示，女子的Ct值34，處於陰陰陽陽的時期，是感染後期，研判傳染性不高。
針對此案，衛生單位已掌握個12名接觸者，包含接送車輛司機3人、同事3人，因皆有戴口罩，列自主健康管理；另6名一同至醫院採檢的同事採檢結果均為陰性，因接觸期間未戴口罩，列為居家隔離。
案550為30多歲本國籍男子，今年10月2日出境至美國，10月18日返台，入境時無不適症狀。男子10月21日居家檢疫期間出現發燒、咳嗽、肌肉痠痛、關節痛及全身倦怠等症狀，由衛生單位安排就醫採檢，今確診新冠肺炎。由於發病前2日均於住家進行居家檢疫，未有同行及同住接觸者，因此無匡列接觸者。
國內截至目前累計550名確診案例，分別為458例境外移入，55例本土病例，36例敦睦艦隊及1例不明（比利時工程師）。確診個案中7人死亡、502人解除隔離、41人住院隔離中。</t>
  </si>
  <si>
    <t xml:space="preserve">全球新冠肺炎單日新增病例才創新高，一名義大利傳染科醫生卻表示，他相信新冠病毒正在減弱，而且，最終不需要疫苗，也能自行消失。
《紐約郵報》（New York Post）引述英國《週日電訊報》（Sunday Telegraph）報導，義大利聖瑪丁諾醫院（San Martino Hospital）傳染病部門主任巴塞第（Matteo Bassetti）表示，新冠病毒的效力似乎出現減弱跡象。
他說他的臨床印象是，病毒正在出現重大轉變，3、4月時的情景迥然不同，到急診室求救的患者病況非常嚴重、難以處理，他們大多需要輸氧或是戴上呼吸器，有些還出現肺炎症狀。
但是到了5月，情況已經完全不同。他描述3、4月時，新冠病毒是一隻「兇猛的老虎」，現在已經變成了「野貓」，就連8、90歲的年長患者，現在都能坐在病床上，不需要任何輔助也能正常呼吸，換作是之前，這些人可能已經死了。
他推測，病毒弱化的原因之一可能是因應社交距離政策而出現變異，「我認為病毒變異，是因為我們的免疫系統有所反應，再加上封城、戴口罩、保持社交距離，現在病毒量比較低。」
巴塞第還認為，病毒有可能在疫苗研發出來之前就滅絕，「現在愈來愈少人染疫，最終病毒可能逐漸消失。」
不過英國艾希特大學（University of Exeter）醫學院教授潘卡尼亞（Bharat Pankhania）卻沒這麼樂觀，他說，「我不認為病毒這麼快就會消失，如果沒人感染，它確實會消失，但正因為它有非常強的傳染力及傳播性，它還會存在很長一段時間。」
</t>
  </si>
  <si>
    <t>台灣新冠肺炎目前共有26例確診案例，台北市長柯文哲屢屢喊話中央公布確診者的居住地點，且稱「不知道」北市是否有確診者。有網友整理衛福部公開資訊，統計目前台北市確診者共７人，是全台最多。
這名網友稱，自己是台南的資訊人員，在2015 製作登革熱地圖時就知道可以取得鄉鎮市區層級的統計資料，因病例數字激增且自己也身處於病例數字最多的台南北區，當時家人也感染了登革熱，因此著手人工整理台南市政府衛生局公開的村里層級資料，而後促成了疾管署願意直接提供系統化的資料，這個過程讓我覺得好像幫傳染病資料的開放推進一個里程碑，也加深了對政府的信任。
這名網友說，自己「很無法適應這次資訊揭露的倒退，所以在取得資料之後第一時間選擇了公開它，即使縣市層級的資料其實還是退了一小步。」
根據這名網友的整理，台北市共7人、新北3人、宜蘭1人、桃園1人、台中4人、彰化5人、南投2人、台南1人、高雄2人。其餘縣市則都是0人。
衛福部長陳時中昨晚call in到電子媒體節目表示，大家對於疫情的公布一直有爭論，而指揮中心目前為止，至少兩次對於疫情公開有幾本原則，就是「特定的、能掌握的人員就不公布」、「有不特定且掌握不到的就會公布」。
他說，一直以來都依據這個原則，就像日前鑽石公主號，因為沒辦法掌握每個人，所以公布出來讓大家知道這些旅客走過的點有哪些，在哪些時間去的，可以早期發現可以早期預防，基本上有助於防疫的，我們才會公布。
至於柯文哲稱說不知道。陳時中表示，根據傳染病防治法第四十三條，地方主管機關，接獲傳染病或是疑似傳染病報告時，應迅速檢驗診斷調查來源，並採行必要措施後，報告中央主管機關。
也就是說，知道疫情的第一手單位是地方主管機關，地方政府是第一手接到訊息的，然後依法才是地方政府揭露訊息展開相關疫情在跟中央報告。
制度設計上是同時讓兩者都知道，因為防疫很緊迫，中央地方都要動起來，有任何疫情地方、中央訊息都是同步的。</t>
  </si>
  <si>
    <t>新冠肺炎疫情延燒，前中職兄弟象總教練江仲豪亦受到影響；他所任教的北京「北方工業大學」請他先留在台灣，24日開學後在網路上布置教學課程即可，暫時不用回校。這是他擔任北工大「棒球指導」（等同外聘教授）第14個學期，卻是首次碰到這種情形。
江仲豪回憶，他於2013年10月獲友人引薦，帶領8名台灣學子前往北工大就讀日文系，並成為棒球隊骨幹，他除了是「棒球指導」（另有大陸教練）也要教壘球。這批學生畢業後有6人留在大陸，到基層學校或球隊教球。
帶學子登陸 成球隊骨幹
北工大覺得這種兩岸棒球交流方式可行，前年透過中華棒協再送去18位學生，經測試與適應環境後10人留下，仍唸日文系。台灣學生除了學雜費、食宿費用全免，每周有4天下午須練球，練球日可獲30元人民幣補助，假日還可外出教球。
江仲豪因棒球底子厚實，曾任職棒總教練，這幾年在北工大發展得不錯；校長稱呼他為「江教授」，如同外聘教授；並兼任北京大學生棒壘協會技術顧問、濟南市棒壘協會總教練、長沙市棒壘協會技術總顧問，生活充實又能發揮所長。
收入豐厚 又能發揮所長
回顧棒球人生，江仲豪覺得似乎每10年一個周期：學生棒球10年、業餘成棒10年、職棒10年；接著僑居紐約，再返台擔任西苑中學教練10年；之後轉至康寧大學教球1年並西進大陸，轉眼已邁入第7年。
人生際遇高低起伏難料！江仲豪說，當年鼓起勇氣以55歲高齡「北漂」，原本不在人生規畫中，反而闖出一片天。如今已62歲，「如果覺得夠了，等第二批台灣學生畢業，剛好西進10年，也許就告一段落，有始有終。」
不過目前江仲豪很有成就感，且能為兩岸棒球交流盡些心力，「如果學校還需要我，一定全力以赴，不覺得累、更不覺得老。」</t>
  </si>
  <si>
    <t>新北市確診數量今日11人，重回2位數，侯友宜表示，這11人扣除3人是居家隔離確診，6人與北農與環南市場還有北市醫療機構與職場有關，另有1名是父母傳給小孩，還有1人感染源不明，該確診者在北市工作，近日都在居家辦公，會持續疫調確認感染源，市府也將持續篩檢，把隱形傳播鏈找到，還給新市民乾淨空間。
侯友宜說，今日新增11人中和4人、土城2人、永和2人、三重、新莊、五股各1人，其中2人住院，9人輕症或無症狀，已入住集中檢疫中心。
侯友宜說，這11人有3人是在解隔離前陰轉陽，傳播來源清楚都在掌控中，另外8人中，有6人與北市有關，其中北農、環南各1，還有1名醫療機構照顧人員，另外2個新光與誠品櫃姐，與1名被公司同事傳染的，同事家屬住在北市虎林街附近。
侯友宜說，剩下2個，其中一個是土城父母感染給孩子，1名則是住在永和，該名確診者在台北市某區域工作，生活單純，沒有出國，這段時間都家裡辦公，目前正全力疫調追查感染源。
侯友宜說，數據本來就會波動，雙北要採區域聯防，不可能新北好、台北不好，「要兩個都要好」雙北並肩作戰，只要清楚穩定，感染源幾乎可以掌控，就能有效控制。
侯友宜說，現在市場大幅篩檢目前都是陰性，個案就個案解決，也請市民盡快出來廣篩，阻斷隱形傳播鏈，很多案子都是市民主動出來篩找到的，他強調，社區感染不是這麼簡單，只有不斷篩，把隱形傳播鏈找到，才能還給新北乾淨空間。</t>
  </si>
  <si>
    <t>首波BNT疫苗施打對象為12至17歲在籍學生，嘉義縣日前發出1萬6629分接種意願書調查，今回收確認書，有93％學生有意願接種，且全數同意在校接種，嘉縣衛生局表示，造冊後將依照各校排定時間，自23日至10月20日分批進入校園接種。
縣府教育處日前分送1萬6629分接種意願書至縣內38所公私立國高中職，今全數回收、造冊，代理處長李美華說，統計後有93％勾選同意接種，造冊後將由衛生局安排醫護人員到校替學生接種。
衛生局表示，除衛生所人員外，此次也委託台中榮總嘉義分院、朴子醫院、大林慈濟醫院等團隊，協助到校幫學生施打疫苗，另考量近日許多國中生陸續接種HPV疫苗，考量至少要和BNT施打間隔14天，衛生局特別錯開接種時程，避免讓學生在14天內接種兩劑不同的疫苗，另如果學生施打BNT後感到身體不適，建議直接請疫苗假，由父母帶回家休息、觀察。</t>
  </si>
  <si>
    <t xml:space="preserve">國光生技子公司安特羅(6564)開發的Speedy新型冠狀病毒抗原快速檢驗試劑正式取得歐盟CE-IVD認證，得於歐洲市場銷售，將積極進軍海外市場。
國際新冠肺炎疫情持續延燒，至今未減緩，歐美不少國家準備啟動新一波的封鎖動作，加上各國逐步調整邊境防疫標準，推動檢測試劑需求大增。安特羅開發之「Speedy新型冠狀病毒抗原快速檢驗試劑」，依據臨床試驗數據顯示具有高靈敏度(Sensitivity)及高度專一性(Specificity)，可透過簡易的操作方式，無須任何儀器設備，於15分鐘內可得知結果；尤其近日英國封城三十萬人逃離倫敦導致邊境交通大亂，如果能運用快篩在機場、車站等運輸據點快速檢疫，可立即對於任何疑似新冠肺炎感染者提供初步、快速之判斷依據，將有助於兼顧邊境防疫及民眾交通。
安特羅已規劃向食品藥物管理署(TFDA)提出國內專案製造與美國EUA(緊急使用授權)申請，目標瞄準國際市場。
</t>
  </si>
  <si>
    <t>新冠肺炎疫情波及消防、警政機關，北市萬華警分局西門町派出所2名陳姓員警，其中1名陳員本月19日施打過AZ疫苗後，因曾確診者有過接觸，遭匡列隔離，得知消息當晚陳員即到剝皮寮快篩，採檢結果為陰性，但23日卻接到通知，PCR核酸檢測陽性，另1名陳姓員警則是快篩陽性，2人現分住不同飯店隔離當中，均未感覺身體不適。
本月13日西門町派出所陳姓員警逮捕竊盜案嫌犯，戒護人犯到分局偵查隊，在偵訊室內與另一名確診者有近距離接觸，事後該人犯確診，陳員因密切接觸遭匡列，19日就去快篩，衛生單位同時也採檢PCR，結果23日出爐，陳員為陽性。
陳告訴同事，覺得身體狀況良好，並未有感冒、失去味覺嗅覺的症狀，19日上午還配合分局接種疫苗，預計2週後接種第2劑。另1名陳姓員警19日因身體不舒服並未接種疫苗，經快篩為陽性，現仍在等候PCR結果，2人均入住飯店隔離當中。
西門町派出所共有60名員警，昨天晚上已經安排37人到和平醫院快篩，今天也將陸續採檢，並針對辦公處所進行消毒。</t>
  </si>
  <si>
    <t>豆府（2752）、莫凡比、鬍鬚張等8家餐飲業者組成「8國聯軍」抗疫聯盟，推出「聯名居家套餐7日組」搶攻「自煮宅商機」。業者表示，聯盟洽談10天便成軍，初期目標每周銷售100～200組、首階段銷售達1000組，若反應良好，參與陣容及提供產品可進一步拓展。
新冠肺炎疫情衝擊消費者來店消費意願，使餐飲業者營運面臨嚴峻考驗。豆府表示，3月集團來客數雖與去年同期相當，但低於預期逾15％。莫凡比3月業績年減達3成、樂檸漢堡3月來客數年減約2成，魔法咖哩3月營收年減達3成，且預期4月狀況仍不理想。
莫凡比總經理方立寰表示，此次參與的8家業者先前均已推出冷凍料理產品，對此發想組成「8國聯軍」聯盟，且洽談10天便成軍，由莫凡比負責銷售通路及配送資源，盼結合眾家力量發揮綜效，擴大目標客群及潛在市場商機範疇。
方立寰表示，此次「聯名居家套餐7日組」初期目標每周銷售100～200組，首階段目標銷售達1000組，若市場反應良好，將進一步拓展參與陣容及提供料理，包括馬辣、米哥烘焙、野宴燒肉、勝博殿、檀島咖啡等業者均有參與意願，未來亦可能加入成為生力軍。</t>
  </si>
  <si>
    <t>新竹縣27日新增一名確診者案15701，為住在竹北市的30多歲男性，為新北市確診個案15604的接觸者，據了解為特殊交友圈傳播，與確診者案15604曾在台北市接觸，新竹縣政府也立即匡列其室友4人，採檢目前均為陰性。
案15701與4名友人在竹北市共同租一棟透天厝居住，並與另名男友人住同房，其餘3人則有各自獨立房間。案15701在18日曾前往台北市，與先前確診者案15604在同個地方用餐，接觸超過2小時，後得知15604有相關症狀，21日起就在家自我隔離。
然而15604在22日確診，案15701隨後也接到居家隔離通知，當時採檢為陰性，25日開始咳嗽，且症狀未改善，26日居家快篩為陽性，因此通報衛生局送醫，再次PCR採檢後確診。
新竹縣長楊文科時隔多日，再度舉辦疫情記者會直播，他指出，全案匡列4名接觸者並採檢，同房室友安排到防疫旅館居家隔離、3人自主健康管理，4人採檢結果都是陰性。新竹縣環保局也完成周邊環境消毒。
楊文科表示，桃園市26日公布的2確診個案，為寶山鄉某科技業的外包廠商，一共匡列145人，其中16人居家隔離、40人自主健康管理、89人自主健康監測。
楊文科說，防疫期間很多假消息在網路傳播，例如有人說哪裡可以打莫德納、哪裡還有疫苗，他提醒民眾，消息傳播前要先查證，不要隨意分享、散布，以免觸法，最高可罰3年有期徒刑、併科300萬元罰金。
楊文科也說，假消息造成民眾的恐慌、打擊防疫人員士氣，也由檢警偵辦中，提醒民眾勿以身試法。</t>
  </si>
  <si>
    <t>全球新冠肺炎疫情風險在各國啟動解封、恢復經濟活動後再次升溫，加上國際貿易戰亦重新陷入緊繃狀態，眾多不確定因素交錯持續推升金價走高，8月黃金期貨於7月1日收盤價達每盎司1800.5美元，創2011年9月以來近9年新高。
投信業者指出，在市場前景未明朗前，預期黃金等避險商品將續呈多頭格局，建議投資人適逢金價高檔拉回時，可評估自身風險屬性分批低接進場，透過增持黃金部位，提升投資組合配置避險功能。
全球新冠肺炎疫情持續擴散，世界衛生組織（WHO）6月29日宣布，全球單日新增確診病例再創新高，24小時內新增染疫病例逾18.9萬人。而全球累計確診病例突破1000萬，因染疫病故案例也逾50萬，顯示全球染疫病例攀升的同時，恐將持續衝擊國際金融市場。
美國知名外匯經紀商安達（Oanda）分析師指出，股市目前最大的風險變數，便是第二波疫情，不僅可能再次封殺美國經濟，並恐導致全球經濟再次停擺。而市場也預期將有更多資金為尋求避風港，而湧入包含黃金在內的避險性資產。
此外，美國聯準會（Fed）將原有的緊縮貨幣政策轉向寬鬆、利率由升轉降，主席鮑爾指出未來不確定性仍高，讓市場更篤定中短期內應維持寬鬆貨幣政策不變。將使國際主要央行吹起「降息風」，也令美元指數缺乏大漲動能，低利率環境即弱勢美元格局均有助支撐金價。
元大投信黃金研究團隊指出，雖然隨著金價近期攀上近9年新高，部分投資人選擇獲利了結，使金價自高點回落，但疫情陰霾仍壟罩全球，美國二度封城防疫可能性提升，國際政經情勢不樂觀。在眾多不確定因素影響下，金價中長線仍看多，拉回時為逢低進場好時機。
元大投信建議，可透過ETF等金融商品增持黃金部位，動態調整黃金相關資產約占個人資產5～10％，提升整體資產配置的避險效能、降低波動性。尤其，把握金價回落時低接，更能有效發揮黃金的避險性質。
高盛預期，金價未來1年可望上探2000美元，花旗亦將黃金未來3個月現貨價格調升至1825美元，市場普遍認為2020～2021年黃金將持續維持多頭走勢，瑞士鑄金商龐博集團（MKS PAMP Group）則預期至少將持續至2021年上半年。</t>
  </si>
  <si>
    <t>國內疫情延燒不斷，連帶讓疫苗議題備受關注。對此，有多年國際貿易經驗的自營商李宗穎，在網路提醒各界，國際商業談判有許多不為外人知的眉角，何況疫苗當前已經是戰略物資，所以別再濫發仇恨、唱衰的言論，這只會挑起台灣更多似是而非的網路謠言，加上李宗穎醫藥界有很多親友，因此他決定以淺顯易懂的「鮮奶說、老車論」公開闡述觀點，盼透過己身實務經驗，讓疫苗議題不再混亂。該文一出，隨即獲得網友大力讚聲，分享高達5800次以上，勝過各路政客名嘴。
文中李宗穎以大賣場鮮奶比喻疫苗「冷鏈」和「保存期限」的問題，指有人拿走一批牛奶繞了1圈，又放回貨架上，你偏偏拿到這一批，然後你繼續逛30分鐘，排隊結帳30分鐘，又花30分鐘開車回家，最後花15分鐘卸貨上樓，把鮮奶放入冰箱，這過程就像「冷鏈」遭破壞，一打開，牛奶酸了結塊到還好，至少看得到，但看不出來，又不小心喝了，肯定拉肚子拉個一兩天，所以冷鏈一旦被破壞，「保存期限」便立刻失去意義，因此李宗穎不禁提問「為何偏偏硬要進口打同一批疫苗？」暗指港澳使用的上海復星BNT「復必泰」疫苗。
接著李宗穎解釋，「人，進口台灣，叫簽證。貨，進口台灣，叫憑證。藥，進口台灣，叫藥證」，所以藥證是國與國之間必要的通行證，最近常出現的「EUA」緊急使用授權，即國家與疫苗廠針對緊急狀況，不得不核發的緊急藥證。
凡通過海關，國家就必須把關，既是緊急通行證，就得由國家掛保證，人命關天，更不能方便當隨便，私下偷偷換人、換料、換文件、換產地、換工廠、換製程或換配方，「因為，最後還是國家照顧你，扛起醫療責任，也就是納稅人共同負擔的健保」，這就是國家的責任，所以此時此刻一堆人喊進口卻從沒去申請，也不照EUA國家規範，就是造謠！
再來李宗穎用老車說明「原廠證明」，稱老車要轉賣，即使引擎號碼、車身碼都是對的，但少了「原廠證明」那張紙，還是得直接扣5萬，遑論打到你身上的救命藥，那涉及一連串「生死責任鏈」。
又好比賓士原廠驗車，驗過才能進口台灣，「然後你跑去德國跟賓士原廠買了一台賓士車要進口，你就以為你可以不必重新申請不必重新驗車喔」，話鋒一轉，李宗穎開酸，表示現在好像很多人都變成疫苗專家，但對他而言，疫苗重大訊息，「我只相信指揮中心而且是，唯一標準。」
最後李宗穎提到，全球疫苗供需問題，就像「毫無煙硝的第3次世界大戰」，也宛如車用晶片，平常沒啥了不起，幾塊美金就買得到，但疫情延燒，卻成了兵家必爭的戰略物資，國際政治力頻頻介入、主導，檯面上，四面八方的政商勢力，大國角力，檯面下，暗潮洶湧，根本早已不是自由經濟市場。
而國產疫苗，就像台積電、本土農產，是台灣新的護國神山，股價外，更需要國人用新的國家戰略角度來看，所有戰略物資、糧食都自給自足，台灣才不會被敵國掐住脖子。
最後李宗穎信心呼籲，稱國際疫苗大廠目前只和各國中央政府簽約，未經CDC指揮中心認可，來路不明的疫苗千萬不可亂打，戴好口罩，勿群聚、勿摸眼鼻口，保持社交距離，最重要的，相信指揮中心，相信自己我們會撐過去的。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第11輪疫苗預約原定明天（13日）中午截止，中央流行疫情指揮中心今(12)日晚間表示，預約時間將延長至明天下午6點止，並宣布增加開放「10月6日前意願登記BNT疫苗之44歲民眾」，預約時間僅8小時，自明天上午10點起至晚間6點止。
為利疫苗資源有效利用，公費疫苗預約平台第11期將延長預約時間至10月13日下午6時止，並增加開放「10月6日前意願登記BNT疫苗之44歲民眾[即1977/1/1(含)-12/31(含)間出生] (不含第9類對象)」，進行第1劑BNT疫苗預約。第11期預約對象(含增開)施打時間維持10月15日至10月21日。
指揮中心說明，針對符合上述增開預約資格者，將於明(13)日上午9時陸續發送提醒簡訊，並預計於當日上午10時開始進行預約，請儘速於明日下午6時前完成預約。後續將視疫苗供應期程調整接種場次，籲請民眾屆時準時前往接種。
指揮中心提醒，10月1日起亦開始接種流感疫苗，依衛生福利部傳染病防治諮詢會預防接種組(ACIP)建議，接種流感疫苗應與COVID-19疫苗間隔至少7天，請民眾前往接種COVID-19第二劑疫苗前，應備妥「COVID-19疫苗接種紀錄卡」及健保卡，並於接種前評估時說明過往疫苗接種史，以利醫生評估。</t>
  </si>
  <si>
    <t>新冠肺炎疫情日趨嚴峻，宜蘭縣長林姿妙今（14）日宣布，即日起宜蘭縣禁止縣內各宗教團體舉行繞境廟會等活動，跨縣市的進香活動全部取消或延後，如果是外縣市要進入宜蘭縣進香甚至繞境，縣府將會駁回路權申請，並通知縣內各宮廟對於最近要到宜蘭縣的進香團予以勸導取消。
宜蘭14日新增1例確診案例，目前居家隔離總數達206人，為進一步切斷病毒傳播鏈，避免各宗教活動造成群聚，宜蘭縣長林姿妙宣布即日起至6月8日止，禁止宜蘭縣各宗教團體辦理繞境及廟會相關活動，如果有宮廟已安排跨縣市進香活動，則全面取消或延後。
此外，曾在5月9日、10日涉足大地球遊藝場與巨城電玩民眾，縣府將發送簡訊通知篩檢，提醒接收到簡訊的民眾務必每天量體溫，落實戴口罩、勤洗手，避免出入人潮擁擠的場所，縣府衛生局也會盡快連絡並安排前往醫院篩檢。</t>
  </si>
  <si>
    <t xml:space="preserve">心悅(6575)Pentarlandir新藥執行編號SNB011 COVID-19向台灣衛福部申請臨床試驗，據衛福部「多國多中心藥品臨床試驗計畫審查程序」，此申請案將可循快速通道審查途徑。
心悅生醫董事長暨執行長蔡果荃教授指出，該公司Pentarlandir與輝瑞開發的口服藥，都是抑制同一個新冠病毒複製的蛋白(酉每)靶點，也同樣具有對抗變種病毒的潛力，目前全世界針對此靶點進行人體試驗的也僅有本公司與輝瑞，且Pentarlandir開發進度並未落後於輝瑞，希望二者皆能順利開發成功，突破COVID-19缺乏藥物的困境。
entarlandir為口服劑型，收案對象為PCR確診48小時內的輕症患者，若開發成功，當可比喻是新冠肺炎版的克流感(Tamiflu)，病人只需在家服藥，相當簡單方便，無須入院治療，亦無須強制隔離。這種治療方式必可填補疫苗分配不均、疫苗覆蓋率、保護力不足等缺口、大幅減輕醫療負擔、並可降低輕症病患及其親友染疫之心理壓力。
Pentarlandir人體使用經驗豐富，安全性高，除可抑制新冠病毒複製外，亦可阻擋病毒進入人體細胞，並具有良好的抗發炎功效以免病情惡化，故Pentarlandir最適合用於廣大的輕症病患，但目前並不符合恩慈療法「治療危及生命或嚴重失能」的條件。此外，美國FDA規範必須是設有對照組的臨床試驗，方可據其臨床結果申請緊急授權使用(EUA)或正式核准，因此，將台灣納入多國多中心的臨床試驗，將有助於未來申請EUA及藥證，如此方可為台灣提供充沛的抗疫能量。
</t>
  </si>
  <si>
    <t>美國醫療研究團隊開始進行新冠肺炎疫苗的臨床試驗，16日在美國重災區華盛頓州展開第一批病患注射，疫苗研發進度領先全球。
根據美聯社報導，華盛頓研究中心(Kaiser Permanente Washington Research Institute)於16日開始試驗新冠肺炎的疫苗，第一批自願接受臨床試驗的病患共有45位，當日接受第一劑，一個月後再注射第二劑。
美國衛生研究院的法奇(Anthony Fauci)表示，我們對於研究的成果很有信心。但今天的臨床試驗只是第一步，即便試驗的結果非常理想，要生產足夠全球使用的劑量，也需要12到18個月。
他也說明，這只疫苗的成分裡不含有冠狀病毒本身，相當安全。全球各大藥廠及醫學中心，都在這場疫苗研發競賽中較勁，近期即將進行試驗的疫苗多達十餘種，目前以美國的進度最快。</t>
  </si>
  <si>
    <t>中央流行疫情指揮中心今（25日）表示，秘魯返台祖孫確診病毒基因定序檢出「Delta變異株」，為因應Delta變異株於全球日益擴散且其傳播力高，因此自6/27日零時起（抵台時間），從印度、英國、秘魯等7國入境旅客將全面隔離、且14天隔離期滿後將普篩。對此，宅神朱學恒呼籲「大家各自保重」。
據「世衛組織（WHO）」公布目前全球已有逾85個國家出現「Delta變異株」的病例，歐洲疾控中心評估其傳播力較英國變異株高40-60%。國際間部分疫苗接種率較佳的國家包括以色列及英國等，近期病例數回升，且發現Delta變異株病例佔比達七成以上。台灣則有5名境外移入個案感染Delta。
值得注意的是，據英美加等國統計數字顯示，這一波在疫苗超過50%後才爆發的新冠疫情絕大多數都是在印度發現的Delta變異毒株，已幾乎取代原有英國發現的Alpha毒株(也是目前台灣主要傳播毒株)。
美國首席抗疫專家福奇（Anthony Fauci）博士警告，Delta變種破壞性極大、傳染性更強，目前Delta正快速攀升成為增加最快的毒株。
宅神朱學恒則在臉書呼籲國人「大家各自保重啊」。網友則留言表示，「我們的國門防疫如此鬆散，防疫一切都以政治為主，不管是哪種變異病毒進來，只是早晚的事」、「超前部署，空轉一年」。
大家各自保重啊！
【秘魯返台祖孫病毒定序出爐 陳時中：證實為Delta變異株】
https://www.chinatimes.com/realtimenews/20210625003025-260405</t>
  </si>
  <si>
    <t>台灣防疫成績有目共睹，26日、27日都沒有新增確診病例，海軍敦睦艦隊病例停留在31例。不過，網友也好奇，這些海軍官兵4月14、15日放假後，不少人直奔摩鐵、和女友約會，但至今仍沒傳出這些接觸對象有人確診。
國內連續兩日0確診、連15天無本土個案，但防疫仍不能鬆懈，尤其接下來的五一連假，是另一波防疫關鍵。
海軍敦睦艦隊確診人數維持31例，目前尚未傳出接觸者確診，PTT網友熱議「確診軍人女友都天生神力？」照理來說，新冠肺炎傳染力強，當出好幾個軍人一下船就去找女友、到摩鐵兩三小時，「總不可能戴口罩蓋棉被純聊天吧」，如果說一、兩個天生神力沒確診，但海軍趴趴走完全沒事，「是不是有點不合邏輯阿？」
有網友推測，報導可能有誤，並非確診者都有發生性行為，而確診官兵本身的傳染力也是問號，陽性不等於有很強的傳染力，尤其體內說不定已有抗體在打仗，採檢到的病毒不一定有活性，且從放人到召回約48小時，危害其實不一定比想像中的大。
其他人表示，「什麼神力，就是在船上互相感染又痊癒啊」、「很幸運不行嗎」、「年輕人症狀都比較輕微，沒驗就不算確診」。只是新冠病毒潛伏期達14天，有人則認為，「高興的太早了吧」。
另外，世界衛生組織（WHO）曾指出，卡介苗似乎降低兒童的死亡率，在接種的第一年，可預防約30%的已知病原體、病毒，比利時醫學網站《LeSpécialiste》也曾提到，卡介苗雖無法直接預防新冠肺炎，但可增強免疫力。因此不少網友說，可能是卡介苗發威。</t>
  </si>
  <si>
    <t>交通部觀光局表示，自4月16日起發布觀光產業紓困2.0方案，提供營運及薪資補貼申請，截至5月14日止已核撥41.6億元，將持續加速核撥補助，協助業者共度難關，並呼籲業者盡早在受理期限內提出申請。
新冠肺炎疫情延燒全球，致使來台及出國旅客自2月起一路驟減，初估至4月已驟減達99％，使觀光產業成為「海嘯第一排」、艱困中的艱困產業。觀光局對此全體總動員，並簡化審核及認定標準、加速核撥流程，在2周內大幅提升核撥績效，以達到及時紓困目標。
觀光局指出，截至14日，觀光產業薪資補貼已核撥23.8億元、受惠65,005人，占受理數比重已達84％。觀光產業營運補貼已核撥10,296家、17.8億元，核撥家數及金額分達受理數的91％及72％。
此外，薪資補貼、營運補貼、停止出入團補助的待補件數，目前分別有2,284件、93件、5,975件。觀光局表示，目前正派專人處理中，將盡速完成補件並撥付款項，以解業者燃眉之急。
觀光局指出，導遊領隊及領團人員生計費用補貼申請受理至5月31日止，觀光產業營運及薪資補貼受理申請則至6月30日止，逾期提出申請者將不予受理，呼籲業者儘早於期限內提出申請。
此外，觀光局提醒，若已請領其他部會提供受疫情影響等性質相同補貼，依規定不得重複申請，如觀光局導遊領隊及領團人員生計費用補貼、勞動部無雇主薪資補貼，二者僅能擇一請領，撥款前將與其他部會同性質補助、補貼名單相互比對，若重複申請將不會發給。</t>
  </si>
  <si>
    <t>在第一線採訪的新聞從業人員陸續傳出死亡後確診新冠肺炎的案例，民進黨立委林楚茵昨在立法院質詢NCC主委陳耀祥，應該將媒體人員也列入疫苗施打名單，陳耀祥表示，已經行文疾管署列入第一線新聞人員，努力爭取希望納入第三類施打對象。
另日本捐贈的124萬劑AZ疫苗將於下周開打，指揮中心發言人莊人祥昨天指出，6月15日起會開放75歲以上接種，基本上會沿用流感疫苗的方式，由各地衛生所在轄區內廣設接種站，透過鄰里的催種系統，讓里長陸續安排長者施打，政務委員唐鳳日前建置的「疫苗接種預約平台」則暫時還不會啟用。至於何時能夠開放預約，近日內會再公告。
林楚茵指出，NCC提報2700人列入第七類施打名單，主要是電信、固網、海纜、衛星等工作人員，都是工程人員，但第一線採訪疫情動態的新聞人員卻沒納入，如今已出現多起新聞工作者因確診死亡。陳耀祥指出，高接觸風險的新聞人員，正在努力希望納入第三類施打對象。
林楚茵提醒，NCC主管廣播電視，紙媒、網媒記者不屬於業管範圍，紙媒跟網媒記者同樣在第一線採訪，是否會變成孤兒？
文化部表示，媒體記者在疫情期間，持續在第一線報導疫情及各種事實真相，是防疫工作相當重要的一環，為落實社會防疫安全，同時兼顧防疫資訊的透明開放與傳播，文化部將與NCC分工，由文化部洽請平面媒體（含報紙、雜誌）、網路媒體，提出第一線的記者名單，由文化部送請指揮中心，並依據專家會議評估群體風險性後決定施打優先順序。
衛福部次長薛瑞元表示，不一定在第三類，目前第七類也有這樣的類型了，實際上的做法可能要文化部或是NCC彙整名單，衛福部內部會有會議決定，哪一種算是第一線高風險接觸者。</t>
  </si>
  <si>
    <t>新冠肺炎疫情爆發近2年，民眾人心惶惶，新北市宗教團體出錢也出力，總計捐助新北市府2億1080萬元防疫基金，並提供物資與人力。新北市長侯友宜9日頒發230面獎牌給96家績優宗教團體，感謝各宗教團體無私大愛。
侯友宜致詞時表示，宗教信仰深具撫慰人心及安定社會功能，各宗教團體也是市府重要夥伴，協助各項政策推動，除了在兒少福利、弱勢關懷及急難救助等公益事項傾囊相助。
侯友宜說，宗教團體疫情期間更捐贈防疫基金及物資並配合市府防疫捐款金額高達2億1080多萬元，其中板橋慈惠宮捐款更達2100多萬元，感謝各宗教團體為新北市無私的付出與奉獻。
侯友宜也說，佛教慈濟基金會及鶯歌永昌里永福宮，提供場地設立疫苗接種站，迄今辦理354場次，施打逾27萬劑疫苗，共同守護市民健康。
民政局長柯慶忠表示，去年起新冠肺炎疫情嚴峻，宗教團體紛紛慷慨解囊，其中深丘福德宮、新北市承天禪寺、埔墘福德宮、板橋慈惠宮、板橋接雲寺等55家宗教團體，迄今捐贈金額近6000萬元。
另三重安北宮、淡水清水巖、八里五福宮、三峽普賢寺等，共捐贈6輛救護車，市值近2000萬；板橋區深丘福德宮、江子翠潮和宮、新北市拱北殿、樹林鎮南宮、淡水義山集應廟等，共捐贈14輛復康巴士，市值近2000萬，以及三重先嗇宮、樹林濟安宮等，共捐贈逾2萬件防護衣，市值近1000萬。</t>
  </si>
  <si>
    <t xml:space="preserve">5G毫米波、開放式網路平台以及新PC為後續10年科技產業3大亮點，5G毫米波2035年整體市場規模上看13.2兆美元，在日本樂天的登高一呼下，開放性的網路平台也成為網通業後續重要風向球，高通資深副總裁暨CDMA事業部營運長陳若文更將其比擬為「破壞性創新」，台系相關受惠股也紛紛浮出檯面，且相信未來台灣產業的機會將會更多。
今年全球5G正式邁入商用，5G毫米波(mmWave)也被點名為未來幾年通訊市場重要技術，高通就看好，5G毫米波上路後，整體市場規模在2035年將上看13.2兆美元，其中智慧製造產值更達4.77兆美元，陳若文就表示，5G毫米波的速度和光纖一樣，等於使用者無時無刻都享受光纖的速度。
除5G毫米波的普及度備受期待外，陳若文也點名開放性網路平台也會成為運營商選擇的一大趨勢，以目前國際案例來說，日本樂天是第一開放性的網路平台，其能讓成本大幅降低，而該趨勢對台灣產業的意義就是為網通廠帶來更多機會，現在已經看到有小型基地台成功打入樂天供應鏈，且現在只是開端，後續更會帶動一股新PC的變革，且日前蘋果端出首批採用Arm架構的Mac產品，就是相當具有意義，PC廠除了印象中的英特爾外，還有更多不同的選項，而台勢必將會有更多廠商有機會有更多的表現空間。
陳若文進一步解釋，開放性網路平台好比是「破壞性創新」，新公司沒有包袱所以可以在面對創新的時候更有衝勁，就好比電動車產業，傳統的汽車產業在進入電動車領域時，需要考慮太多、有包袱，反而走的比較慢。
陳若文表示，開放性得網路架除可以在架構上降低成本，例行的每天成本也一樣降低，相信會有越來越多的國家跟進，這是必然的趨勢，目前全球大廠中僅剩下華為、ZTE、愛立信等尚未加入。
樂天電信(Rakuten)為全球第一個採虛擬化無線接取網路(vRAN)的行動寬頻網路營運商，樂天建置的5G專網，初期先降低硬體設備採購成本30%，最終更希望維護成本可降低70%，因而，樂天電信找上台廠的廣達(2382)、智邦(2345)、中磊(5388)、立端(6245)、台揚(2314)等廠商合作，廣達負責代工供應 5G專網場域內的伺服器，智邦供應其高階100G交換器、中磊供應其Small Cell、台揚供應5G基地台的RRH(Remote Radio Head)、廣達又再發包SD-WAN資安產品給立端與瑞祺電(6416)等廠商，在vRAN 5G專網架構之下，電信運營商(Service Provider)角色更顯重要，與Servive Provider關係密切之台系網通廠商將成為趨勢受惠業者。
研調機構資料指出，無線接入網聯盟，OpenRAN Alliance包含Facebook、Mavenir、Vodafone、Rakuten等產業大廠，領導的電信基礎設施計畫，其中推出Evenstar RRU Program，聯盟目標希望能夠在OpenRAN生態體系中，為電信營運商提供4G、5G網路RU Company Report ，而新一代的RU支援O-RAN聯盟的分散式架構，能夠讓營運商提高部署彈性，降低部署成本，預期將成為網通與系統業者長線成長動能。
至於高通在新竹的打造的高通台灣營運與製造工程暨測試中心，儘管碰到疫情，但現在依舊比原來規畫的時間提早兩個月，預計2021年9月就會完成大樓部分，2022年初正式落成。
</t>
  </si>
  <si>
    <t>國內今天又增加一例新冠肺炎患者，為境外移入確診，為台灣第507例確診個案，中央流行疫情指揮中心將於下午2點召開記者會，說明最新疫情。
中央流行疫情指揮中心昨天(19日)一次公布國內新增3例境外移入確診，為菲律賓籍20多歲男性（案504）、本國籍30多歲男性（案505）及本國籍50多歲女性（案506），分別自菲律賓、緬甸及日本等國入境，其中案506為申請奔喪自費採檢首例確診個案，目前住院隔離中。
指揮中心統計，國內截至今天累計91,458例新型冠狀病毒肺炎相關通報(含90,257例排除)，其中507例確診，分別為415例境外移入病例，55例本土病例，36例敦睦艦隊及1例不明。確診個案中7人死亡、479人解除隔離、21人住院隔離中。</t>
  </si>
  <si>
    <t>印度變種病毒Delta肆虐全球，中央流行疫情指揮中心一直遭外界質疑為何不入境全面PCR篩檢，今天指揮官陳時中拍板，7月2日開始入境一率普篩，且都是採檢三次，入境一次PCR、隔離檢疫期間以家用快篩一次、隔離期滿前再一次。且只要驗出陽性，一率都要做基因病毒定序。
Delta來勢洶洶，指揮中心卻只針對七個高風險國家規定入境後篩檢一次PCR，檢疫期滿前再一次，總共兩次，且要住在集中檢疫所。但其餘國家入境民眾，則僅規定檢疫期滿前一次PCR採檢，只要一次，並住在防疫旅館。
但近日包含高雄市長陳其邁、桃園市長鄭文燦、新北市長侯友宜等紛紛呼籲防疫不要做半套，應該一率普篩。
中央流行疫情指揮中心指揮官陳時中今表示，7月2日起入境全面普篩，未來入境不論來自哪一個國家，都要檢驗三次，只是檢驗方法各有不同。入境檢疫措施採檢三次預計實施一個月，且無論來自任何國家，採檢一率都是公費。
陳時中表示，專案來說，現在情況就要去集中檢疫所、採檢PCR，中間的時候第十天、第十二天用家用快篩採檢一次，解除檢疫的時候再一次PCR。
陳時中表示，其他入境旅客，在機場做一次PCR採檢，深喉唾液、檢疫十四天期間以家用快篩採檢一次，第十二天到第十四天，也就是隔離期滿再一次，入境旅客檢驗出陽性者，就都要做基因定序。
為何現在要做？陳時中自己解釋說，以前大家都一直建議要做入境普檢，我們都沒有予以採納，為何現在變了，因為大家一直蒐集意見，參考國際，最重要差別在於，以前入境的時後，除了專案以外都是居家檢疫，都是回到家中，回到家中我們擔心入境篩檢，若是偽陰性，會造成防疫鬆懈，會增加家庭內親密感染，現在不同之處在於，全部入住防疫旅館或是集中檢疫所，不會有增加家人接觸的可能。
陳時中表示，沒有接觸的可能，縱使有偽陰性也不會增加傳播風險，所以專家認為現在全篩是適合的措施。
陳時中表示，這段時間有大部分專家與醫界都有很多意見，因應Delta是否延長檢疫等或是在14天後再加上7天等？專家分析認為，Delta傳播力有增加，但沒看到潛伏期增加的證據，因此不延長七天，但在隔離期間第十到第十二天，用家用快篩採檢一次，萬一有確診可以及早發現病例。
至於病毒基因定序部分，陳時中表示，關係到變種病毒株是否會進入台灣，因此要做基因定序，邊境檢驗陽性的，一率都要病毒基因定序，避免不自覺中變種病毒進來，對於群聚相關的也會來做基因定序，不明感染源的也會做，希望透過這些方式，對於不同變種病毒株分布的情況，可以及早因應。他強調，陽性送驗沒有問題，運作很久。
指揮中心副指揮官陳宗彥表示，週日到週六，每週五是每天入境最多，其次是週三，其他每天分佈從兩百多到一千多位入境人數。每天都會檢視隔天預報的名單來做Ｔ1與T2的採檢，用去年建置的五個採檢站，我們會利用這五個做安排。陳宗彥強調，每天會會機動調整採檢人員。
陳宗彥表示，若遇到同時段多航班進來，不排除用更大量的採檢速度消化，已經預看過場地與動線。對於專案國家有專案國家動線，有症狀的旅客，也會有處置動線安排。
至於其他佔大多數的一般沒有症狀的旅客，陳宗彥表示，入境後到採檢動線已經建構好，到他採檢結束後，搭乘防疫計程車到防疫旅館。
醫療應變組副組長羅一鈞表示，最近2、3周的陽性率都蠻低，每日平均採檢3萬多件檢體，陽性率為0.1％、0.2％，最近多是0.1％。疫情剛開始時，國內的陽性率是5％。這反應的是採檢量增加，經過廣篩後，比率就會下降。
羅一鈞表示，在疫情嚴峻的國家，陽性率常常都是超過5％至10％，這表示當地疫情嚴峻且篩檢量不足，當我們增加了檢驗量能，陽性率就下降。如今每日最多可檢驗12萬件PCR，請大家可以放心，會持續對需要的對象提供篩檢。</t>
  </si>
  <si>
    <t>高端疫苗混打政策上路，外界質疑安全性未經證實，不同疫苗接種恐加重不良反應。衛福部長陳時中今天赴立法院社福及衛環委員會備詢，被立委蔣萬安詢問此事時多次表示「專家無異議通過」。
陳時中今天多次被問及高端疫苗混打政策的決策關鍵，表示目前尚無相關試驗佐證，但依據ACIP專家討論認為安全性沒有問題。但蔣萬安進一步詢問ACIP會議討論內容，陳時中未正面回應，僅不斷強調「專家無異議通過」。
蔣萬安舉出今年7月中的報導打臉陳時中，「當時大家詢問混打開放的可能性，你的回應是「任何藥物都有一定的副作用，多接種一種不同性質疫苗，就多一種出現副作用的可能性，一定要有科學證據才會開放」，質疑為何尚無科學證據就開放高端混打。
陳時中回應，試驗是針對有效而做，看疫苗混打效果有沒有比較好。但蔣萬安強調「安全性也一樣，民眾需要得到保證」，陳時中則表示，每一個疫苗單獨的安全性都是被驗證過的。
蔣萬安認為，高端疫苗目前僅被少數國家認可，指揮中心早該規劃因應措施；當時有人提出這樣的疑慮，有可能影響國人出國權益，政府卻說與事實不符，直言「為何要欺騙民眾？」而陳時中聞言竟表示「要不然委員有什麼更好的方法？」
立委高虹安則詢問陳時中，政府花費40億元採購500萬劑高端疫苗，截至11月14日已放行371萬劑，已施打140萬劑，剩下的近130萬劑可否暫停交貨？陳時中回答「目前已經交貨得差不多了」，都在檢驗封緘中。
高虹安追問，這130萬劑高端疫苗該如何處理？如果捐助友邦國家，又沒有取得緊急授權（EUA），作為第三劑加強針也要等6個月以後，時機未到。陳時中表示，未來很多疫苗都會面臨這種情況，我們採購的所有疫苗數量，早就超過150％的涵蓋率。
陳時中說，未來如果國內有需要就繼續用，國外有需要就捐贈出去，但高虹安認為高端沒有取得他國EUA，即使要捐也沒去處；陳時中回應，希望世界衛生組織（WHO）的團結疫苗試驗能夠早日成功，但又強調這並非自己可以操作的，會積極尋找可以捐贈的地方。</t>
  </si>
  <si>
    <t>5月中旬，一名新冠肺炎確診孕產婦在台北慈濟醫院團隊的幫忙下，插管後進行剖腹產，所幸母嬰均安。疫情嚴峻時刻，讓不少孕產婦開始擔憂：「我能打疫苗嗎？」、「我該打什麼疫苗？」婦產科醫師說可以，不過建議孕產婦以接種mRNA疫苗為佳，以提高母嬰雙方的抗體、減低併發症。
新冠疫情席捲全球，疫苗接種成為全民關注議題。繼以腺病毒載體製造的AZ疫苗分批抵台後，首批15萬劑以mRNA製造技術的莫德納疫苗也於5月底來到台灣，最快下周有機會開打。截至6月2日，台灣總計約有88萬劑的新冠疫苗。
●婦產科醫學會呼籲 孕產婦應以mRNA疫苗接種為主
隨莫德納疫苗的到來，台灣婦產科醫學會5月31日函文疾管署，提及目前的新冠疫苗都是緊急授權使用，無長期安全資料，但懷孕、備孕及哺餵母乳並非打疫苗的禁忌。
依照英國及德國的新冠疫苗注射建議，孕產婦應以mRNA疫苗接種為主，美國及法國則無特別限制。基於考量母胎安全，若mRNA疫苗足夠、且開始全面施打之下，台灣婦產科醫學會呼籲政府應將孕產婦列為優先施打對象。對此，衛福部長陳時中也在隔天的指揮中心記者會上回覆：「會列入討論」。
茂盛醫院執行長李俊逸說，孕產婦打疫苗可同時提高母嬰雙方的抗體，並減低併發症，「萬一孕婦不幸染疫，可能會導致早產，增加呼吸器的需求，甚至母嬰都有死亡風險！」既然政府採購的mRNA疫苗陸續到位，建議有機會就快打。
只不過，目前台灣的mRNA疫苗數量不多，李俊逸建議，孕產婦可先和醫師討論後再決定是否施打其他品牌疫苗。但若是暴露高風險的醫護孕產婦，建議還是要考慮施打AZ疫苗。
●備孕或試管療程女性 也不必怕新冠疫苗
那麼，正在備孕中，或者是試管療程中的女性，也能接種疫苗嗎？專精不孕治療的李俊逸先給出結論：「可以。」
李俊逸進一步解釋道，美國生殖醫學會從其動物實驗結果發現，施打新冠疫苗不會影響女性的懷孕功能，所以備孕中的婦女不必害怕施打疫苗，也不必特別偏執特定的疫苗品牌，「AZ疫苗也可以放心打！」
只不過，要取卵、植入或接受人工授精的婦女，美國生殖醫學會就建議至少在取卵、植入或接受人工授精的前3天、後3天避免打疫苗。
李俊逸解釋，因上述療程與染疫都可能出現發燒情形，上麻藥也可能使體溫調控失常，恐造成醫師在術後病況觀察上的混淆。「如果施打疫苗後發燒，接受上述療程的病人就會被醫院拒絕入院看病了。」
●吃荷爾蒙藥、調經藥、避孕藥 可放心打AZ疫苗
至於有吃荷爾蒙藥、調經藥、避孕藥的婦女，也能打疫苗嗎？茂盛醫院家醫科主治醫師呂昀珊表示，目前不管吃多久的上述藥物，其實都可以打疫苗。加上這些藥物的劑量並不高，即便是打AZ疫苗，她認為發生血栓的機率也非常低。
況且，雖然AZ疫苗先前曾被懷疑引發的血栓疑慮與女性服用避孕藥或接受荷爾蒙治療有關，而讓使用上述藥物的女性被列為施打禁忌，但近期各國研究並未發現兩者相關，指揮中心也決議取消這項禁忌症。
「所以除了孕產婦之外，一般婦女其實不需執著等待mRNA疫苗。」呂昀珊說，在台灣本土案例這麼高的情況之下，有機會能先打AZ疫苗就應該立即去打，以提高保護力、降低重症風險。
●癌症病人也要打疫苗 但要先諮詢醫師
據了解，不只是孕產婦，近2周醫院門診最熱門的問題也是「癌症病人可接種新冠疫苗嗎？」台北醫學大學台北癌症中心院長暨附設醫院癌症副院長李冠德表示，綜合現有醫學證據，癌症病人均應接種疫苗，其家庭接觸者亦然。
況且癌症屬重大傷病，也已被列入9大類優先接種疫苗的族群，只不過每位癌症病人接種疫苗的時間點可能會因罹患的癌別和接受的療程而有所不同。李冠德建議患者都應先與醫師討論，再於適合的時機打疫苗。
李冠德提醒，癌症病人是免疫抑制的病人，與健康人相比，對疫苗的免疫反應可能會較差，因此即使接種疫苗，仍應繼續戴口罩、保持社交距離、落實防疫準則，確實保護自己。</t>
  </si>
  <si>
    <t>台中市議會民進黨團16日與5大產業代表召開記者會，黨團副書記長黃守達說，現在市府提岀紓困9箭全部射歪，特邀請商圈、遊覽車、餐廳、旅宿業等5大產業舉行記者會；建議市府應加緊腳步做好配套，才不會到市府依然一場空。市府強調，各局處正積極推動中，協助業者度過難關。
民進黨黨團今天召開記者會，邀請商圈、餐飲、旅宿、遊覽車、旅行社等產業代表，針對市府的「紓困九箭」提出問題與建議。民進黨團強調，地方的資源不比中央，但至少可以配合中央的紓困計畫；比起幾支箭，市府紓困應該要精準到位，廣納產業意見不能先射箭再畫靶。
市議員邱素貞表示，新冠肺炎衝擊台灣經濟，不論旅遊、住宿、餐廳、會展、商圈、夜市及傳統市場等服務業首當其衝，生意幾乎被打趴在地上；她要求市府應儘速提出具體可行紓困方案，幫業者度過難關。王立任指出，市府紓困竟無藝文界這一塊，紓困九箭無藝文的補貼。
台中商圈聯誼會總召陳瑛宗指出，市府應確立「紓困優先」的原則。市府的貸款協助僅限於經過核定的「青創及中小企業貸款」，大多數業者都未能受惠；目前為止「商圈消費折扣券」還沒跟各商圈充分討論，也未能配合中央的紓困預算，效果令人懷疑。
台中市美術園道商圈主委蔡炳輝表示，餐飲業缺乏專責主管機關，更需要市府跨局處的整合；除紓困貸款外，市府應積極輔導餐飲業建立外帶與外送機制，配合居家檢疫等措施，開發新型態的消費模式。
台中市旅館商業同業公會理事長鄭生昌說，市府租稅減免措施限制太多，口惠實不至！應該放寬營業面積縮減與樓層停用的實質認定，讓房屋稅率真的可以調降；並且放寬申請標準，讓房屋稅、使用牌照稅、娛樂稅真的可以分期或延繳。
台中市遊覽車客運商業同業公會理事長張治本認為，中央交通部正在研議遊覽車的牌照稅減半，市府應該加碼，推動牌照稅全免；台中市要繳納牌照稅的遊覽車有2000輛，平均每輛牌照稅7000，中央如果補貼一半，市府可以另外加碼。
旅行業代表林慶強調，疫情期間市府應該利用旅遊淡季的空檔，多方推動旅行業從業人員的踩線團，進行台中觀光環境的整備；市府應該思考如何配合中央的振興抵用券，充分發揮台中特色，在疫情趨緩後刺激經濟。
觀旅局林筱淇、經發局副局長李逸安說，針對農漁會租金部分，予以優惠3到6個月延期繳納，溫泉協會提案部分與水利局協調後，將降低兩成等；如果疫情嚴峻會討論辦理資金貸款部分有協調窗口等，協助業者紓困。
地方稅務局長沈政安強調，分期延繳部分很快會推出！營所稅及營業稅及綜合所得稅全是國稅，暫繳問題向中區國稅局反映，目前有延繳辦法；牌照稅補助是由交通部來發佈。</t>
  </si>
  <si>
    <t>高雄一名69歲的婦人10月15日接種第二劑莫德納後陸續出現紅疹，多次就醫未緩解，20天後主動脈剝離，至今仍在加護病房，家屬不滿醫院未通報不良反應。高雄市衛生局表示，衛生局已於11月8日協助個案通報不良反應系統，個案有高血壓病史，主動脈剝離是否與疫苗有關，待中央認定。
婦人10月15日接種莫德納第2劑後，感覺注射部位紅腫、發燙曾就醫，10月20日身上起紅疹到某診所就醫，10月29日與11月2日各因不適再去醫院，11月4日則感到胸痛、背痛到醫院掛急診，診斷是主動脈剝離，開刀後仍在加護病房觀察。
衛生局表示，個案有高血壓病史，經緊急處置後目前病況穩定，近日可轉普通病房。衛生局11月8日協助個案通報不良反應系統，並提供受害救濟申請資訊給個案家屬，家屬於11月12日已提出申請書，審核文件無誤後，衛生局已將相關資料提報疾病管制署進行後續審議作業，其發生主動脈剝離是否與疫苗有關，待中央認定。疫苗不良事件的通報以透過醫療院所為原則，此個案因涉及多家醫療院所，所以由轄區衛生所接獲民眾要求通報不良事件時，彙整相關醫療院所資訊由衛生局所協助通報。</t>
  </si>
  <si>
    <t>新冠肺炎(COVID-19)爆發至今，全球受衛生危機影響，許多國家實施鎖國政策、要民眾待在家不要出門，而疫情源頭被認為是因為「吃野味」，不過日前越南一處市場，被發現仍持續販售活體野味，現場環境髒亂、蒼蠅四處飛，照片曝光引起爭議。
位於越南隆安省市場(Thanh Hoa Bird Market)，是當地最大的野味市場之一，市場內販售各種烏龜、蛇、老鼠、水獺、兔子還有禽鳥等動物，攤販會現場宰殺並烹煮，還有鳥類被關在鐵籠，腳綑綁在一起、翅膀折斷、眼睛被縫合，放置在微型儲氣瓶裡，以便快速煮熟。
根據外媒報導，目擊者表示現場環境非常糟糕，小小的攤位擠滿各種動物，被宰殺的野味似乎放太久，吸引許多蒼蠅，排水溝丟滿廢棄物，飄出屎味及食物混雜的噁心氣味，一位攤販透露每天早上必須準備70公斤禽鳥，每年售出約8萬隻。
新聞曝光後引起譁然，動物慈善機構擔心這樣的環境恐會導致新的致命危機，呼籲全球停止販售野味，其實不只越南，先前有澳洲節目揭發泰國市場仍有業者無視疫情出售箭豬、蜥蜴、猴子等野味，環境亦相當惡劣。</t>
  </si>
  <si>
    <t>武漢仍因新冠病毒疫情持續封城，為平息武漢民怨，浙江政壇出身的中共中央政法委祕書長陳一新於8日臨危受大陸中央命令南下湖北整治。中央政法委並於近日公開了陳一新與武漢各區一把手的「群聊記錄」，陳一新向武漢官員「約法三章」，要求武漢各區對新冠肺炎感染者「應收盡收」，完成中央交付的任務，否則會對沒完成任務的幹部絕不手軟。
面對當前湖北新冠肺炎感染人數、死亡人數居高不下的局面，陳一新擔任於8日趕赴湖北後，便在與武漢各區區委書記、區長組成的微信工作群裡，披露他已經履新中央指導組副組長。他在群組裡表示：「我是陳一新，又回到你們中間來了。……黨中央決定：我擔任中央指導組副組長，又能與你們一同戰鬥了。回湖北武漢為湖北、武漢人民辦實事、處理急事，這是我的責任。」
實行1小時通報制度
據聊天記錄，陳一新告誡武漢當地官員，全面對重症病患「應收盡收，刻不容緩」，這是中共總書記習近平提出的明確要求，是一道不折不扣要執行到位的命令，是一條底線，是一個軍令狀，沒有討價還價的餘地。
陳一新也「約法三章」、建立責任機制震懾武漢官場：一是實行一小時通報制度。各區每隔一小時要向省市指揮部報告一次進展情況。碰到什麼新問題、難題，都要即時如實彙報。各區對街道也要建立這樣的制度，環環緊扣、步步緊逼，絕不能掉鏈子。
二是領導幹部要下沉包幹、建立靠前指揮機制，市級、區級幹部要與基層幹部並肩作戰；三是建立激勵問責機制。要以結果論英雄，把完成「應收盡收」任務作為考察幹部完成急難險重任務能力、評價幹部政治覺悟和素質的重要依據，對沒有完成任務的，要動真格不手軟，視情依紀依規嚴肅問責。
坐鎮疫情最嚴重區域
1959年出生的陳一新，本為浙江官員出身，2015年由溫州市委書記調任新成立的中央全面深化改革領導小組辦公室專職副主任，並於2016年南下湖北任省委副書記，兼任武漢市委書記。2018年3月再調任中央政法委委員、祕書長。其曾任職過的武漢、溫州，正是目前新冠病毒疫情最嚴重的區域。</t>
  </si>
  <si>
    <t>因伊朗、南韓與義大利疫情急速升高，美國聯邦疾病管制與預防中心（CDC）周二告訴美國民眾，應開始為新型冠狀病毒疫情的境內傳播預做準備。
新冠肺炎將打擊全球成長的擔憂使金融市場陷入劇烈震盪，周二美股爆量重挫，道瓊指數與標普500指數連兩日跌逾3%。
截至周二為止，伊朗的新冠肺炎死亡病例增至16人，成為中國境外確診死亡人數最多的國家。義大利的確診死亡病例達到11人。目前全球約30個國家與地區已經遭到病毒入侵，中國境外的確診死亡病例已經超過40人。
稍早前，瑞士宣布首例確診，南韓則宣布確診人數突破千例，達到1146人。世界衛生組織（WHO）官員表示，伊朗、義大利與南韓的疫情急速惡化，特別令人擔憂。
這個去年年底起源於中國武漢市的傳染病，在中國全境的確診病例數達到77,755例，死亡人數達2,665人，全球確診病例突破8萬人，累計死亡人數超過2,700人，然而WHO卻表示自2月2日起疫情已經持續減緩。
美國CDC官員Nancy Messonnier博士周二表示，過去一周的病毒擴散數據，已經使CDC對於美國境內傳播的預期升高，她並警告「可能嚴重打亂日常生活」。
另一名CDC官員Anne Schuchat博士表示，現在已不再是病毒是否將變成全球大流行的傳染病，而是何時與多少人會遭到感染。</t>
  </si>
  <si>
    <t>過去7個月，雲南瑞麗連續爆發疫情，至今已4度採取封閉嚴管措施，在「長期封城」的影響下，瑞麗的工廠停工、商業停業、貿易停擺，當地人只能默默承受巨大的壓力。有陸媒報道指，當地有居民數月來歷經近百次核酸檢測，一名1歲多的幼兒也已做了74次，檢測和隔離已成為瑞麗人生活的一部分。
瑞麗民眾今年自3月第一波疫情發生後，共發現93例本土確診和25名本土無症狀感染者；7月又出現第二波疫情，所有病例均感染Delta變種病毒，且病例高度集中在邊境一線和外籍人員集聚區。檢測和隔離成為生活一部分，例如當地居民黎女士從4月至今已做了接近60次核酸檢測，密集的時候幾乎每隔兩日就要檢測一次。
另有當地一名翡翠商人表示，其出生於去年1月、現今不到2歲的兒子，今年8月31日至本月29日已完成74次核酸檢測。瑞麗一名網約車司機更表示，7個月以來做了90次核酸檢測，平均兩天做一次，其中很多還是自費檢測。</t>
  </si>
  <si>
    <t xml:space="preserve">繼上周二台灣出現首例出院後復陽案例，指揮中心專家諮詢小組召集人張上淳今再宣布，另外有3名個案出院後又復陽，均是有症狀回診才發現，但他強調病毒到後期基本上不具傳染力，呼籲外界不要將感染者標籤化。
張上淳指出，另外有3名個案，出院以後又出現陽性，但這些檢測基本上介於陰陽之間，目前國內對於新冠肺炎感染者的管理採取高標準，必須要三採陰才可以出院，返家後也必須進行七天的自主健康管理，確保安全。
張上淳說，近期有幾名個案在返家後又被驗出陽性，多屬於病毒量很低的狀況，就算有傳染力也很低，大多也是家庭間的感染，並不容易出現在社區。
張上淳進一步說明，曾對新冠肺炎患者的每個階段進行病毒培養，但發現到後期很難將病毒培養出來，因此目前專家一致認為個案解隔離後都非常安全，並不具傳染給社區的能力，外界不用過度擔心。
張上淳表示，根據韓國的資料顯示，曾有一百多名患者解隔離後回到社區有復陽狀況，但都沒有傳染給社區，因此民眾對於解隔離的患者，不用太感到害怕。
</t>
  </si>
  <si>
    <t>新冠肺炎疫情升溫，全球多地都為了提高防疫層級鼓勵在家工作(work from home, WFH)，讓各地湧現遠距辦公需求，也讓不少線上會議、團隊協作工具成為討論焦點，其中視訊軟體 Zoom 就是其一。然而在大量使用者湧向 Zoom 的同時，這一款軟體的安全性也被放大檢視，結果竟然被發現 Zoom 會自動傳送用戶資料給 Facebook，引爆爭議。對此，Zoom 官方已在官網上提出聲明，並且在近期更新了 iOS 版 App。
Zoom 在 2019 年 7 月份曾爆出爭議，Mac 版軟體被發現安裝 Zoom 時會植入一個隱藏的網路伺服器，且當使用者在 Mac 當中移除 Zoom 後，這個隱藏的網路伺服器仍舊會存在電腦中，讓駭客有機會駭入使用者電腦的視訊鏡頭以及麥克風，對於隱私等領域可能產生危機。在此之後，Zoom 以及蘋果方面都緊急推送了更新來修補軟體漏洞。而近日，Zoom iOS 版又爆發了隱私爭議。
《Motherboard》網站發現，Zoom iOS 版本運用了 Facebook 軟體開發套件(SDK)，來提供使用者可透過 Facebook 帳號來登入 Zoom 的功能。但是這也讓 Zoom iOS 版會向 Facebook 主動發送使用者所在時區、城市、設備訊息等資料，而這些分享資料的過程，並沒有向使用者公開揭露因此再度引爆隱私爭議。對於爆發隱私爭議，Zoom 透過官網聲明，他們並沒有出售使用者的資料，也沒有相關的意圖。並且指出，先前他們並沒有意識到運用 Facebook SDK 時，會讓 iOS 版本的 Zoom 向 Facebook 傳送一些不需要被蒐集的額外資料，例如使用者所在時區、作業系統版本、設備型號、電信商、設備螢幕尺寸等資料。Zoom 指出，與線上會議有關的重要資訊，例如參加者、參與者名稱等資訊，並沒有與 Facebook 方面分享。
為了消彌使用者的疑慮，Zoom 方面已經幾天之前緊急更新了 iOS 版本。更新後將不會再向 Facebook 傳送資訊。在 Zoom 更新後，不再使用 Facebook SDK，但仍舊保留可使用 Facebook 帳號來登入的功能。Zoom 方面指出，台灣時間在 3 月 28 日早上 5:30 (太平洋時間 3 月 27 日下午 2:30)之後，Zoom iOS 版本就已經釋出最新更新，並建議使用者都要更新。
Zoom 的免費版本的視訊會議上線人數為 10 人，新冠肺炎疫情期間免費版上限提高至 100 人，但一次會議的最長連線時間仍是 40 分鐘。Zoom 手機版以及電腦版在進行視訊會議的期間，都可以分享螢幕畫面來進行簡報或是教學，並且發起會議者可以控制與會者進入會議時能否開啟音訊，對於掌握會議品質來說更有效率。</t>
  </si>
  <si>
    <t xml:space="preserve">佳世達(2352)公佈3月合併營收為新台幣145.96億元，較去年同期成長0.9%，較上月成長33.3%，創同期新高。累計2020年1~3月合併營收為新台幣392億元，較去年同期減少1.6%。
佳世達表示，雖有新冠肺炎(Covid-19)衝擊亞洲供應鏈，3月工作天數和到工率陸續恢復，再加上聯合艦隊較去年新增聚碩(6112)、勝品(6556)、羅昇(8374)等夥伴，合併營收較2月增長33%，較去年同期成長近1%，創同期新高，第一季較去年同期則大致持平，略減近2%。
佳世達指出，新冠肺炎(Covid-19)對全球供應鏈和需求面的影響還在持續蔓延，2020年將是營運相當挑戰的一年。目前好消息是：居家上班/上學帶來顯示器、家庭娛樂、虛擬辦公室、各行各業數位轉型、醫院提升防疫物資準備度等新增需求。但國際運動賽事停辦、實體活動縮減、各地股市大跌、民眾減少上醫療院所等仍會衝擊政府投資與民間消費活動。長期佳世達還是看好雲端化、自動化、數位轉型和健康醫療事業等趨勢，也符合佳世達的轉型目標。
</t>
  </si>
  <si>
    <t>雲林縣北港鎮公所與北港朝天宮針對4月香盛期，規畫一系列防制新冠肺炎疫情與登革熱消毒計畫，繼16日白沙屯媽祖到北港進香後，接下來還有彰化南瑤宮進香、北港媽祖遶境，加上天氣逐漸炎熱，為了避免2種疫情同時暴發，有必要全面加強消毒。
今年4月北港朝天宮進入進香團、媽祖聖誕遶境香盛期，加上全中運在雲林吸引許多遊客前來參拜，每逢星期假日人潮聚集，盛況不輸春節假期，為了加強新冠肺炎防制與預防登革熱，北港鎮公所與北港朝天宮展開超前部署。
北港鎮長蕭永義表示，目前國內新冠肺炎疫情雖獲得有效控制，但大家還是不能掉以輕心，因此針對寺廟、公園、游泳池、體育館等公共場所進行定期消毒，對於人潮聚集的朝天宮媽祖廟、武德宮財神廟，更是安排人員加強消毒。
蕭永義說，登革熱流行期約在每年4月，以往公所都是在4月開始消毒，今年提早至3月，主要是配合新冠肺炎的防制，加上北港朝天宮去年取消農曆3月19、20日媽祖遶境活動，今年復辦勢必出現暴炸性人潮，提早消毒可以抑制各種細菌病毒的滋生，讓鎮民與遊客更安心。
朝天宮去年4月由中央流行疫情指揮中心列為「警示景點」，導致人潮銳減，直到6月中央宣布國內解封，人潮才逐漸恢復，今年更因報復性旅遊，每逢星期假日人山人海，由於每年進香人潮達6、700萬人次，外來人口非常多，廟方持續加強防疫。
朝天宮指出，廟方人員除了每天進行各神殿的消毒工作，也在廟前懸掛布條提醒民眾入廟量體溫、戴口罩、保持安全距離，若到福德正神殿、註生娘娘殿參拜撫摸金元寶、金童玉女祈福，一定要用酒精、次氯酸水消毒雙手。</t>
  </si>
  <si>
    <t xml:space="preserve">路透社報導，美國總統川普將於美東時間晚間9點發表全國演說。據白宮消息人士透露，川普可能藉此宣布美國進入「國家級災難」，以便加速籌措對抗疫情所需資金。
路透社引述美政治新聞網站《Politico》，根據《斯塔福德法案》（Stafford Act），政府可釋放400億美金以及時援助。
美國疫情逐漸惡化，截至12日已有1281人確診、36死。雖然川普先前一在宣稱疫情影響有限，但美股不買單，加上最親近的兩名在國會中的盟友都需自主隔離後，讓川普指示行政團隊要準備更亮眼的行動。
根據美國有線電視新聞網（CNN）引述一名白宮資深官員表示，川普9日向他的經濟團隊表示，「我要更重大的行動」，但這也代表先前看輕疫情影響的川普，也承認疫情衝擊美國經濟，需要即刻援助。
報導指出，雖然世界衛生組織秘書長譚德賽（Stafford Act）已宣布新冠病毒「全球大流行」，而川普稍早推文表示，他已完全做好準備動用聯邦政府所有力量，以因應目前我們面臨冠狀病毒的挑戰。
報導也稱，雖然川普政府團隊表示川普已認真看待疫情大流行與其造成的連帶經濟衝擊，但他在公開場合上仍對這場公共衛生危機輕描淡寫，與聯邦衛生官員意見屢次矛盾。
</t>
  </si>
  <si>
    <t xml:space="preserve">先前曾在社群媒體上高調痛批老媽幫川普工作「毀了自己一生」，前白宮顧問凱莉安．康威（Kellyanne Conway）外型亮眼但性格嗆辣的女兒克勞蒂亞（Claudia Conway）4日宣布自己也感染了新冠肺炎，值得注意的是，克勞蒂亞上周才率先爆料母親染疫，外界才得知這項消息，她更爆料在川普確診新冠後，老媽滿屋子咳嗽。
《紐約郵報》（New York Post）報導，前白宮顧問凱莉安．康威的15歲女兒克勞蒂亞4日在個人「TikTok」帳號上宣布確診新冠肺炎，她上傳一段自己浸泡在浴缸裡的短片，內容寫著「現在快因為新冠病毒死掉了」。
值得注意的是，克勞蒂亞2日晚間才在「TikTok」上爆料母親感染新冠肺炎，當天凌晨川普才宣布自己和第一夫人梅蘭妮亞確診，克勞蒂亞上傳影片幾分鐘後，凱莉安．康威才在推特證實自己染疫。
另據英國《太陽報》（The Sun）報導，克勞蒂亞也透露，老媽沒有症狀，但是自己感覺像掉進了「地獄」，「感覺不到任何東西、頭很痛、難以呼吸」，還有發燒、畏寒等症狀。
事實上川普2日宣布確診新冠肺炎當天，克勞蒂亞已經在「TikTok」爆料母親狂咳嗽，而且「滿屋子到處咳」，當晚又更新自己緊緊戴上口罩的新影片，率先出賣老媽確診，更抱怨自己「完了」，兩星期後再來和粉絲們見面。
克勞蒂亞也不改嗆辣、敢言的性格，爆料完老媽確診後，又發布新影片痛罵川普，對於川普染疫、母親染疫相當火大，她說「我氣炸了」，「戴上口罩，不要聽我們白癡總統的蠢話，保護你自己、也保護身邊的人。」
克勞蒂亞因在推特、「TikTok」上的敢言風格屢屢登上新聞版面，成為網友追蹤話題，8月下旬她才在推特控訴母親替川普工作「毀了她一生」，痛罵母親太「自私」，一切只為了名和利，推文發布隔天，凱莉安．康威就宣布辭去白宮顧問一職、回歸家庭。克勞蒂亞是拜登的擁護者，她多次公開砲轟川普是「白癡」。
凱莉安．康威已在8月底辭去白宮顧問一職，不過美國有線電視新聞網（CNN）指出，她最近仍和川普密切接觸，協助川普在辯論會上對戰拜登。凱莉安．康威也有出席9月26在白宮舉行的大法官巴瑞特（Amy Coney Barrett）提名儀式，以及美國總統大選首場辯論會。至今大法官提名儀式上已有多人確診。
</t>
  </si>
  <si>
    <t xml:space="preserve">大聯盟官方10日公布2021年球季賽程，例行賽開季時間設定為(美國時間)4月1日，特別是全聯盟都在同一天開季，這將是1968年以來首見。其實大聯盟2018年就想要全體同步開季，因有些球場下雨而失敗。今年則是毀在新冠疫情。
今年的賽程安排也是史上首見，球隊只對決跟自己同區以及分區相同的跨聯盟球隊。例如美聯東區球隊只會碰到同區或是國聯東區的球隊，以減少球隊移動。本季是收看許多跨聯盟對戰的好機會。
大聯盟預設明年疫情已經結束，球隊排滿162場，回復往年的同聯盟跨區對戰，首日15場只有3場跨聯盟對戰。其中比較倒楣的是光芒客場對戰馬林魚，這兩支票房最差的球隊被安排在開幕戰交手。然而2021年能否如期開季，還得看新冠疫苗的效用與產量，美國佛奇醫生(Anthony Fauci)認為今年之內難以得知結果。
</t>
  </si>
  <si>
    <t>3月陸續將有許多媽祖進香活動，對於是否延期或停辦，引發高度關注。苗栗縣長徐耀昌26日表示，媽祖是慈悲的，不要因為廟會，若萬一有漏洞造成恐慌，得不償失，到時候把責任歸屬於媽祖也不對。
26日徐耀昌指出，防疫是整體的，中央與地方皆有設應變中心，縣府一定尊重中央的想法與看法，媽祖是慈悲的，不要因為參加廟會活動，產生漏洞造成恐慌，不僅得不償失，把責任推給媽祖也是不對。他說，絕對尊重宗教信仰，自己也為媽祖信徒，但要因地制宜，各單位進行防疫工作，以滴水不漏為目標。
徐耀昌表示，廟會造成眾人恐慌，不管流感或是新冠肺炎疫情，都不允許發生任何意外，盼縣內為0確診，持續做好防疫工作，讓苗栗平安順利，迎接未來的健康生活。</t>
  </si>
  <si>
    <t>繼昨(19日)傳出韓國36歲男星文智允驟逝後，又傳出參加《臉贊時代》的32歲男星李治熏（又譯李治訓）也因急性敗血症過世。BJ Seya稍早在直播透露李治熏幾天前就喊不舒服，急診室以控制疫情為由，第一時間拒收，確認不是新冠肺炎才肯讓李治熏住院，但已延誤了黃金治療期。
李治熏11年前參加《直播演藝INSIDE》出道，9年前出演綜藝節目《臉贊時代》、《花美男株式會社》，因某些角度酷似Super Junior成員金希澈走紅。據韓媒報導，昨上午李治熏因急性敗血症離開人世，身邊親友透露，李治熏幾天前就感覺身體不適、發燒，接受新冠肺炎檢測後結果是陰性未感染，但不久後病情就加重轉入加護重症病房，最後仍不幸病逝。
和李治熏是好友的BJ Seya稍早在直播談這件事，難過直呼：「治熏哥真的是非常好的哥哥，不知道老天為什麼要帶走這麼善良的人」，並透露因疫情嚴重，李治熏的媽媽決定不幫兒子辦喪禮，只舉行入殮儀式，而李治熏在13日就曾在直播中寫下因淋巴腺發炎看了醫生，今天還是感覺不舒服，希望不是新冠肺炎，因拿滑鼠的力氣都沒有，只能用文字這樣通知大家。</t>
  </si>
  <si>
    <t>國內新冠肺炎患者陸續康復出院，但近期卻出現了出院後又復陽的4名案例。醫師表示，新冠肺炎確診者出院後，病毒量已相當低，因家屬是患者長時間接觸的人，在出院後的7天自主管理期間，應避免過度接觸，若沒有獨立的衛浴設備供出院者使用，每次用完就要消毒一次。
根據疫情指揮中心規定，新冠肺炎確診者經隔離治療後，若三次採檢都為陰性，可解除隔離、出院，並在出院後進行為期7天的自主健康管理。截至昨日，國內共累計440人確診，其中355人解除隔離，確診個案陸續出院中。
振興醫院感染科主任李明政表示，檢驗陰性又復陽者因屬於病情後期，傳染力不高，但不敢說100%沒有傳染風險，因病毒量已相當低，基本的聊天行為應不致於造成他人染疫，出院初期仍應留意防疫措施。
李明政表示，新冠肺炎患者出院後，先接觸的是自己的家人，為避免家人染疫，7天的自主健康管理期間不應與家人過度接觸。患者出院前，家人應準備好獨立的房間、衛浴設備。若沒有單獨的衛浴設備可用，出院個案每次用完洗手間就要消毒一次。
李明政也提醒民眾，出院個案與家人說話時應配戴口罩，保持好社交距離，並避免與他人共食。若需外出，也務必配戴口罩。若有疑似症狀，如腹瀉、呼吸道症狀等再度出現，應儘速就醫。待7日自主健康管理結束，基本上就可安心，不必過度擔心是否會傳染他人。</t>
  </si>
  <si>
    <t xml:space="preserve">義大利新冠肺炎疫情已近乎失控狀態，日前確診病例被伊朗超越後，8日報告單日新增1247例，累計已達5883例，再度超越伊朗的5823例。該國聯合執政的民主黨黨魁津加雷蒂(Nicola Zingaretti)亦在臉書發表視頻表示，他已被檢測出感染新型冠狀病毒，正在家自我隔離。
據《海外網》報導，義大利政府8日發佈疫情統計資料顯示，該國新型冠狀病毒肺炎確診病例已由4636例上升至5883例，單日新增1247例。死亡病例則從197例上升至233例。這是義大利確診病例數日前被伊朗超越後，又再度追上伊朗，兩國疫情幾乎成拉鋸狀態。
另據《環球網》報導說，義大利聯合執政的民主黨主席津加雷蒂當地時間週六在臉書發表視頻表示，他已被檢測出新型冠狀病毒呈陽性，目前正在家中自我隔離，最近幾天與他接觸的所有人都在接受檢測，自己目前狀態還不錯。他呼籲民眾不要慌張，要積極對抗疫情，並表示自己在這個時刻會努力樹立一個好榜樣，遵守防疫規定。
義大利總理孔蒂 (Giuseppe Conte)日前宣佈，政府將撥款75億歐元(合台幣2565億)用於支援全國家庭以及企業應對疫情帶來的緊急狀況。孔蒂強調，「整個國家必須團結一致對抗病毒，否則我們將很難戰勝這場危機。」
意大利衛生部則要求醫療機構加快釋放重症監護病床，增加醫護人員力量。民防部門則建立起醫療救援行動指揮中心，協調病患轉運。義大利國防部則提供2200個房間、6600個床位用於隔離觀察。
義大利國家衛生研究所傳染病部門負責人喬瓦尼．雷札曾說，預計未來一段時間確診病例數還會以較高速度增長，目前正在研究擴大「紅區」(封閉區域)範圍的可行性，顯示近期義大利有可能封閉隔離更多的城鎮。
據報導，義大利是受新冠病毒肆虐最嚴重的歐洲國家，義大利政府本周已下令關閉學校、大學、電影院和劇院等公共場所，並在疫情最嚴重的地區實施封閉隔離政策，完全禁止區內民眾離開隔離區，以遏制新型冠狀病毒的傳播。
</t>
  </si>
  <si>
    <t>新竹縣22日新增一個確診個案，為竹東某長照機構的長期住民，在經歷第5次採檢後確診，新竹縣長楊文科表示，竹東鎮2機構自有人確診後，採取2天採檢一次。另外，新竹縣的孕婦即日起可於東元綜合醫院、中國醫藥大學新竹附設醫院、臺大新竹分院生醫院區、天主教仁慈醫院、台北榮總新竹分院共5家醫院，預約接種疫苗，以莫德納為優先。
楊文科表示，新增確診個案為案14226，為80多歲女性，由於長期住在常照機構，並無公開活動足跡，接觸者也不重複匡列。該案在第5次採檢時為陽性確診，收至於醫院治療。
原先確診者的接觸者居家隔離至6月23日，期間2天採檢一次，其中此機構原有68人，已有22人確診，將近3分之1人，楊文科表示，後續會再加強採檢，想盡辦法撲滅病毒。
新竹縣至22日止，已有79人確診、45人住院中、31人出院，另外有3人過世，死因還在釐清。楊文科表示，在企業快篩部分，三陽工業完成2230人快篩，其中300多人為移工，落實企業篩檢。
楊文科也表示，孕婦會優先施打疫苗，縣內約有3382名孕婦，皆為優先施打對象，衛生局長殷東成也補充，可和醫師討論後再施打，即日起即可於5大醫院預約，須準備孕婦健康手冊、健保卡。
另外，新竹縣目前已經開放75歲以上長輩接種疫苗，不過受到猝死案影響，6月20日僅129人接種，21日「打」氣回升，有475人接種。
殷東成也補充，近日並未接獲疫苗接種後反應不良案件，不過21日有一名90多歲老翁不幸過世，他先前曾接種疫苗，但家屬也特別指出，這名老翁在疫苗接種前、後均有跌倒，因此不會申請預防接種的藥害救濟，但會申請縣民意外保險理賠。
另外，22日下午也傳出湖口鄉一名29歲女子，在接種疫苗後10分鐘後，出現意識模糊的狀況，不過在上救護車後已經恢復清醒，該名女子也對救護人員說，先前打針有曾經發生過暈針的狀況，也送往醫院治療。</t>
  </si>
  <si>
    <t>歐陸44國全數被新冠肺炎疫情「入侵」，金管會統計，到今年1月底，國內銀行、保險及證券對歐洲曝險金額達新台幣4兆9,190億元，比去年1月增加2,118億元。
據銀行局統計，國銀在歐洲共有十處據點，國銀對歐洲授信金額到今年1月有2,892億元，去年同期則是2,524億元，即授信仍有成長；另外銀行對歐洲投資金額有6,368億元，也比去年同期5,807億元增加。
保險業對歐洲主要是投資股債、不動產等，據保險局統計，到今年1月底，保險業對歐洲投資金額達新台幣3兆9,060億元，比去年同期的3兆8,186億元，增加874億元，估計歐洲投資約占保險業海外投資的兩成左右。
至於證券業對歐洲投資金額，據證期局統計，到1月底有新台幣869.85億元，也比去年同期的新台幣555億元增加，增幅近57％。
美國依舊是金融業海外最大的曝險地，這波也被新冠肺炎波及，金融業到今年1月對美國曝險金額共新台幣8兆1,275億元。其中主要還是保險業的投資，曝險額共新台幣6兆7,256億元，較去年同期增加3,752億元，主因美國債券是壽險業最大海外投資標的，若美國資本市場波動，壽險業會受較大影響。
銀行業對美國曝險金額亦有新台幣1兆2,792億元，比去年同期增加1,284億元，但銀行對美國相關授信金額是3,855億元，比去年同期減少457億元，增加的也是投資面，曝險金額8,937億元，較去年同期大增1,741億元，主要是不少銀行趁債市多頭，加碼不少美元債券。
證券業對美國曝險新台幣1,226.97億元，較去年同期的649.22億元，增加近89％。</t>
  </si>
  <si>
    <t xml:space="preserve">美網女雙頭號種子茉蘭登諾維奇(Kristina Mladenovic)、芭波絲(Timea Babos)的組合因為新冠肺炎疫情而遭「淘汰」。開賽幾個小時之前茉蘭登諾維奇才接到隔離通知，她是法國同胞帕爾雷(Benoit Paire)的7位接觸者之一，帕爾雷賽前被驗出感染新冠病毒。
這個裁定令人傻眼，茉蘭登諾維奇先前還被允許參加單打，她在第二輪敗戰的時候就抱怨過防疫措施太嚴格，現在她連雙打也泡湯了。茉蘭登諾維奇曾與帕爾雷練球1小時，後來在飯店有相處40分鐘。倒楣的是匈牙利女將芭波絲，她因為失去雙打搭檔也被迫退賽。
美國網協聲明：「拿索郡(Nassau County)的公衛部門向長時間、近距離接觸感染者的人發出隔離通知，禁止這些選手再接近比莉珍金網球中心(美網賽場)。美國網協必須遵從州政府、市政府、郡政府的指示。受到隔離的人期限內只能留在自己的飯店房間。」
正如喬柯維奇(Novak Djokovic)所抱怨的，美網防疫關卡重重，紐約市政府、州政府相繼介入，這次是輪到拿索郡發出公告把茉蘭登諾維奇關在房間，既然是地方政府的命令，美國網協也無可奈何，因為選手就住在拿索郡。
</t>
  </si>
  <si>
    <t>中央流行疫情指揮中心今(9)日表示，考量國內疫情趨於穩定及參酌其他國家之防疫措施調整經驗，經與相關單位溝通討論及評估後，宣布自8月10日至8月23日維持疫情警戒標準為第二級。
中央流行疫情指揮中心副指揮官陳宗彥表示，戶外場域包含內政部所屬國家公園、交通部所屬國家風景區、農委會所屬森林遊樂區等有稍微調整，上次放寬時並未開放生態國家公園裡的生態保護區、森林內的自然保護區及保留區，這次將會開放，高山營地要求一人一帳，或是同住家人住在同個帳篷，帳篷間也要維持社交距離。
二級警戒相關規定如下：
一、通案性原則：
1. 除飲食外，外出全程佩戴口罩。
2. 實聯制、保持社交安全距離。
3. 營業場所及公共場域人流控管或總量管制：室內空間至少1.5米/人(2.25平方米/人)，室外空間至少1米/人(1平方米/人)。
4. 集會活動人數上限：室內50人，室外100人，若超額則提防疫計畫。
5. 餐飲內用原則依照衛福部規定處理。
6. 婚宴、公祭可開放：
(1) 公祭遵守內政部相關防疫規定處理。
(2) 婚宴遵守每一隔間室內50人、室外100人上限，並遵守餐飲指引不得逐桌敬酒。
7. 超商由工作人員服務可販售茶葉蛋、關東煮等熱食。
8. 符合主管機關防疫管理得開放：社區大學、樂齡學習中心、社區照顧關懷據點、親子館、桌遊場所(限一般零售交易)、游泳池、職業訓練等。
二、仍須關閉之場所：
1.歌廳、舞廳、夜總會、俱樂部、酒家、酒吧、酒店(廊)、錄影節目帶播映場所(MTV)、視聽歌唱場所(KTV)、理容院(觀光理髮、視聽理容)。
2.遊藝場所、電子遊戲場、資訊休閒場所、休閒麻將館及其他類似場所。
3.Ｋ書中心。
指揮中心說明，目前國內疫情已在可控範圍，為兼顧防疫與民眾的生活品質，未來將持續觀察疫情態勢，循序漸進，適度放寬管制措施；面對病毒變異株的威脅，將持續強化邊境監測及防疫作為，阻絕病毒於境外；此外也積極提升疫苗涵蓋率，讓民眾獲得保護力。指揮中心提醒，防疫不可鬆懈，籲請民眾維持個人防疫好習慣，戴口罩、勤洗手、保持社交距離，才能降低病毒傳播風險，共同維護國內社區安全。</t>
  </si>
  <si>
    <t xml:space="preserve">新冠肺炎疫情延燒，民眾對加工食品需求上升，搶購民生物資風潮出現，宅經濟題材熱燒，食品族群今日由統一(1216)大漲8%領軍衝鋒，搭上台股大漲列車，佳格(1227)緊跟在後漲幅高達7.8%，多頭士氣如虹，興泰(1235)、中華食(4205)、鮮活-KY(1256)等紛紛上漲，帶動上市食品指數漲幅高達6.4%，表現十分強悍。
受到疫情影響，各行各業的營運都受到波及，不過全台病例不斷增加下，民眾風險意識提高，出現搶購人潮囤物資，也順勢拉動民生物資銷售業績，對食品業者來說算是一個好消息，但民眾大幅減少餐廳外食，也會連帶影響油脂、雞、豬等的市場需求，究竟業績會如何表現還需要觀察。
統一今日以65.7元開出，股價越走越高，盤中一度衝至68元，大漲8%以上，擔任食品領頭羊的角色。統一大陸工廠正常營運，近期兩岸民眾皆擔心疫情延燒，泡麵等民生物資增加買進數量，今年統一中控業績受到看好，另外，由於外食人數減少，統一的子公司統一超鮮食銷售增加，有利對母公司統一的獲利挹注。
</t>
  </si>
  <si>
    <t xml:space="preserve">刑事局偵查第一大隊日前接獲衛福部通報，PTT網站有人張貼「新冠肺炎已經定名為SARI」的不實訊息案，警方立刻展開偵辦，循線查出PTT網站用戶、39歲郭姓男子真實身分，發現郭嫌係接獲友人傳送上述疫情訊息後，未經詳實查證即製作編輯該疫情訊息張貼於PTT網站，造成民眾恐慌及徒增防疫工作之查證，詢後依違反社會秩序維護法送辦。
警方再次呼籲，流行疫情或防治措施等相關資訊，都將由中央流行疫情指揮中心統一對外公布，製造或轉傳有關新冠肺炎未經證實確診疫情的任何訊息，將造成民眾恐慌，嚴重影響社會安寧。
檢警將加強查緝散播未經證實或來源不明之疫情訊息及不符合正確的防疫資訊，民眾切勿隨意散播或轉傳。正確疫情相關資訊可上疾病管制署網站查詢最新公告內容，亦可加入疾病管制署LINE官方帳號「疾管家」，掌握最新的防疫資訊，全民共同防禦新冠肺炎。
</t>
  </si>
  <si>
    <t xml:space="preserve">台中今傳出首例施打高端疫苗後死亡的個案，中央流行疫情指揮中心今天證實，此個案為先前就已通報的案件，是一名四十一歲的男性，本身有高血壓、糖尿病、甲狀腺亢進病史，9月6日死亡後已進行解剖，但詳細結果不方便公布。
指揮中心發言人莊人祥表示，該名台中男是在8月24日接種高端，接種後出現心跳忽快忽慢、心悸等心臟不適症狀，8月26日、28日、30日曾到急診就醫，照X光發現有肺浸潤，心電圖也顯示有竇性心搏過速，經注射點滴後又返家休息。
莊人祥說，個案9月5日沒有出現異狀，但9月6日卻被家人發現叫不醒，確定死亡，當天已經司法相驗完成解剖，但結果還不便對外公布。
根據指揮中心提供的每周疫苗安全性監測，我國目前共有235人在接種疫苗後死於心臟相關疾病，但是卻沒有高端疫苗的單獨性資料。莊人祥表示，目前只有不分廠牌的整體性資料，沒有單獨為高端疫苗進行相關死亡個案的統計分析。
</t>
  </si>
  <si>
    <t>去年此時我曾寫過一篇文章〈一月的啜泣〉，當時新冠肺炎剛起，中國疫情大爆發，小年夜武漢封城，接著是廣東、溫州都成重災區，每天感染和死亡人數都增加3成以上，搶口罩已成日常。那時還不知是否會蔓延世界，而今世界已染疫9230萬人，是台灣的4倍人口，死亡近200萬人，兩者仍快速增加中。
2021年應該是個康復年，不管個人、家庭、國家，生活都應該是個節制年。表面上節制和現代價值觀（強調生命力一夕用盡，只要我喜歡等）脫節，其實中外智慧都看重節制。古希臘城邦鑒於權力容易使人腐化，因此提倡4種美德：智慧、勇敢、正義、節制，其中「節制」是平衡其他3項美德的重要特質。中國文化裡也強調節制，不走極端，中庸之道天下之大本也。孟子說：「人之情無節則流，故長幼貴賤莫不為之節制。」
為什麼要節制？世局今年可能更急速崩壞，世界目睹今年1月示威者長驅直入美國國會，造成5死悲劇，中國控制了8個月的疫情又再起，台灣疫情算是控制得宜，但蔡政府對萊豬進口及眾多政策的一意孤行，比政黨輪替前國民黨的專制過之而無不及。
近來唯一的好消息是疫苗發展成功，美國已有900萬人注射第1劑，65歲以上的人這個月也可逐步施打，預計7月可以達到2億人注射的目標。但兩劑疫苗最好保護力要達到90%。
2021年雖然展現希望，但是仍然必須謹慎應付病毒，乃至政治、社會、經濟各種局面。首先，縱使打完疫苗，仍然不能掉以輕心，要戴口罩、保持社交距離，綜合專家估計，如果疫苗注射一切順利，世界秩序也要到明年底才能恢復正常。
全世界仍在隔離中，很多國家還加強了防疫措施，最新美國還大力加強措施，從1月26日起，所有入境美國的航空旅客，都必須提出新冠肺炎檢測陰性的證明。入境3天到5天內再檢查一次，再實施5天的隔離。因此到國外旅行也是危機重重。
去年，股票市場飛漲，但實際經濟表現卻是負數，最主要原因仍是各國為了紓困大撒鈔票，全球去年投入約18兆美元救經濟，幾乎等於美國全年GDP總額，因此股票市場今年終將大幅調整，此時投資者應該保守，切勿追高。又因為貨幣寬鬆，今年通貨膨脹率必然升高，所以消費者也不要急著報復性消費，非必需品可以延到明後年買都可以，應要加強儲蓄。
世界經濟還有個危機，是去年很多原本應該中立公平的機構紛紛跳下去救災，如美國聯準會和各國中央銀行應該是獨立機構，不能聽命總統及任何人，以確保公正性，但這些機構如被美國股市挾持，他們不單買公債、ETF（指數型基金），還買個人及企業債，購買的標的是哪些企業？購進準則是什麼？是否有公正機構評估都不能公開，這些地雷將來都會一一被引爆。
兩岸關係更需要兩岸領導人節制，大陸應減少派戰機騷擾台灣，蔡政府也應謹慎發言，訂定對陸友善政策，辣台妹形象只能用在選舉一時，不能長期使用。</t>
  </si>
  <si>
    <t>IC通路商文曄（3036）2019年全年淨利25.3億元，每股盈餘（EPS）4.32元，董事會通過盈餘分配案，預計提撥現金股利16.45億元，若以目前在外流通普通股數計算，每股現金股利2.78元，亦改寫四年來新高，若以14日收盤價38.25元計算，初估現金殖利率逾7％。
文曄2月15日召開董事會，通過109年度股東常會議案，預計於3月27日開股東常會，而會中除了盈餘分配案之外，將新增一名獨立董事，同時也計畫辦理私募1.7億股，是否為稀釋大聯大股權，引發市場聯想空間。
為提升營運績效及擴大營運規模，文曄擬辦理私募特別股與普通股，藉以引進長期策略投資人，對象需符合可協助強化公司客戶結構、產品組合及市場行銷能力條件，而目前尚無任何特定對象。
此外，為充實營運資金、償還銀行借款、改善財務結構，也擬辦理現金增資，同時私募和現增合計不超過1.7億股。增資案需經股東常會通過，將依營運需求決定是否發行、發行時間點及實際金額數量。
值得一提的是，目前IC通路龍頭大聯大持有文曄約1.77億股，持股比重三成左右。文曄擬私募和現增約1.7億股，假設順利達成目標，大聯大持股比重將降至兩成三，因此，有市場專家解讀，文曄此舉所為稀釋大聯大股權，以強化公司股東結構。對此大聯大不表示意見。
再者，文曄為提升公司治理，董事會新增一席獨董候選人丁克華，其不僅在政治大學EMBA開授公司治理課程，亦曾任證期會、集保公司、櫃買中心董事長與金管會主委，現任台灣高鐵與華安醫學獨董，目前資格條件已經董事會審查，將提請股東常會選任。
近期新冠肺炎肆虐全球，文曄認為，疫情或將加速供應鏈轉移與分散的趨勢，IC通路業的重要性不言而喻，尤其5G和人工智慧（AI）將帶動半導體中長期龐大商機，此番新增獨董、辦理私募及現增等，是為創造長期股東利益最大化。</t>
  </si>
  <si>
    <t>經過一個多月的抗疫，大陸28日本土病例「零新增」，新增的33例病例均為境外輸入病例。目前大陸僅剩1地為高風險地區，另有17個中風險地區。
據大陸國家衛健委通報，大陸28日新增境外輸入病例包括雲南17例、上海5例、天津4例、廣東3例、江蘇2例、福建和四川各1例；另新增20名無症狀感染者，均為境外輸入。目前大陸有1259名患者留院治療，其中9人為重症病例。
前陣子疫情嚴峻的河南省商丘市虞城縣人民醫院東院區、虞城縣谷熟鎮劉大莊村委何莊村，自29日凌晨開始，疫情風險等級由高風險地區調整為中風險地區。
據微信公眾號「雲南發布」消息，雲南省委副書記、省長王予波27日至28日，率隊到近日再出現本土疫情的雲南瑞麗市，檢查疫情處置工作，並強調，必須兌現「迅速清零，且不講條件不講價錢」。據統計，瑞麗市25日新增3例本土病例、27日新增1例本土病例。
而大陸本輪疫情的爆發源頭南京祿口機場，日前經江蘇省政府同意，南京市疫情聯防聯控指揮部成立「祿口機場地區新冠肺炎疫情聯防聯控指揮部」，受南京市疫情防控指揮部統一領導。江蘇省委常委、南京市委書記韓立明表示，回顧此次疫情的發生和處置，無論經驗和教訓都告訴大家，必須發現早、處置快，需「以快制快」，做到一旦出現從0到1的零星散發病例，也能杜絕從1到100的擴散。
此外，28日晚間，中國紅十字會向泰國紅十字會援助的10萬劑大陸國藥疫苗運抵泰國首都曼谷。中國紅十字會稱，新冠肺炎疫情發生以來，中泰兩國共克時艱、守望相助，此次向泰國援助的疫苗將支持泰國有效展開疫情防控、維護泰國人民生命健康安全，並表示希望通過提供疫苗援助，不斷為全球團結協作戰勝疫情作出新貢獻。</t>
  </si>
  <si>
    <t>受新冠肺炎肆虐導致全球能源消費銳減，加上沙烏地阿拉伯與俄羅斯為爭奪市占、大舉向市場傾銷石油，北美石油生產商在苦無買家下被迫關閉油井。
面臨取消的訂單不斷增加，美國石油業者Texland Petroleum最近決定關閉旗下1,211口油井，為5月的停產行動預做準備。
位於德州、每日產能為7千桶的Texland總裁魏克思（Jim Wilkes）表示，他們過去從未做過這樣決定。自1973年來曾多次度過石油危機的該公司表示，「即使價格很低，我們總有辦法賣出石油。」
但如Texland卻撐不下去了！由於開採的石油找不到任何買家，導致關閉油井已成為它惟一的選擇。該公司目前除了把該決定告知主管機關，還向美國中小企業局的薪資保護計劃申請貸款，以確保73名員工不被裁員。
從西德州西部沙漠到加拿大西部荒野，這些地區以往是北美的石油開採的心臟地帶。如今卻因新冠肺炎影響，導致全球能源需求大幅下滑，此時又遭遇沙俄為搶奪市場相繼增產，導致北美石油開採業者陷入存亡關頭。
隨著工廠關閉、飛機停飛與數十億民眾居家避疫，分析師預期石油消費每日至少減少2千萬桶，約占全球需求兩成。
美國能源署指出，4月初美國石油消費下滑兩成到30年低點。該期間時油庫存增加則創下有史來最大單周紀錄。
在生存處境日益艱難下，減產成為美國石油業者被迫採取的措施。據貝克休斯油田服務公司統計，美國開採油井數目已從一個月前的近8百座減至6百座。</t>
  </si>
  <si>
    <t>新加坡商克雷多生醫（Credo Diagnostics Biomedical Pte. Ltd）專注於傳染性疾病定點照護檢測方案，在新冠肺炎疫情爆發兩個月內完成克雷多微特COVID-19檢驗試劑（VitaPCR SARS-CoV-2 Assay）研發，子公司「泉創生醫」位於新北市汐止區，為主要生產製造基地。
克雷多生醫副總高章琦表示：「定點檢測對於防堵COVID-19疫情擴散意義重大，目前實驗室的核酸檢測系統普遍最快六小時能產出結果，克雷多微特PCR分析儀（VitaPCR Instrument）僅需20分鐘即可完成，大幅減少等待的時間。」
高章琦說，集團成立的宗旨是希望將先進的醫療科技大眾化，至今布建到全球各地的機器超過5千台，試劑售出有數百萬劑。
克雷多生醫針對流感推出第一個產品不久，新冠肺炎疫情即爆發。在王泉仁董事長的召集下，公司團隊迅速研發出全新產品。
克雷多微特PCR分析儀快速、準確、輕便，檢測套組內含具滅活病毒的樣本保存裂解液，可室溫保存的PCR反應試劑及系統包含資料管理功能…等，超高CP值獲得業界高度肯定。
高章琦認為，一路走來，團隊付出極大的努力，品牌的成功絕非偶然。該集團秉持助人為本的初衷，於今年5月台灣疫情爆發時，與善心人士合作，捐贈慈濟醫院、桃園地區醫院等共約2,000劑以上的試劑。
克雷多生醫於今年上半年完成產能擴張，目前以發展歐洲市場為主，美國FDA認證規劃中，也計畫探索日本、台灣、中國和中南美市場。據悉未來將持續聚焦傳染性疾病檢測方案，導入多種標的，增加產品面向，並透過佈建更多機台到世界各地，強化品牌認知。</t>
  </si>
  <si>
    <t>台積電、鴻海及慈濟近日完成購買BNT疫苗，傳出最近就會進貨，中央流行疫情指揮中心指揮官陳時中表示，（BNT）疫苗很有可能會來，但時間與劑量還不明確，疫苗是很多人的努力，無論是民間或政府等努力，大家都全力協助進展順利。
陳時中強調，藥物、疫苗都有複雜的程序，需要一步一步完成，雖然說有既定時程在，但還是要一步一步完成。
另陳時中表示，第七輪疫苗打AZ的可能性相對的高，但詳情還是要看這幾天疫苗到貨的情況。
陳時中表示，現在疫苗確實到貨的會比較多，多的時候，到底要保留多少比例打第一劑和第二劑，我們也在精算，要和未來到貨的時間能夠匹配。媒體追問近期將到貨的疫苗廠牌為何，他僅表示「要進來的廠牌，都是我們現在有簽約的廠牌」。
有安親班老師反映，快要開學了但仍沒有疫苗可打，陳時中表示，我想每一個行業都有重要性，當然現在一到十類對象已經安排相當程度的接種，接下來目標是往年齡層來開放。
陳時中說，青年人活動力強，而且是社會的主要生產力，他們也需要保護，目標是往年齡層盡量往下延伸，是我們現在的主要目標，但不排除因為疫情關係有一些風險的族群，會加強第一劑或第二劑的施打。
他也提醒已接種第一劑、正在等待第二劑的民眾，請盡快到公費疫苗預約平台登記；至於第一線醫護人員混打，目前則採取造冊方式。</t>
  </si>
  <si>
    <t>BNT疫苗最快9月登台，國內施打疫苗年齡可望降至12歲，產險公司超前部署，多家產險公司陸續下修疫苗險投保年齡，國泰、和泰、新安東京海上產險等，抱持防疫不設限態度，已進一步取消投保年齡下限，不論學生、嬰幼兒身分，現在都買得到疫險。
據金管會統計，廣義防疫險（含疫苗險）投保率已突破4成，但保單設計初期配合施打年齡的關係，投保年齡多限制20至75歲；新安東京海上產險副總呂文泉表示，新冠肺炎有流感化的趨勢，隨疫苗不斷進化，未來小孩、老人都得優先施打。
疫苗險保費平易近人，保費多只要100、200元，旺旺友聯產險針對小資族，推出年保費只要81元的疫苗險。
既然保費便宜，和泰產險個人保險處顏思齊副總經理表示，最好一次滿足各年齡層，搞定全家老小的保障，和泰產險不僅取消疫苗險的投保年齡下限，也同步提高投保年齡上限至85歲，即開放為0歲至85歲皆可投保疫苗險。
由於疫苗險一年一保，由於疫苗施打採預約制，旺旺友聯產險建議，待疫苗確定施打日期的前2、3天，自行上網投保即可，由於投保手續簡單，隔日保單就生效。</t>
  </si>
  <si>
    <t>受到油價崩跌，流動性風險以及新冠肺炎疫情於歐美地區快速蔓延的影響，3月份中國滬深300以及創業板指數均下跌9％～12％，且基於海外疫情以及流動性風險影響歐美地區經濟成長率，中國股市以內需如民生消費以及基礎建設相關的板塊表現較佳。
流動性風險方面，3月以來因為油價崩跌以及新冠肺炎疫情，市場波動性加大，對沖基金股債雙賣，導致金融市場的波動，促使美國聯準會（FED）降息以及3月23日一口氣公布如針對貨幣市場的貨幣市場基金（MMF），針對企業債券以及貸款的初級市場企業信用機制（PMCCF）、次級市場企業信用機制（SMCCF）等，提供市場充裕流動性。
但是若觀察TED利差的變化趨勢，雖然於3月23日聯準會無上限QE政策推出後，TED利差不再大幅擴大，但是3月27日後半周又呈現擴大趨勢，顯示雖有政策支持，但是後續流動性風險還需要持續觀察。
其次，新冠肺炎疫情方面，歐美國家多數於3月10日開始實施較為嚴格的管控措施，可以看到義大利約於3月20日新增確診高峰1萬後，近期約維持每天新增6,000病例的水準。美國如紐約或是加州採取嚴厲的管制措施，約晚歐洲國家1～2周時間，依此推算，這些區域可望於4月上旬達到新增確診高峰。但是還需要留意美國其他如密西根或是紐澤西等地的感染速度。另外發展中國家如巴西或是印度，醫療資源相對缺乏，目前處於疫情傳染初期，後續發展也是值得注意。
值此之際，市場的好消息難能可貴，中國在瑞德西韋（Remdesivir）藥物的臨床可望於4月解盲，根據同情用藥資料顯示，初步效果良好。而新冠肺炎疫苗3月已經有Moderna以及中國軍醫院腺病毒團隊進行一期實驗，由於該中國團隊過去曾經運用腺病毒開發出埃博拉疫苗，技術相對成熟，預估六個月後完成一期臨床，後續若進度良好，可望對於預防新冠肺炎有比較大的幫助。
觀察新冠疫情對於經濟的衝擊，中國截止3月29日為止復工進度已經達到84％，3月份PMI也重回50。根據中國券商估算，因為受到新冠肺炎停工影響，第一季GDP成長率可能衰退8％～9％，但是因為3月27日中共中央政治局會議提出特別國債以及適度提高赤字率的想法，預估2020年中國基礎建設投資成長率可望超過10％，於後續幾季對沖新冠肺炎以及海外經濟衰退對於中國影響性。
綜合上述，短期海外疫情雖歐美新增確診陸續見到高峰，但是因為歐美醫療資源相對齊備，若傳播到醫療資源薄弱的新興市場地區，於疫苗尚未上市的前提下，新冠肺炎對於全球經濟的影響性還無法確認，因此第二季整體市場還是處於盤整階段，且資金偏好內需營收比重較高的產業如食品飲料，或是與基礎建設相關的產業。</t>
  </si>
  <si>
    <t xml:space="preserve">
新冠肺炎從大陸武漢爆發後重創歐洲，科學家對於新冠肺炎病毒陸續有了更多的發現，根據英國研究顯示，有76.5%的重症患者體重過胖，警告2/3的英國人都屬於新冠肺炎的高風險群！
根據英國「威廉李德商業媒體集團」旗下的《美食導航者》（Food Navigator）報導，英國保健署（National Health Service，NHS）19日的統計顯示，在196名確診新冠肺炎的重症患者中，有57名女性、139名男性，平均年齡64歲，其中已確認23名患者在染病前，日常生活需要他人給予某種程度上的協助，155名可以完全自理生活。
在196例的患者當中，有56例的身體質量指數(BMI)，為25到39.9，58例BMI指數為30到39.9，13例BMI指數為40以上，佔所有重症患者的64%。按照英國NHS公布的BMI標準，BMI18.5到24.9是健康體重，25到29.9代表超重，30到39.9代表肥胖，40以上代表嚴重肥胖。
研究顯示，肥胖代表病患可能面臨嚴重併發症，且身體會提高免疫力抵抗相關炎症，結果反而沒有餘力對抗病毒，同時肺部無法舒張、吸入氧氣，因此肺部的狀況往往會迅速惡化；此外，由於BMI值超過40的重度肥胖者，多數也同時罹患了嚴重的肥胖肺換氣不足綜合症，睡覺時肺部換氣不足，甚至有阻塞性睡眠呼吸暫停、平時呼吸困難等症狀，染疫後病情將更加嚴重。包括美國心臟病學會專家也一致認為，冠狀動脈疾病患者對於「病毒性呼吸道感染症」的急性發作或重症發作的風險都會增加。
</t>
  </si>
  <si>
    <t xml:space="preserve">
中央流行疫情指揮中心今(29)日表示，針對昨(28)日公布之案33，衛生單位進一步調查其日本旅遊期間(17至22日)之行程，其中2月17日於富山縣高山，18日於岐阜縣高鷲滑雪公園，19日於富山縣並搭乘JR雷鳥特急號(金澤至大阪)，20日於大阪環球影城，21日及22日於大阪市區。目前已掌握個案之同團旅客、同住友人及職場接觸者共67人，其中3人有症狀已住院隔離採檢，其餘將進行14天居家隔離並陸續安排採檢。
指揮中心統計，昨(28)日國內新增11例嚴重特殊傳染性肺炎通報個案，目前累計通報2105個案，包含今日新增確診的5名確診39例、2050名排除，餘隔離檢驗中。
指揮中心指揮官神中表示，目前確診個案中，1名死亡、9名出院、其餘個案持續住院中，針對案27群聚事件，截至目前已掌握接觸者816人，並採檢182人，其中案28至32等5人呈陽性、171人陰性，其餘檢驗中。另鑽石公主號19名返台國人，持續於集中檢疫所密切觀察健康情形。</t>
  </si>
  <si>
    <t>疫苗預約系統有漏洞！一名男網友已經打完2劑疫苗，但還是可以登記疫苗接種意願，這樣的狀況讓他忍不住吐槽，貼文引起網友熱議，不少人狠酸原PO，讓他委屈直呼，身為工程師看到系統漏洞點出來說，結果被酸爆，國家真的病了，系統本是為了降低人力負擔而存在，所以理應排除不符資格者，現在無差別接受所有的輸入，再人工篩掉不合資格者，這樣豈不是脫褲子放屁？
一名男網友昨天在Dcard上發文表示，他已經打完兩劑AZ疫苗了，剛剛朋友傳訊息來說「18歲以上的民眾」也可以登記疫苗施打意願，讓他非常好奇，忍不住點進去系統看後，便再也擋不住心中調皮的想法「那我是不是也可以登記到嗎？」
男網友表示，實際進入系統驗證身分後，竟然還真的讓他登記成功了。這樣的狀況也讓他忍不住吐槽「不愧是日本人推崇的天才IT大臣，六月就宣布做好，到現在起碼一個月了，先前還在外島封測過，只能說政府好棒棒，是不是想讓我打四劑疫苗？」
男網友指出，如果一套自動化系統還沒有辦法排除最基本的差異，而是無差別的接受所有的輸入，那這套系統基本上是沒辦法減少人力作業的。
貼文引發網友討論，不少人替政府緩頰說，登記意願和可以預約是兩回事，成功登記意願不見得會收到簡訊通知，就好像人人都可以申請紓困，但不是所有人都會核過領到錢。「看到你在那邊調皮，真的是有夠浪費社會資源」。
但也有網友看了很認同原PO，認為系統明顯存在漏洞，而系統的存在應是降低人力負擔，所以對於不符合資格的人理應進行排除，如果還要事後依靠人力進行核對排除，那並不符合這套系統的設立初衷，且大家也不要說這系統只是「意願登記」而已，畢竟政府發送預約登記簡訊的名單，就是從意願登記名單中抽取的，不是嗎？
原PO也在留言處表示，身為一位工程師看到系統就職業病發作，結果點出問題嘲諷就被嘴爛，讓他大呼「這國家真的是病了！」如果這個狀況換到私人企業，他不相信有哪個老闆可以接受這樣的結果，明明給了員工足夠的時間與資金，結果卻弄出一個功能不全的程式。如果當下不踢掉，事後再排除，那為什麼要成功登記意願呢？根本是脫褲子放屁。</t>
  </si>
  <si>
    <t>新冠肺炎疫情延燒近2年，疫情中心指揮官陳時中昨回顧抗疫經過，坦言在部立桃園醫院、諾富特飯店造成的社區傳播時「跌了一跤」，短時間內確診數破萬，但靠著醫護人員的努力守下。近期疫情趨緩，昨國內本土再度0確診，新增2名境外移入個案，另前天被列為本土個案的印尼女子，昨經檢測研判為偽陽性，排除感染、改列空號。
陳時中昨出席醫師節頒獎典禮時表示，過去2年疫情嚴峻，醫界義無反顧把全體能量拿出來防疫，穩定民心並創造連續252天0本土奇蹟，但後來部桃、諾富特飯店造成的社區傳播，「我們跌了一跤」，並在短時間內出現1萬4000多名確診，靠著醫護人員努力，才能清零守下，接下年底及過年前，還有一波挑戰等著大家。
面對疫情趨緩，陳時中表示，大家都非常高興，出席活動前，他看到飯店大廳滿滿是人，「我很高興，也有點害怕」，接下來邊境開放，要靠醫生找出個案、篩檢出病人，萬一出現疫情，指揮中心也參考今年5月的經驗，擬訂急速動員、應變、救援、轉診等計畫，都有在安排。
至於國內疫情部分，昨本土再度0確診，新增2名境外移入個案，分別自美國、印尼入境。前天國內新增的1例印尼籍本土個案，雖曾檢出陽性，但Ct值達40，且接種過疫苗。經二、三採都是陰性，7接觸者採檢也是陰性，疫情中心發言人莊人祥宣布，印尼女子個案排除感染、列空號，接觸者可解除隔離。截至目前為止，國內共累計1萬6438例確診病例，847例死亡。</t>
  </si>
  <si>
    <t>今日新國會開議，國是論壇首先登場。國民黨立委陳以信表示，防疫視同作戰，為落實居家隔離、檢疫，應於「嚴重特殊傳染性肺炎防治及紓困振興特別條例」中增列科技監控的法律授權，並經由法院審查，加強管制接受居家隔離、檢疫者，也保障人權。
陳以信認為，行政院提出的紓困方案，是為防疫作戰加添子彈，國人都會支持，他也對該條例表示肯定。然而，當前的特別條例仍有美中不足之處，呼籲朝野黨團於協商時，能夠針對居家隔離的管制方式，採納新提出的修正建議。
陳以信表示，行政院版草案中，沒有對於居家隔離、檢疫首予科技設備監控的法律授權，草案的第十三條，規範對於居家隔離卻到處趴趴走的人處以兩年以下有期徒刑的刑責，刑責本身非常的重，但對於心存僥倖、很「皮」或刻意違反規定者，這樣的罰則，仍然不足以周全地管制其行為。
陳以信指出，各縣市近日已有數十例因為違反居家隔離的案例遭到開罰。因此，針對刻意違反規定者，應該加強立法規範，因此他具體建議，應在現行條例中增加科技監控的法律授權。
陳以信補充，立法時也必須保護接受居家隔離、居家檢疫者的基本人權，根據大法官釋字第588號、第690號解釋文當中要求，電子監控的實施，必須要有法院為事前的審查。他具體建議，於現行「嚴重特殊傳染性肺炎防治及紓困振興特別條例」草案中，增列第十三條之一：「對於受指定隔離治療機構施行隔離治療、居家隔離與檢疫者，得經法院許可後，隔離期間對其實施科技設備監控。」他強調，只有使用電子設備，加強監控不遵守隔離檢疫、隔離者，才能有效避免疫情的擴散。</t>
  </si>
  <si>
    <t>新冠肺炎疫情延燒，北市某高中因出現2名確診病例，宣布全校停課至27日。該學校一名學生在論壇上PO文表心聲：「不只肺炎會殺人」，控訴綠媒不實報導，直說「病毒恐怖 某些媒體更恐怖..」。
一名網友在匿名論壇《Meteor》PO文，表示自己是停課當校學生，近期都必須面對媒體大陣仗在校門口站崗的畫面，他說「這是你們的工作 我尊重」，但表示有某些媒體站在外面好幾個小時也罷，不僅跟學生搭話訪問，還會嗆聲。原PO不滿說「這陣子穿著外套要忍受多少歧視，你們追了一篇新聞寫了一篇報導，換來的是世俗對我們的銳利眼光，病會好，但外人對我們的觀感很難改變，病毒恐怖，某些媒體更恐怖」。
原PO表示，前幾日有綠媒報導確診高中生是熱舞社，還PO文炫耀自己得病，但當事人跟熱舞社根本沒關聯也沒接觸，更沒有炫耀自己得病，卻因這篇報導，導致熱舞社同學遭異樣眼光對待，致電反應後，電視台卻表示不會撤下影片，會在當天節目說明，但節目上卻用「不用管他是什麼社團」輕輕帶過。
原PO更貼出一系列照片，砲轟另一家綠媒「什麼叫作秀」，控該媒體記者鏡頭前口罩戴好戴滿，一離開鏡頭卻立刻拔掉口罩。
原PO文末表示，他知道高中確診肺炎大家人心惶惶，校內也有不少人相當憤慨，這也是無法反駁的，還是祝大家平安健康。</t>
  </si>
  <si>
    <t>本土疫情嚴峻，新北本土確診病例今增加177人，校正回歸146人。新北市長侯友宜今招開應變會議時表示，校正回歸從22日至今已有6天，幾乎每天都在校正回歸，但許多確診者都來抱怨，稱接獲確診速度太慢，地方作業有空窗期。對此，「拜託中央要快一點」侯友宜也當場呼籲，在速度分析上，校正回歸很難有依據，盼中央在校正回歸速度上加快。</t>
  </si>
  <si>
    <t>居家辦公、遠端教育帶起的PC風潮將一路延伸到第三季，連帶讓金氧半場效電晶體（MOSFET）需求同步大增，不過供應鏈透露，國際IDM大廠因疫情影響產能仍未完全恢復，使訂單出現移轉至杰力（5299）、大中（6435）、尼克森（3317）及富鼎（8261）等MOSFET廠，使吃下轉單潮的MOSFET廠第三季接單仍相當暢旺。
新冠肺炎使居家辦公、遠端教育幾乎成為全球發展趨勢，連帶讓PC、筆電需求自第二季開始大幅成長，目前看起來疫情尚未平息，將可望使PC、筆電訂單一路旺到第三季。
由於第三季仍舊可望迎來PC、筆電傳統旺季，因此系統廠紛紛開始對各項零組件啟動備貨需求，不過其中MOSFET供給已經從原先國際IDM大廠主力供貨，轉向成為台灣MOSFET廠為主要供應來源。
供應鏈表示，原因在於新冠肺炎對歐洲及東南亞等地造成重大衝擊，政府不得不祭出停工，雖然目前國際IDM廠產能已逐步恢復，但交期相較過去仍明顯沿長，舉凡英飛凌（Infineon）、安森美（ON Semi）及意法半導體（ST）等國際IDM廠的MOSFET產能仍至少在15周之上。
在國際IDM大廠交期明顯沿長情況下，系統廠訂單在第二季就將MOSFET訂單移轉至杰力、大中、尼克森及富鼎等。供應鏈透露，台灣由於新冠肺炎並沒有造成太大影響，因此功率半導體晶圓代工廠仍維持全產能正常運作，因此在需求大增下，近期已經接獲杰力、大中等MOSFET廠的追單需求，顯示MOSFET市場需求依舊暢旺。
杰力公告5月合併營收達1.88億元、月增1.1％，改寫單月歷史新高，累計2020年前五月合併營收達7.25億元、年成長10.6％，創歷史同期新高。法人指出，杰力主要受惠於筆電需求大增，帶動營運不斷創高，且下半年全球各地逐步解封後，將可望出現消費品採購需求，杰力出貨將可望更上一層樓。
另外，大中、富鼎等MOSFET廠5月業績也雙雙繳出年增雙位數成績單。法人認為，下半年除筆電商機續旺，輝達（NVIDIA）、超微（AMD）等大廠將端出新款繪圖卡，MOSFET廠亦有機會搶食這波商機。</t>
  </si>
  <si>
    <t xml:space="preserve">新冠肺炎疫情持續延燒，娛樂產業首當其衝，屏東縣政府為協助業者度過難關，決定主動調降4至6月的查定稅額，降幅達到30％，首波暫訂持續3個月，將視情況決定是否延長，估計縣內共有950家業者受惠，金額約在200萬元。
屏縣府財稅局長程俊指出，肺炎疫情衝擊許多產業，中央政府啟動不少紓困方案，但考量部分業者恐無暇申請或不得其門而入，於是啟動盤點縣內現況，發現包括抓娃娃機、網咖、水上活動等娛樂業者普遍營收大幅下滑，於是主動減徵業者查定稅額。
程俊表示，符合查定稅額的娛樂業者，因經營方式特殊或規模較小，繳稅方式都是以過去營業額為基準，每月繳交固定稅額，所以調降稅率後，業者不需要提出申請，屆時收到需繳稅金都已經是減稅後的金額，估計每月減稅金額超過90萬元，對業者來說不無小補。
至於另一種自動報繳娛樂稅的業者，因受疫情衝擊會直接反應在每月營業額上，所需要扣繳的金額也會降低，因此不需直接處理這部分。程俊說，產業界受到疫情的衝擊來得又急又快，首波減稅政策將試行3個月，未來會持續視疫情狀況進行調整，延長與否仍不確定。
</t>
  </si>
  <si>
    <t xml:space="preserve">新冠肺炎（COVID-19）全球疫情急速蔓延，許多國家確診數字呈現值限上升狀態，我國疫情雖稍有增長，但相較之下，病情控管相對樂觀，且處於穩定可控。有民眾就質疑我新冠肺炎確診數恐有做假之嫌，學他國做法，一旦疫情無法控制，就使出「蓋牌」。馬上激起熱烈討論，但一位超專業網友超中肯點出台灣的生態，直言「絕對不可能」！
有位網友在PTT上發文表示「外國人都不懷疑台灣數據？」直言台灣目前新冠肺炎確診數，相較於日韓兩國，實在是有夠低。可是我國日韓遊客這麼多，對照南韓旅遊疫情已被升為第三級警戒，對於他國來說，不會懷疑台灣政府根本在「蓋牌」嗎？
這開始讓許多民眾內心產生問號，畢竟目前尚有未知感染源未找到，目前台灣的氣氛也是瀰漫著一股疫情已蔓延開的味道，或許真正疫情並非目前所說。不過一位網友霸氣點出「台灣絕對不可能蓋牌」的真相。他強調，不僅目前的「生態」不允許，何況台灣還有一項「法寶」讓民趨之若鶩，讓疫情絕無法在我國隱匿。
這位網友指出，會認為台灣有蓋牌的人一定不懂「台灣醫療環境和現實」。表示，這跟台灣人的習性大有關聯，「台灣只有一個問題，就是太多人稍微咳個兩下，就開始疑神疑鬼，然後上網去查，越查越覺得自己症狀很像。」尤其，台灣健保又被瘋狂濫用，民眾早已養成有小病就去看醫生的習慣，所以該網友相信，台灣人只要一驚覺自己真的有武漢肺炎症狀，「絕對1922就給他直接打下去」。
另外，在台灣要隱匿疫情談何容易？只要民眾真的有發燒等症狀跟有國外旅遊史，通報1922要不被檢驗更困難。若真的出現「不給驗」的情形，最愛八卦的台灣人絕對會找媒體爆料，誰不想搶到最新獨家？
綜合網友舉例，他認為台灣人愛看醫生又貪生怕死，所以多數人防疫意識強烈；民眾對於大小事都愛到處爆料，媒體也恨不得趕快多一點確診病例可報。雖然這些都是大家都知道的事實，「但剛好，這都有助於防疫」。
看完這位神人血淋淋典出台灣生態，其他網友不禁佩服他講得實在太中肯！很難相信義情能夠隱匿的住了。「中肯，健保造就台灣人高防疫標準」、「健保看病不貴，怕死、愛聊八卦，真的有利防疫」、「中肯，台灣健保真是國寶，要珍惜！」、「膽小怕死和健保好用的確是防疫秒招」。
</t>
  </si>
  <si>
    <t>香港日前宣布將BNT輝瑞疫苗接種年齡降至12歲。香港公務員事務局局長聶德權今（10日）公布，政府提供3個途徑，包括學童自行到疫苗網頁預約、為學校特別預約安排到社區中心接種，以及到學校提供外展服務，預計全香港12歲以上可接種疫苗人口增至682萬。
聶表示，12歲至15歲學童明（11日）上午9點起可預約接種疫苗，最快下周一（14日）端午節當日，可到24間社區中心打針，他估計12至15歲有24萬人口，全香港12歲以上可接種人口增至682萬。
他續指，打算預約的青年要特別留意，必須在打針當日攜帶家長同意書，相關文件可在網頁取得。
香港食物及衛生局局長陳肇始指，香港科學委員會昨日（9日）開會討論多項事宜後，同意批准接種輝瑞疫苗到12歲，認為是高度有效的，而多個海外藥物監管機構亦已批准放寬輝瑞的年齡限制，以保護青年免感染。她續稱，港府日前批准降低輝瑞的接種年齡下限，目前估計約有24萬青少年將可打針。
香港教育局局長楊潤雄則表示，專家昨日指當接種率達到70至80％，學校便有條件恢復全日學習活動，但仍需視乎整體疫情而作安排。至於會否爆發第5波疫情，他指出，學校在有打針與無打針的教學程序上有不同，港府須作詳細考慮，並正研究若教師因一些條件限制而不能打針，可否透過定期檢測為代替方案。</t>
  </si>
  <si>
    <t xml:space="preserve">國內新冠疫情大爆發，已經連續多日新增破百確診病例，在前線的醫院人員也冒著風險堅守崗位，主持人吳淡如也分享婦科醫師王樂明的經歷，當時他替一名確診的產婦接生，儘管成受感染的高風險，他最擔心的卻是寶寶的健康，讓吳淡如聽了忍不住熱淚盈眶框。
吳淡如在臉書發文分享，一位妊娠37週的孕婦一直都讓王樂明醫師產檢，但過去一週家人陸續染疫，她也被感染，經過一週的追蹤和開會討論，最後決定立刻為該名孕婦開刀剖腹，他收到通知換上防護裝備，做好萬全準備，他在手術台旁，距離新冠肺炎只有20-30公分，但他只一心想趕快將寶寶抓出來。
王樂明醫師回憶起當時，「手術耗損體力與壓力，護目鏡早被汗水與亢進的體溫弄糊了，子宮劃開血管的噴流，一度視野無法清楚止血。」所幸最後手術順利完成，母子均安，寶寶也立刻讓兒科醫師帶走，避免被媽媽感染，他才終於放下心中大石，有了這次難忘的經驗，他也呼籲大家要一同努力抗疫。
王樂明將這次手術的功勞都歸給為此付出的各單位同仁，「相信我們醫院的醫護仍會站在最前線繼續奮鬥，也是身為醫學中心的責任。」吳淡如也在文中感動地表示，「人類歷史上，值得紀念的人，都是堅強勇敢，願意自救而且救人的人」，透露自己已經尊敬這位好友到熱淚盈眶的程度。
</t>
  </si>
  <si>
    <t>花蓮青年新創基地今天揭牌，成為全台唯一24小時由公布門提供的青創進駐空間，縣長徐榛蔚兌現青年政策，今天也在現場舉辦就職2週年活動，除了對政績侃侃而談，特別提到爭取青年創業資源，打造青年相互交流的場域並建立單一服務窗口，並與財團法人中小企業信用保證基金及台灣銀行合作，推動「花蓮縣青年安心創業貸款計畫」，成為青年創業者的後盾。
徐榛蔚就職2週年表示，今年新冠肺炎肆虐全球，縣府超前部署因應疫情，守住淨土，後疫情時代透過舉辦太平洋國際觀光節、夏戀嘉年華、原住民聯合豐年節等活動，吸引國內外遊客花蓮深度之旅，為花蓮觀光產業注入活力，更在訂房平台Agoda上成為觀光旅遊熱搜全國第一名，讓花蓮成為外地遊客安心旅遊的首選。
「花蓮真的不一樣！」花蓮縣致力推動智慧城市、智慧教育、有機農業及友善觀光，將花蓮的有機農產推展至香港、日本及西雅圖，拓展農產品外銷通路，將花蓮邁向有機首都的智慧城市的目標前進。
徐榛蔚也公布一支兩週年影片，並同步在臉書播放。細數2年政績，特別是交通蘇花改年初開通，引入花蓮大量人車，回家的路也近了、安全了，唯有縮短交通才能引入士農工商產業能發展、促進地方工商發達，所以未來仍持續推動蘇花改二期動工，花東快速道路、國道六號連結。
青年新創基地正式啟用，徐榛蔚說，希望透過固定場域集結花蓮創業有志青年，藉由系列課程、工作坊、講座與社群聚會，強化創業者的軟實力及實踐力。未來花蓮新創基地也將結合縣府青年發展中心三大核心業務，包含創業輔導、建言平台及國際參與等，成為花蓮青年聚集與培力的場域。
青年發展中心執行長明良臻指出，花蓮縣政府整修經濟部標準檢驗局位在花蓮市美崙地區的辦公廳舍，設立新創基地，提供24小時開放的辦公空間、創業諮詢窗口等服務，辦公空間提供新成立公司承租，不限產業類別，9處辦公室空間約5至8坪大，皆是設有無線網路的獨立空間，每個月租金約1000元上下，最久可承租2年，申請辦法將於明年初公布。</t>
  </si>
  <si>
    <t xml:space="preserve">金門防疫再升級，縣府今（30）日起實施出入管制，員工及洽公民眾均需量測體溫。首日趕上班出現「小塞車」狀況，在即時分流和調整作業後，一切尚稱順利，也未發現有人發燒。
縣府今起實施出入管制，僅可由大門進出，側門及後門全部關閉。另縣府員工均應配戴識別證，在進入辦公室前及各棟大樓入口處，由各處人員排班輪值量測體溫，落實每日量測體溫和紀錄。
同時，到縣府洽公的民眾也應一律戴口罩，並在大門口量測體溫及登記到訪資料後，才能進入縣府，以便日後追蹤作業。洽公民眾的額溫若超過37.5度者，一律禁止進入縣府區域，並建議立刻就醫，以免防疫出現破口。
今天第1個「新制」上班日，許多員工擔心出現排隊人潮，乾脆提前來到縣府，結果仍因部分員工雖有攜帶識別證，但並未依規定佩戴，另有人未將車輛通行證放在明顯地方，影響管制進入速度，造成排隊等候的「小塞車」狀況。
在場督導的縣府行政處長陳祥麟即時調整作業方式，只要佩戴員工證和車輛通行證者，立即放行在各辦公大樓入口量測體溫，有效進行分流管制作業，很快解除小塞車狀況。
陳祥麟說明，縣府員工有500餘人，實施首日算是亂中有序，在同仁更熟悉額溫槍操作方式後，整體作業將會更加順利，另包括工務處、觀光處等單位則自行量測，防疫工作也會更加嚴謹。
</t>
  </si>
  <si>
    <t xml:space="preserve">中國大陸北京再度爆發新冠肺炎疫情，連續多天出現確診病例，至今已經新增79例，讓當局啟動「戰時狀態」。而今（15）日北京市疾控中心副主任龐星火表示，一名新增的病例竟有關節不適的症狀。
綜合陸媒報導，龐星火15日通報，14日新增的36名病患中，一名48歲女性病患是河北人，工作的單位就是新發地市場，住新發地經營者樂園，她在6月13日覺得關節不適，在疫情溯源採樣的檢測中驗出了新冠病毒核酸陽性，結合患者流行病學史、肺部影像、血液檢查等診斷依據，診斷為確診病例，臨床分型為輕型。
北京新冠肺炎出現反彈，連續多天出現確診病例，截至目前，北京市豐台區、門頭溝區及大興區已啟動「戰時狀態」，並展開「敲門行動」，地氈式排查曾與新發地批發市場有密切接觸人員，並對周邊小區採取封閉式管理。
</t>
  </si>
  <si>
    <t>隨著天氣日漸高溫，新冠病毒疫情趨緩，防疫人員又開始擔憂登革熱大爆發。奇美醫學中心醫療團隊最新研究發現，高齡、低血壓、咳血、糖尿病與長期臥床為登革熱患者5大死亡危險因子，症狀超過3項以上，死亡率更高達4成5。
奇美醫學中心急診醫學部高齡急診科主任黃建程表示，登革熱又稱為「天狗熱」，如果被帶有登革熱病毒的病媒蚊（埃及或白線斑蚊）叮咬，就可能被傳染。典型登革熱潛伏期約為3至14天，通常4至7天開始會出現發燒、頭痛、肌肉痛、全身無力、後眼窩痛、噁心、食慾不振、出疹與關節痛等症狀，一旦出現嗜睡、躁動不安、持續嘔吐、黏膜出血，即為重症跡象，如疏於治療就可能致死。
為了解登革熱死亡原因，奇美醫學中心分析2015年登革熱大爆發時健保就醫資料，歸納致死個案風險發現高齡、低血壓、咳血、糖尿病與長期臥床為患者致死的5大關鍵。
臨床顯示，登革熱病人如出現上述其中1項危險因子，死亡率比沒有者增加13倍；要是有2項危險因子，則死亡率增加34倍；有3項以上危險因子者，死亡率暴增至444倍。
整體來說，登革熱病人如不具有上述危險因子，致死率為0.2%；如出現其中1項，致死率為2.3%；有2項危險因子者，致死率為6.0%；多達3項以上危險因子者，致死率急速爬升至45.5%。該項研究成果陸續刊登於《衰老臨床和實驗研究雜誌」》（2020年5月）等國際知名醫學期刊。
黃建程指出，預防登革熱，務必從清除「孑孓」孳生源開始，力行「巡、倒、清、刷」4步驟。經常「巡」檢，檢查室內外有無容易積水容器；「倒」掉積水並丟棄無用的器物；減少容器，並將使用過的器具澈底「清」潔；「刷」除蟲卵，收拾或倒置勿再積水養蚊。另注意罹患登革熱可能症狀，如有發燒、頭痛、肌肉痛、全身無力、後眼窩痛等異常情形，盡速就醫。
※本文由《NOW健康》授權報導，未經同意禁止轉載。</t>
  </si>
  <si>
    <t>基隆某醫院傳出人員確診，基隆市長林右昌證實，確診者是行政工作人員，非醫護人員，不屬於院內感染，目前匡列50人採檢，48人陰性，2人等待檢驗報告。
據了解，醫院昨天立即封閉1出口進行消毒作業，並將所有急診室醫護人員進行篩檢；今早市政府舉行防疫記者會，林右昌表示，確實有一間醫院人員有疑似確診狀況。
林右昌說，確診者為行政工作人員，並非醫護人員，不屬於院內感染，目前已經匡列50人進行PCR檢測，其中48人陰性，其餘2人正等待檢驗報告，此外，也派員前往執行消毒作業。</t>
  </si>
  <si>
    <t>新冠肺炎疫情近來趨緩，義大利影壇最近整理2020年春季最賣座電影，由義大利導演佛森歐茲派克所執導的新片《幸運女神》奏捷奪冠。該片由華納兄弟製作及發行，去年底在義國上映，今年二月底票房已達820萬歐元（約台幣2.8億）。
《幸運女神》由義大利熟男影帝史蒂芬努阿科西、《完美陌生人》影帝艾多阿爾多里奧，以及曾以《燦爛時光》爆紅的女星潔絲敏婷卡聯合主演，劇情一探男同志的同居人生，卻在義大利引發廣大迴響，並在票房及獲獎均大有斬獲，獲《好萊塢報導》讚譽是「溫暖與救贖的交織」。
《幸運女神》是導演佛森歐茲派克自那不勒斯重回羅馬拍攝的新片，並幸運獲准進入古羅馬文物保護區「幸運女神神殿」（呼應片名）拍攝。該片根據真實故事改編，劇情描述已同居15年的一對男同志，因為好心收容姊妹淘的一對子女，意外肩負起「為人父」的重責大任。全片充滿多元的愛，女主角潔絲敏婷卡上月才以片中單親媽媽角色在「義大利奧斯卡」封后，電影同時還奪下最佳電影歌曲大獎。
該片日前乘勝追擊，再獲「義大利銀絲帶獎」最佳影片、導演、劇本，以及最佳男、女主角等8項大獎提名，超越了佛森歐茲派克近年作品的獲獎及票房成績。《幸運女神》將由海鵬電影代理，預計秋天在台上映。
有趣的是，佛森歐茲派特從不諱言同志身分，作品卻總能跨越性別、族群，屢創票房奇蹟，即使曾逢疫情，他的新片《幸運女神》依然能刷出2.8億台幣票房、躍上2020年春季冠軍。究竟他如何辦到？他的電影又有何魅力與秘密？台中「中山73」專題講座明天（13日）將邀金馬執委會執行長聞天祥開講「從《外慾》開始」，一揭這位票房名導佛森歐茲派特的創作祕辛。</t>
  </si>
  <si>
    <t xml:space="preserve">雖然美國總統川普防疫期間一再搶盡鏡頭，加上集中火力砲轟大陸，但防疫成效「有目共睹」，至今不但確診與死亡人數皆排名全球首位，更於27日死亡人數突破10萬大關，讓他的民調與篤定代表民主黨拜登民調差距一截。而據美國有線電視新聞網指出，所屬的共和黨黨內已出現聲音，如此下去，川普可能會在今年11月的大選中，接連丟掉總統與參議院多數。
報導指出，3個月前民主黨內才因初選陷入僵局，當時未受疫情威脅，股市也升至高點，川普贏得第二任期幾乎是十拿九穩，讓共和黨內對於年底大選充滿十足自信，有望參議院繼續取得多數。
不過，自疫情爆發以來，共和黨內的策略人士愈來愈擔心川普恐將在11月大選遭擊敗。報導指出，7名未與川普選舉陣營有關的共和黨黨工表示，川普對疫情的反應與引起的經濟下滑，大幅危害了他競選連任，而此一效應恐會更廣泛影響共和黨選情。
這7名共和黨黨工透露，根據內部民調顯示川普已稍微落後民主黨參選人拜登，不過此一趨勢恐在許多關鍵州的參議員選舉發酵。他們表示，共和黨已在23個州內保住參院席次已有困難，而在疫情尚未見底前，要守住僅有3席的些微優勢的任務更加艱困，例如亞利桑那以及北卡羅納州，先前都是認為可以輕鬆勝選，如今選情都已陷入危機。此外，川普個人的政治顧問李望多斯基（Corey Lewandowski）與博西（David Bossie）也都向川普透露，他的支持度在某些搖擺州逐漸下降。
共和黨內更蔓延一種恐懼，就是年底大選將成為對川普對抗疫情表現的公投，加上受重創的經濟，以及共和黨支持者信心受打擊以及搖擺不定的投票者，種種因素只會使上述影響更加惡化。
不過川普陣營並不擔心黨內是否會出現「西瓜效應」，並強調唯有團結的共和黨才會讓11月大選創造最好勝機。川普競選團隊發言人裴林（Erin Perrine）表示，「任何一位想要勝選的共和黨人，都會和總統一起競選，他是如此的活力、熱情與草根吸引力，如果你是候選人，絕對想和他一起行動」。
</t>
  </si>
  <si>
    <t xml:space="preserve">保加利亞總統辦公室今天表示，副總統依奧托娃（Iliana Yotova）確診2019冠狀病毒疾病（COVID-19，武漢肺炎），她僅有輕微症狀，健康狀況大致良好。
總統辦公室聲明也提到，保加利亞總統拉德夫（Rumen Radev）經檢測，對新型冠狀病毒呈陰性反應。
根據美國約翰霍普金斯大學（Johns Hopkins University）網站統計，保加利亞累計確診21萬6416例，病故人數達8916人。（譯者：楊昭彥）1100128
</t>
  </si>
  <si>
    <t xml:space="preserve">
新冠肺炎疫情不斷擴散，3月25日2名自美國返台的高中留學生，回到花蓮住家後原本應該落實14天自主居家檢疫，沒想到卻外出買蚵仔煎，更高調在IG發文大嗆網友。遭民眾檢舉後，2人各被開罰10萬元罰鍰，無辜的蚵仔煎店家隔日閉店1天消毒，3月31日也公告表示，為了顧及社會觀感，決定停業1個月。
3月25日2名留美高中生返回花蓮後，高調在社群網路IG上PO出自己戴上口罩，外出買蚵仔煎的照片，被友人私訊質疑「不用居家隔離嗎？不要扯台灣防疫後腿！」留學生竟態度囂張，不以為意回嗆「買個午餐是在哭？」2名學生因為作風過度高調，遭到民眾舉發，各自被罰10萬元罰鍰。
2名高中生接觸過的蚵仔煎小吃店也無端遭受連累，在事件發生隔日閉店全面消毒，3月31日店家鐵門拉下，又再貼出公告「4月店休1個月，5月1日開始再繼續為大家服務」。老闆在臉書粉專表示，店休主要是因為最近疫情影響，人潮和生意減少，另一方面顧及社會觀感，決定讓店裡員工自主健康管理，所以休息1個月，確保安全無虞再重新營業。
許多顧客得知店休消息都感到非常不捨和可惜，紛紛在貼文底下留言「要怪那2個小屁孩趴趴走」、「老闆好倒楣喔」、「店家真是受到無妄之災」、「老闆加油」，也有網友同時提議老闆應該跟這2名高中生求償損失。
</t>
  </si>
  <si>
    <t xml:space="preserve">美國總統川普14日說，將暫停金援世界衛生組織（WHO），以進行60－90天的調查，看它究竟是如何因應新冠肺炎疫情大流行的。他指控WHO，對疫情嚴重處置失當，並隱瞞了病毒的擴散，甚至說「人人都知道發生了什麼事」。
不過，據《科學》（Science）雜誌14日報導，全球獻身防控新冠肺炎疫情大流行的人聽到這消息後，都大感震驚。愛丁堡大學（University of Edinburgh）全球公衛教授施利達（Devi Sridhar）說，這是對WHO有災難性衝擊的短視決定。「為了支援所有的國家，尤其是中低收入國，我們比以往任何時候都更需要WHO。」
而華府智庫「全球發展中心」（Center for Global Development）高級政策研究員康寧迪克（Jeremy Konyndyk）說，這舉動適得其反，讓美國和全世界變得更不安全。在歐巴馬執政時期曾任美國國際開發總署（U.S. Agency for International Development, USAID）署長的他甚至直指，「這擺明了是要轉移美國政府自身失敗的責任。」
川普上周威脅，將停止資助WHO時，秘書長譚德塞回應力促世界領袖，不要把疫情政治化，並說如果大家不檢點，眼前會出現許多屍袋。
而川普並未具體說明，他要凍結多少資金，以2018-19年的WHO預算週期來看，美國是最大的金主。在WHO約56億美元（近1,700億台幣）預算中，就佔了將近9億美元（約270億台幣）。通常白宮可以延遲支付國會為特定目的所撥的款項，但要徹底取消這類開支，仍必須獲得國會批准。
或許川普可以把部份要撥給WHO的資金改用在其他類似用途上，而不必獲得國會明確許可，但白宮要索回已經給WHO的款項，很可能困難重重。然而，美國喬治城大學（Georgetown University）國際衛生法教授高斯丁（Lawrence Gostin）說，川普的行動將大大阻礙全球防控新冠肺炎疫情。「要是WHO陷入政治與資金危機，根本就無法在這人類史上的獨特時機，提供如此迫切需要的領導力。」
</t>
  </si>
  <si>
    <t xml:space="preserve">正逢美國總統大選年，加上美國國內新冠疫情仍未見明顯下降趨勢，讓總統川普一再抨擊國內政敵與國際組織及競爭對手，藉此轉移民眾目光。不過，美前國家安全顧問賴斯表示，雖然在選舉期間美國總統候選人藉由大陸問題打擊政敵早已司空見慣，但其實在大陸問題上，川普自己曾說過的話就曾暴露很多恐懼，但最可恥的是他正在將這種軟弱轉變成政治武器。
歐巴馬時期的美國國家安全顧問萊斯（Susan Rice）投書《紐約時報》表示，共和黨人急迫掩飾川普政府應對疫情失敗，除了打「中國牌」之外，沒有更好的策略；而對川普而言，批評民主黨總統候選人拜登（Joe Biden）與大陸的關係，除了可以抑制民主黨內民粹主義的投票率、轉移他在處理疫情上致命錯誤之外，還可以將自己在大陸問題上的明顯軟弱變成政治武器。
萊斯指出，在大陸問題上，川普自己說過的話裡就暴露很多恐懼。例如為了保護視為珍寶的「第一階段美陸貿易協議」，川普淡化新冠病毒風險，甚至在1至2月內讚美中國大陸國家主席習近平高達15次對抗新冠疫情的領導。她表示，儘管有充分的證據表明大陸在病毒應對中有掩蓋行為，但川普先前堅持認為他們「正在做的工作非常專業」。
萊斯進一步指出，更危險的是，川普以美國為代價助長大陸勢力，在他領導下的美國不僅讓亞歐夥伴產生敵意，破壞限制大陸野心的聯盟關係，讓美國傳統盟友都對美國的決定產生懷疑，同時帶領全球穩定的領導人拱手讓給大陸。而在國際戰略上，川普未能抵抗大陸在南海的網路侵略和擴張，甚至希望大陸為自己的政治利益服務，在先前「通烏門」爆發後數月，呼籲大陸也要調查拜登。
萊斯稱，種自私自利的可恥往績，還要指責拜登，只有川普式的障眼法戰術才辦得到；川普試圖通過欺騙把自己對大陸的軟弱投射到拜登身上，為了贏得11月的勝利，正積極轉移他重大失敗的責任；而他的「中國牌」開局，可能只是很小的一部分，之後川普還會無所不用其極打類似套路。
</t>
  </si>
  <si>
    <t xml:space="preserve">新冠肺炎疫情延燒不歇，各單位嚴陣以待、不敢鬆懈，台北市長柯文哲今（23）日表示，目前台灣確診26例，需要追蹤的人數也越來越多，但還是有人在入境時留下假資料，留下假名「胡析延」，導致北市府要追蹤的時候，查無此人；他強調，除了希望有關單位在入境者的資料核查上要更正確，也希望大眾幫忙找人，讓防疫沒有破口。
柯文哲指出，目前台北市的居家隔離人數已經為「零」，但根據資料，還有很多居家檢疫的市民。他說明，對於居家檢疫者，北市府有提供送餐服務及倒垃圾服務，不只照顧當事人的生活起居，也確保居家檢疫者沒有離開家門。
隨著需要追蹤的個案數增加，柯文哲表示，北市府配合中央改變手機定位的模式，改以透過綁定居家檢疫者的個人手機來定位追蹤，減少把公用手機放在家，自己帶個人手機出門趴趴走的狀況。他也呼籲民眾，希望正在居家檢疫的民眾能夠配合，「否則北市府一定依法裁罰」。
柯文哲也提醒，民眾若配合居家檢疫，不僅有生活津貼、也能好好保護自己與他人，但若不配合檢疫擅自外出，北市府一定會「找出你，然後裁罰你」希望民眾不要以身試法。
更多 CTWANT 報導
</t>
  </si>
  <si>
    <t xml:space="preserve">《中時新聞網》精選5件不可不知的國際大事，帶讀者掌握今（6）日的國際新聞重點。
【1】新冠高燒不退！英國首相強生驚傳入院
新冠病毒陰影持續在唐寧街10號揮之不去！日前才因又出現新冠徵狀，二度在家自主隔離的英國首相強生（Boris Johnson）5日驚傳送醫檢查。
【2】日相安倍近日可望發布「緊急事態宣言」
日本新冠肺炎疫情持續延燒，日本首相安倍晉三在聽取防疫專家們的意見後，近日可望發布「緊急事態宣言」。日本政府相關人士表示，發布的對象包括確診數最多的東京都首都圈和大阪府、兵庫縣等。
【3】全球首例！紐約動物園老虎確診新冠肺炎
紐約新冠肺炎疫情嚴峻，感染人數眾多，當地一間動物園的老虎也確診新冠肺炎，出現乾咳症狀，成為全球首隻感染病毒的老虎。
【4】禍不單行！遭拔官美艦長確診新冠肺炎
美國航空母艦「羅斯福號」上百船員感染新冠病毒，艦長克勞齊上校因為向上級求援、撤離船員的求救信外洩遭拔官，《紐約時報》引述消息人士透露，克勞齊上校也不幸感染新冠肺炎。
【5】我們將會成功！英國女王罕見電視演說 溫情打氣
新冠疫情肆虐包括英國等全球多國，93歲高齡的英國女王伊莉莎白二世（Queen Elizabeth II）台灣時間今（6日）凌晨3點發表非常罕見的電視特別演說，呼籲國民面對疫情要展示自律和保持幽默感，同時也感謝醫療前線醫護人員的努力。她強調，「我們將會成功」，所有人將能與親友再會。
</t>
  </si>
  <si>
    <t xml:space="preserve">美國國務院旅遊領事事務局今日在推特發表啟人疑竇的推文，呼籲在海外的美國人儘快回國，不要延後返國日期，「可能很快地所有交通工具將會無法使用。」此一訊息顯示，美國大多數機場可能會在近期停止對外航班往來，滯留國外的美國民眾或因此無法返國。
美國國務院旅遊推特頻道3日發出推文，敦促美國人不要延緩返國日期，近期可能會出現所有交通工具都無法使用的狀況。
這則推文下還附上美國務院領事事務局31日發布的旅遊警示連結，該項警示稱：國務院建議，由於新冠病毒疫情影響遍及全球，美國公民應避免所有的國際旅行活動。在商業航班仍持續運作的國家中，當地的美國公民應立即安排返回美國，除非他們準備無限期地留在國外。
該警示還說，目前國務院正在盡一切努力協助在海外的美國公民返美。隨著新冠病毒疫情的發展，國務院與航空公司合作安排返國航班的運輸能力會變得更為困難，甚至無法使用。最近數周航空公司大幅裁減航班，各國也在未事先通知的情況下關閉機場與邊境關卡。如果您希望回國，應立即安排返國行程，並根據需要聯繫最近的美國大使館或領事館尋求幫助。由於未來可能沒有返回美國的運輸選項，國務院無法保證未來能繼續提供返國援助服務。
</t>
  </si>
  <si>
    <t>客家精神，以刻苦勤儉聞名，連疫苗都不意外！昨（5）日，新竹縣竹北市衛生所在臉書PO出施打AZ疫苗的情況，但數字卻讓網友看了霧煞煞，怎麼樣都對不起來，因為醫護人員明明領用1790劑疫苗，接種卻高達1955人。原來這是因為，醫護人員打完足夠的疫苗後，將每瓶剩餘的量額外施打，為求群體免疫，物盡其用的作法，引來大批網友讚聲「超厲害」，竹北市衛生所也驕傲回應「客家人，我驕傲，承蒙你」。
根據臉書「竹北市衛生所」貼文，以及新竹縣竹北市衛生所說法，由於台灣取得疫苗不易，能省一劑是一劑，該衛生所上下同仁為了讓100%運用疫苗，抽藥時都使出「神之手」，每一劑都專注仔細的抽出剛好劑量，剩餘疫苗在計算後，也趕緊給其餘165名醫護人員接種，而且「注射進每一個人身體內的劑量是相同的喔，請不要擔心」。
如此讓疫苗發揮到最大效能的做法，隨即獲得網友熱烈讚賞，紛紛湧入臉書粉專留言「應該抽藥劑抽到快鬥雞眼了，謝謝你們」、「太厲害了！謝謝你們，真的點滴不浪費」、「太強大，朝聖」、「謝謝你們替大家節省了疫苗」、「覺得感人。謝謝你們保護台灣，也包含其他縣市「應該抽藥劑抽到快鬥雞眼了，謝謝你們」。
被大批民眾譽為客家之光，竹北市衛生所除了打趣的以「客家人，我驕傲」回應外，還強調「謝謝，我們會更努力。其實全國還有其他縣市表現得更好」。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威士特丹號郵輪遭5國拒絕靠岸，今(13)日終於在柬埔寨暫時落腳。指揮中心指揮官陳時中表示，我方和各個國家討論後初步決定，該郵輪包含乘客、船員。非本國籍者，都不得到台灣入境、轉機。
威士特丹號郵輪(MS Westerdam)海上漂流兩周後，今天(13日)停靠柬埔寨。根據船舶追蹤服務網站Marine Traffic公布的資料，船上共搭載1455名乘客與802名船員的威士特丹號)郵輪，今天清晨抵達柬埔寨施亞努港(Sihanoukville)停泊點。
陳時中表示，今天得到柬埔寨的允許，相關人員下船。我方對此訊息及名單也有掌握，裡面有2個台籍人士，之後回來要做隔離檢疫，送到醫院做相關檢查，確保安全。</t>
  </si>
  <si>
    <t>苗栗縣近日向全縣移工下達禁足令指出，除了上下班外其餘的時間一律禁止外出，引發外界非議，苗栗在地民間團體「苑裡掀海風」共同創辦人劉育育表示，此政策無非種族歧視，也讓許多縣民憂心忡忡，「根本是以恐懼包裝歧視」，希望縣長可以收回這個政策。
台灣國際勞工協會總幹事吳靜如表示，此次的移工群聚感染事件，問題根源在於移工宿舍的環境惡劣，衛浴設備可能由10幾人、20幾人共用。一個房間少則4至8人，多則10多人的情況下，移工在如此擁擠、侷促的空間中，根本沒有維持「社交距離」的條件，才使得大規模的感染發生，防疫措施首先應該從移工宿舍「降載」著手，讓移工能夠擁有真正適於防疫的空間，才能夠阻斷大規模群聚感染的可能。
苗栗縣議員宋國鼎說，縣長6月7日發布全縣移工禁令指出「除了上下班外全面禁止外出」，上下班要團進團出、採買由村里幹事負責、並請警員隨時稽查，但這些族群並沒有較高傳染性，反而引發民眾恐慌。
苗栗縣議員陳品安提及，苗栗縣禁足令像在抓戰犯一樣，但苗栗縣很多移工與長輩相依為命，但他們也被禁止外出買菜、倒垃圾，那要如何生活？
台權會秘書長施逸翔說，憂心會有許多單位陸續仿效禁令，如近期就有社區就明文禁止移工外出，獵巫的作法與此次苗栗縣做法相仿，苗栗應立即撤回移工禁令。</t>
  </si>
  <si>
    <t xml:space="preserve">新冠肺炎疫情衝擊旅宿業，高雄福華飯店腦筋得快，搶搭「異地辦公」話題，推出「遠端辦公室」專案，將飯店客房變成獨立辦公室，已有大型會計師事務所洽談合作。此外，福華大飯店集團推出「我OK，我來住」長住專案，提供返台旅客健康家屬入住7天以上的超值優惠，最低每晚1200元起。
為避免群聚感染及增加風險，不少公司行號紛紛啟動異地辦公或居家辦公的措施，高雄福華飯店看準該趨勢需求，即日起至6月30日推出「遠端辦公室Hotel to Office專案」，提供每日上午8點至下午6點，可使用客房空間做為辦公室，並可量身打造空間規畫提供額外會議桌椅。
高雄福華飯店指出，租用5日以上，每日每房優惠價1388元（原價7800＋10％元），可適用於1至2人使用，提供客房WIFI網路、礦泉水、免費使用健身房及停車等服務，午餐還貼心的提供遊五星級廚師團隊製作的餐盒一份，或也可選擇到飯店的餐廳用餐享85折優惠，還可加價每人800元延長使用時段作為住宿客房。
另外也提供企業租借飯店宴會廳作為分組辦公場所的服務，該專案一推出也受到國內大型會計師事務所的青睞，表示事務所提供的風險諮詢服務在這波疫情中受到很多企業的委託，所以特別選擇福華大飯店推出的遠端辦公室專案，讓同仁在協助各企業風險管理的工作期間也能有安全完善的工作環境。
為響應「返台居家檢疫者回家住，同住家人外出旅宿」的防疫新觀念，福華大飯店集團推出「我OK，我來住」長住專案，提供返台旅客健康家屬入住7天以上的超值優惠，最低每晚1200元起。
另外還可以選擇跨店入住，在住宿期間選擇任2家福華飯店入住可享用此專案優惠價，讓家屬能到不同縣市旅遊透透氣。，讓隔離者放心待在家，而家人的健康住房環境就由飯店來照顧。
此外，高雄福華大飯店還自拍趣味防疫影片，以詼諧輕鬆的手法呈現出飯店嚴謹的防疫措施，邀請旅客安心入住。
</t>
  </si>
  <si>
    <t xml:space="preserve">新冠肺炎疫情在歐洲有捲土重來之勢，愛爾蘭為此祭出相對嚴苛的防疫措施。但就在內閣敲定進一步在全國加強限制的第二天，農業部長卡里利卻帶頭違反規定。他在21日宣布請辭，表示自己損害了全國上下為防堵疫情所做的努力，他深感抱歉。
卡里利與另外80名左右賓客，出席由愛爾蘭國會高球社團舉辦的飯店晚宴。針對這項活動是否違反國家的健康規範，警方已展開調查。
卡里利告訴該國電台，「我讓大家失望了，我令許多人憤怒，」他說，過去6個月來，許多人民都被因疫情，迫更改生活方式，但他竟然帶頭違規，非常抱歉。
卡里利20日已先透過自己的推特帳號道歉，短短2小時內就吸引2千則回覆，大多數留言都怒火中燒，因為許多民眾為了配合防疫，甚至連自己親友的喪禮都無法參加，有人則被迫取消婚禮或度假行程。
總理馬丁已經接受卡里利的辭職，認為他做出正確的決定。其他出席同場晚宴的政治人物，包括愛爾蘭的歐盟貿易代表霍根，也遭受排山倒海的民怨攻擊。
</t>
  </si>
  <si>
    <t xml:space="preserve">新冠肺炎今新增2 例境外移入，分別為案381及案382，其中案381為1名20多歲月性，其亦於3月30 日同搭已確診10例的華航班機，目前這班華航班機已有11位確診。另1名案382為於2月16日至3月29日與案378(妻子)一同至印尼探親，返國後進行居家檢疫，因妻子確診改列為接觸者居家隔離，案382返國至今無症狀，4月7日衛生單位安排接觸者採檢，於今日確診。目前國內確診人數達382人。
另新冠肺炎今亦新1例死亡，目前已累計6人死亡，其為案101為70多歲男生，為埃及團員，有慢性病史，其於3月17日確診，3月26日惡化，於4月9日死亡。
現場媒體提問，為何案101怎麼會從輕症轉重症，最後死亡？中央疫情指揮中心疫情監測組長周志浩表示，3/17起他就身體不舒服，如同我們已知的病程，在5天左右呼吸功能變差，就開始插呼吸器，後來又用葉克膜，仍不幸過世。目前知道，該名患者並沒有使用抗病毒藥物。
</t>
  </si>
  <si>
    <t>高端疫苗23日在桃園36個社區接種站開打，其中大有國中接種站有2人施打後身體不適，47歲畢姓男子接種後頭暈想吐、血壓升高，急送醫目前留院觀察中，另一名30歲賽姓美籍女，打完後當場倒下，巨大聲響嚇壞現場所有人，所幸人立即清醒，她疑似有頭部撞擊地板情形，醫護人員建議就醫仍遭拒，留觀到11點返家。
47歲畢姓男子9點多在大有國中，打完高端疫苗入坐觀察區時，突然感到喘不過氣、想吐，不久即癱軟，醫護人員發現後連忙關切，血壓約111／79，心跳達122下，醫師評估緊急送往台北榮民總醫院桃園分院急診室就醫，目前心電圖檢查正常、抽血檢查等待報告中，留院觀察中。
另名30歲賽姓美國籍女性，10點45分接種完高端疫苗後，約3分鐘就暈倒、失去意識，當場從椅子上摔下，「蹦」一聲嚇壞所有人，不久即恢復意識，現場量測血壓111／79、心跳122，因該女疑似有撞擊到頭部，醫護人員建議就醫，救護車也已到場備援，但該女堅稱沒有不舒服、不願意送醫，經現場休息觀察後，於11點05分和同行接種的外籍友人一起離開。
據現場人員透露，2人都說沒有吃早餐，疑似因此發生不適，呼籲民眾施打前仍要些微進食。
桃園市長鄭文燦一早出席武陵高中上梁典禮時表示，桃園市共有5萬2000多位民眾預約第六輪國產的高端疫苗接種，其中2萬6000人23日會在36個社區接種站完成，另外2萬6000個民眾在160家醫療院所接種，早上看來接種意願相當高，出席率大概有9成多。
鄭文燦說，第六輪還加開六之二期，鼓勵民眾上1922網站預約，預定是在8月27到29號施打，他強調高端疫苗的安全性、有效性都通過食藥署專家的審議，綜合效價是AZ疫苗的3.4倍，相信也是一個很好的疫苗，希望大家放心接種。</t>
  </si>
  <si>
    <t xml:space="preserve">在新冠肺炎疫情衝擊下，歐盟領袖21日在氣氛火爆的峰會中，終於達成7500億歐元（約25兆台幣）的經濟刺激協議。
據《每日郵報》（Daily Mail）與《衛報》（The Guardian）21日報導，在這場馬拉松式的火爆會議中，歐盟領袖互相辱罵，握起拳頭猛搥桌子，有人甚至憤而離場。昨晚在峰會邁入第4晚時，寫下歐盟有史以來最長，也最火爆會議的紀錄。歐盟最長的峰會是2000年時，在法國尼斯（Nice）持續了85個小時所寫下，不過這次會議進行了90多個小時，早已打破紀錄。
據說法國總統馬克宏（Emmanuel Macron）猛搥桌子，並痛批離開房間打電話的奧地利總理庫爾茨（Sebastian Kurz）。他甚至指控荷蘭總理呂特（Mark Rutte），說他活像素來對歐盟峰會採強硬立場的英國前首相卡麥隆（David Cameron）。而德國總理梅克爾（Angela Merkel）對峰會陷入僵持感到失望，18日晚一度抽身走人，離開會場。
由於荷蘭與歐洲北方夥伴國堅持「節儉」立場，和要求撒錢振興經濟的法德對峙，雙方僵持不下。荷蘭總理呂特直言：「我們又不是來這兒套交情，好慶祝彼此下半輩子生日的，而都是為了捍衛自己國家的利益，才會來這兒。」
由於荷蘭、奧地利、芬蘭，瑞典和丹麥強烈反對花大錢刺激受新冠肺炎重挫的經濟，而獲得「節儉5國」的稱號。西班牙和義大利因疫情慘重，負債累累，不斷遊說歐盟夥伴大力協助。而通過的振興方案將挹注數百億計歐元，給受創最嚴重的歐盟國家，特別是西班牙與義大利。
法德原本提議，從振興方案中提撥5000億歐元（近17兆台幣），作為不必償還的補助金，可是經過徹夜協商後，歐盟決定把金額降為3900億歐元（約13兆台幣），其餘3600億歐元（約12兆台幣）紓困金則透過低利貸款的方式提供。
</t>
  </si>
  <si>
    <t>新冠肺炎持續延燒，在行政院長蘇貞昌領軍下，台灣防疫成果受到國際讚揚。有網友預測，蘇貞昌會是2024民進黨總統候選人。
PTT鄉友貼文指出，看這個樣子，2024總統是蘇貞昌，現在疫情做得這麼好，國民黨這樣下去，要怎麼取回政權，可惡耶，國民黨要爭氣。
另一位PTT網友也分析說，以年齡來說，蘇貞昌72歲，4年後76歲。但是美國總統參選人拜登77歲、桑德斯78歲，連美國總統川普都73歲了，這樣來看年齡，好像也還好。最重要是英系沒人能選總統，行政院副院長陳其邁一定回高雄，選總統也不成氣候。加上2019年蘇上任閣揆，讓總統蔡英文聲望明顯上升，與其看新潮流的鄭文燦、賴清德兩人互打，英粉報恩挺蘇，不是不可能。
底下網友留言表示，「亂世才能出英雄，蘇貞昌上次選總統就是敗在台灣人日子過太爽，蘇貞昌才會被埋沒。只要到2024之前台灣維持住現在這種大環境，行政院體系一定比縣市長體系更有機會。」、「郭台銘都讚賞蘇貞昌的效率，很可以。」
但是也有人表示不認同，「可是綠營支持者很多都不喜歡年紀大的人。」、「重點是他也不會出來，當新潮流吃素？」、「一個行政院長，整天只會吵架。」、「笑死人，上次輸幾票？」、「他敢選，就叫侯友宜出來跟他對壘。」、「陳時中虐爆光頭。」、「難，太老。」</t>
  </si>
  <si>
    <t>因應新冠肺炎疫情升溫，台中市政府教育局宣佈19日起至本學期結束前，全市高中職以下校園場地除出借國家考試、檢定考試及影響學生升學權益的活動外，全面暫停對外開放；教育局強調，希望社區民眾共體時艱，利用社區其他戶外空間、公園、運動場，從事運動休閒活動，共同守護校園安全。
教育局長楊振昇指出，為降低校園疫情風險，該局日前已發函全市高中職以下學校室內場地至今年5月4日前暫停對外出借。因應疫情持續延燒，教育局經審慎研議後，決定全面擴大防疫措施，19日起至本學期前，全面暫停對外開放校園場地。
楊振昇表示，教學時間外部訪客，包括家長、廠商、志工等，均需佩戴口罩、量體溫、手部消毒及登記基本資料後，才可進入校園，讓學生安心就學。針對特殊情形者，則授權學校評估整體風險，且能完備所有防疫工作原則下，報教育局核准後專案處理。
楊振昇強調，教育局已請各學校配合張貼公告，希望社區民眾共體時艱，利用社區其他戶外空間、公園、運動場，從事運動休閒活動，共同守護校園安全。</t>
  </si>
  <si>
    <t>衛福部長陳時中6日表示，目前亞洲在中國外約有六千多例，有歐洲四千多例，中東有三千多例，很快歐洲疫情將會往上發展，陳時中預測，歐洲的確診案例數量，可能超過亞洲案例數，新冠肺炎的世界流行已經不可免！
陳時中進一步表示，亞洲這第一波疫情興起後，台灣已經有守住防線，但後續散播到歐洲，情勢將會更複雜，將影響台灣對外關係，也考驗我方因應。也因此中央流行疫情指揮中心昨天提出針對「社區、企業、大型集會活動」，發布疫情因應指引，都是為了避免後續境外的第二波疫情攻擊台灣。</t>
  </si>
  <si>
    <t xml:space="preserve">
日本山梨縣一名未滿1歲女嬰3月31日心肺機能停止，被送往山梨大學附屬醫院急救，經病毒檢測確診為新冠肺炎，目前情況不樂觀，仍在集中治療室觀察中。目前有接觸到這名女嬰的醫護人員，必須進行居居家隔離。
《產經新聞》報導，院方1日在記者會上表示，女嬰心肺機能突然停止，被送往醫院後，緊急插管治療，經胸部CT（電腦斷層掃描）檢查後發現，肺部出現輕微肺炎症狀，懷疑感染新冠肺炎，並進行2次病毒篩檢，結果皆呈陽性反應。
院方表示，女嬰雖感染新冠肺炎，但症狀輕微，推斷應該不是造成女嬰病況加劇的原因。而女嬰父母也接受病毒檢測，兩人均為陰性，目前感染途徑還有待釐清。
院方不知道女嬰有感染新冠肺炎清況下，在搬運過程中醫護人員沒有穿著防護裝備，因此目前跟女嬰接觸的44人已進行自主隔離觀察，院方也下令接觸者2周內不得到院上班。
更多 CTWANT 報導
</t>
  </si>
  <si>
    <t>台東縣新冠肺炎31日零確診，這是從25日台東縣出現首例本土病例至今，首度「嘉玲」，不少台東鄉親獲知，都鬆了一口氣，不過縣長饒慶鈴說，抗疫還在持續進行中，請大家千萬不要鬆懈，目前台東縣本土確診人數為14人。縣政府也暫停每天下午3點30分所舉行的疫情記者會。
台東縣今天傳出好消息，自25日出現本土病例以來首度零確診，不過，饒慶鈴表示，抗疫還在持續進行中，請大家千萬不要鬆懈，沒必要不出門，不群聚、繼續拚防疫。
台東縣衛生局指出，台東縣在25日於太麻里鄉林家小館事件後，出現縣內確診病例並形成傳播鏈，有14人受到感染確診。縣政府自27日起在太麻里及金峰鄉設置快篩站，28日各鄉鎮市即陸續成立快篩站，請鄉內民眾有疑慮請前往快篩。</t>
  </si>
  <si>
    <t xml:space="preserve">
防堵新冠病毒竄入社區，凡歸國旅客、確診者或確診者接觸者，皆須住進防疫旅館進行居家檢疫。一位自國外返台的女網友近日剛結束14天檢疫，未料防疫旅館櫃檯竟向他透露，館內非確診者和疑似個案都混住一起，不但住在同層樓，甚至還會搭同台電梯，讓該網友倒抽一口氣。
女網友在臉書社團《爆怨2公社》上發文指出，近日剛從防疫旅館結束14天的居家檢疫，不過在她退房時，櫃檯竟告訴她做到月底就不做了，原因是「這邊太危險」。
櫃檯向她透露，現在旅館會收匡列的疑似個案，而且還沒有和返國旅客分開。櫃檯最後更投下震撼彈，「那個樓層今天一個匡列的確診，跟你們搭的也是同部電梯。」
女網友聽完馬上倒抽一口氣，慶幸自己已經平安度過檢疫期，「如果我住防疫旅館染疫真的是，不知道要說什麼了。」最後提醒從國外返台，住防疫旅館的民眾回來時要注意安全，千萬要保護好自己。
該貼文也引起網友討論，紛紛表示，「諾富特翻版？」、「防疫破口就是從隔離旅館開始的啊」、「妳應該繼續住進去一起匡列，因為搭同電梯，而且他確診了」、「小心！妳把病毒也帶回家了」。
不過也有網友指出，匡列者和返國旅客本來都要經過14天檢疫觀察，「國外回來的＝直接匡列隔離，所以跟疫調匡列隔離，是一樣的等級」、「防疫旅館本來就是隔離作用吧，境外移入個案很多也是在防疫旅館確診的」。
</t>
  </si>
  <si>
    <t xml:space="preserve">國內疫情趨緩，本土病例今(12)日再度加零，指揮中心昨天已宣布，全國醫院慢性病房有條件開放探病，隨著警戒措施逐漸放寬，外界好奇外出何時才能不用再戴口罩？專家表示，終於走到這一天，相信只要疫苗覆蓋率達七成以上，外出不用戴口罩這件事應該就指日可待了。
毒理專家招名威今天在臉書指出，看到探病政策終於開放，心中真的感到開心，直呼「我們終於走到這一天了」，他回想這段時間，因為疫情關係，許多人在生死關頭和性命垂危時，親人朋友無法陪伴，更別想說握著手、親吻臉頰，甚至有很多人根本是連透過視訊都無法和親人見上最後一面，這真的是「比悲傷更悲傷的事」。
招名威表示，環顧全世界，即使很多國家開放出入境旅遊的限制，但卻沒有幾個國家可以這樣大幅度放寬醫院探病制度，而被疫情衝擊到根本就還無法重整醫療制度的國家更是不在少數，他認為台灣的醫療講求制度與公平，可以走在世界的前面真的很棒。
但招名威也坦承，病毒仍在我們周圍，NPI（非藥物介入措施）是必須的，還有包括境外移入、舊案陰轉陽、疫苗突破性感染、第二劑疫苗覆蓋率不足等問題仍需注意，他相信再過一段時間，當疫苗覆蓋率達到七成以上，外出不用戴口罩這件事應該就指日可待了。
指揮中心指揮官陳時中日前曾表示，預估10月底第一劑疫苗覆蓋率達七成，至於疫情警戒何時降到一級？陳時中今天在立法院表示，要視不明感染源個案數、醫療應變能力、民眾遵從度及國際疫情變化而定。
</t>
  </si>
  <si>
    <t>中央流行疫情指揮中心今(29)日公布國內新增1例境外移入新冠肺炎病例(案442)，為20多歲男性，今(2020)年2月赴俄羅斯就學，5月25日晚間(台灣時間5月26日凌晨)與其他95名國人集體搭機至日本轉機返台。
指揮中心指出，個案於5月15日起出現喉嚨痛症狀，16日出現嗅覺喪失及全身倦怠等症狀，26日入境時主動通報，由機場檢疫人員採檢後送至集中檢疫所隔離，檢驗結果雖為陰性，但因個案曾有嗅覺異常情形，為求慎重，昨(28)日進行二採，於今日確診，目前於醫院隔離治療中。
指揮中心表示，與個案同行返台之其他95位民眾檢驗結果均為陰性，持續於集中檢疫所健康監測。衛生單位目前已初步掌握個案接觸者共14人，其中3人為個案同校同行返台接觸者，11人為航空公司機組員(未入境)，將透過國際衛生條例國家對口單位(IHR National Focal Point)通知日本；將進一步調查同班機是否有其他旅客，以進行接觸者匡列。</t>
  </si>
  <si>
    <t xml:space="preserve">國內今天新增10例新冠肺炎確診病例，有8例境外移入，其中案333女子日前跟老公一起赴丹麥探親，回台後出現疑似症狀，一採陰性後症狀不見好轉，二採竟由陰轉陽。
中央流行疫情指揮中心指揮官陳時中下午在記者會中指出，今天新增的8例境外移入有6男、2女。其中案333於1月14日至3月14日與丈夫（案155）一同到丹麥探親，15日出現頭痛、喉嚨痛、肌肉痠痛等症狀，20日採檢為陰性，但29日又出現發燒，30日經二採後確診。
陳時中表示，今天新增的8例境外移入個案，年齡介於10多歲至60多歲，入境日從3月6日至31日，發病日為3月14日至28日，發病前活動地包括：美國、加拿大、祕魯、玻利維亞、智利、阿根廷、巴西、英國、丹麥、奧地利及印尼，多為出國旅遊或就學。
</t>
  </si>
  <si>
    <t xml:space="preserve">中央流行疫情指揮中心今日公布國內新增1例境外移入新冠肺炎病例，為30多歲台籍女性，1月至菲律賓工作，曾於6月下旬出現發燒、嗅覺喪失等症狀，於當地就醫並檢出新冠肺炎陽性，經住院治療後症狀改善，並兩度採檢結果均為陰性。但個案9月18日返台隔離檢疫結束，仍覺不安心，再度自費採檢，檢出弱陽性。
指揮中心表示，該名在菲律賓確診，就醫痊癒後於7月兩度採檢陰性的台籍女性（案518），9月18日自菲律賓返台，入境迄今無不適症狀，機場採檢結果為陰性，個案因擔心自身健康，於10月3日檢疫期滿離開檢疫所後，前往醫院自費採檢，因檢出弱陽性(Ct值33)於今日確診，目前住院隔離中。
針對案518曾在六月下旬在菲律賓當地被檢出新冠肺炎陽性，但10月3日在台又確診，指揮中心發言人莊人祥表示，本案究竟在台灣遭二度感染，亦或是在菲律賓被感染後未根除的病毒，實在是很難判定，若要能夠證明案518非在台感染，除非能夠取得菲律賓的資料，透過病毒培養的方式來進行基因定序，確認是不同的病毒株後才能證明是在台感染，但事實上這很難去釐清。
指揮中心指出，衛生單位已初步掌握個案檢疫期滿後至住院隔離前之相關接觸者2人，1人為同住家人，無症狀，列為居家隔離對象；1人為髮廊美髮師，因雙方全程有佩戴口罩，列為自主健康管理對象。
莊人祥強調，案518在10月3日離開集中檢疫所，曾與髮廊造型師接觸，但雙方全程都有佩戴口罩，因此列為自主健康管理對象，至於先前將菲律賓入境採檢策略改為解隔離前全採，則是9月26日後入境的旅客適用，但案518是在9月18日入境，因此不用進行解隔離前的採檢。
莊人祥強調，境外確診個案返國，必須要遵守兩大規定，在國外確診從發病日到登機日期間超過兩個月間隔，且症狀緩解，或發病日已達十天，取得兩次呼吸道採檢的陰性證明才能夠登機。
指揮中心統計，截至目前累計94,734例新型冠狀病毒肺炎相關通報(含93,571例排除)，其中518例確診，分別為426例境外移入，55例本土病例，36例敦睦艦隊及1例不明。確診個案中7人死亡、485人解除隔離、26人住院隔離中。
</t>
  </si>
  <si>
    <t xml:space="preserve">新冠肺炎（COVID-19）肆虐全球，南韓的疫情也持續升溫，從8月以來每天都增加3位數的確診者，疫情蔓延的相當迅速。日前韓媒爆料有部份確診病患在醫院對護理師提出不合理要求，「最美變性人」河莉秀聞此訊，特別發文砲轟。
根據韓國媒體報導，有護理師表示部分確診者會要求買咖啡、菸，「甚至還有人要求幫忙洗內褲」，最扯的是，向病患提問還有沒有需要什麼，居然有人回答「女人」，不只如此，有部份確診者會在醫院內任意尖叫、發出噪音、用腳踹門、把擦過鼻涕的衛生紙亂丟地上等，惡劣的行徑令人髮指，引起許多韓民眾譁然。
河莉秀在個人IG轉貼該篇報導內容，憤恨不平地發文開罵：「瘋子，用國民繳交的稅金來治療他們真的太浪費，沒辦法資源回收的垃圾們，拜託當個人。」並向這些確診病患喊話：「雖然知道染疫也不是（確診者）願意的，但至少接受治療時要保持基本禮儀吧，有夠討厭，自私的人們」。
南韓雖然在起初疫情大爆發，但在5月時疫情已趨緩不少，還被外界視為模範生，未料近期又出現疫情大流行的現象，從首都周圍的教會逐漸擴散，目前每天都有新增三位數的確診者，根據澳洲特別廣播公司（SBS）報導，宗教集會是新冠病毒傳播的高風險地點，教堂湧入大量的人們禱告，由於近距離接觸，容易讓信徒受到感染。
</t>
  </si>
  <si>
    <t>德國生技公司BioNTech與美國輝瑞藥廠（Pfizer）共同研發的新冠肺炎疫苗BNT162b1在早期臨床試驗獲得正面結果，讓實驗對象產生的病毒抗體多過新冠肺炎痊癒者，是繼Moderna、CanSino Biologics、Inovio後，第四款早期臨床試驗報佳音的候選疫苗。
BioNTech與輝瑞表示，BNT162b1是雙方合作開發的四款新冠肺炎疫苗之一，但另外三款疫苗的早期臨床試驗報告尚未出爐。
根據BNT162b1臨床試驗報告，美國共有24名年齡在18至55歲的健康成年人參與實驗，依10毫克、30毫克及100毫克等三種不同劑量分組注射疫苗，結果發現28天後多數人體內產生的病毒抗體比新冠肺炎痊癒者還多。
以10毫克實驗組為例，實驗對象在注射第二劑之後所產生的抗體數量為每毫升4,813個單位，30毫克實驗組在注射第二劑之後產生的抗體數量更達到每毫升27,872個單位，明顯高於新冠肺炎痊癒者的每毫升602個單位。
輝瑞疫苗研發部門主管多米澤（Philip Dormitzer）表示：「實驗結果顯示注射第二劑確實有效果。」
報告也指出，10毫克及30毫克實驗組在注射第二劑後僅產生頭痛、發燒等輕微副作用，且症狀都在一周內消退。唯獨100毫克實驗組因劑量太高，導致多數人在注射第一劑後感到劇烈疼痛，因而停止注射第二劑，且事後產生的抗體數量也少於輕劑量實驗組。
BioNTech與輝瑞將在上述四款疫苗完成早期臨床試驗後，選出最有潛力的候選疫苗擴大臨床試驗規模，實驗對象最多涵蓋3萬人。雙方預計7月下旬在歐美兩地展開大規模臨床試驗，假設其中一款疫苗獲得美國政府核准上市，雙方將在今年底前生產1億劑，並在明年底前增加12億劑。</t>
  </si>
  <si>
    <t xml:space="preserve">7月進入最後一周，也將是這個夏季最具關鍵性的一周，包括蘋果公司在內，今年帶領美股從3月谷底一路反攻的科技股巨星將於本周公布財報，聯準會（Fed）本周召開為期兩天的貨幣政策會議，美國國會將為新冠肺炎疫情衝擊提出新一輪紓困振興方案，美國科技巨頭領導人將赴國會就反托拉斯爭議發表證詞，以及美國將公布第二季國內生產毛額(GDP)初值，都將使美股面臨風起雲湧的一周。
此外，在中國下令美國駐成都總領事館關閉與停止一切運作，以反制美國下令關閉中國駐休士頓總領事館後，美中緊張局勢的後續發展也將影響美股走勢。
蘋果、亞馬遜、臉書、谷歌母公司Alphabet本周將揭曉上季營運成績，被視為是驗證那斯達克當前估值的試金石。
上周道瓊指數收跌0.8%，標普500指數收低0.3%，那斯達克指數近來屢創新高，雖然上周收跌1.3%，為連續第二周收黑，但今年以來仍漲逾15%，相較之下，標普500指數今年以來跌約0.5%。
標普500指數成分股第二季獲利估下滑略逾40%，科技股獲利估僅小減4.4%，是歷來最輕微的獲利衰退之一。而已經發布財報的上市公司中，約八成企業的營運表現優於市場預期，這比例遠高於1994年來的平均值(約65%)。
分析師表示，其實企業整體獲利表現還算不錯，而美股當前的問題在於估值太高。有些股票以股價淨值比(P /B Ratio)來看似乎很便宜，但這些公司的獲利受疫情重創，在全球及美國疫情持續急升之際，某些零售商與航空業正面臨著復甦遙遙無期的擔憂。
在蘋果即將發布第三財季財報前，其上周五股價小跌0.25%，收在370.46美元，但盤中一度大跌4%，主要因Wolfe Research分析師Jeff Kvaal將其股票評級調降至「不如大盤」（underperform），並給出315美元目標價，稱蘋果基本面恐無法支撐如過去幾個月般的升勢。此外，該投銀不認為蘋果將出現5G超級周期，這是帶動蘋果股價從3月低點大漲逾60%的主要題材。根據FactSet調查，市場預期蘋果第三財季營收年減近4%，約為517.6億美元，每股盈餘估將從2.18美元下滑至2.02美元。
美國國會參議院共和黨團將公布新一輪紓困振興法案的細節，在美國的新冠肺炎確診數不斷激升，且上周初次請領失業給付人數於4個月來首見反彈之際，料將成為美國經濟復甦成敗的關鍵。
上周五，美國的新冠肺炎確診數單日就增加至少68,800人主要仍因亞利桑那州、加州、佛羅里達州與德州的感染激增，目前美國累計確診數已突破400萬人，而截至上周五美國的新冠肺炎死亡人數已連續4天超過1000人。
美國財政部長穆努欽周六在國會大廈召開記者會，宣布共和黨團準備在周一提出新一輪新冠援助法案。他表示政府準備加快速度，他與白宮幕僚長米道斯，已經和共和黨團協商及微調該1兆美元的法案，對於共和黨版本的新紓困案，川普總統將絕對給予支持。穆努欽並表示，延長即將到期的加發失業救濟金措施是川普總統的首要之務，不過給付金額將大幅調降，他稱每周額外加發600美元失業給付「太荒謬」，不利於人們重返就業，此外，他承諾將於8月推出新一輪的1,200美元振興支票方案。這項措施周日亦獲白宮經濟顧問庫德洛證實。
聯準會本周召開政策會議，市場普遍預期該美國央行將按兵不動，並重申將繼續盡一切所能為美國經濟提供援助。聯準會將再度討論保持超低利率的新策略，其一為前瞻指引政策，聯準會可藉此更加明確引導市場預期，另外，聯準會將購買定向國庫券以控制特定利率。
亞馬遜執行長貝佐斯、蘋果執行長庫克、 Alphabet執行長皮采與臉書執行長祖克柏將於7月29日周三出席眾議院司法反托拉斯小組委員會，就這些重量級科技公司在競爭與市場方面的主導地位及影響展開攻防，之後該委員會的國會議員料將發布相關報告，並提出新的反壟斷規定。該報告原定於4月公布，但受到新冠肺炎疫情影響而延宕至今。
美國本周將公布第二季GDP的第一次統計數據，將揭露當時美國緊急實施封鎖措施以防止新冠肺炎疫情快速擴散對其經濟造成的衝擊程度，經濟學家預期美國上季GDP萎縮約35%，第三季可望重拾成長，但反彈強度將取決於國會提供的激勵力道，以及新冠肺炎疫情持續給企業與經濟活動造成多大的衝擊。美國約3000萬名失業者每周可額外收取600美元失業給付的紓困措施將於7月31日落日，該措施被視為是新一輪振興方案裡最重要的部分。經濟學家認為美國國會不太可能趕在該措施到期前通過新法案，且在經過多次妥協後，給付金額也可能直接砍半。
</t>
  </si>
  <si>
    <t xml:space="preserve">
台灣一名50多歲男子近期前往澳門，被檢出印度變異株（Delta）。中央流行疫情指揮中心表示，該男今年2月中到5月8日待在印度，來台後進行14天檢疫，曾3次採檢都是陰性。由於男子在澳門檢出Ct值32，且IgM陰性、IgG陽性，研判已經感染1個月，應是在印度染疫，目前指揮中心正設法聯繫本人，進行在台接觸者匡列。
醫療應變組副組長羅一鈞表示，男子去年2月到今年1月底都待在越南，返台後，又於2月中到5月8日期間前往印度。男子在澳門檢出Ct值32，IgM陰性、IgG陽性，研判非近期感染，加上越南年初還沒有Delta的流行，應是在印度染疫。
羅一鈞表示，男子在台灣期間曾3次採檢陰性，5月8日從印度返台後隔日第一次採檢陰性，後進行14天檢疫，5月22日期滿採檢陰性，後來為了出境需求，6月15日再前往採檢，也檢出陰性，同日從桃園國際機場出發前往澳門，17日接受採檢，無症狀。澳門後也通知表示，男子有Delta的特徵。因男子病毒量低，猜測應是使用部分基因序列比對，來判斷感染什麼病毒株。
對於男子為何採檢多次都沒確診，羅一鈞表示，男子應是屬於陰陰陽陽的階段，此次被澳門檢出，可能是復陽。雖然無法知道在印度何時感染，但感染的時間應已超過1個月。男子對台灣社區的風險不高，但為慎重起見，指揮中心仍在設法聯繫男子本人，也會針對男子在台接觸者進行匡列。</t>
  </si>
  <si>
    <t>國內再度本土零確診，新冠肺炎疫情有明顯降溫，外界好奇對各產業的限制是否有再鬆綁可能？中央流行疫情指揮中心指揮官陳時中回應，哪些地方能再鬆綁，下周會向社會說明，而要再降級的話，大方向會是全國一起降級，不會分區。
陳時中指出，有些地方對於中央說可以放寬的地方，目前也還未放寬，例如家人內用不用隔板的部分，這些事情可以陸續先做，至於哪些規定、產業可以放寬，下周定案後會做說明。
對於有南部縣市希望能「分區降級」，陳時中表示，大方向是全國一起降級，有特殊狀況的話或許會排除。目前北部地區為例，都是零星個案，不是大爆發，因此整體而言是會全國一起。
台北市長柯文哲昨認為，防疫可降到1級，並酸領薪水的人不知道民間疾苦。陳時中回應，疫情期間的情緒性發言大可不必，最重要是一步步往前走，讓生活正常化，中央、地方一起合作，領薪水、沒有領薪水的人都一起合作。
陳時中也強調，降級口罩也不會是鬆綁項目，也許有可能會稍微放寬關於家人一起出門的規定，但全面性還是以戴口罩為防疫戰略。</t>
  </si>
  <si>
    <t>測試大廠京元電（2449）受惠於新冠肺炎疫情帶動的伺服器、筆電及平板等相關晶片需求湧現，醫療相關晶片測試急單大增，加上中國5G基地台及WiFi 6等新基建相關晶片測試訂單續強，帶動4月合併營收衝上25.85億元，連續兩個月創下單月營收歷史新高。法人看好京元電第二季營收將逐月創下新高，季度營收及獲利可望同步改寫新高紀錄。
京元電公告4月合併營收月增3.8％達25.85億元，創下單月營收歷史新高，與去年同期相較成長34.6％。累計前四個月合併營收達95.86億元，較去年同期成長33.5％，為歷年同期歷史新高，表現優於市場預期。
新冠肺炎疫情帶動在家遠距工作及遠距教學，雲端運算及資料中心需求強勁，帶動伺服器、筆電及平板、遊戲機、WiFi裝置等銷售動能優於預期，其中，包括WiFi 5/6無線網路晶片、高速乙太網路晶片、可程式邏輯閘陣列（FPGA）及高效能運算（HPC）處理器、高速傳輸介面控制IC等出貨暢旺，京元電第二季測試接單續強。另外，疫情帶動醫療相關微控制器（MCU）出貨飆升，京元電承接測試代工直接受惠。
新冠肺炎疫情雖影響智慧型手機出貨，但蘋果推出的低價iPhone SE銷售動能優於預期，搭載的英特爾4G數據機晶片由京元電代工測試。此外，包括高通、聯發科、華為海思等的5G數據機或系統單晶片（SoC）出貨持續拉升，測試時間較4G手機晶片拉長兩～三倍，有助於京元電營收及毛利率成長。
中國全力建置5G網絡，華為及中興擴大5G基地台出貨，相關晶片測試訂單對京元電營運有明顯助益。而美國有意增加對華為海思的貿易限制，華為海思第二季擴大對晶圓代工廠及封測廠釋出代工訂單，京元電是華為海思最大的測試代工廠，亦是推升4月營收續創歷史新高的主因之一。
法人表示，全球新冠肺炎疫情蔓延，對下半年的半導體市場需求可能造成影響，市場能見度不高，但第二季半導體生產鏈仍正常運作，京元電未看到客戶有砍單動作，反而因疫情蔓延而有加單情況。
法人預估京元電第二季營收可望逐月成長，季度合併營收將站上75億元並創下歷史新高。京元電不評論法人預估財務數字。</t>
  </si>
  <si>
    <t>受到新冠肺炎衝擊，梅西百貨（Macy’s）與服飾商GAP等零售業者宣布，數萬名員工自本周起將開始放無薪假。新冠肺炎疫情導致美國商業活動銳減，非必要性商店被迫暫時關閉防疫，零售商業績飽受衝擊，產業恐掀倒閉潮。
研究機構Coresight Research預期，受到新冠肺炎拖累，2020年美國零售業關店數量將創下1.5萬家的新高紀錄，高於原先預估的8,000家。分析師認為，原本營運狀況就不佳且負債累累的業者，例如J.C. Penney，可能被迫關閉多家門市，或是瀕臨破產。
梅西百貨的門市自3月17日起暫時關閉，雖然線上業務仍維持運作，但營收嚴重縮水。擁有12.5萬名員工的梅西表示，大部分的員工將開始放無薪假，不過仍享有健康保險。
GAP指出，商店關閉期間較最初預期的4月1日來得更長，因此決定讓美國和加拿大大部分的員工休無薪假，不過公司仍將持續支付津貼，直到門市重新對外營業。
該公司同時表示將要精簡人事，但並未透露裁員人數。截至2月1日，GAP聘雇12.9萬名員工。GAP在30日告訴員工，可到其他仍持續營業和徵人的零售公司應徵短期工作。
柯爾百貨（Kohl's）則計畫讓門市員工和部分公司職員休無薪假，但將持續提供員工健保。柯爾百貨員工總數為12.2萬人。
美國知名內衣品牌「維多利亞的秘密」（Victoria's Secret）母公司L Brands日前表示，將自4月6日起讓大部分美國門市的員工休無薪假，不過將繼續提供員工健保福利。該公司的員工人數約9.44萬人。
雖然沃爾瑪與亞馬遜等零售商持續增聘員工，因應線上訂單激增，但許多雇主調降員工薪水，因應營收急速萎縮。而耐吉與露露檸檬（Lululemon）等品牌則表示，在門市關閉期間將持續支付員工薪水。</t>
  </si>
  <si>
    <t xml:space="preserve">新冠肺炎在伊朗疫情日益惡化，截至13日已有11364起確診、514死，為大陸境外疫情最嚴重的地區。根據官方電視台13日報導，伊朗軍方下令，安全部隊將在24小時之內清空伊朗全國所有街道，並將對所有公民進行新冠病毒檢查，為伊朗對抗疫情以來實施的最嚴格措施。
據路透社與法新社報導，伊朗官員經常抱怨，許多伊朗人民無視政府「留在家中、避免旅遊」的呼籲。對此，武裝部隊總參謀長巴格里少將（Mohammad Bagheri）在官媒上表示，伊朗的「執法與安全委員會」將與內政部與地方政府合作，將在未來24小時內，合力清空街道與商家。
巴格里表示，在接下來的10天裡，整個國家將通過網路空間、電話，並在必要時進行親自監視，將疑似感染病毒的人識別出來。此一措施是最高領袖哈米尼（Ayatollah Ali Khamenei）下令軍方加入抗疫行列後，祭出的最強手段。
此外，先前曾赴伊朗調查的世界衛生組織團隊、應急行動司司長布蘭能（Richard Brennan）表示，伊朗已展現「堅強防疫工作」，特別在該區內的個案管理、協調以及危機溝通等，「但還需要落實更多」，特別是許多優先應急地區與衛生部門間的聯繫。而伊朗衛生部門表示，13日因新冠肺炎而死亡的人數一日增加85人，為2月19日以來最人數最多的一次。
</t>
  </si>
  <si>
    <t xml:space="preserve">
近期中國新冠肺炎爆發，導致鄰近國家如香港出現口罩之亂，且民眾還紛紛搶購衛生紙與糧食，近日有一段錄音檔流出，內容是指新加坡貿易與工業部長陳振聲向基層解說國家如何處理口罩策略時，竟暗諷香港人瘋搶口罩的行為太過「低能」，呼籲新加坡人不要效仿。
綜合媒體報導，受到疫情影響，亞洲各國出現物資短缺的現象，近日新加坡也出現人民瘋搶物資的情況，所幸情況早早受控，對於國人這樣行為，陳振聲指出，搶購現象對國家的國際地位有長遠的影響，並覺得這種行為相當丟臉：「我們令自己感到尷尬，真丟臉！我們令自己丟臉。」
陳振聲繼續說，新加坡人不僅搶糧食，還爭相買泡麵跟衛生紙，直指這樣的行為跟香港人有什麼不同，事實上，香港人會擔心物資短缺，因為他們的衛生紙是從中國進口，但新加坡的衛生紙則是從馬來西亞和印尼供應的；陳振聲語出驚人地說：「沒有衛生紙，用水就好了啊！為何我們會做那麼低能的事情呢？我真的是受不了。」
陳振聲最後說，這些行為會讓外界對新加坡人失去信心，「如果我們這麼失去理智（lose our brain），這樣容易動搖，人家會和我們做生意嗎？」同時指出，社會若出現這樣的恐慌，就是讓供應商有趁機哄抬價格的機會：「已經有人試圖加價了，如果我們繼續表現得像白痴一樣，外國供應商就會再次抬價。」
更多 CTWANT 報導
</t>
  </si>
  <si>
    <t>今年春節提前使得2月工作天數正常，卻意外面臨新冠肺炎疫情攪局，多空夾擊中逆勢大增，甚至創下歷史新高的個股，短線易獲資金青睞，包括是方（6561）、勤凱（4760）、熱映（3373）及鈊象（3293）等4檔個股。
根據統計，6日提前公布營收的391檔個股中，僅119檔個股年月雙增，占比僅三成左右，惟部分個股仍各擁題材強勢表現，包括是方、勤凱、熱映及鈊象等4檔個股，2月營收均強勢創下歷史新高。
導電漿廠勤凱因產業景氣回穩及客戶回補庫存，加上5G與車用電子需求，帶動2月營收達8,270萬元，年增63.83％，創下歷史新高以外，其他3檔個股營收創新高，主因均受新冠肺炎疫情延燒所致。
雲端服務業者是方不但延續去年IDC機房及雲端應用服務兩大產品線發展外，今年更啟動骨幹網路容量擴大計畫，加上疫情爆發後，無論是雲端學習或線上辦公，都對是方的相關產品、系統及服務有更大的需求，激勵是方2月營收達到2.06億元，年增8.03％。
醫材廠熱映同樣因新冠肺炎疫情，導致體溫量測設備供不應求，不但2月營收月增91.49％，年增逾兩倍，強勢創歷史新高外，股價更自1月中旬起如失速列車般一路狂飆，截自6日的62.9元收盤價止，短線漲幅已達2.76倍以上。
至於遊戲股王鈊象受惠五大網路遊戲產品穩定發展，加上春節過後碰到新冠肺炎疫情，不但學校延後開學，許多公司也要求自主隔離，帶動宅經濟商機發酵，旺季拉長下，2月營收延續高檔表現，繳出6.27億元的成績，年增97.04％。
日盛投顧總經理鍾國忠表示，台股2月營收陸續公布，營收好壞將左右個股3月中下旬走勢，預期大盤在年線及月線區間整理時，若有營收等基本面護體，相對較能獲得資金青睞。
台新投顧副總黃文清同樣認為，上市櫃公司的2月份營收大多會受到疫情拖累，反觀防疫概念股可望出現大幅度的成長，惟相關個股短線都已飆漲，並不建議投資人進場追高。</t>
  </si>
  <si>
    <t xml:space="preserve">美國新冠肺炎確診人數已超越中國，成為全球感染人數最多的國家。我國也出現多例由美國移入的確診案例，例如案192，即是在美國急診時被診斷是「B型流感」，返台後自行到院篩檢，卻檢診為新冠肺炎。美國先前因新冠肺炎的檢驗費用太貴，而致檢驗量低，因此可合理懷疑，美國前一波流感死亡人數甚多，可能也含有新冠肺炎患者。
歐美已成為全球新核心疫區，民眾也都很關心我國是否能抵擋得住這波歐美移入的疫情攻擊，目前在防疫上還有幾點可加強。
首先，暫時性的「社會阻隔」可延緩新冠肺炎病毒的散播，這是國際共識，然而國內還是不斷出現有居家檢疫者不遵守規定，到處趴趴走，或是外出採購、會客，可見目前的規定嚇阻力仍不足。筆者建議對違規之居家檢疫者，一律重罰且採按次或按日，連犯即連罰方式。另外，對於和居家檢疫者接觸的人，除原同戶籍或依賴人口照護之必要者外，接觸之兩方都應採按人次，連犯亦連罰；此外，違規者按情節，延長其隔離時間或納入集中隔離，並可善用公民力量來主動監測可能的防疫漏洞。唯有如此才能有效遏止疫情之擴大，而避免台灣落入封城之困境。
其次，由於新冠肺炎的特性是「傳得快、好得慢」，曾有專家評估20%的新冠肺炎重症病患需要呼吸器治療，這情景已在歐美的疫情重災區可見。歐美政府為了快速增產呼吸器，甚至徵召汽車大廠，一同協助製作呼吸器和其他醫療設備。反觀台灣，雖因重症、無意識的長年臥床者呼吸器的使用量本來就非常大，而有「呼吸器王國」稱號，但本身卻沒有能力生產呼吸器。就算調配得當，未來若疫情惡化，是否有能上場的醫護、足夠的防護裝備或隔離空間，政府應未雨綢繆。
最後，目前有許多國家紛紛向當初疫災嚴重的南韓取經。而台灣和南韓的防疫措施有頗多相似處，但我國並未採取南韓的普篩，已有不少醫界人士建議應用快篩，以界定哪些人需隔離，進而讓病人分流就醫。
此外，確診156案例為長照單位護理人員，為避免傳染擴大，政府除了對醫療照顧工作者與機構應加強監控並訂立罰則外，如何讓視訊診療的使用條件有所依據，而不需費時去更修《醫師法》，也應盡早部署。
期待全民能體認到，在病毒眼中人人都是平等的，而病毒讓我們的命運串聯在一起，我們須合作互助、執行「社交保距」、勤洗手，避免台灣走到封城的那一天。
（作者為醫師）
</t>
  </si>
  <si>
    <t>衛福部長陳時中26日宣布，因應本土疫情持續嚴峻，宣布強化新冠肺炎第三級疫情警戒的五大管制。請全國民眾持續落實遵循，與政府共同努力，嚴守社區防線。相關強化措施及裁罰如下：
一、民眾外出時應全程佩戴口罩，一經查獲有違反情事，不再勸導，逕予開罰。二、經公告應關閉之休閒娛樂場所，將嚴查不得營業；查獲違法營業者，對業者、現場執業人員、消費及聚會者，依法分別裁罰。三、全國餐飲業一律外帶，賣場及超市加強人流管制，並呼籲民眾少去多買，一次購足。四、結婚不宴客，喪禮不公祭。五、宗教集會活動全面暫停辦理，宗教場所暫不開放民眾進入。
指揮中心提醒，外出時有飲食需求者，得在與不特定對象保持社交距離或有適當阻隔設備之情形下，於飲食期間暫時取下口罩。</t>
  </si>
  <si>
    <t xml:space="preserve">東京奧運將要延期到2021年7月23日，大韓體育會聲明尊重主辦方決定，但他們男足國家隊可能叫苦連天。奧運男足成員有U23限制(23歲以下, 1997年1月1日之後出生)，延後1年可能讓他們超齡，特別是韓國還有兵役問題。
韓國U23男足在今年1月踢下奧運資格(亞足聯冠軍)，主力球員就是一批1997年出生的國腳。他們指望在奧運奪牌就可免除兵役，如果2021年奧運不放寬規定，他們就無法參賽(每隊只允許3人超齡)，可能成為延期的最大受害者。奧運的其他項目沒有限制年齡，女足也沒有。
煩惱的不只是韓國，澳洲足協率先請求國際奧會(IOC)、國際足總(FIFA)放寬年齡限制(改成U24)，以保障這批國腳的權益。畢竟奧運資格賽是這些人踢的，最後卻無法參賽太不合理。韓國足協日前也跟著提出相同請求。
韓國國手奪牌免役的動力是很有名的，上屆奧運美媒也報導過，這讓他們的射箭隊所向無敵(囊括全部4金, 其中一面是金包銅)，美國神箭手亦自嘆弗如。韓國成年男子需要服役至少21個月。不過也有韓國選手說，他們不介意服役，因為那是國內每個男子的義務。
</t>
  </si>
  <si>
    <t>新冠肺炎全球擴散，台灣目前因為防疫動作確實且超前部屬，仍尚未出現社區傳播的狀況，但是近日多起因境外移入而出現的感染者，造成國人人心惶惶。
對此，中時新聞網發起網路投票，徵詢網友們對於「台灣是否應跟進外國進行鎖國、禁止非公民入境」的看法，投票共有2314人參與，共有2057人認為應該進行鎖國，防止境外移入的病例，占總投票數的88.89%；有240人表示進行鎖國並不恰當，占總投票數的10.37%；另外，有17人對這個議題表示無意見。
投票結果顯示，大多數的網友對於鎖國一事相當支持，認為強硬的手段才有辦法防止疫情的近一步擴散，而在今天早上疫情指揮官陳時中與外交部長吳釗燮也正式宣布，19日開始所有入境台灣的本國籍以及外籍人士都需要進行隔離檢疫14天，並禁止大多數非必要的外籍人士入境。</t>
  </si>
  <si>
    <t>新冠肺炎疫情趨緩，全台大解封。台南市長黃偉哲7日出席公開活動時，雖然已經沒有戴口罩，但卻還是要「逆時中」一下，除要求台南市舞廳、酒店繼續維持實名制一段時間，也希望第一線櫃檯人員、公車司機仍需戴口罩。
黃偉哲表示，台南市的解封，基本上都以中央流行疫情指揮中心的規定為準則，然後其他部分有一些要增加的項目，再從這個出發點來進行負面表列。從今天看來，許多民眾都已經自動地將口罩摘下來，顯然民眾也都「順時中」自動解封，這部分應該是大家的配合度都好；像要開始封的時候，需要政府三令五申，但要解封時，民眾都會很自動「順時中」，一點都沒有違和感。
針對台南市「逆時中」的負面表列部分，黃偉哲也說，台南市比較特殊的地方，就是實名制還會維持一段時間，第一線的櫃檯人員及公車駕駛人員等，還是希望他們戴口罩，同時舞廳、酒店實名制還是會維持一陣子，隨時滾動式的檢討，但餐廳隔板可以撤除了，基本上其他部分都與中央大同小異。</t>
  </si>
  <si>
    <t>新冠肺炎肆虐全球，歐美地區淪為重災區，近來頻傳排華、歧視亞裔事件，美國總統川普將新冠病毒改稱為「中國病毒」（Chinese Virus）更像是在這波排外風潮上煽風點火。外交部昨晚表示，確實有聽聞華人在海外遭遇言語羞辱或人身攻擊，因此，駐外館處已在網站提出警語，提醒海外國人注意。
定居洛杉磯超過10年的台灣人Elly說，自己雖然沒有走在路上被攻擊的經驗，但是最近這陣子，身邊確實有一些友人遇到不舒服的經驗，這也是來美國這麼久以來，第一次感受到針對亞裔的歧視感，現在會盡量避免一個人走在街上的機會。
在紐約留學的小陳說，美國人認為戴口罩就等於生病，加上近來聽說戴口罩的亞裔走在路上遇到的歧視情形，害他每次出門對於要不要戴口罩都是一番天人交戰。
在英國經營珍珠奶茶店的Jeferry說，這陣子生意明顯冷淡，尤其是非亞裔的客人更是大幅減少，鄰近的亞洲餐廳也有類似的現象，或許就是受到新冠肺炎拖累的關係。
外交部說，針對海外華人遭到歧視的情況，駐外館處皆有在網站提出警語加註。比如俄羅斯執法過嚴，警察看到亞裔面孔又戴口罩就會直覺認為是生病，直接抓進醫院檢疫隔離。又如義大利社會不斷傳出對亞裔民眾的歧視案例，包括在餐廳、公共場所或大眾運輸工具等對亞裔民眾進行言語羞辱甚或人身攻擊，對亞裔旅客造成安全威脅，不利旅遊。</t>
  </si>
  <si>
    <t>新冠肺炎疫情衝擊產業，新北市補足中央政策，推出「好來工作」計畫，供民眾就業的迫切需求，吸引405人申請，目前已有291人上工，新北市長侯友宜27日前往三重社福中心，關心首波民眾工作狀況；受疫情影響失業近半年的傅先生表示，幸好市府幫忙，生活才能步上軌道。
中央推動「安心即時上工計畫」，規定民眾半年內須投保滿2個月才能申請，長期失業民眾無法符合這項嚴格門檻。新北市放寬申請標準，推出「好來工作」方案。20日啟動至今吸引超過400人申請，目前上工人數為291人。
補中央上工政策不足
侯友宜27日前往三重社福大樓視察首波民眾就職的狀況，新北市議員王威元、李余典等人也都一同前往關心。侯友宜聽取社會局簡報後，又前往防疫物資倉庫、辦公室關心員工狀況，大家興奮與侯友宜合影。
失業民眾謝市府幫忙
26歲周小姐表示，原先從事會計工作，日前因生理期抵抗力減弱導致發燒，竟被雇主以可能感染新冠肺炎為由要她離職，雇主雖依法支付資遣費、預告工資及其他相關費用，仍令她內心飽受衝擊，幸好現在得到在社福大樓整理防疫物資的工作，「我還年輕，相信很快會重返職場」。
最多可領5萬560元
37歲傅先生表示，他原先是業務主管，預計今年初將前往美國，未料受疫情影響，無法出國，又遇上車禍，右腳斷成三截，投履歷卻遲遲找不到工作，「好來工作」專案，幫助他度過生活難關。
勞工局指出，「好來工作」專案內容以時薪158元，每天工作8小時，每月最高80小時，估計每月可領薪資1萬2640元，最多可領4個月共5萬560元。</t>
  </si>
  <si>
    <t xml:space="preserve">受新冠肺炎疫情影響，新北市暫時銀髮俱樂部和社區照顧關懷據點的開放和活動，為讓長者在家仍能持續運動，保持身體健康，提升免疫力，新北市府透過13家有線電視業者拍攝「防疫動健康、大家一起來」教學影片，今（1）日起正式上線，每天上午8時和下午3時，在各系統第3頻道播出20分鐘，讓長者在家中也能跟著一起運動。
永和民權社區理事長邱秀蘭表示，據點已經暫停運作一個月，許多長輩都無法到據點活動，非常感謝市府拍攝動健康教學影片，讓長者在家每天至少2次可以跟著動一動。
社會局長張錦麗表示，除了銀髮俱樂部、社區照顧關懷據點暫停運作，還有松年大學、銀色奇肌班和樂齡學習中心等春季班都已暫停開課，市長侯友宜為了讓長者持續運動保健康，與13家有線電視業者合作，拍攝「防疫動健康、大家一起來」教學影片，包含揚生自癒力、菲特邦肌耐力、梅門甩活力和福智護身力等，市長還帶頭一起運動，希望長者在家也能勤勞運動。
</t>
  </si>
  <si>
    <t>因應新冠肺炎疫情，各地景點實施人流管制，太魯閣國家公園即日起實施停車場減半管制措施，有遊客繞了幾圈沒停車位，就離開，但多表示配合，不覺得不方便，另，縣府做出最新決定，配合中央疫情指揮中心規定，花蓮東大門夜市規劃單一出入口，一次最多開放5000人進入，預計下週實施。
太魯閣國家公園管理處副處長張登文說，配合中央防疫措施，今起在遊客中心、布洛灣、天祥3個園區內大型停車場，實施停車格減半的管制措施，停車場設有告示牌與移動式護欄，機車格不管制。行政中心、遊客中心及各管理站，也都必須戴口罩才能進入，室內設置排隊標線，讓遊客維持1.5公尺的社交距離。
太管處表示，遊客中心原有小客車位67格、大客車19格，布洛灣小客車158格、大客車30格，天祥則有小客車59格、大型車19格，全部減半。
此外，防疫期間避免夜市人潮擁擠，中央擬要求夜市市場，採單一入口方向管制人流，並依照空間計算合適流量，花蓮縣府觀光處工商管理科長林政穎說，東大門夜市面積換算安全人數最多可容納7000人，縣府將標準提高至5000人。
林政穎指出，目前計劃各夜市單一出入口，有管制人員駐點統計人數、提醒遊客戴口罩，4月底前也將設置紅外線熱顯像儀量測體溫，管制時間從傍晚5時至9時30分，並視人潮狀況延長。
林政穎說，進出口處管制人員每半小時至1小時統計人數，若超過限額就停止放行，預計13日會與各夜市管委會主委開會討論細節，最快14日起實施。</t>
  </si>
  <si>
    <t>國內連續發生3起機師突破性感染，正當社會防堵破口之際，卻傳出其中1名確診機師未誠實回報身體狀況，還外出與人聚餐，今遭到航空公司開除。交通部民用航空局局長林國顯表示，已打電話給華航與長榮的董事長，請他們立即檢視並清理所有防疫環節，尤其是外站的防疫泡泡，若無法落實防疫，「就應該檢討航線的運作。」
由於本周已經發生3起完整接種疫苗的機師染疫，民航局今日再次要求桃園國際機場等有國際線航班營運的機場，嚴格檢視機場清消作為，並應確認執行。
林國顯指出，基於對國際疫情的研判，民航局先前建議指揮中心修正機組員居家檢疫規定，取消可在符合規定住所居家檢疫的規定，自上月28日起要求需執行居檢的機組員一律入住防疫旅宿或防疫宿舍。指揮中心則提前自昨日起針對已經完整接種疫苗的長程航班機組員，實施返國後居需接受「5天居家檢疫＋9天加強版自主健康管理」規定。
對於新防疫要求帶來的防疫旅館需求，民航局表示，已配合指揮中心與桃園市政府共同檢視桃園地區5家防疫旅館，只要各項環節均能符合防疫規定，就會立即啟用，供機組員入住居檢。
針對昨天確診的機師可能違反防疫規定，民航局表示，已著手調查相關事證，如果確認違規，就會依違反《傳染病防治法》開罰。此外，民航局已要求長榮自8月21日後飛過芝加哥航線的機組員，全部召回採檢並執行居家檢疫，共召回283人。
林國顯說，他在今日上午打電話給華航董事長謝世謙、長榮董事長林寶水，請他們立即檢視並清理所有防疫環節，尤其是外站的防疫泡泡，務必要確認符合指揮中心的防疫要求，無法落實，「就應該檢討航線的運作」。</t>
  </si>
  <si>
    <t>中央流行疫情指揮中心今（25）日表示，自8月23日至8月29日完成第一劑高端疫苗接種之民眾，公費疫苗預約平台預計於9月27日提供接種第二劑，屆時符合預約資格或收到簡訊提醒者即可預約接種。另若有出國急迫性須於第一劑後滿28天接種者，請地方政府衛生局指定轄內合約醫療院所於預約平台開打（9月27日）前酌情提供接種。
指揮官陳時中說明，高端疫苗在打的時候沒有相關實驗可以延長第二劑天數，所以希望把第二劑限定在28天後施打，以確保效果，當然以後會不會延長時間，要等有相關研究基礎，再來做安排。
指揮中心發言人莊人祥說明，高端第二劑接種時間之所以選在9月27日，是因為要確保8月23日到29日接種第一劑的民眾，都能滿28天。陳時中透露，有可能當周不是輪到高端疫苗，可能會兩種疫苗一起打，由於高端是單劑型，其他疫苗不是單劑型，搞混的機會相對低。
陳時中說明，高端第二劑基本上都要在公費疫苗預約平台來進行，但由於民眾在國外沒辦法打高端疫苗，因此如果急需出國者，可提供相關證明，至指定合約醫療院所接種，但仍要滿28天。
指揮中心指出，高端疫苗目前第二劑接種間隔至少28天，已於國內接種第一劑高端疫苗之民眾，若因緊急出國需提前接種第二劑疫苗者，可提供具有付款紀錄之機票與出國日程及留學入學證明或公司外派出國等證明文件，至指定之合約醫療院所，經醫師評估後進行接種。
民眾前往接種COVID-19第二劑疫苗前，請備妥「COVID-19疫苗接種紀錄卡」及「健保卡」，若「COVID-19疫苗接種紀錄卡」已遺失，民眾可返回第一劑接種之醫療院所補發，再完成第二劑接種。
接種前，接種單位需核對民眾身分資料、主動詢問民眾疫苗接種史，檢視民眾COVID-19疫苗接種紀錄卡紀錄及健保卡註記貼紙資料，如均無相關接種證明或資訊者，除可使用網路連線「全國性預防接種資訊管理系統」(NIIS)查詢子系統查詢疫苗接種史，合約醫療院所亦可透過雲端藥歷系統等連結查詢，以確認疫苗接種間隔及廠牌是否符合規範。</t>
  </si>
  <si>
    <t>蔡政府取得疫苗牛步，指揮中心指揮官陳時中說，先專注完成鴻海、台積電採購1000萬劑BNT專案，太多單位自購會引發困擾。藍委賴士葆表示，陳的說法彷彿欲幫國家取得戰略物資疫苗的團體，是來亂的或博取名聲，且和蔡英文總統說「用盡所有的方法與管道，⋯拿到疫苗⋯」的說法相互矛盾，難道是蔡和陳互唱黑白臉嗎？
賴士葆說，感謝立陶宛將捐助2萬劑AZ疫苗，顯然台灣缺乏疫苗的窘境已經引起世界各國的注意。現今有將近500萬劑可以施打的疫苗絕大多數是靠捐贈而來，包含來自美國的250萬劑、日本的124萬劑，政府自行採購的只有110萬左右。
賴士葆表示，台灣的經貿實力在世界排名前段班，如今疫苗卻淪落到世界的後段班，主要需靠人捐贈，情何以堪，國人很期待看到的畫面應該是如防疫前半場，台灣送世界很多國家口罩的「Taiwan can help」，而非現在疫苗階段需靠人捐贈的「Taiwan needs help」。
賴士葆指出，很多國家準備的疫苗是人口總數的幾倍，並且已經在儲備及採購明年的疫苗，台灣目前連讓國人打完第一劑都很困難，所以蔡英文總統在受訪的時候說，「用盡所有的方法跟管道，希望拿到疫苗，任何廠牌都願意去試」，但事實真是如此嗎？
賴士葆說，基於愛護斯土斯民，幾個縣市政府、鴻海、台積電、佛光山、孫文學校總校長張亞中、慈濟等，都紛紛表達想要發揮影響力幫助取得疫苗救命，全民都樂見其成，指揮官陳時中卻說緊急授權給台積電和鴻海是特殊的採購專案，如果多家同時申請，管道太多可能妨礙正進行中的採購專案。
賴士葆認為，陳時中的思維真的很讓人瞠目結舌，原來出錢出力要幫國家取得戰略物資的疫苗，在指揮中心的眼中竟成為干擾的因素，好像是來亂的或是來博取名聲的，所以不歡迎。陳這種說法除了突顯他官大學問大的官僚作風外，顯然與蔡英文的說法相互矛盾。
賴士葆質疑，看來要幫政府做事要有唾面自乾的本事，政府僚氣的列出一堆原則、文件讓各路人馬識相，最後知難而退，這就是現今的光景，這是蔡英文和陳時中互唱黑白臉嗎？</t>
  </si>
  <si>
    <t>電源管理IC廠致新（8081）股利政策出爐，預計每股將配發9.5元，配發現金創新高，配發率超過七成，現金殖利率達4.92％。法人預期，致新第一季合併營收將有望持續受惠於遠端辦公／教育熱潮推動的筆電、面板電源管理IC需求續旺，上半年營運將可望創下歷史同期新高。
致新17日公告股利政策，預計每股將配發9.5元現金股利，每股配發現金股利創下新高，配發率約77％，以致新17日收盤股價193元計算，現金殖利率約4.92％。致新亦公告股東常會日期，預計將於6月10日在致新新竹總公司召開年度股東常會。
法人指出，致新2020年受惠於新冠肺炎帶起的遠端辦公／教育熱潮，推動筆電及螢幕的電源管理IC出貨暢旺，加上子公司類比科營運暢旺挹注，使致新2020年財報繳出亮眼成績單。
對於2021年展望，法人看好，當前筆電、電視及螢幕等遠端辦公／教育和宅經濟需求仍維持高檔，使致新訂單能見度有望一路放眼到第二季，且加上當前晶圓代工、封測產能吃緊，拉高致新投片成本，致新亦將其轉嫁給客戶，因此預估致新本季合併營收將可望突破20億元關卡，並且再度改寫新高表現。
且進入第二季後，隨著工作天數恢復正常，致新出貨動能亦將開始全力衝刺，將有望使電源管理IC出貨量再度向上攻高，法人預期，致新單季合併營收將有機會再度挑戰新高水準，使上半年營運創下歷史同期高峰。
供應鏈指出，目前筆電、螢幕等宅經濟需求仍維持高檔，加上這波晶圓代工、封測產能吃緊問題恐至少延續到2021年底，因此客戶備貨需求維持在強勁水準，擔心再度面臨缺貨問題，因此看好致新全年業績至少有機會達雙位數成長表現。
除此之外，致新目前正全力進攻PC平台市場，希望能以V-Core等關鍵電源管理IC打入英特爾、超微等參考設計名單，當前雖然在耕耘階段，但若是成功獲選為參考設計名單，將可望替致新帶來大筆業績。</t>
  </si>
  <si>
    <t>520吸引大批戀人登記成為夫妻，八德戶政事務所有73對新人登記，其中有法國丈夫為愛遠赴台灣。也有機場地勤、桃園醫院護理師夫妻在疫情期間勇敢站上第一線，20日在眾人祝福下，成為彼此的另一半。
八德區25歲新人張巧穎和法國丈夫Thomas George在韓國相識，當時張巧穎前往旅遊，George則是在張住宿的青年旅社打工，2人互加網路社群好友後譜出戀曲。George決定為愛飛來台灣，也努力學習中文。2人在520前往八德戶政事務所登記，互許終身。
另外在桃園醫院擔任護理師的新人吳姍庭，丈夫是桃園機場地勤，2人透過朋友介紹認識。在新冠肺炎疫情期間，2人成為社會最強後盾，1位守在國門第一線，1位則是醫療最強防線，壓力相當大，2人也彼此鼓勵對方，並決定在520登記結婚。
另外化學工程的張中瑋，與任職會計的黃資婷，兩人透過線上遊戲認識，黃資婷說，男方曾在她身體不適時趕到高雄，親手送上煲湯令她相當感動。此外蘇姓、翁姓女子，透過交友軟體認識，翁女為了有氣喘的蘇女，還決定戒菸，也感謝開放同性婚姻，讓她們可以給對方名分。
八德區戶政事務所主任王瓊慧表示，每年在520都有許多情侶登記，今年因防疫需要戴上口罩，還規畫彩繪口罩給另一半傳達愛意，也和附近飲料店合作，發放飲料振興兌換券。也另外送上金鏟子，祝福新人好孕到。</t>
  </si>
  <si>
    <t xml:space="preserve">由於多國紛紛質疑中方提供的新冠肺炎確診與死亡數字，英國政府已將中國大陸排除在新冠肺炎疫情的比較名單外。
據《每日郵報》（Daily Mail）25日報導，就在國際社會日益懷疑北京隱瞞疫情之際，這對中方無異是打臉。先前美國總統川普已指控，世界衛生組織（WHO）和北京串通，以淡化新冠肺炎疫情。儘管中方說，境內新冠肺炎死亡人數不到5千，但國際普遍存疑。
報導說，武漢人認為，當地的死亡人數約4.2萬人，而不是中方所說的約3,182人。連武漢市長在受訪時也說，中共領導階層直到1月20日時，才讓他對大眾發出疫情警告。川普因不滿WHO為中方掩飾，已中止美國金援。
而包括德國總理梅克爾（Angela Merkel），還有法國總統馬克宏（Emmanuel Macron）等世界領袖在內，也都不贊同北京提供不實訊息。梅克爾力促北京，要對新冠肺炎的起源，還有最初的傳染提供透明的資訊。
另一方面，馬克宏在接受《金融時報》（Financial Times）專訪時也說，中方的數字無法和自由國家的數字相比。「我們不知道，」他說，「顯然那兒發生了我們所不知道的事。」
</t>
  </si>
  <si>
    <t>立法院再添確診案例，立法院交通委員會召委、民眾黨立委邱臣遠稍早透過影片證實，內政部移民署國會同仁昨被通知確診，據悉，該員5月13日曾到立法院交通委員會參與政府採購法審查，目前已通知辦公室同仁異地辦公，並監測身體狀況，也呼籲交通委員會委員及其國會助理，自行自主健康管理，若有身體不識立即通報相關單位。
邱臣遠指出，交通委員會稍早接獲通知，指稱內政部移民署國會同仁，5月18日快篩為陰性，但天被通知陽性確診。據悉，該員5月13日曾到立法院交通委員會參與政府採購法審查，接獲通知後立即通知辦公室同仁，本周立法院停會期間，實施異地遠端視訊辦公，並請同仁監測身體狀況，保持自主健康管理狀態。
邱臣遠也呼籲同屬交通委員會的委員跟國會助理，隨時注意身體狀況，若有身體不適通知相關單位，也呼籲疫情嚴峻當下採取遠端異地辦公模式，少接觸、勤洗手、戴口罩，大家一起為防疫盡一份心力，一起度過難關。</t>
  </si>
  <si>
    <t>南台灣中型建商泰嘉開發，去年營收39億元，年增30％，面對「新冠肺炎」肆虐，在80％以上的大型活動取消之際，泰嘉13日仍然舉行「員工聚餐」，泰嘉董事長呂金發指出，此波疫情造成全球金融市場波動劇烈，難免會影響市場購屋信心，但，首購或首換產品在剛性需求下，最多只是買氣遞延，因此，泰嘉分別在高雄和台南的3大建案，總銷約78億元，仍將如期推出。
泰嘉開發今年受到大陸「新冠肺炎」（COVID-19）疫情的影響，13日晚間舉行的「春酒」，縮小規模，改為公司內部員工聚餐，前高雄市建築開發公會房屋市場委員會主委、泰嘉開發董事長呂金發表示，泰嘉開發2019年房屋銷售金額，創下公司成立10年來的新高，達到39億元，比起2018年的30億元，足足成長3成。
他說，農曆年前爆發的大陸「新冠肺炎」疫情延燒，打亂了整體市場的推案節奏，南台灣市場，年後的來人，低於預期許多，成交數字當然也受到影響，而影響的時間有多長，除了視疫情發展的嚴重性以外，全球股匯市短期的波動程度，也是這波市場觀察的重要指標。
呂金發指出，這波「新冠肺炎」疫情，造成全球金融市場波動劇烈，難免會影響市場購屋信心，但，與17年前的SARS不同的是，目前市場多屬預售推案，以15樓建築而言，也要1年半至2年完工，至於超高層建築，更需2年半至3年半左右，加上利率水平低，建商資金結構扎實，地價和建築成本高漲，因此，消費者要因此撿便宜的機會並不高。
他說，短期影響比較直接的是，單價創新高的投資型產品、或是高總價的換屋型產品，但是，首購或首換產品，在剛性需求下，最多只是買氣遞延。
呂金發表示，儘管疫情來襲，泰嘉開發今年的推案步調，並未改變，總共有3大建案，包括台南九份子總銷約38億元的「水律川」大樓住宅、台南安平港20億元建案、以及高雄七賢路20億元建案，將如期從三二九檔期開始陸續推出。
他說，泰嘉位於台南九份子的第4個建案「水律川」，基地共1,775坪，是泰嘉成立以來，推案樓高最高的27層住宅大樓，也是總銷最大的個案，大約38億元，預定329 期公開。
呂金發表示，位於目前銷售中的台南安平港國平重劃區「水悅灣」旁的1,000坪基地，將在年底動工興建樓高26層的住宅大樓，總銷約20億元，而位於高雄七賢路，靠近民族路旁的400坪基地，則是預定年中動工興建樓高29層的住宅，總銷也是20億元左右，至於這2個建案的開賣時程，則視市場買氣而定。</t>
  </si>
  <si>
    <t xml:space="preserve">儘管紐約州新冠肺炎死亡人數已破萬，但州長古莫（Andrew Cuomo）認為，「最糟的已經過去」，住院人數似乎進入高原期，單日新增死亡人數為671名，大約是一周來的最低數字。
據BBC新聞網14日報導，美國東部6州州長已開始著手研擬計畫，準備解除封城令，新對外開放。紐約、新澤西、羅德島、康乃狄克，德拉瓦與賓州都承諾，會採取極為慎重的方式，但並未提出時間表。而麻州州長貝克（Charlie Baker）稍後也宣布，加入這重新開放的行列。
另一方面，加州，華盛頓州與奧勒崗等西部3州也宣佈計畫，將採用共同的方式重新開放。
這些東西岸的州有超過全美1/4人口，而它們都在研議重新開放計畫。不過，美國總統川普已擺明，州長無權重新開放各州，他強調：「美國總統才能發號施令。」
據《政治》（Politico）新聞網報導，川普周一堅稱，唯有他，才能宣佈美國重新開放營業。「為了製造衝突和混亂，有些製造假新聞的媒體說，要不要開放各州，是由州長，而不是美國總統和聯邦政府來作決定，」川普推文說，「大家要徹底了解，那是不對的。」
川普強調，他的政府會和各州合作，但直指身為美國總統的人，才擁有一切權力，而所有的州長都了解這點。
至今全美新冠肺炎病例已直逼60萬，死亡人數也突破2.3萬人。而川普政府已發佈社交距離規範，一直持續到4月30日，至於何時才會解禁，仍存在種種問題。事實上，川普毫不掩飾，他想要放寬限制，但衛生專家警告，不要太早解除感染預防措施。
川普本周可望任命包括自己女兒伊凡卡在內的專門委員會，為美國重新開放提供建議。白宮發言人說：「總統想要看到經濟重新開放，好讓大家恢復工作，但科學數據將會驅動那些決定的時間表。」
</t>
  </si>
  <si>
    <t>貨櫃航運歐洲線運價在第四季高角度大漲93.79％，上周更以2,091美元／TEU（20呎貨櫃），再創新高價。適逢年底歐洲線合約價簽訂期限，預期將調漲23％，對長榮而言是利多不斷，長榮表示，10艘專營歐洲線2.4萬TEU貨櫃船，2021年陸續交船投入營運。
今年初貨櫃航運亞洲至歐洲航線運價每TEU為1,124美元，但因新冠肺炎疫情擴散，歐洲各國開始封鎖，限縮經濟活動，貨量也隨之下滑，一直到3月中旬一度跌到每TEU為725美元，自10～11月開始，隨著市場缺櫃的情形越來越吃緊，亞洲至歐洲航線每TEU的即期市場運價也跟著水漲船高，上周每TEU已經漲破2,000美元，達2,091美元，一周上漲27.19％，再刷新歷史新高，單周漲幅創2016年9月第一周新高，光是第四季以來，歐洲線已上漲了93.79％，今年高低價相較，漲幅更大188.41％，逼近兩倍。
由於北美航線運價處在高峰不遂，歐洲線、東南亞航線第四季大漲，歐洲線占長榮營收比重30％，北美線30％，因為長榮歐洲線多數採現貨價為主，合約價比重低，長榮10日公布11月營收，將有望再創下新高。
此外，適逢年底前歐洲線合約價簽訂期，總部位於丹麥哥本哈根的國際航運研究機構Sea-Intelligence在日前的報告中指出，亞洲至歐洲航線近期運價快速攀升，進而推升年度合約運價水準，預期2021年亞歐市場的合約價將比今年調漲23％。
今年貨櫃航運市況大榮景，長榮兩年前抓住景氣谷底期投入造船計畫，精準趕上此波景氣大循環，長榮表示，其中五艘1.2萬TEU貨櫃船已投入北美航線外，2021年尚有15艘。
長榮也針對歐洲線訂造10艘全球超大型2.4萬TEU貨櫃船將在2021年陸續交船。挾著天時、地利、人和等利多，長榮今年第四季及2021年營運看法正面且樂觀。</t>
  </si>
  <si>
    <t>繼亞東醫院、高雄仁惠醫院後，今日國內新增1起院內感染事件，中央流行疫情指揮中心醫療應變組副組長羅一鈞說，台北市某血液透析中心，1名洗腎病患確診後，4名接觸者快篩檢出陽性，目前11名工作人員、67名病患都在隔離中。
羅一鈞說，除了昨天說的2起院內感染事件，亞東、仁惠，今日也新增1血液透析中心群聚事件。台北市的血液透析中心，一名洗腎病患在5/12出現虛弱症狀，5/13開始發燒，就醫後確診。
羅一鈞表示，病患確診後，該血液透析中心有購買快篩試劑給員工和洗腎患者，結果驗出4名陽性，得知情形後和衛生局到洗腎中心做匡列，11名工作人員、67名病患被列隔離，也要採檢。
羅一鈞說，這段時間會對員工進行健康監測，由於染疫病患需要血液透析，我們會安排，若不行就讓病患到消毒後的地方洗腎。
對於近期北榮也傳出有員工染疫，羅一鈞表示，院內感染是院內互相的傳播鏈，包括亞東、仁惠、血液透析中心3家都有，有些醫院有員工確診，會進行接觸者匡列，若有其他員工確診，我們會調查關聯，若有就會研判為院內感染。</t>
  </si>
  <si>
    <t xml:space="preserve">備戰開學防疫，新北市三重區集美國小特別祭出4台海關等級熱感應儀，置於警衛室前，量測訪客體溫，另更每月斥資5萬元，租用1台醫用「直立式測溫儀」，為校內數百位教職員工量體溫，並規劃15道量體溫通道，讓學生一一排隊量測、消毒手部，加速上學防疫流程。
校長蕭慧吟指出，4台海關等級熱感應儀為17年前SARS期間地方民代捐贈，如今還是很準確，專為訪客測量體溫，另也由家長會贊助租金，租用一台直立式測溫儀，用於教職員工快速通道，只要2到3秒就能量測，若體溫在標準內，便會顯示綠燈，方可入校。
蕭慧吟表示，集美國小全校教職員、生共有3千多人，是三重最多學生的學校，為避免排隊耗時太長，分為3種入校量體溫方式，學童額溫量測、教職員醫用直立式測溫儀、訪客舊款海關式熱感應儀，由不同校門分流進入，今天早上也出動教職員及志工家長，規劃15道量測體溫通道，為學童量測體溫、消毒雙手。
此外，為防止上學人、車潮造成交通紊亂，三重警分局也啟動「護童勤務」，協助交通疏導，警方與志工於路口協助學童過馬路，並規劃接停車處所，警方也呼籲，自行徒步上學的小朋友應配合學校規定的時間到校，勿太早到，能結伴同行更佳，亦可於書包配戴哨子，維護自身安全。
警方表示，「護童勤務」除提供學童及家長即時協助，也藉此與校內師長保持緊密聯繫，提供學童安全的校園環境，亦針對學校及少年易聚集地點及時段加強巡邏，提升見警率，並依據熱時、熱點，與學校合作的安全防護機制接軌，確保學童安全。
</t>
  </si>
  <si>
    <t xml:space="preserve">新冠肺炎患者多以趴臥姿勢治療，引起許多人好奇，對此英國ICU醫拍片解釋，仰躺時體內器官易壓迫肺部，導致缺血和缺氧，駐美醫師也在臉書發文表示，病患俯臥血氧就會上升，效果非常好。
英國ICU醫生丹尼爾斯（Ron Daniels）表示，新冠患者常趴躺（俯臥）的方式插管，原因是患者仰躺時，體內器官容易壓迫肺部，而地心引力又會讓血液流到被壓迫的部分，使肺部有氧部分缺血；但若趴躺則能避免此情況，同時讓血液流到肺部充滿氧氣部分，使病患可獲得所需的氧氣。
駐美醫師張凱銘也在臉書發文指出，新冠肺炎常有呼吸窘迫症狀，而臨床上針對急性呼吸窘迫症候群（ARDS）患者常採臥趴姿勢（prone position）治療，因其效果非常好，病人只要俯臥血氧就會稍微提升，對血氧較差、尚未插管的病人，請他趴著真的很有用，而要插管的病人也是如此。
張凱銘提到，看了討論串發現，台灣似乎不是很喜歡臥趴姿勢，因為很耗費護理師的人力，但他表示，在他工作的醫院一大早就看到3個主治醫師合力替病人翻姿勢，其實美國醫師的工作也是很辛苦的。
</t>
  </si>
  <si>
    <t>防疫警戒27日起降為二級，民眾回歸工作崗位，餐廳除北北宜外開放內用，民眾對於疫情傳播仍有疑慮，聯新國際醫院首席副院長許詩典認為，解封之後預期民眾可能一窩蜂上餐廳或出遊，可能不利於疫情掌控，首要仍是戴緊口罩、維持社交距離，防疫常態化已成必然，不論是日常生活或旅遊都要學習與病毒共處。
許詩典認為，餐廳開放與否影響到疫情是否有可能會擴散，從三級降到二級，中央防疫作為仍是謹慎的心態不希望社區防疫破功，可以看到開放餐廳內用仍有不少限制，唯一重點仍是不希望民眾群聚，因為聚在一起就是會增加互相感染的機會。
他也說，觀察全球疫情發展狀況，可以發現不論是國外或國內有越來越多年輕人都是無症狀染疫，這些隱形的傳播讓人擔憂，加上Delta病毒目前在全球仍無法有效獲得控制，可以看到英國在解封之後確診數大幅增加，有前車之鑑國內疫情防堵仍是要小心。
許詩典認為，不管疫情警戒是三級還是二級，新冠疫情並非一時的，面對現階段病毒一直在變，在沒有有效藥物及國內疫苗覆蓋率仍不算普及得狀況之下，民眾要學習與病毒共存，除了戴緊口罩以外，維持社交距離、公共場所限制室內人數都是必要防疫措施，要解決病毒問題首要還是提升疫苗覆蓋率，甚至未來施打第三劑或是開放疫苗混打都要積極討論與考慮。</t>
  </si>
  <si>
    <t>隨新冠肺炎疫情快速升溫，民眾黨昨日呼籲行政院應換掉中央流行疫情指揮中心指揮官陳時中，改由行政院長蘇貞昌接手主導。對此，蘇貞昌今上午赴立院接受總質詢前表示，台灣在集體努力下被全世界肯定，讓全世界終於分出台灣跟中國不一樣，台灣好棒，「陳時中做得非常專業、負責、非常好，我們不會換」。
蘇貞昌表示，從疾管署的記者會看到防疫是非常辛苦、講求團隊合作的工作，大家專業分工合作無間，而陳時中部長在第一線指揮防疫，做得非常專業、非常負責、非常好，「我們不會換」。
蘇貞昌強調，在總統蔡英文領導下，整個行政團隊大家都非常的專業、盡責，也因為有這樣好的團隊，所以獲得大家認同，陳時中部長也認同整個團隊。
他說，在這一次疫情中，大家看到台灣人的高水準，並且同舟一命，大家集體有安危與共、共同努力的心境。就像看趴趴走的人，地方政府乃至於村里長社區都會出來指責檢舉，就可以看到台灣人知道要同舟一命，分工合作、集體努力，所以被全世界肯定，也讓全世界第一次這麼注重台灣，也分出台灣跟中國不一樣，台灣好棒。
蘇貞昌說，這真的讓一輩子做政治工作的人，感覺到台灣真的可以做得很好，台灣是個很好的國家，要更珍惜更努力，在一波一波的疫情發展中更要守住第二波，大家一定要把台灣守好，因為我們是同一國的。</t>
  </si>
  <si>
    <t>桃園中壢一家坐落於中平商圈的40年老字號建國自助餐，家常又實惠的餐點風格是許多上班族、學生族的共同回憶，疫情影響，建國自助餐自5月宣布暫停營業後時隔2個月，5日宣布復業，16日卻又宣布7月底將關門大吉，讓不少民眾扼腕不已。
建國自助餐坐落於中平商圈不顯眼的一角，自民國69年來憑著客家風味的口感、家常菜的氣氛以及實惠的價格成為眾多中壢上班族、學生族專屬的共同回憶，然因疫情影響，建國自助餐自5月宣布暫停營業2個月後，7月5日宣布復業，但復業僅10餘天卻又宣布7月底將關門大吉，民眾直呼「共同回憶再也見不到了！」。
「真的累了！」建國自助餐接受電訪表示，收入的虧損不僅只有停業的2個月，實際上自去年疫情爆發後中平路、建國路的人潮大量減少，虧損就相當嚴重，並強調，這2年的收入僅能與菜錢持平，員工薪資、便當盒、器材耗損等等幾乎都無法支應，入不敷出，更感慨表示「老本已經虧完了，只好關門。」
疫情衝擊之下，許多老店關門大吉，其中許多民眾的共同回憶也隨之消失，建國自助餐於臉書粉絲團發布結束營業消息之後，許多網友直呼「哭阿沒有50塊便當了！」、「謝謝建國陪我走過好多個補習的夜晚！」，更有網友表示「結束營業前再吃一波。」表示對老店的支持。</t>
  </si>
  <si>
    <t>新冠肺炎疫情嚴峻，嘉義縣阿里山南三村（山美、新美、茶山）日前舉行pa’momxtx祈福儀式，山美社區發展協會理事長安榮進表示，這是相當傳統的儀式，上次舉行是SARS時，這次因新冠肺炎疫情，隔17年再次舉辦，希望能將外來的疾病、惡靈擋在外，守護族人健康。
pa’momxtx是鄒語關卡或結界之意，在過去外界與部落聯絡的道路隘口舉行，設下結界阻擋外來的疾病、惡靈等進到部落，是難得一見的傳統儀式。近日凌晨由巫師安金立帶領山美部落幾位代表的耆老進行儀式，最後將曬乾揉製成條的山芙蓉綁在2棵雀榕上，約半小時完成祈福儀式。
對巫師文化有深入研究的山美社區發展協會專案經理方敏全表示，近期有不少族人找巫師解夢，安巫師也發現這些夢境呈現的方式十分類似，認為可能與這次新冠肺炎疫情有關，才決定再次舉辦儀式。方敏全還提到，這次儀式應是補強2003年時所立下的結界，雀榕也是2003時所種下。
今年86歲的耆老溫貞祥說，儀式在清晨天剛亮時舉辦，且參加的耆老需空腹，準備小豬、小米酒等祭品，儀式約半小時完成，山芙蓉則是送給神的禮物，祈求神能守護族人。</t>
  </si>
  <si>
    <t xml:space="preserve">513全台大停電才過4天，17日晚間再度無預警停電，正值氣象局發布高溫資訊，30度高溫許多人家裡瞬間沒冷氣吹，再加上今天本土病例爆增3百多例，PTT網友一片哀號禍不單行：「熱到要死」、「真的以為自己是住在第三世界」！
一名花蓮的網友17日晚間8點左右在網路論壇《PTT》表示，日劇看到一半突然停電，市區正中心居然會停電，質疑「電廠又爆炸了是不是？」貼文一出引起熱議，各地網友紛紛回應「快問是c還是d」、「基隆停電啦」、「X停電了」、「桃園停電惹」、「台南路燈突然黑掉」、「內湖停電」、「南港停電」、「我上次CD才剛停過，不要又來喔」。
由於513大停電才剛過4天，今晚再度發生無預警停電，加上連日來高溫炎熱，而且正值疫情升溫，大部分民眾都宅在家，30度高溫下，瞬間沒冷氣可吹，引起PTT網友一片哀號「禍不單行」、「熱到要死」、「沒水沒電有病毒」！
513大停電時，台電說是電網故障，並非缺電，今晚再度大停電，台電坦承，供電的確出問題，不少網友氣憤表示「電都被台電藏起來惹」、「覺青的愛不夠啦」、「疫情不能出門還要限電，真的以為自己是住在第三世界」、「熱到要死，下班到家又沒電」。
台電則表示，這次停電的原因主要是供需出現問題，主要是5月用電量提前達到歷史高峰，幾個機組還在歲修，來不及併聯。
</t>
  </si>
  <si>
    <t xml:space="preserve">封測大廠超豐電子傳出群聚染疫狀況，目前確診人數來到14人，超豐昨（8日）晚發布重訊說明此次事件，緣由為1名新進移工隱匿發燒症狀，並透過吃退燒藥、冰水洗臉等方式躲避體溫量測，導致公司無法在第一時間發現異常。
超豐表示，5月25日1名新進移工前往公司報到，並開始訓練，尚未進產線生產，因公司防疫政策每日對員工量體溫，發現員工出現發燒狀況，送醫檢驗後確診新冠肺炎，該員工承認其吃退燒藥及以冷水洗臉，導致公司未在第一時間發現異常。
超豐緊急匡列同宿舍15名員工及3名訓練員及親密朋友送檢，其中8名菲律賓籍員工確診，並送往專職醫院醫治，檢驗陰性之員工則依政府規定送防疫旅館，同時對全體員工進行普篩。
6月5日至7日完成全員普篩，總計3天完成快篩4,264人次及高風險員工加做PCR檢驗208人次；其中快篩陽性之46人，再經二次PCR 檢驗，最終確診為4人。
超豐採取因應措施，匡列有風險之員工，給與公假，居家隔離，公司及宿舍全面消毒，並進行高規格之防疫措施，加強員工體溫量測，同時依政府規定，外籍員工仍需正常上班，但除上班外不得外出，由公司派員負責送餐。
由於快篩期間部份生產線暫停及此次事件部份員工必須居家隔離，減少生產人力，超豐初估目前影響6月份產量約10%左右，減少之產量，將待疫情控制後，以增加產能及提高生產效率來彌補。
</t>
  </si>
  <si>
    <t>新冠肺炎居家防疫措施嚴重打擊加拿大就業市場，加國在兩個月間流失300萬個工作機會，換言之，短短60天便將過去15年增加的工作全數抹去。
■Combined with the March results,Canada has now shed more than three million jobs-the equivalent of 15 years of job gains as companies responded to myriad restrictions on business activity across the country.
新冠肺炎重創加拿大就業市場，加國4月流失將近200萬份工作機會，加上3月的數字，兩個月下來合計失去300萬份工作，讓加國過去15年增加的工作機會全部化為烏有。
加拿大政府為了防止新冠肺炎疫情擴散，下令關閉非必要業務，造成商業活動停擺，嚴重打擊經濟。
根據加拿大統計局公布，加國3月流失101萬份工作機會，4月數據更躥升至199萬，創下統計局自1976年開始追蹤該數據以來最慘紀錄。相較之下，在爆發全球金融危機之時，2009年1月加國流失的工作機會將近12.5萬份。
失業人口 4月大增
不過4月流失的工作數量仍低於市場預期，分析師普遍預估該月數據上看400萬。BMO Economics首席經濟學家波特（Douglas Porter）指出，加國超過700萬人申請緊急救濟金（CERB），讓分析師做出相當悲觀的預測。
隨著失去工作的人口暴增，加拿大失業率由3月的7.8％躥升至4月的13％，雖然低於市場預估的18％，但也創下史上第二高紀錄，僅次於1982年12月的13.1％。若是依據美國勞工部的統計方式，加國4月失業率為11.7％，低於美國同期的14.7％紀錄。
求職網站Indeed Canada經濟學家伯納德（Brendon Bernard）指出，最新就業數據開始反映新冠肺炎如何重創加拿大勞動市場，雖然4月份數據沒有市場預期得那麼糟，但6.4％的加國成年人在一個月內失去飯碗，仍是驚人的數字。
在此同時，加國4月勞動參與率跌破60％，降至59.8％，創下史上最低紀錄，意味著加國有超過100萬人被迫或是選擇退出勞動市場。
報告顯示，4月加拿大36.7％的潛在勞工沒有工作，或是工作時數不到以往的一半，相較之下，2月數據僅11.3％。
加國財政 陷入大衰退
4月魁北克省流失的工作機會位居加國之冠，共失去82.1萬份工作。
加拿大統計局前經濟學家克羅斯（Philip Cross）表示，「衰退」（recession）一詞已經無法用來形容加拿大目前的經濟慘狀。克羅斯目前擔任渥太華智庫資Macdonald-Laurier 資深研究員。
克羅斯警告，加國無法樂觀期望經濟將出現V型復甦，新冠肺炎重創勞動市場，造成消費者和企業收入銳減，偏偏兩者的債務負擔沉重。加拿大政府應預期經濟可能出現又長又深的緊縮，將影響未來幾年的成長和生產力。
根據加拿大銀行家協會數據，加國將近750萬人申請延後繳納房貸六個月，約占銀行15％的房貸案件。Laurentian Bank Securities首席經濟學家拉夫爾（Sebastien Lavoie）預測，加國就業市場要到2022年，才能恢復2020年3月前的水準，而受疫情影響最深的觀光和飯店業勞工，可能面臨長期失業。</t>
  </si>
  <si>
    <t>敦睦艦隊27人感染新冠肺炎，外界質疑國防部隱匿疫情，究責聲浪不斷。台北市長柯文哲22日表示，這是危機，出問題該檢討就檢討，正直誠信是很大的文化，但現在不是燒女巫的時候，應把問題先處理完，要罵再罵；另外針對官兵足跡，他主張全台公布的程度應標準一致，中央不該讓地方自己看著辦，強調「我還是順時中！」
柯文哲說，軍隊是國家命脈，軍艦有27人確診、發了20萬封細胞簡訊，這是危機，出了問題該檢討就檢討，中央應有人出來講，因這不只是衛福部，還牽涉軍方，該開誠布公，該怎解決就解決，但也別用獵女巫、燒女巫心態處理。
柯說，就他醫學專長，他在當小醫生時，發現開刀房病人流血，只會罵小醫生、小護士血也不會止住，所以他佩服他老師洪啟仁教授，愈混亂時愈安靜，先別急著罵誰，先把事情解決、「該夾的地方先夾」，全部處理完要罵再罵，這不是燒女巫的時候。
不過，柯也強調，他主張官兵足跡公布的程度，全台應一致，所以他喜歡SOP，但中央卻告訴地方政府自行決定，這跟以前集中檢疫所一樣，一下公布、一下不公布，他做為地方政府都搞不清該怎麼辦，但他仍按照衛福部長陳時中的講法，可控制就不講、若無法控制且失控再拿出來講，「我還是順時中的！」
柯說，若確診官兵有戴口罩、停留時間短則部公布，沒戴口罩、停留時間長就公布，但也公布與否也要有統一標準，不是讓地方政府自己看著辦，這不是他的作風，只是他現在是捕手，不是投手跟打擊手，投手丟出來的球不管是暴投還什麼，他都要去接。
北市副市長黃珊珊補充，確診官兵去了北市6個地方，有3個是公共運輸，但當天已清潔消毒，還有1個是女友家，只有女友要被居家隔離，另1個是去沒人的自助洗衣店，也有做清潔消毒，她認為不是不公布，而是沒必要，按照市長的原則。
至於若碰到胞兄、參謀總長黃曙光是否會勸什麼話？黃珊珊說，國家有國家的制度，每個人在工作崗位上做自己該做的事，該怎麼辦就怎麼辦。
此外，有92名海軍拒絕高雄市府電話疫調，北市會採何種方式疫調？北市衛生局長黃世傑說，確診的人住到各醫院負壓隔離病房，醫護人員若要進去需換防護裝，但疾管署、疾管科或健康服務中心的人大概都很難這麼做，目前都是以電話詢問為主，至於若去過什麼地方，有需要的話會到那個地點去看可能接觸過的人，看狀況需格離，對於已經確診的人，則以電話疫調為主。</t>
  </si>
  <si>
    <t xml:space="preserve">
雲林縣一位媽媽21日接種AZ疫苗後，當晚回家餵2個月大女嬰母乳，隔天凌晨卻發現女嬰已無呼吸心跳，送醫急救後不治，令家屬無法接受。對此，醫療粉專「美的好朋友」指出，目前全世界尚未出現接種後餵母乳導致嬰兒猝死的案例，研判致命關鍵恐出在現場的「趴睡枕」上。
雲林縣虎尾鎮約30多歲的殯葬業員工21日下午接種AZ疫苗後，於深夜11時餵女嬰母乳，但到隔日凌晨4時要再度餵食母乳時，卻發現女嬰口吐白沫，口腔附近周圍有血漬，緊急送醫仍無呼吸心跳不治。檢方及法醫初步判定死因為嗆奶窒息，因家屬無法接受，將擇日解剖屍體，並將冰箱內母乳送化驗釐清真相。
對此，「美的好朋友」發文指出，目前全世界都沒有母親打疫苗導致喝母乳的小孩猝死的案例。並解釋，由於AZ疫苗並不是真的腺病毒，不會透過母乳傳染給小孩，只會在母親生成抗體時，透過母乳給小孩抗體。
粉專接著表示，根據蘇姓女子在家受訪照片，可以推敲出最有可能導致嬰兒窒息的原因，恐出在嬰兒的「趴睡枕」上。趴睡枕是造成嬰兒無法呼吸猝死的常見兇器。「兩個月的孩童，如果不小心被枕頭悶到的時候，是沒有辦法自己移動頭部脫困的。」建議嬰兒在頸部有足夠肌力之前，都不應該使用任何枕頭。
粉專指出，為了避免嬰兒猝死，醫師通常會這樣建議：
1.一歲以下嬰兒每次睡眠都應該仰睡，側睡並不安全。
2.床鋪表面必須堅實，外表可用被單包覆。
3.嬰兒不建議與其他人同睡，但建議與父母同室睡眠。
「發生這樣的憾事，真的很令人難過。」粉專強調，實際的死因仍有待解剖釐清，但根據事件描述和環境狀況，最有可能是趴睡枕導致嬰兒猝死，幾乎不可能是疫苗的關係。
</t>
  </si>
  <si>
    <t>裕融企業公司新臺幣60億元聯貸案於6月28日簽約，由華南銀行擔任統籌主辦暨額度管理銀行，臺灣銀行為文件管理銀行。本案原以新臺幣50億元推出，因各銀行參貸踴躍，超額認購達2.1倍，最終以新臺幣60億元結案，顯見各銀行對於裕融企業過去營運績效與未來發展給予高度認同與肯定。
裕融企業成立至今已超過30年，以新車與中古車分期付款為主要業務，同時整合格上租車、行冠企業等事業體提供汽車周邊服務，近年亦積極跨入綠色能源領域，透過旗下裕電能源發展電動汽機車充電樁，並參與太陽能電廠投資。除深耕台灣市場外，也積極於中國大陸、東南亞地區擴展業務，今年第一季營收及獲利均創歷年同期新高，表現十分亮眼。
統籌主辦行華南銀行長期耕耘聯貸市場，具備豐富主辦聯貸經驗，了解企業需求並客製化融資架構，協助客戶取得穩定資金來源，更積極配合政府「綠色金融行動方案2.0」政策，將ESG的精神深化納入授信機制中，與產官學各界協力推動永續金融，引導資金投入相關產業，近年來統籌主辦相關指標案件包括天衝能源(中興電工集團)、城市發展電業(寶晶能源子公司)、正隆紙業、榮鼎綠能(長榮鋼鐵及中鼎集團合資子公司)等企業，落實透過授信融資業務實踐對ESG的承諾。
此外，近來國內新冠肺炎疫情嚴峻，華南銀行為提供受影響企業最即時的資金協助，除積極配合政府各項紓困專案貸款外，另推出「齊心抗疫，華銀挺你」專案貸款，對於未能符合政府紓困資格者，也能提供自辦優惠貸款，協助受疫情影響的企業取得營運資金。
為鼓勵客戶多利用網路線上金融服務，減少外出染疫的風險，華南銀行更提供企業24小時全年無休的「企業線上貸款平台」線上申貸功能，透過數位金融服務，在嚴峻的疫情中，做企業最堅實的資金後盾。</t>
  </si>
  <si>
    <t>北市松山區一間加強版防疫專責旅館，27日中午驚傳一名確診者猝死在房間內，經警方調查無外力介入後，將由衛生局通知醫生開立死亡證明書，以行政相驗結案，至於是否因新冠肺炎病逝，仍待相關單位確認釐清。
據了解，死者是50多歲鄭姓男子，他日前確診後在17日住進該防疫旅館，飯店人員今天中午巡房時，發現房間門口的早餐未取用，敲門及打電話他都無回應，遂拿鑰匙打開房門，卻赫然看見鄭男已倒在地上，工作人員趕緊打119報警，救護人員到場確認他已明顯死亡，沒有再將他送醫急救，後續交由衛生單位處理。
該家加強版防疫旅館，前天也發生一名72歲確診婦人因病情急遽惡化，緊急送往台大醫院急救後仍宣告不治的憾事，令民眾頗為憂心加強版防疫旅館是否有一定程度的醫療照護功能。</t>
  </si>
  <si>
    <t>彰化縣一名女保險業務員為了衝業績推防疫保單，與水果盤商妻子去吃完喜酒後染疫，被彰化縣衛生局通知遭匡列隔離當天下午，竟還到客戶家拜訪簽保單，不僅害公司遭罰60萬元，彰化縣衛生局也證實，將會依違反《傳染病防治法》對女保險員正式開罰，最重可罰15萬元。
彰化縣衛生局強調，女保險員是5月15日下午2點接獲衛生局通知，被匡列為接觸者，需居家隔離並採檢，不料她當天下午5點還是前往1名客戶家中簽署防疫保單，由於衛生局人員通知隔離，都會明確告知接觸者，就是不能出門，因此女保險員已經明顯違反居家隔離相關規定，正在進行相關裁處。
衛生局長葉彥伯表示，針對居家隔離者違反相關規定，經查證屬實，就會依傳染病防治法裁罰行為人，裁罰1萬元至15萬元；這與金管會、保險局裁罰其所屬保險公司，兩者情節不同、罰則也不同。
根據了解，女保險員在得知水果商14日報出確診染疫後，還依舊出門趴趴走，去洗頭、四處拜訪客戶賣保單，導致客戶1家5口遭匡列、洗髮店負責人親人也染疫，保險公司因督導不周遭金管會罰60萬元。如今女保險員自己因違反防疫與居家隔離規定，將面臨裁罰。</t>
  </si>
  <si>
    <t>針對磐石艦爆發疫情，蔡英文總統今天表示，國防部嚴德發部長已向她自請處分。「我告訴他，目前最重要是確保整體國軍防疫與疫調工作，用最高標準盡速進行」，她要求嚴德發應持續調查，釐清問題癥結，並將調查的階段結果隨時向社會說明，待完整調查後進行相關人員的懲處。
蔡英文今晚在臉書表示，針對磐石艦爆發疫情，國防部嚴德發部長今天已向她自請處分。她要求在當前台海情勢下，國軍絕不能因為本案，影響國軍日常的戰力整備和國家安全的維護任務。
蔡英文表示，她要求嚴部長，國防部應坦誠面對問題，現階段國軍更應該積極強化防疫作為。在初步的調查中，國防部已整理出四大缺失，部長也將主責的將領調離現職。本案應持續調查，釐清問題癥結，並將調查的階段結果隨時向社會說明，待完整調查後進行相關人員的懲處。「我也請行政院負責相關業務的羅秉成政委，繼續督導本案的進度」。
她說，該坦承的絕不隱匿，該負責的絕不逃避。勇敢面對，才是國軍本色。調查和檢討，只是一個開端，嚴部長更重要的任務，是徹底改變導致這次缺失的根本問題。
面對疫情擴散的風險，她要求本案所有相關人員，務必配合疫情指揮中心的疫調及國防部專案小組的調查，不得有所隱瞞。對於接受疫調的相關人員，「我也請社會給予當事人空間，尊重他們的隱私。」</t>
  </si>
  <si>
    <t>衛福部立桃園醫院爆群聚感染至今，不少民眾擔憂疫情恐要大爆發。台大醫院婦產科名醫施景中在臉書分析，跟國外相比，台灣跟疫情失控的距離，「其實還差得非常遠」，但他並非要大家盲目的樂觀，而是希望大家能與再一起努力守下去。
施景中昨（25）晚於臉書寫道，「有人說，台灣的疫情已經失控了。」先不說美國和印度，光是每天的確診病例就多得可怕，以鄰近的日本來說，單日確診病例近4000人，死亡數也有逾50人。
施景中問，「有想過台灣過去一整年的數目嗎？」他表示，一名親戚也是醫師，人在歐洲罹患新冠肺炎後，至當地的醫院檢查，卻被院方認為病情還沒嚴重到需要住院的地步，因此將他趕回去，但其實是醫院已經沒有人力、設備可以收治。
施景中說，反觀在台灣，確診病人必須以高規格收入負壓隔離病房，所有疑似的接觸者也都必須嚴格執行14天居家隔離。施景中表示，「我並不是叫各位盲目的樂觀」，只是對比國外狀況，目前台灣跟疫情失控的距離，其實還差非常遠，「況且大家的前方還有我一群好兄弟無怨無悔在幫你們擋子彈，請你們跟我們一樣，再努力守下去。」</t>
  </si>
  <si>
    <t>新冠肺炎疫情持續延燒，近日有人在通訊軟體上流傳說基隆廟口有攤販中鏢新冠肺炎，基隆廟口主委謝文賢於12日跳出來痛批「這個謠言傷害非常的大，廟口整個生意掉了5成以上」，並提出懸賞10萬元來追捕在網路上造謠的人。
他更指出，這幾天生意這麼差，光廟口就有好幾攤，毅然決然決定停業，不賣了休息幾天，但為了生計大家只好繼續熬下去，可是有的攤販「一天只賣二、三千元，入不敷出，怎麼生活？」，連成本都慘賠出去了。
謝文賢說，他要大力追捕造謠者，並且造謠者亂傳的不只一攤，而是好多攤中鏢，他要出門懸賞10萬元，請大家一起來抓造謠者，或是請造謠者自己跳出來，並陪著攤販去檢驗，如真的有確診，他就會送出10萬元，但如果為陰性沒有確診，他則大力呼籲「別再造謠了，這會影響大家生計」。</t>
  </si>
  <si>
    <t>中央流行疫情指揮中心今(7)日公布國內新增12例確診，分別為8例本土及4例境外移入；另確診個案中無新增死亡。指揮官陳時中補充，幼兒園新增5例，3名家長，1名幼兒園學童，另一名則為幼兒園染疫學童的一歲妹妹，整起群聚累積16人確診，全案共匡列411人，其中362人居家隔離、49人自主健康管理。
指揮中心說明，今日新增8例本土個案，為1例男性、7例女性，年齡介於未滿5歲至50多歲，發病日介於今(2021)年9月1日至9月5日，個案分布為新北市7例、臺北市1例；其中6例為已知感染源，1例關聯不明，1例疫調中。衛生單位將持續進行疫情調查及防治，以釐清感染源。
指揮中心表示，今日新增4例境外移入個案，為3例男性、1例女性，年齡介於10多歲至40多歲，分別自印度(案16147)、日本(案16148)、馬來西亞 (案16149)及賴索托(案16156)入境，入境日介於8月13日至9月5日。
指揮中心統計，截至目前國內累計2849565例新型冠狀病毒肺炎相關通報(含2832159例排除)，其中16047例確診，分別為1444例境外移入，14550例本土病例，36例敦睦艦隊、2例航空器感染、1例不明及14例調查中；另累計110例移除為空號。2020年起累計837例COVID-19死亡病例，其中827例本土，個案居住縣市分布為新北市410例、臺北市317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越南新冠肺炎疫情升溫，雖然去年曾一度成功遏阻病毒擴散，但今年4月因Delta變種株肆虐全境，導致病例急遽增加，其中越南的商業樞紐胡志明市平均每天就有241人染疫死亡，當地一名網友更在臉書上傳一段醫護人員從民宅抬出8具棺材的駭人影片。
綜合外媒報導，越南網友蘇玉和（Tô Ngọc Hòa，音譯 ）台灣時間今（14日）日凌晨時分，在臉書上傳一段80秒影片，畫面中可見，4名穿著藍色防護衣的醫護人員耗盡九牛二虎之力，將4具棺材接連抬上救護車。
據了解，事發地點為胡志明市下轄的守德市，當天上午就有一批醫護人員從一戶民宅陸續抬出4具棺材，中午左右又至同處，再度抬出4具棺材，這8具棺材皆來自同一家庭，死因都是罹患新冠肺炎而不幸身亡。
報導指出，胡志明市的疫情十分嚴峻，共有1000名外地醫護人員趕至當地馳援，其中光是退休醫師就有多達數百人，他們被迫放棄退休生活，堅守在守德市黎文越野戰醫院抗疫。
面對疫情持續惡化，導致胡志明市死亡率不斷攀升，總理范明政本月6日已簽署一份決議，宣示將在9月15日前控制住胡志明市的疫情。</t>
  </si>
  <si>
    <t>大陸國家衛健委17日公布前一日新增42例新冠肺炎確診病例，本土疫情終趨緩，病例降至個位數6例，江蘇和湖北各新增3例。近日疫情嚴峻的江蘇省揚州市疫情也逐漸緩和，但為徹底阻斷病毒傳播鏈，揚州17日展開第11次大規模核酸檢測。
江蘇新增3例本土病例均在揚州市，7月28日至今，揚州市累計報告本土病例555例，目前已有20名病患出院。而揚州17日有兩地疫情風險等級調整，一升一降，邗江區甘泉街道升為中風險地區；邗江區雙橋街道文揚社區紫金文昌小區降為低風險地區。
此外，河南鄭州市新冠肺炎疫情應急處置聯合指揮部17日消息指出，鄭州市計畫8月24日前完成12至17歲人群新冠疫苗第1劑次接種，9月15日前完成第2劑次接種。
鄭州市政府副祕書長李慧芳表示，疫苗接種是預防新冠肺炎最經濟、最有效的防護措施，青少年也是新冠病毒的易感人群，及時接種疫苗，有助於青少年獲得針對新冠病毒的免疫力，對建立人群免疫屏障具有重要意義。
截至16日，鄭州市新冠病毒疫苗累計接種1516.91萬劑次，其中第1劑830.98萬劑次，第2劑660.42萬劑次，第3劑25.51萬劑次。鄭州全市18歲以上人群接種第1劑808.4萬人，接種率83.24％，12—17歲人群接種第1劑22.58萬人，接種率24.23％。而目前獲准於未成年人中使用的新冠疫苗為大陸國藥疫苗和科興疫苗，使用的疫苗劑量、免疫程序與18歲以上人群完全一樣。
另據大陸國家衛健委主任馬曉偉日前表示，9月面臨開學季，大中專院校和中小學如期開學，一些省分要組織一系列重大活動，要力爭在8月底前把當前疫情控制住，盡快讓社會生活恢復到正常狀態。
據統計，大陸現有中高風險地區「95+29」個，包括95個中風險地區，分布在10個省分，江蘇、河南、湖南、湖北、雲南、山東、海南、北京、內蒙古；另29個高風險地區分布在雲南、江蘇、河南、湖南。</t>
  </si>
  <si>
    <t>台北市長柯文哲日前宣布打疫苗免費，引發中央、地方搶功爭論，據中央預算編列預算內容，追加預算中並非接種服務，卻聲稱全部免費。對此，柯文哲怒嗆，對付新冠肺炎，沒有像對付柯文哲這麼用心。
提高民眾接種疫苗意願，繼北市宣布台北市民施打疫苗免費，不料中央流行疫情指揮中心隨後公布，已編列並通過40億元特別預算，補助接種疫苗。
據中央預算編列內容，6月3日追加預算中符合40億元金額的，用途是獎勵設置防疫專責病房和隔離病室及採檢站。而CDC訂的疫苗接種計畫中，支付是接種處置費，每劑次補助100元，但如今中央講法卻像是全部免費。
針對是否被中央針對，柯文哲表示，這預算是中央編的，必須要自己說明，這幾天中央說法變好幾次，他要把每一次說法記錄下來，就可看到變來變去，就連他到現在都不知道是怎回事。
柯文哲怒嗆，還是把事情做好就好，到這時刻，「你對付新冠肺炎，沒有像對付柯文哲這麼用心」。</t>
  </si>
  <si>
    <t>北京日報用戶端30日報導，大陸國家傳染病醫學中心主任、復旦大學附屬華山醫院感染科主任張文宏30日出席第三屆中國醫師公益大會時表示，未來大陸和全世界都接種疫苗後，人們還是應該盡量減少聚集，在室內擁擠的地方盡量戴口罩，加強通風。
張文宏表示，新冠肺炎傳播性極強，需要做更多預防性的工作。「這個疾病不是醫生所能夠單獨搞定的，我們一定需要普通民眾的配合。最近國內很多地方出現了散發病例，我要呼籲大家，新冠病毒非常隱蔽，如果我們經過了有病例的地區，回來以後要第一時間做核酸檢測。」
張文宏指出，快速檢測病毒是贏得抗疫勝利非常重要的法寶，因為病毒傳播速度太快，如果能夠早期發現，就可以及時中斷它的傳播。但是如果發現得晚，可能就要付出更大的代價，所以積極地進行檢測是非常關鍵的。
張文宏說：「第二，如果一旦有發燒這樣的症狀，我們要及時地到就近醫療機構的發熱門診或者核酸檢測點進行排查。這是幫助我們早期發現病人非常重要的一個環節。」
未來疫苗全面普及之後，是否還需要戴口罩呢？張文宏表示，未來隨著疫苗接種的普及，他還是主張大家在密集的地方擁擠度儘量不要太高，並在室內擁擠的地方，盡量能夠戴口罩，室內能夠經常通風。
他強調，包括戴口罩在內的一些防疫的基本環節，「哪怕將來在中國我們都接種過疫苗，全世界都接種過疫苗，我們還是呼籲大家能夠採取。只要做到了這一點，病毒的傳播速度就會大幅度地降低。」
張文宏說，現在廣大醫生都在默默地努力，以儘快加強中國的公共衛生網路、醫院基層防護網路、預警平臺以及末端發現能力。
張文宏說：「為了中國能盡早地打開國門，儘早地獲得更高的阻擊病毒的力量，各行各業都在努力奮鬥。」</t>
  </si>
  <si>
    <t>校園接種BNT疫苗規劃，新北市於7日發送接種意願書給17萬名高、國中學生家長，新北市教育局表示，目前正調查彙整中，15日將完成回收家長意願書及疫苗造冊，預計自22日起開始接種。
新北市教育局指出，市府已媒合23間醫療院所到校集中施打，施打對象是高中職、五專1至3年級學生、國中7至9年級生，轄內有127所學校將陸續開打。
教育局表示，接種後全校採居家線上授課2日，若學校為周四接種，則僅周五1日進行線上授課；如為周五施打疫苗，因周末已休息2日，因此周一正常實體上課。如入校接種當日，因故無法在校施打，學校也會發送補接種單，讓學生可擇日至當地醫療院所進行補接種，預計30日完成所有學生施打。</t>
  </si>
  <si>
    <t>以大陸、香港為主要銷售市場的石斑魚產業，在新冠肺炎後嚴重衝擊石斑魚市場。民進黨立委邱志偉18日邀請農委會漁業署副署長林國平南下永安區與漁會及漁民座談表示，儘管漁業署將提供半年免息的貸款紓困，但邱志偉認為，半年的優惠對漁民不夠，且應該要請國營事業、國軍單位加強採購，協助石斑魚銷售。
永安區漁會總幹事黃鶯表示，永安區養殖主要是石斑魚與午仔魚，午仔魚在香港的銷量還算穩定，但石斑魚完全動不了，大陸港口雖然開放，但魚運至港口後無法運到市場，即使到市場也沒人會買，外銷到大陸的路幾乎全斷。
林國平指出，漁業署已經注意到這種狀況，因此提出半年免息的紓困方案，漁民不論新舊貸款都能享有半年免息，也計畫補助凍存石斑魚、並計畫在國內推廣食用石斑魚增加通路銷售，將原本辦桌才吃得到的石斑魚，推廣至家戶餐桌上。
高雄市議員黃明太表示，漁業署相關作法太消極，應協調國防部大力採購，如果要將現有石斑凍存，還不如將經費補貼國軍，讓國軍可以以較低價格買到石斑，也能避免將來凍存的石斑與鮮魚一同競爭造成價格崩盤。
永安區漁會名譽理事長何擇良說，石斑魚養殖時間超過1年，半年免息的紓困方案仍會讓漁民陷入困境，因此建議免息時間要延長至1年，另外也要多方打開市場，不論台灣或其他國家的銷售，唯有加強銷售才是走出低谷的唯一方法。
邱志偉指出，他將協調國軍盡速採購石斑，也會請行政院協調國營事業的團膳多採購，先讓永安的石斑魚有銷售管道，另外紓困免息時間也應該拉長至1年，讓永安的石斑魚可以走過危機。</t>
  </si>
  <si>
    <t>宜蘭縣今天（30日）新增1例，累積縣內已有67人確診，新增的案7854是參加金樽餐廳喜宴後確診者的同住者，喜宴群聚確診已達15人（其中有3人為外縣市），但宜蘭縣確診型態仍是與雙北有關者22例最多，南澳鄉碧候村的擴大篩檢1096名村民，核酸篩檢全部陰性。
新增的案7854是30多歲男性，是金樽餐廳群聚案中，案3929和案3930的同住者，案7854也被列為居家隔離的對象，5月23日開始居家隔離，當時採檢結果為陰性，27日開始出現喉嚨痛、發燒、胸悶等症狀，5月28日安排採檢，結果為陽性而確診，CT值11，因案7854當時已匡列居家隔離，對社區沒影響。
宜蘭縣衛生局長徐迺維表示，宜蘭縣67個確診案中，與遊藝場有關20人，餐廳群聚12人（另3人為外縣市），與雙北有關22人，感染源不明13人，67個確診案中有1人過世，16人出院，50人還在住院，當中有15人有肺炎情況。
徐迺維表示，撥補到宜蘭縣的AZ疫苗有2800劑，已施打1100多劑，加上先前施打的疫苗，宜蘭縣超過5成的醫護人員有施打疫苗，警消將從明天起開始施打。
另外，案5974是南澳鄉碧候村開設雜貨店，縣府為此擴大篩檢1096名村民，快篩時有6人陽性，但經PCR檢測後全為陰性，徐迺維表示，已要求自我健康監測，有去過該雜貨店須自主健康管理。</t>
  </si>
  <si>
    <t>心血管疾病位居國人十大死因第2位，且台灣進入高齡化社會，年紀越大、共病越多，常見的共病因子如糖尿病、高血壓性疾病、腎臟相關疾病，皆位居十大死因之列。萬一國內新冠肺炎疫情再起，心血管疾病患者更亟需接種疫苗來提升保護力。
馬偕紀念醫院副總院長、心臟內科醫師洪大川今天出席疾病管制署「COVID-19疫苗與心血管疾病臨床處置研討會」，解析各類心血管疾病病人接種新冠疫苗注意事項。不少心臟科患者都會詢問自己是否適合施打疫苗，打完疫苗會不會讓原本的疾病惡化，他認為答案原則上都是「不會」。
根據歐洲心臟病學會建議，除非疾病處於不穩定期或本身對疫苗過敏，包括心肌梗塞、心房顫動、心肌病變、先天性心臟病、心臟移植、肺高壓、肺栓塞、周邊性血管疾病、腦中風、暫時性腦缺血等，都建議施打新冠疫苗。
而今年發表在《英國醫學期刊》（BMJ）的研究顯示，接種AZ和BNT疫苗後發生缺血性中風和心肌梗塞的比率，都沒有明顯增加，反而是感染新冠肺炎後，發生血栓、中風、心肌梗塞的比率上升了。
洪大川提醒，心血管疾病患者如有使用抗血小板藥物，施打疫苗前不須停藥；如近期接受心導管手術，只要沒有發生併發症或急性胸痛症狀，原則上術後1周可施打疫苗；急性心肌梗塞病人，由於恢復時間因人而異，原則上出院後1至2周如果無明顯或惡化之胸痛或心衰竭，經醫師評估即可打疫苗。
根據台灣腦中風學會建議，剛發生急性腦中風時，可能會出現中風症狀惡化，再次中風和心血管事件、感染等併發症，因此建議在中風急性期（大約1至2周）過後，經醫師評估身體狀況已穩定再施打疫苗。
在少數情況下，需要避免接種特定種類的疫苗。洪大川說，血栓栓塞病人目前多半建議施打疫苗，但如果過去發生血栓合併血小板低下症後群，或肝素引起之血小板低下症者，應避免接種AZ等腺病毒載體疫苗。另腦中風患者需要做MRI及電腦斷層檢查，有文獻指出，莫德納疫苗的賦形劑與這兩種檢查所用的顯影劑相關，如果對顯影劑過敏，就不建議施打莫德納疫苗。
至於接種mRNA疫苗可能出現心肌炎、心包膜炎等不良反應，洪大川表示，mRNA疫苗可使用在多數慢性心血管疾病患者，包括冠狀動脈疾病、心肌梗塞、穩定性心臟衰竭、心律不整、風濕性心臟病、川崎氏症、多數先天性心臟病和植入式心臟裝置者；但如果評估當下心臟仍在發炎者，建議暫緩接種mRNA疫苗，或考慮使用其他疫苗。
萬一施打BNT、莫德納等mRNA疫苗後發生心肌炎、心包膜炎不良反應，洪大川指出，可與醫師充分討論下，並於病況改善後，考慮以其他平台的疫苗進行第2劑接種，例如腺病毒載體疫苗（AZ）、蛋白質次單元疫苗（高端）等。</t>
  </si>
  <si>
    <t>長期居住在香港的潘迎紫分享在香港防疫近況，過年前爆出新冠肺炎，因香港和大陸相通，所以香港很快便開始有確診病例，政府機構關門，大家也都在家辦公，她則是在家忙股市操盤。香港官方呼籲民眾盡量待在家，她形容自己宛如身在曾看過的災難電影中，所以她平常除了出去買日用品和去媽媽家，平時都宅在家。
防疫期間她有段驚險經歷，上周有天早上醒來，忽然感覺喉嚨又癢又痛、乾咳、胸口感覺很緊，心中很驚恐，為了安全起見去看了醫生，還好是虛驚一場。現在她的出門三寶是「口罩、護目鏡、即棄膠手套或酒精搓手液」，每周都會倒半公斤水進廁所下水道，避免若大廈有確診病患，病毒會從下水道口飛上來，「提醒大家要保持好的心態去面對疫情，否則沒得新冠肺炎卻得了恐慌症。」</t>
  </si>
  <si>
    <t>有無良人力仲介公司因宿舍有移工確診，在6月4日、5日私自將同處宿舍32位移工送往竹市一般旅館，旅館業者察覺不對勁後通報，新竹市政府調查發現，32名移工竟已有6人PCR陽性確診，市長林智堅震怒，批仲介公司可惡至極，讓全體市民深陷高風險，必須嚴懲，依嚴重特殊傳染性肺炎防治及紓困振興特別條例重罰100萬元。
苗栗科技廠移工群聚案爆發後，該仲介公司因其管轄的移工宿舍有確診個案，竟擅自將30多名同處宿舍移工送往竹市旅館，並未如實告知業者入住移工身分，入住期間更將移工再帶回苗栗廠區進行篩檢。
市府調查發現，32名移工之中，已有6人PCR陽性確診，目前由市府送往集中檢疫所收治；另有2人快篩陽性，也已安置於新竹市加強版防疫旅館。另，其他快篩陰性移工，市府也安排送往新竹市防疫旅館進行居家隔離。市府也要求該無辜飯店全館消毒，安排期間共9名旅館工作人員、1名房客居家隔離並篩檢。
林智堅指出，該公司將曾與確診者接觸的移工群送往一般旅館，讓全體市民陷入極高風險，可惡至極，已違反嚴重特殊傳染性肺炎防治及紓困振興特別條例第7條與第16條中「違反中央流行疫情指揮中心指揮官規定實施之應變措施」，市府嚴懲重罰100萬元。</t>
  </si>
  <si>
    <t>湖口鄉一處移工宿舍9日下午驚傳有移工快篩陽性，該宿舍為大智國際人力仲介有限公司，為了隔離曾與確診者有接觸的移工，上月底自苗栗將39人遷往位於湖口鄉的居家檢疫宿舍，新竹縣政府勞工處前往了解，確認該宿舍為合格檢疫場所，至於是否有通報問題，「有違法就開罰」。
大智國際人力仲介有限公司在湖口鄉擁有一棟宿舍，提供給自國外入境台灣、須居家檢疫14天的移工使用，均採取一人一室方式居家檢疫，5月下旬，因苗栗竹南發生移工群聚感染案，該公司恐有移工與確診者接觸的嫌疑，因此5月31日將39人帶往湖口的檢疫宿舍管理。
另外也因接觸者多，業者也在新竹市尋求一般旅館，將移工隔離，業者也說，在入住前均有知會旅館，多日來也向新竹縣市、苗栗縣政府求助，也很盡力在處理此案，期望外界不要誤會。
位於湖口的檢疫宿舍自7日起陸續快篩，出現個位數的快篩陽性，也因有救護車進出，導致居民人心惶惶，湖口鄉公所、在地村長也在警方協助下，於路口拉起封鎖線，管制進出。林志華也表示，該區域也天天消毒，「盡量做到讓民眾安心」。
新竹縣政府衛生局指出，目前掌握狀況為來自苗栗的移工在該宿舍群檢疫，有醫療需求會協助送醫、採檢。衛生局長殷東成表示，目前也採取竹竹苗聯防方式，會全力支援。</t>
  </si>
  <si>
    <t>近日網路流傳「日本捐贈給台灣的124萬劑AZ疫苗已過期」、「日本要給台灣更多、但台灣不要」，綠委劉世芳、羅致政、黃世杰今日召開記者會表示，這是經過變造的錯誤訊息，沒想到藍營的新竹縣副縣長陳見賢竟惡意傳遞，將要求陳見賢出面道歉，而引用這些錯誤訊息者，也會請政府速查、速辦、速罰。
羅致政指出，昨天在網路上出現「日本要給台灣不只124萬劑AZ疫苗，但台灣說不需要」的訊息，所以才給這麼少，但這完全是變造過的錯誤訊息。
羅致政說，陳見賢昨天在LINE群組中傳給國民黨代表這則訊息，並引用日本外相在日本國會作證，內容提到「台灣政府沒有想要很多(疫苗)，只要6月擋一下就好，7月就有自己的疫苗」、「台灣這些決策者發國難財、死人財，必定絕子絕孫。」
羅致政表示，當指揮中心忙於防疫時，陳見賢卻忙著傳假訊息，完全不適格，而傳給黨代表，恐怕是有組織的惡意傳遞假訊息，昨日還有不少電視民嘴在媒體上傳遞這則訊息，對此要求陳見賢應出來道歉，而傳遞、引用這則訊息者，政府應速查、速辦、速罰。
羅致政指出，外交部今日已針對這則訊息出面澄清，請民眾不要再轉傳，否則恐有涉及違法問題。
羅致政強調，影片內容是指「台灣可能7月就有疫苗，日本要提供救急疫苗」，並未提到疫苗數字，也沒有提到台灣官方要求多少，請國民黨不要再泡製假訊息。
劉世芳表示，這種企圖破壞台日友好的假訊息，是不是背後有正在「認知作戰」、統戰的陰謀？這些訊息現在經由藍營公眾人物來傳遞，請民眾不可以接受。
黃世杰指出，日本政府在6月4日送來124萬劑AZ疫苗，台灣也表達感謝之意，但遺憾有人在刻意操作錯誤訊息，指稱這批疫苗是「5月份就到期」、「日本人不要的」，這樣的訊息在網路上不斷傳播。
黃世杰說，經查這則消息所引用的新聞畫面，日期是2021年2月7日，散布者利用移花接木的方式，將這次的日方贈送疫苗資訊，惡意連結並錯誤傳遞，導致民眾對預計本周驗證過後就會開始施打的這批疫苗，產生信心動搖，對推展疫苗施打是非常負面的效應。
黃世杰表示，指揮中心已說明，這批日方提供的疫苗，10月才到期，且品質要經過食藥署驗證過後才會放行，民眾請放心。</t>
  </si>
  <si>
    <t xml:space="preserve">新冠肺炎來勢洶洶！美國確診數全球最高，達37萬，死亡數破1.1萬人！美國總統川普7日推文表示，世衛組織（WHO）防範新冠肺炎疫情有欠失當，提供錯誤建議。川普斥責世衛「真的搞砸了」，他也提出，將會檢視WHO拿了大筆美國資金卻以大陸為中心的作為。
新冠肺炎從亞洲到歐美，至今已長達3個月！據約翰霍普金斯大學（Johns Hopkins University）統計，截至美國時間7日，全球2019年新冠肺炎確診病例超過136萬例，76420人死亡。美國確診病例數全球最高，逼近37萬例，死亡人數達11018人。
美國川普今天透過推文表示：「世衛組織真的搞砸了。基於某些因素，WHO資金主要來自美國，卻大幅度以大陸為中心。美國將會好好檢視。幸運的是，我否決世衛早期給予的對大陸開放邊境建議。不知為什麼給我們（美國）這樣錯誤的建議？
美國白宮1日曾公布新冠肺炎死亡人數預估值，估計全美死於武漢肺炎人數高達10～24萬人，直逼世界大戰時的死亡人數。美國總統川普當時也直言，未來2周「非常、非常痛苦」。
</t>
  </si>
  <si>
    <t>新北幼兒園群聚案延燒，指揮中心8日公布7例確診案，都是新北市，北市＋0，台北市長柯文哲表示，中央說新北幼兒園跟機師的基因定序不一樣，證明Delta已潛入社區，且不只一條線，是存在好幾條感染源，北市現在疫調小組要擴充人力，12區都要成立小組。
柯說，北市疫情看起來還好，北市7日7家醫院PCR篩檢2801人、陽性0，因篩檢是採預約制，這應是上一波110萬細胞簡訊效果，目前3周案例看起來很少，但這2天北市府已忙翻，新北幼兒園確定是Delta，中央還說跟機師的基因定序不一樣。
柯說，證明Delta已進入社區，且不只一條線，是好幾條感染源，現在是雙北共同圈，現在看似風平浪靜，還在觀察中，他堅持有多少證據、做多少事，未來幾天，看居隔者有無問題，再決定怎做，他本想說記者會周一、三、五舉辦的次數要減少，但現在有了狀況，就先重整Delta問題及防疫系統。
柯還說，疫調小組要擴充人力，12個行政區要各自獨立作業，衛生、警察、民政系統都要進來，人力也要訓練，每個區都要有疫調小組，若病例超過多少時，隔壁的行政區就要支援，將來疫情發生不見得均勻在各區。
柯說，依照過去4個月的實戰經驗，由副市長黃珊珊指揮，防疫計程車還是主要的運輸工具，現有100台，要擴充至200台，防疫巴士則尚不實用，可緊急增用防疫計程車，但車子要改裝、司機要訓練。
柯說，北市防疫專責病床有372床，每個醫院都要「桌上演習」，接到北市府命令後的第7天，要有1421床，每個醫院都要有SOP，以前是強迫的急行軍，當時病房不夠，至今則不要讓空的病房放在那，有需要就動員。
柯說，旅館分4種，一般、防疫、居隔（1人1間）、防疫專責旅館，北市有47％感染者沒症狀，大概有80％的人不用住院，只是咳嗽感冒而已，現幫病人透過血氧器，防疫能量已比以前強大很多，他要跟市民講「每個危機都是轉機」，北市已比4個月前的防疫能量增強很多。</t>
  </si>
  <si>
    <t>TPK-KY宸鴻（3673）因為提列資產減損，2019年第四季意外轉虧，自結稅後虧損為9,800萬元，每股虧損為0.24元。總經理謝立群表示，目前返工人數滿足訂單需求，估計疫情對於2月產出有二～三成影響，3月降至二成以內，4月可望恢復正常。宸鴻直言目前市場能見度很低，第一季營收估下滑30％，營業利益率在損益兩平的邊緣。
宸鴻舉行法說會，第四季自結合併營收為369.5億元，季減7.8％、年減13.4％，因為出貨量減少，以及提列部分生產設備資產減損損失約8.17億元，使得毛利率降至1.8％，如排除一次性資產減損損失，第四季營業毛利為14.7億元，毛利率4.0％。上季本業由盈轉虧，營業損失約4.52億元，稅前淨損約1.47億元，稅後淨損9800萬元，稅後稀釋每股虧損0.24元，惟排除一次性資產減損損失影響後，稀釋後每股淨利為1.77元。
2019年宸鴻平板電腦出貨量成長42％，消弭iPhone新機拿掉Force Touch所造成的衝擊，2019年全年合併營收達1,366.1億元，年成長20.4％。全年營業利益約1.24億元，稅前淨利約7.8億元，稅後淨利約2.09億元，每股淨利為0.51元，排除第四季之一次性資產減損損失影響，每股淨利達2.51元。
對於新冠肺炎疫情影響，謝立群表示，農曆新年期間工廠沒有停工，一直都有部分員工留在廠內，沒有感染問題，多數員工來自附近，廈門相對疫情比較輕微。目前返工人數足夠滿足產線需求，公司也密切觀察上下游材料和供需，估計疫情對於2月產出有2～3成影響，3月會降至2成以內，4月生產將恢復正常。
宸鴻策略長劉詩亮表示，第一季是傳統淡季，因為新冠肺炎影響，能見度很低。就客戶預測和復工狀況來看，本季營收預估下滑30％，營業利益率在損益兩平的邊緣。
宸鴻今年資本支出40億元，較去年的32億元為多，除了上半年要擴增一條大尺寸奈米銀生產線之外，還將購置面板後段模組組裝、貼合設備。謝立群表示，奈米銀已經獲得了2款手機認證，其中一款手機已經到最後驗證階段，可望在第三季量產，供應給大陸品牌客戶。至於LCD面板模組組裝，過去已經提供部分客戶服務，未來希望擴大到不同產品、客戶，會先從中尺寸產品擴充產能。面板模組營收貢獻大、雖然毛利率不高，但對於經濟規模有幫助，提供一條龍服務，採購便利性，客戶因此提高下單的份額。</t>
  </si>
  <si>
    <t>口罩實名制2.0第一波預購結束，指揮中心醫療應變組副組長羅一鈞19日表示，共有117.8萬人預購，呼籲預購民眾要在21日前完成繳費，第二波預購將接續於25、26日限時兩天上網登記，同樣有700萬片，未來更將一周一周執行。
至於網路瘋傳雙北地區準備封城，疫情指揮中心指揮官陳時中說，這是謠言，將交給法律單位徹查、重罰。
陳時中19日宣布，國內再新增八例新冠肺炎確診，總數達108例，其中78例境外移入、30例本土病例。而案103與案59為北部一所高中同班男同學確診，且座位鄰近，由於同班已有兩人確診，該校20～27日將全校停課，衛生局也將針對座位周圍同學擴大採檢。
國內新冠肺炎確診數飆升破百，18日開始就引發民眾購物潮，各大賣場都湧入大量人潮搶買。對此，陳時中認為，台灣民生物資不會缺乏，世界貨運沒有中斷，台灣沒有國外的大批旅遊團進來，人口沒有大量增加，過度存糧、搶購沒必要，囤積是於法不容，「相搶就不夠、相讓就有剩」！
台灣從19日起所有入境者均須居家檢疫14天，因應湧現桃園機場的大批返國民眾，交長林佳龍說，已啟動擴大防疫專車應變計畫，備妥400輛排班計程車、200輛租賃車及50輛遊覽車接駁，總計每天可以載運3,400趟次。</t>
  </si>
  <si>
    <t>《空軍雜誌》（Air Force Magazine）22日報導，美國空軍戰術戰機2021財年的任務執行率（mission capable rates）全面下滑，除A-10「疣豬」（Warthog）攻擊機外，F-22、F-35、F-16、F-15都無法倖免。
《空軍雜誌》指出，即使2021財年軍方面臨的新冠肺炎（COVID-19）疫情影響不如2020財年，但任務執行率仍進一步下降。F-35自76.07%大幅滑落至68.8%，但仍高於2019財年的61.6%；這是因為許多F-35開始面臨第一次發動機大修，但近年美軍F-35機隊在該設備上面臨短缺，估計2021財年內有40架F-35A因缺少發動機而停飛，且此狀況可能持續達數年。
F-15E連續2年下滑，自2019財年的71.29%降至2020財年的69.21%，再降至2021財年的66.24%；F-15C和F-15D由於機齡過老，任務執行率同樣連續2年降低，F-15C目前為69.48%、F-15D為68.56%。F-16C也自2020財年的73.9%降至2021財年的71.53%、F-16D自2020財年的72.11%降至2021財年的69.32%。
F-22的任務執行率繼續於50%上下徘迴，2021財年為50.81%，較2020財年降低約1個百分點，但與2019財年的50.57%相差不遠。A-10雖然最為老舊，但可能獲益於機翼更換工程及其相對簡單的構造，任務執行率自71.2%上升至72.54%。
任務執行率是衡量戰備狀態時常用的指標，代表戰機能至少執行一項其被賦予的核心任務，如F-16就是空對空作戰、對地攻擊或防空壓制三選一，而此次美軍未公開全任務執行率（full mission capable rates）資料。在川普政府的前美國國防部長馬提斯（Jim Mattis）時代，美國空軍曾被要求應將整體任務執行率提升至80%以上，但此目標從未達成。</t>
  </si>
  <si>
    <t xml:space="preserve">為了解睡眠習慣、疲勞與新冠肺炎罹患風險的關係；約翰霍普金斯大學彭博公共衛生學院研究團隊，針對來自6個國家的2,884名高風險醫護人員，進行為期2個月的網路調查。結果發現，夜間睡眠每增加1小時，罹患新冠肺炎的風險降低12%；相對地，擁有嚴重睡眠問題的人，感染新冠肺炎的機率上升88%。此外，持續感到疲勞感者，罹患新冠肺炎的機率增加2.6倍，康復所需時間與嚴重程度也都隨之增加。
這份研究已發表在2021年3月份的《英國醫學期刊》。論文中指出，隨著新冠肺炎大流行，醫療人員在診療患者中扮演著關鍵角色，並阻止新冠的社區傳播。然而，醫療人員也是最容易染疫的族群。據統計，相較於未接觸新冠患者的醫護人員，診治新冠患者的醫護人員染病而住院的風險成長1.8至3.3倍。
現有文獻證實，睡眠習慣與壓力會增加罹患傳染病的風險。在164名18-55歲的健康男女的研究中，只擁有短暫睡眠時間者在與病毒接觸後感冒的可能性更高。
儘管在一項針對431名中國大陸民眾的研究中，發現睡眠不足與罹患新冠肺炎時病情嚴重程度有關，卻沒有指出睡眠習慣與疲勞是否會影響新冠肺炎的染病機率。
因此，為了解睡眠習慣、疲勞與新冠肺炎罹患風險的關係，研究團隊針對來自法國、德國、義大利、西班牙、英國與美國的2,884名高風險醫護人員，在2020年7月至9月間展開網路調查。所有參與者必須提供自陳報告，內容包含夜間睡眠時間、白天午睡時間、睡眠相關問題與習慣、工作倦怠，以及暴露在新冠肺炎下的狀況。參與者每晚平均睡眠低於7小時，但超過6小時。
結果發現，這2,884名高風險醫護人員中，約568人確診新冠肺炎。考慮各種潛在影響因素後，研究團隊發現每晚增加1小時的睡眠，感染新冠的機率就下降12%。此外，罹患新冠肺炎的568名患者中，約24%的人(137人)有夜間難以入眠的問題，而沒有感染新冠肺炎的參與者，擁有此一障礙的人約21%(495人)。
研究團隊還發現，在罹患心冠肺炎的參與者中，約5%(28人)的參與者有多達3項甚至更多的睡眠問題，如難以入睡、睡眠中斷、需要服用安眠藥；相較之下，沒有感染新冠肺炎的參與者，出現3項以上睡眠障礙症狀的人僅3%(65人)。然而，相較於沒有睡眠障礙的人，擁有3項以上睡眠問題的人，罹患新冠肺炎的機率成長88%。
相較於平日不會感到疲勞感的參與者，每天出現疲勞感的參與者罹患新冠肺炎的機率高出2.6倍，感染後的病情嚴峻程度與需要的康復時間，也是沒有出現疲勞感者的3倍。
研究團隊解釋，這是一項觀察性研究，仍無法確定這樣現象背後的原因。但可以推測，缺乏睡眠或睡眠障礙，會增加發炎細胞因子與組織胺，而對免疫系統產生不良影響。過去研究也指出，職業倦怠透過職業壓力損害免疫系統，並改變皮質醇水平，從而直接、間接地影響疾病感染率。
研究團隊表示，醫護團隊缺乏足夠的夜間睡眠、嚴重的睡眠障礙與過度倦怠，使他們處在新冠肺炎的高風險下。換言之，在大流行期間，睡飽睡好不只關乎醫護人員的福祉，更有其重要性。
專家則表示，睡眠中斷會影響新陳代謝、免疫力，甚至是心理健康。睡眠不足會讓人攝取高熱量食物、脂肪、含糖與含鹽食物，這些都會影響健康。如果又處在壓力或輪班模式，影響又更為強烈。因此，想要為防疫貢獻心力，先從睡好睡滿開始。
</t>
  </si>
  <si>
    <t>新冠肺炎疫情擴散，彰化華新醫材配合政府口罩徵用，日夜趕工製作口罩來供應防疫需求，為增加產能，擴廠新設3條生產線，未來1天約可生產60萬片口罩，為填補新設產線的人力缺口，18日華新在彰化縣勞工處的協助下舉辦徵才活動，短短1個上午就成功招募9名員工。
3班制 大夜班缺人
華新目前生產人力約24人，4條產線1天約產25萬片醫療口罩，新設的生產線速度較快，1條1天可生產10萬片，加上新進人員調配人力，未來產能1天預估可產55至60萬片。華新目前是2班人員交班，未來生力軍加入後，希望能變成3班制，來應付龐大的口罩需求，但大夜班很多人無法適應，這次徵才特別提出大夜班的需求。
華新醫材集團董事長鄭永柱說，徵才除了彌補新設產線的人力缺口，也能加強現有的生產線人力，希望能招聘到包括幹部、機組人員、維修人員、包裝人員等，這些都需要新進人員遞補，需要像機械、電機、電子及管理人才，一方面增加公司人才，一方面也能為地方就業盡點心力。
趕工急 下禮拜進廠
鄭永柱說，未來還有很長的仗要打，希望能找到可以一起長期抗戰的夥伴，來應付龐大的口罩生產量，盡速徵才是希望能盡早訓練新的工作人員，工廠會安排專門的教育訓練人員，來加速訓練員工，讓機組安裝完成後，可以馬上進入狀況，加入生產口罩的行列，新廠區原本安排月底要完成，但他希望可在下禮拜就完成進廠。</t>
  </si>
  <si>
    <t>中央流行疫情指揮中心今公布國內新增7例新冠肺炎確診案例，分別為6例境外移入及1例本土個案，本土個案感染源待釐清。截至目前，國內共累計355名確診案例。
本土個案為40多歲男性(案352)，近期無出國史，3月30日出現發燒症狀至診所就醫，4月1日因味覺及嗅覺喪失至同一診所就醫，隔天再至醫院就醫後收治住院並採檢通報，於今日確診。衛生單位調查，個案獨自居住，平時活動地以住家及工作地為主，將進一步調查相關接觸者，以釐清感染源。
6例境外移入個案為2男4女，年齡為20多歲至60多歲，入境日介於3月15日至4月2日，發病日介於3月16日至30日。發病前活動地為瑞士、美國、德國、英國及南美洲。
指揮中心指出，案350於3月12日至18日至美國工作，返國時因與案197及案202(赴美國探親之夫妻)搭乘同班機因此列為接觸者，案350居家隔離期間，於3月30日出現輕微腹瀉情形，4月1日出現輕微胸悶症狀，於4月2日居家隔離期結束後，自行前往醫院就醫並採檢通報，於今日確診。
案355於2月20日至3月25日參加南美旅遊團，因與案259及331同團列為接觸者，無疑似症狀，居家隔離期間於4月2日由衛生單位安排就醫採檢，於今日確診；該旅遊團截至目前共計3人確診。</t>
  </si>
  <si>
    <t>中央流行疫情指揮中心今(25)日表示，日本政府提供第五批50萬劑AstraZeneca(AZ)疫苗於今日下午運抵桃園國際機場，並在完成通關程序後，直接運送至指定冷儲物流中心進行後續檢驗封緘作業。本批疫苗效期至110年11月26日及11月30日，將由指揮中心統籌規劃運用，提供國人與在臺日籍人士接種。
指揮中心說明，日本提供我國AstraZeneca(AZ)疫苗分別為6月4日124萬劑、7月8日113萬劑、7月15日97萬劑、9月7日6.4萬劑及本批50萬劑，共390.4萬劑，有助我國提升疫苗覆蓋率，指揮中心再次向日本政府及人民致上誠摯謝意。</t>
  </si>
  <si>
    <t>中央流行疫情指揮中心14日公布新冠肺炎第53例確診病例在新竹縣後，網路開始出現患者目前在東元醫院隔離醫治的假訊息，新竹地檢署接獲疫情應變專組平台通報後偵辦，18日迅速偵結，經告訴人東元醫院同意，以緩起訴處分2名被告。
檢方指出，16日接獲新竹縣衛生局通報，網路出現「台灣第53例是竹北台元奕力的工程師！病毒已來新竹，大家小心，確診者現在在東元醫院隔離，沒事不要去東元」的不實訊息後，旋即指派專責檢察官王遠志指揮警調展開偵辦。
警調從facebook帳號確認使用人為賴姓男子，並源追查訊息來源為黃姓女子在LINE貼文後通知2人到案，要求刪除貼文，並於個人網頁重新貼文澄清事實。
檢察官17日傳喚黃女和賴男到庭，認2人坦承犯行，無犯罪紀錄，犯後態度良好，已深表悔悟，認以緩起訴處分為適當，諭知支付緩起訴處分金1萬元，向指定團體提供60小時義務勞務及參加2場法治教育課程。
新竹地檢署再次呼籲民眾，面對傳染病應配合中央流行疫情指揮中心的宣導及防疫措施，對疫情資訊應謹慎面對，切勿以訛傳訛，任意轉傳、分享、散播不實訊息，違者最高可處3年以下有期徒刑、拘役或併科300萬元以下罰金，民眾若發現有任何散播不實訊息，可向檢警舉發。</t>
  </si>
  <si>
    <t xml:space="preserve">《完全娛樂》22日熱鬧舉辦《YouTube訂閱突破兩百萬》慶功記者會，節目主持人林思宇（宇宙）、夏和熙、林宥嘉、YouTuber這群人的茵聲、展瑞、董仔皆開心站台。夏和熙相信該節目很快就會超過三百萬訂閱，他也透露達三百萬時，天團「五月天」就會幫完全娛樂創作片頭曲，讓林宥嘉笑說那五月天好像還可以納涼一下。
林宥嘉坦言二寶快出生了，新冠肺炎期間少出門在家陪妻子，現階段也在籌備新專輯，而太太丁文琪的預產期則是保密到家，神秘兮兮回：「新專輯釋出和預產期同一天。」被問到是否有當youtuber的憧憬，他淡淡說：「我喜歡當看youtube的人，光想到影音要後製就挺麻煩的。」他表示每一次都是很心情平靜看底下留言，「若是意外中獎才會內心很不平靜。」他笑說過年期間被分到一張刮刮樂，可惜卻摃龜了。
林思宇轉眼已主持四年，她記得有次工作人員騙她說要去鹿港錄影，她還特地準備饒舌歌給政府官員觀賞，沒想到在車上直播完卻來到機場，「竟給我一個驚喜是去香港看『五月天』的演唱會。」她笑說那天穿很接地氣的「鹿港風格」服裝，「上面的鹿字還畫叉寫成香。」
展瑞談到面對酸民言語時心情要保持正向，茵聲則說能接受批評的聲音作為進步動力，但隨意謾罵則不可取。
</t>
  </si>
  <si>
    <t>滯留湖北的彰化鄰長夫妻，10日搭乘第2批武漢包機，在林口檢疫所完成居家檢疫14天後，25日返回溪湖鎮，看到迎接他們的84歲老母親，眼淚流下來，想起歷經了大陸封城，瀰漫死亡恐懼，吃到了麻油麵線、雞蛋，就是這個台灣的味道，讓人感動得笑淚交織。
鄰長夫妻回鄉，喊一句「媽嗎，我回來了」，84老媽媽放下心中大石，里長在何炳樺、理事長及親友早就在鄰長家中等候，替媳婦跟兒子要回家，並準備2碗「芙蓉繡球花艾草水」洗淨，紅包壓驚。
媳婦吳茗嫁到台灣10年，說婆婆把她當女兒，因大陸爸爸病危，和擔任鄰長先生去湖北探視，沒想到遇到史上最恐怕肺炎，有家歸不得，天天想回家，天天怕染病，還好台灣安排包機，在林口檢疫所住14天，安心地回家有種劫後餘生的感動，更懂得珍惜、生命的一切、一切。
「台灣真好！」吳茗特別謝謝婆婆照顧3個分別就讀高中、國中及剛滿周歲的小女兒，返家時2個大的上學，剛滿1歲小女兒伸手要抱媽媽，內心好激動，「我真是世界上最幸福的媽媽」女兒依偎著爸媽，不到30分鐘就安穩的睡著了。
「感謝台灣伸出手臂，讓我們有家可回，家人團圓」鄰長夫妻說，要感謝太多、太多了，謝謝媒體報導；立委、縣長、鎮長和里長等每一位鄉親，期盼疫情趕快結束。</t>
  </si>
  <si>
    <t>新冠肺炎疫情延燒，各種假訊息充斥，造成民眾恐慌，政府修法嚴懲提高罰責外，各警察機關更全力查察，幾乎天天有績效，藉以遏止假訊息擴散，阻礙防疫工作，警政署長陳家欽疾呼司法機關應盡速偵處審結，共同防堵假訊息。
警政署表示，訊息傳播不受時間與空間限制，導致未經查證之爭議訊息日漸氾濫，防疫期間更可能造成治安事件發生，警政署在1月底及2月中旬兩度要求各警察機關嚴密查察違反傳染病防治法第61、62、63條規定案件，積極蒐集具體事證並且查辦。
尤其為避免影響疫情控制及民眾恐慌，一旦查獲案件，各警察機關即時發布新聞，澄清相關不實訊息，以免以訛傳訛，以降低擴散、遏制不法。例如，有民眾捏造某醫院因疫情封院、還有湖北武漢每家屋頂住蝙蝠，甚至是大麻可殺死新冠肺炎病毒等，都迅速傳喚涉案人說明。
此外，警政署也呼籲司法機關盡速偵結，除達到嚇阻作用外，是因為假訊息案件常涉及特別法（如傳染病防治法等）與社會秩序維護法，警察機關依「特別法優先普通法」及「先刑事後行政」、「刑罰優先」、「刑事先行」原則會先移送地檢署偵查，若司法機關認定該案不符合特別法要件，警察機關會在社會秩序維護法裁處時效2個月內移請簡易庭裁罰。
同時，為強化防疫期間囤積哄抬查處工作，警政署提升防疫期間偵破囤積哄抬案件獎勵額度，激勵警察同仁士氣，並請各警察機關持續主動與其他相關政府主管機關，包括公平會、衛福部、消保官等機關保持聯繫，如遇具體個案盡速釐清案情，配合案件執行查察並據以偵辦。</t>
  </si>
  <si>
    <t>半導體測試介面廠精測（6510）受惠5G商用化前的供應鏈備料需求顯現，2020年首季營收表現持穩高檔，表現符合預期，第二季營運續看升。今（6）日不畏大盤劇烈震盪，股價開高後走揚，最高上漲4.34％至746元，早盤維持逾3.5％漲幅，表現較大盤穩健。
精測股價受台股股災影響，3月23日下探584元的5個月低點，1個月來波段跌幅達42.18％，隨後股價打底回升，近日站回持穩700元之上。三大法人近期買賣超調節互見，近2周合計小幅賣超80張。
精測公布2020年3月自結合併營收3.38億元，月增達17.91％、年增達68.05％。累計首季合併營收9億元，雖季減10.64％、仍年增48.48％，同步改寫同期新高，表現符合公司及市場預期。
精測表示，5G即將步入商用化，隨著5G通訊獲得實質落地應用，成功帶動精測近期營運業績表現。包括應用於5G基地台的射頻（RF）晶片、智慧型手機的核心應用處理器（AP），均是推動3月垂直探針卡（VPC）銷售業績成長的主力產品。
展望後市，投顧法人指出，受惠客戶5奈米量產出貨，原先預期精測營收成長動能將自第二季起加速。但隨著新冠肺炎疫情延燒全球，對營運成長動能增溫造成變數，客戶是否遞延下單將成為觀察焦點。
投顧法人認為，即使在客戶未大量拉貨、4～6月營收表現僅與3月相當的最差狀況下，精測第二季營收預估仍可望季增達雙位數百分比，但若季增率未達2成，則目標價將有下修風險，故維持買進評等不變，但將目標價自1200元下修至1000元。</t>
  </si>
  <si>
    <t xml:space="preserve">據日本放送協會(NHK)報導，日本奧運大臣橋本聖子當地時間3日表示，根據東京與國際奧會之間的協議，東京奧運會可以在2020年內進行延期。
《中新網》報導說，橋本聖子被問及東京奧運會是否會延期舉辦時，橋本表示，「主辦城市與國際奧會的協議中規定，國際奧會只有在東京不能於2020年內舉辦的情況下，才能取消本屆奧運會。根據這一協定，東京奧運會可以在2020年內進行延期。」
根據日本厚生勞動省和各地方政府統計的資料，截至當地時間3日下午5時，包括鑽石公主號郵輪的706名感染者在內，日本新冠肺炎病例確診人數累計達985例。
此前，關於東京奧運會，日本首相安倍晉三表示，「將推進萬全準備，使之成為對運動員及觀眾而言是安全、安心的大賽。」
</t>
  </si>
  <si>
    <t>高雄21日無新增新冠肺炎本土確診個案，但有一名IKEA宜家家居高雄店的前員工，在16日返回馬來西亞出境時，被採檢為陽性，高市府獲報後，緊急匡列225位相關接觸者，並展開清消作業，目前接觸者快篩、PCR檢驗全數均為陰性。
高雄市議員陳若翠21日揭露IKEA宜家家居高雄店一名銷售部門主管，7月15日出境返回馬來西亞時採檢為陽性，由於IKEA平日進出顧客很多，她擔心出現防疫破口，強烈要求高雄市長陳其邁除了做好疫調工作，也要注意社區確診黑數的問題，才不會讓「微解封」變成「危解封」。
陳其邁表示，該名馬籍離職員工在馬國入境篩檢時，被驗出CT值29.38，隨後立即通知高市府，她在7月14日檢驗時，PCR呈現陰性，他也提醒，相關的檢查結果、過程、方式與臨床症狀，都必須經過中央或地方流行疫情指揮中心專家的綜合研判才能公布，避免引起民眾不必要的恐慌。
陳其邁指出，若在國外發現個案，通常會透過IHR組織通報，並由該國組織通報給中央，確認該個案在國外的檢驗狀況，所以高市府對該個案的判斷，會從最嚴格的標準來提前部屬，已經召回職場員工及所有接觸者。
陳其邁表示，這種國內採檢陰性，出國又確診的個案其實很多，有幾個狀況，她可能在旅行期間汙染，例如在飛機密閉空間，旁邊有確診個案可能導致咽喉部受汙染，病毒短暫停留也會被採檢到，或者離開台灣前在職場、社區接觸，出國後才發病。
陳其邁說，這個個案7月15日搭高鐵北上，16日出境，包括高鐵、飛機、職場及北部友人有相關接觸的人，甚至實驗室的診斷或採檢現場汙染的可能性都無法排除，所以會料敵從寬，先排除本地感染，但以現有的資料綜合評估後，並沒有找到是與高雄職場接觸傳染有關，可能感染源還沒有找到。
高市府衛生局強調，由於各個國家的採檢方式、技術、SOP都不盡相同，馬國的情況不得而知，但到目前為止，中央尚未獲得IHR回應，無法得知該個案確診的真實性，高市府已經啟動疫調、緊急匡列相關接觸者，高市府謹慎以對。</t>
  </si>
  <si>
    <t xml:space="preserve">《中時新聞網》精選5件不可不知的國際大事，帶讀者掌握今（18）日的國際新聞重點。
【1】	台防疫佳能否進WHA大會？WHO給答案了
近期接連遭受美國總統川普砲轟的世界衛生組織（WHO）18日一改先前避談台灣防疫成績，首次公開讚揚台防疫成效，不過關於台灣是否能參加今年世界衛生大會（WHA）則說非其權責，由會員國決定。
【2】	川普推特提台灣通報證據 三連嗆WHO
川普在推特上引用美國胡佛研究所研究員陳仁宜在《福斯新聞》台上受訪的內容，其中提到台灣早已通報WHO有「人傳人」現象，再次指責WHO失職，這也是川普首度公開以台灣證據，質疑WHO處理不當。
【3】	川普追擊 指陸新冠死得遠比美還多
在武漢將新冠肺炎死亡人數上修達50%後，美國總統川普周五推文說，中國大陸的死亡人數遠比通報的高，甚至超過美國。「中國剛宣布，因隱形敵人致死的人數增加了一倍」，「但其實遠比那還高，甚至遠比美國還高，差遠了！」。
【4】	多國領袖挺WHO 川普陷孤立
七大工業國集團（G7）領袖16日召開視訊會議，包括德國總理梅克爾等多名G7領袖都表態支持WHO，對川普中斷WHO金援，G7內部表達遺憾，讓外媒形容川普唱獨角戲。
【5】	傳自民黨切割 安倍6月恐下台
安倍政府新冠肺炎疫情紓困經濟對策朝令夕改，16日宣布統一發放每位國民10萬日圓並重新調整2020年度修正預算案。被在野黨批「前所未聞，安倍所為夠得上內閣總辭了」。《SUNDAY每日》雜誌報導指出，自民黨內已傳出6月要換掉安倍，由麻生太郎接替的風聲。
</t>
  </si>
  <si>
    <t>新冠肺炎疫情延燒，新北市瑞芳區的蝙蝠洞公園也大受影響，因傳新冠肺炎疫情與蝙蝠有關，不少遊客走訪東北角旅遊的時候，特別迴避蝙蝠洞一帶。台灣蝙蝠學會指出，新冠病毒是否從蝙蝠感染到人體，還需研討，但蝙蝠學會呼籲以「管制人類與蝙蝠的接觸」來減少蝙蝠病毒轉變成人類病毒的機會，才是上策。
瑞芳區海濱里長鄧麗華指出，在蝙蝠洞公園內棲息的蝙蝠為東亞折翅蝠，與被懷疑和新冠肺炎疫情相關的菊頭蝠為不一樣的品種，她強調，當地的居民都知道，所以請前來觀光的遊客都免驚，在蝙蝠洞公園並不會有傳染疾病的風險。折翅蝠的移轉前來停留的時間為5月到9月。
針對民眾擔心蝙蝠洞是否會有傳染風險，新北市動保處長陳淵泉受訪時表示，到目前為止，對於蝙蝠跟新型冠狀病毒之間的關係，沒有任何科學證據顯示，有直接的關係，所以請大家不必恐慌。
他也提醒，觀賞蝙蝠或其他動物的時候，他請前往旅遊的民眾遵循不撿拾、不餵食、不要有直接的接觸的「三不原則」，保持距離、不要恐慌，便可以大幅降低危險性。
陳淵泉也指出，雖然蝙蝠洞目前還不會封鎖，但若有旅客要進入到蝙蝠洞內，請於進入前後，做好勤洗手及消毒的工作，避免有任何的疑慮發生。</t>
  </si>
  <si>
    <t xml:space="preserve">新冠肺炎造成口罩荒，台灣實施的口罩實名制讓藥局外總是大排長龍，但近日人潮已逐漸緩和。全國公務人員協會榮譽理事長李來希卻直指，排隊領口罩的多半是老年人，「年輕人在家等口罩，真是太殘忍了」。此話意外引來網友砲轟。
李來希在個人臉書發文，繼他日前在家中找出5個醫用口罩，接著又翻出10個被遺忘的口罩，讓他喜出望外，直呼「好爽！」。但底下他又針對口罩實名制的排隊現象發表看法，留言內容指出，「排隊的人多半是老先生老太太，年輕人在家等口罩，太殘忍了，想想真的很不堪吧！」。
文章被網友貼上PTT後，不少人都傻眼回應，「是不用上班喔」、「上班怎麼排」、「好啊 老人去上班 年輕人來排」、「過太爽不知道大家平日都要去上班喔？」、「我是知道很多年輕人靠他父母的退休金養就好」。
</t>
  </si>
  <si>
    <t>中央流行疫情指揮中心公布，昨（2日）新增13起疫苗接種後死亡事件，其中8例為接種AZ後死亡，另5例為接種莫德納後死亡。
指揮中心發言人莊人祥表示，8例接種AZ後死亡事件，年齡介於40至92歲之間，於接種後6至34天發生；5例接種莫德納後死亡事件，年齡介於54至83歲之間，於接種後11至57天發生；昨天無新增接種高端後死亡事件。
另外，昨新增30件疫苗接種後非嚴重不良事件，以及37件疑似嚴重不良事件。截至昨天國內累計接種1100萬4240劑疫苗，其中AZ接種660萬608劑，莫德納接種375萬675劑，高端接種65萬2957劑。</t>
  </si>
  <si>
    <t>三重客運藍38公車的6名公車駕駛曾搭載新冠肺炎第32例外籍女看護，經公司給予14天有薪防疫假後，6人健康狀況良好，本月初順利復工，直呼「幸好工作時都有戴口罩！」新北市交通局長鍾鳴時大讚，感謝這6名防疫英雄的努力，全程落實消毒工作，成功守住防疫第一線。
國內上月底新增第32名確診個案為外籍女看護，曾多次搭乘公車、捷運至雙北各大景點「趴趴走」，新北市交通局得知確診病患行蹤後，立即檢查公車清潔紀錄、調閱行車影像，並召回所有車輛大規模消毒，確認這名外籍看護和6名駕駛皆全程佩戴口罩，未讓疫情擴散。
經過14天有薪防疫假後，6名駕駛健康狀況良好，本月初順利復工，成功守住防疫第一線；資歷長達21年的董姓駕駛坦言，他曾經歷SARS抗戰，這次得知載到確診病患時，確實有點緊張，幸好出車前都有做好車內清潔消毒及量體溫、戴口罩、勤洗手等措施，「能夠重返工作崗位，非常開心！」
62歲的何姓駕駛是6人中年紀最長，公車駕駛資歷達14年，他說休假在家期間，除了追劇也動手整理屋頂花圃、做做運動，但因不能外出，跟關在監獄一樣，「重獲自由的感覺真好！」</t>
  </si>
  <si>
    <t>精選《中時新聞網》5件不可不知的國際大事，帶讀者掌握今天(2月14日)的國際新聞重點。
【1】疫情忽然飆升 全因武漢改變檢測方法
當市場樂觀認為新冠肺炎的疫情逐漸和緩之際，新增感染病例和死亡人數忽然間又再度飆高。本周三死亡人數高達242人，為疫情爆發以來當日最高紀錄。而本周四湖北省的新增病例居然高達14,840個案例，前一天才2千例出頭而已。專家解釋，事實上這並非因為疫情惡化或是隱匿病例，而是檢測方式不同，所造成的統計數字變化。
【2】漂流近2周 威士特丹號終於停靠柬埔寨
在新冠病毒疫情陰影下，月初從香港出航的郵輪「威士特丹號」（Westerdam）一度淪為海上孤兒，先後遭到5個國家與地區拒絕停靠。威士特丹號在海上漂流將近2周，13日終於獲准停靠柬埔寨施亞努港。
【3】日相緊急會議 逾1400億抗疫
停靠在日本橫濱港的「鑽石公主號」郵輪13日再添44例新冠肺炎確診病例，全船累計218人確診。日本厚勞省決定14日讓80歲以上且有慢性疾病的旅客及同房者優先下船，目前預計台灣有2名。此外，日本境內13日突然新增4個確診病例，其中還包括死亡首例。
【4】武漢肺炎影響 新加坡餐廳大陸旅客人潮不復見
新加坡武漢肺炎病例續增，新加坡濱海灣、烏節路、聖淘沙景點，以及牛車水觀光客消費餐廳均受影響，人潮不如往昔。尤其，大陸旅客赴新加坡受限，衝擊零售與旅遊業。新加坡今天新增8起確診病例，確診病例總數達58起。
【5】新冠肺炎陰霾籠罩 東奧籌委會重申照辦
新冠肺炎疫情延燒，隨著日本確診案例持續增加，對今年夏天登場的東京奧運是否能如期舉行，外界相當存疑。不過東奧籌委會主席、前日本首相森喜朗今天再度重申，從未考慮延後或者取消奧運會。東奧籌委會今天起與國際奧會(IOC)，在東京召開2天協商會議，森喜朗說，他希望說清楚講明白，東奧不會因為新冠病毒疫情受阻。</t>
  </si>
  <si>
    <t>隨著數位化時代來臨，人們的生活型態也在改變，再加上近期新冠肺炎（COVID-19）疫情衝擊，餐點外送的市場蓬勃發展。也因為工作時間彈性、進入門檻低等特性，只要有手機與機車就可以外送，故吸引越來越多年輕族群投入這個市場。然而，外送員薪水與送單量高度連動，因搶快而違反交通規則，甚至發生車禍的案例時有所聞，也曾發生死亡車禍的新聞。根據媒體調查顯示，外送員平均年齡為30歲，有高達八成的人員最擔心遇到車禍事故，如何運用保險填補風險，遂成為大家都在討論的議題之一。
現行外送平台業者多已協助外送員投保一般的傷害保險，但保額有限，國泰產險與WeMo Scooter瞄準此商機，聯合打造外送員的專屬商品，企圖填補保障缺口。只要有需求，WeMo提供超值租車方案予外送員，另由國泰提供外送員自費加購的保險，專案內容為交通意外身故或失能時，最高給付100萬元保險金，保費為三個月105元。透過WeMo App中專屬連結跳轉至國泰產險官網購買，用手機即可操作，免去紙本繁瑣作業及傳遞時間。流程中整合共享運具租用平台與保險流程，投保僅需三分鐘，快速又便利。
國泰產險梁明喬副總表示，配合新興行業的發展，國泰產險會積極創新，以人的角度出發，運用科技與數位方式打造新的服務模式及價值，打造保險生態圈。國泰產險未來也持續會與WeMo合作，共同研發其他商品，讓保險與生活緊密結合，以消費者的角度出發，持續不斷創新，創造新的保險價值。</t>
  </si>
  <si>
    <t xml:space="preserve">美國運動用品公司Under Armour（UA）第一季虧損超出預期，且受新冠肺炎全球大流行影響，旗下門市幾乎全部關閉，看衰本季營收將銳減50%～60%。周一UA收盤重挫9.72%，報9.01美元，盤中一度跌11%。
Under Armour公布，第一季淨損為5.597億美元，每股虧損1.30美元，表現遠不及去年同期的淨利2250萬美元，每股盈餘5美分。經調整後每股虧損34美分，超出市場預期的每股虧損19美分。
首季營收年減23%，為9.3億美元，落後市場預期的9.76億美元。批發業務營收年減28%，為5.92億美元。北美業務營收年減28%，為6.09億美元。
該公司表示，UA的亞洲銷售點大多已經重啟，但自4月起全球八成門市開始歇業，使公司業務受到重創。儘管某些門市可望在未來幾周重新開業，但消費者是否回流仍存在不確定性。
Under Armour已經採取多項節流措施以應對新冠疫情造成的衝擊，包括直營門市與美國分銷中心裁員。該公司表示，今年營運開支將削減3.25億美元。
</t>
  </si>
  <si>
    <t>苗栗縣電子廠感染風暴擴大，全台各科技園區加強防疫警戒，中科篩檢站7日完成演練，開始接受園區企業預約，中科管理局表示，園區內企業先評估，如具有相對高風險的員工或同住家屬可由各廠線上預約進行篩檢，以服務園區企業防疫需求及降低作業風險。
中科管理局指出，中科篩檢站由中國附醫結合中科員工診所設置，與台中市衛生局密切聯繫運行，7日完成各廠商員工篩檢動線安全的演練，很多園區企業馬上熱線詢問，目前園區有5萬多名員工，篩檢站能事先防範，避免造成傳染風險。
包括台積電、美光、友達、康寧等科技大廠都設在中科園區設有廠房，2020年產能與業績逆勢上揚，呈兩位數成長，創下9359.79億元營業額，較2019年增1387.47億元，漲幅17.4％，成長兩位數，創歷年新高，展望2021中科邁向兆元產業園區。
科技部推動竹科、中科與南科防疫，快速啟動防疫的量能，提醒廠商針對具有相對高風險的員工或同住家屬，可由各廠線上預約進行篩檢，以服務園區企業防疫需求及降低作業風險，抗原快篩由企業自費送檢，如果快篩陽性，醫療院所將通報衛生局，並續進行PCR核酸檢測採檢。
防疫升為三級警戒後，中科園區廠商採取相應防疫模式運行，實施分區分組與分流等方式運作以及應變作業，確保防疫及營運持續，中科管理局及園區廠商提高環境清潔與消毒作業的頻率，目前中科園區廠商營運均不受影響。
此外，針對外籍移工分組及嚴格防疫措施、要求若與確診個案有接觸史，則主動進行自主健康管理與隔離措施等機制。</t>
  </si>
  <si>
    <t>枋山鄉楓港、善餘2村30日解封，縣府允許店家、市集營業讓居民恢復正常生活，但多數店家仍維持停業狀態，菜巿場沒有一攤有開，居民說，村內最大的魚販、肉販、菜販都被匡列隔離中，沒人賣菜生活還是很不便，除了2家傳統雜貨店有開外，市場、麵店幾乎都關著。
居民指出，之前有篩檢、打疫苗，大家都還會出來，但解封後的街道幾乎看不到人，除因農忙期要去果園忙外，多數人還是會怕而待在家不敢出門，但最重要的是，主要賣菜賣肉的都被匡列隔離中，導致沒人賣菜賣肉，解封後還是要吃泡麵度日。
「菜市場沒一攤有開！」居民道，有車的人會到車城或枋寮買菜，但都不敢承認是楓港或善餘人，就怕被歧視被討厭，而沒車的只好拜託朋友寄菜寄肉，且縣府給的防疫物資，有米、泡麵、罐頭、水果，但就是沒菜，真的很想吃菜。
雜貨店老闆說，一早6點多就有客人上門，有買民生用品、雞蛋、酒等，客人都道前4天雖然有防疫物資，但都是「止饑的」，生活上真的很不方便。</t>
  </si>
  <si>
    <t>台北地院繼3名法官助理確診新冠肺炎後，又有1名在民事庭服務的女職員，疑被家人感染也確診。據悉，院內有接觸的10多名同仁已被衛生單位匡列、通知居家隔離，北院並通知第二層接觸者居家辦公，自主健康管理，以防感染擴大。
據悉，北院確診的女職員，曾於本月7至9日到院工作2天又2小時，她得知家人確診主動通報，經採檢後也於13日確診，除接觸者被衛生單位通知居家隔離14日，北院也立刻消毒，並通知與接觸者有接觸的第二層接觸者居家辦公，自主健康管理。
北院最早傳出有疫情，是1名法官的父親曾赴萬華區遭感染，所幸法官本人採檢為陰，上月19日又有寶慶院區1名法官助理被室友感染確診，再傳染給同辦公室2名法助，這次民庭的女職員則確診。</t>
  </si>
  <si>
    <t>台中市4日新增7例本土確診個案，3例為梧棲區家庭感染，該家族父女都在同一藥局工作，另2例為清水區家庭感染，其餘2例為零星個案，此外，市府並已掌握1例尚未編號案例，均已匡列相關接觸者，相關足跡史也已加強清消。
台中市衛生局長曾梓展4日在中市疫情指揮中心記者會上一一公布確診個案及公共場所足跡一一說明。梧棲區71歲藥師（案10466）、69歲妻子（案10465）、43歲在藥局工作的女兒（案10360）一家三口確診；最先發病的是家裏的女兒，25日出現症狀，自行服用退燒藥有緩解，6月1日又開始出現症狀，2日至醫院採檢後確診。
其發病前5月20日曾至梧棲區大家來大賣場，21日至「57自助洗車」、21日及24日曾至全聯福利中心（梧棲文昌店），26日至梧棲區中央路一段7-11港中分店。
而該名確診者71歲藥師爸爸5月24日出現症狀，69歲的媽媽5月28日也出現症狀，因同住女兒6月3日確診，倆人到醫院採檢後確診。倆人發病前後會至住家附近位於梧棲大庄郵局對面、鄉村漢堡旁的菜車買菜。
清水區確診母女，分別是51歲（案10467）與19歲女兒（案10468），媽媽在雲林台塑廠工作經常拜訪雲林大城鄉台西村鄰長，鄰長5月31日確診，她5月29日出現症狀，31日下午辦理離職搭公司交通車返回台中，2日與女兒均因身體不適，一同前往醫院採檢後確診。
疫調時發現，51歲媽媽6月1日曾至清水第一公有零售市場購物。而19歲女兒因5月1、2日曾參加統測，平時多在家準備書審，甚少出門。
6月3日確診大雅區35歲房仲其59歲母親經匡列採檢，也在6月4日確診，該女5月13日因病手術後鮮少出門。
還有一名確診者是龍井區21歲男性（案10153）是一大學建教生，平日在苗栗某公司（非京元電子）實習，因有一名新北市的同事確診，全公司快篩出現陽性，日前採檢確診。</t>
  </si>
  <si>
    <t>民進黨今舉行線上中常會，蔡英文總統在會中表示，他們也注意到，近期的疫苗施打，有些對特權以及施打效率的質疑。她要強調，中央明定的接種順序，是經過專家討論，考量公共衛生和維持社會穩定需求的結果。
她表示，也要請執行單位，包括地方政府，確實依照順序，有效率地來施打。「我們是執政黨，更要做表率，請大家在地方宣導，依序施打，輪到你，再去打」。
蔡總統在會中提到疫苗供給和施打；她說，上週大家也看到，在全球疫苗供貨緊張的情況下，政府還是努力透過外交管道，跟美、日爭取了緊急供應將近兩百萬劑。
她說，國產疫苗的部分，她要再次強調，安全、有效，是疫苗上市的基本條件，尊重科學證據，有一分證據、說一分話。這不僅是政府的責任，也希望社會大眾都抱持這樣的態度。
民進黨發言人謝佩芬會後回覆媒體表示，也要呼籲國內各政黨，關於疫苗施打的順序這是專業問題，請務必依循配合專家的專業意見來依序進行。
她說，對於被媒體揭露國民黨部分人士疑似利用特權插隊打疫苗的事情，也要籲請江啟臣主席應該出來告訴台灣人民，你們的態度是什麼。</t>
  </si>
  <si>
    <t>中央流行疫情指揮中心今(27)日召開記者會，一媒體提問有確診者因飲食問題大鬧隔離病房。對此，指揮官陳時中表示，沒收到此訊息，但住醫院不是住旅館，病患要分清楚。
據傳有財經界大老的外籍媳婦，在隔離期間因不習慣病房內的中式餐點而大吵大鬧，要求醫護人員買漢堡，對此官陳時中表示，沒有收到此訊息，但希望「住醫院還是住旅館要分清楚」，飲食上醫院會有相應的安排，「當然合理的要求會盡量做，但若是不合理的，不表示住院的病人鬧事就沒事。」仍會依《醫療法》第24與106條的法條規定予以處分。</t>
  </si>
  <si>
    <t>花蓮縣國、高中生今起陸續開打BNT疫苗，41所學校、1萬5683名學生同意在校接種，四維高中打頭陣，1003位學生造冊，959位願意接種，接種意願高達9成6，學生一早在醫療團隊引領下，依班級前往體育館接種，所幸目前尚未傳出有人身體不適。校方也調整室外課程，避免打疫苗後14天進行激烈運動，並由學生評估身體狀況，從寬認定給予防疫假。
今天上午8點40分許，四維高中學生依照班級前往教學樓川堂，坐在彼此間隔1公尺的椅子上，開始填寫接種卡，校方亦安排人員協助量測體溫，再排隊進入體育館，核對身份、詢問身體狀況，依序挽袖接種BNT疫苗。
慈濟醫院醫護人員提前在體育館內分裝疫苗，將準備好的針劑給前線施打，花蓮第一個打到BNT疫苗的高三學生徐唯嘗坦言，雖然作息規律，在接種前也沒有特別準備，不過之前看過一些不良反應的案例，加上媒體大肆報導，確實有點緊張，還好打完沒什麼感覺，彷彿被蚊子叮，也沒有不舒服，不過他認為，打疫苗有必要，才能保護自己也保護身邊的人。
四維高中校長蔡忠和指出，有959位學生同意接種，有44位不同意，施打比例約9成6，施打前學校針對施打疫苗的指引，不斷叮嚀學生防疫注意事項，今也安排校內25個班級，一班一班逐一前往體育館接種。
至於3天防疫假，蔡忠和表示，由學生依自己身體狀況請假，若沒有異狀則正常到校上課；由於接種後14天內不能進行劇烈運動，四維高中也調整體育課、國防通識等室外課程，移至室內進行。
此外，四維高中9成9的教職員已接種AZ疫苗，蔡忠和說，尚有2位老師因身體因素，仍在等待其他疫苗，相信學生接種完後，校園環境會更安全。
花蓮縣衛生局長朱家祥提醒學生，接種後可能會有發燒、全身不舒服等反應，不過短暫的不適，總比染疫要好，鼓勵學生打疫苗，接種是防止重症和死亡，打完後還是要戴口罩、勤洗手，避免感染變種病毒。</t>
  </si>
  <si>
    <t>新冠肺炎疫情在東南亞發酵，全球最大橡膠至成品生產國馬來西亞受到重創，相關產品如橡膠手套、保險套等都受到影響，其中，全球最大的保險套製造商商康樂公司（Karex Bhd）被迫停產一個月，全球保險套供應進入告急狀態。康樂公司總裁Goh Miah Kiat日前表示，公司的三家工廠停產了10天，已經造成了全球1億個保險套缺口。
康樂除了為全球最大保險套品牌杜蕾斯的代工，還為世界衛生組織及英國國民保健署生產保險套，其自主品牌Carex和One銷量也很大；據統計，全球每5個保險套，就有一個由康樂生產，康樂每年向140個國家出口保險套，年產量超過50億個；不過，自馬國政府3月16日宣布實施行動管制，3月18日至31日全國封城14日，已使各產業運作受到嚴重影響。
近期，雖然馬國政府對一些企業開了復產綠燈，但企業依然需遵守一定規則。比如，獲准運營的工廠必須減少員工數量至最低限度，康樂公司已於27日獲准提前復產，但按照復工規定，目前到工率僅有50％，產能大幅受限。康樂表示，工廠庫存僅能滿足未來2個月的量，後續來看，至少50％的保險套供應將成問題。
停工停產除了影響到保險套的生產供應，橡膠手套的供應也面臨問題。馬來西亞當地的橡膠手套製造商協會正要求政府允許他們恢復100％的正常生產。馬來西亞的橡膠手套由當地的五大公司生產，分別是高產尼品、速柏瑪、賀特佳、頂級手套以及康扶手套；其中，頂級手套是全球最大拋棄式橡膠手套製造商。疫情發展初期，為了對抗疫情，頂級手套曾聯合當地的其他手套廠商，向武漢捐贈了1800萬副醫用橡膠手套。
馬來西亞天然橡膠的主要出口國為大陸，今年1月，由於大陸對醫用橡膠手套的需求激增，向大陸出口的天然橡膠占到當月總量的44.3％。在需求拉動下，頂級手套曾預估今年手套銷售將提高25％。
但隨著馬來西亞疫情越發嚴重後，這些手套工廠也紛紛受到了產能影響。頂級手套在馬來西亞擁有的43家工廠，都遇到了產能問題，在工人短缺的情況下，多家橡膠手套商預計，產量將有超過50％的縮減，這意味著，緊隨保險套的腳步，全球橡膠手套供應也將進入短缺狀態。
過去幾年，整個東南亞在全球製造產業鏈中的地位逐步提升，其涉及的多個產業環節已有不可替代的趨勢。疫情的持續影響下，連鎖反應可能將會顯現。</t>
  </si>
  <si>
    <t>新加坡跨部門抗疫工作小組負責人黃循財今天（15日）下午在新聞發布會上宣布，將進一步擴大入境管制措施。
根據中國大陸《央視》報導，新加坡宣布從16日23時59分起，近期有包括文萊、柬埔寨、印度尼西亞、老撾、馬來西亞、緬甸、菲律賓、泰國、越南在內的所有東盟國家，日本、瑞士、英國旅行史的人員，入境新加坡後需要自我隔離14天。入境時須提供自我隔離住址證明。此外，東盟國家短期旅客入境前需要提供健康證明並且得到批準後方能入境新加坡。
黃循財表示，近日新加坡新冠肺炎輸入病例顯著增加，占到近日所有確診病例的3/4，其中90%來自東盟國家。黃循財還呼籲所有家長慎重考慮3月學校假期的出行計劃。 為了防止疫情感染，新加坡提出「保持安全距離」倡議，當天發布會記者座位保持一公尺間距。
此前，新加坡已經對中國大陸、韓國、伊朗、意大利、西班牙、法國、德國發出入境限制令。</t>
  </si>
  <si>
    <t xml:space="preserve">新冠肺炎在全球肆虐的當下，非洲日前爆發70年來可怕的蝗災，可怕的是第二波的蝗災又再度侵襲，數量約是前一波的20倍。
美聯社報導，非洲受到第二波蝗災的侵襲，高達數十億隻的沙漠蝗蟲入侵，比起對抗新冠病毒，對抗蝗災顯得更為急迫。可是當地民眾卻拿他沒辦法。非洲烏干達農民Yoweri Aboket說，蝗蟲相當可怕，甚至比新冠病毒更具破壞性，他表示因為有些人不相信病毒會傳到這裡。
報導指出，東非的大部分地區，包括肯亞、衣索比亞和南蘇丹加上吉布地、厄立特里亞、坦尚尼亞和剛果也發現了蝗蟲群。
對此，聯合國糧食及農業組織稱蝗災的爆發，部分是因為氣候變化導致，將對糧食安全和民眾生計造成「前所未有的威脅」。這次蝗災的規模大約是上一次的20倍。糧農組織表示，更多的蝗蟲群在肯亞、衣索比亞南部、索馬里南部形成，東非的當前形勢令人極為震驚」。
該機構還預測，5月份將有利蝗蟲的繁殖，也意味著6月下旬和7月下旬將有新一輪的蝗蟲繁殖。聯合國已呼籲將援助金額從7600萬美元提高到1.53億美元，並表示要立即採取行動。
</t>
  </si>
  <si>
    <t>供應北京80%農產 新發地爆疫情
6月11日以來，北京發現的新增新冠肺炎確診病例，活動軌跡均指向新發地農產品批發市場。新發地市場是北京最大、世界交易規模居前的專業農產品交易市場。根據其官網2019年數據，新發地市場年交易量1,749萬噸，交易額1,319億元人民幣，固定攤位約2,000個，定點客戶4,000多家。蔬菜日吞吐量1.8萬噸，果品2萬噸，毛豬3,000多頭，羊1,500多隻，牛150多頭，佔地面積約1,680畝，相當於157個足球場，承擔了北京80%的農產品供應，被稱為北京的「菜籃子」和「果盤子」。
美政府4月赤字 年增5.6倍
在稅源收縮和開支大漲的雙重擠壓下，美國聯邦政府預算在4月達到7,380億美元，比2019年同期增長560%，5月，財政赤字規模約為3,988億美元繼續維持高位，年增92%。其中聯邦政府5月收入1,740億美元，比去年同期減少了25%。開支5,730億美元，年增30%。本財政年度至今，聯邦預算赤字累計達到1.88兆美元。比2019財年前八個月累計赤字高出155%，也已經高過2019財年全年赤字。
全球廣告支出 縮水8.1%
新冠肺炎疫情爆發無疑是2020年對商業活動造成最大影響的事件。疾病大流行導致主要產品部門的投資大幅削減，第三方研究機構數據顯示，今年全球廣告支出將下降8.1%，至5,630億美元。不同行業中，疫情爆發前和爆發後形成鮮明對比。交通旅遊行業受到衝擊最大，廣告投入由去年的年增9%，大幅削減至如今的年減31.2%，娛樂業廣告投入轉為年減28.7%。
淨債權3.4兆美元 日本蟬聯第1
日本2019年淨外部資產達到3.4兆美元的新高。日本佔據最大債權國的寶座已連續29年，其淨外部資產約是德國的1.2倍，是中國大陸的1.5倍。德國是全球第二大債權國，2019年底時淨資產約2.7兆美元。前五大債權國（經濟體）依序為日本、德國、中國大陸、香港、台灣。
美國AI人才 27%來自中國
美國保爾森基金會（Paulson Institute）公佈調查結果。在頂級AI研究者資源方面，美國大幅領先於其他國家。美國的AI相關機構聘用了全球近60%的頂級人才，是排行第二名中國大陸（10.6%）的6倍，也是第三名歐洲（10.2%）的6倍。但在美工作的人才來源頗值得注意，美國本土研究者只佔約31%，而有27%的AI研究者來自中國大陸。
台灣CPI 連跌4月
2020 年，台灣5 月消費者物價指數（CPI）較上月跌0.1%，較去年同期跌1.19%，跌幅擴大，且為連續第4個月下跌，創金融海嘯以來最大跌幅。根據國際貨幣基金定義，CPI連續2季下跌，在技術上已達到通貨緊縮標準。但主計總處表示，台灣物價並未全面走跌，尚無通縮疑慮。</t>
  </si>
  <si>
    <t>大陸遼寧省5月中出現本土病例，經過半個月的努力，31日11時起，遼寧省內全域均已恢復為低風險地區。
據瀋陽市統籌推進新冠肺炎疫情防控和經濟社會發展工作指揮部疫情防控綜合組消息，從5月31日11時起，瀋陽市和平區順天小區78、80、82號樓所在的獨立院落，於洪區碧桂園銀河城繁華里小區和於洪區陽光100一期均被調整為低風險地區，至此，遼寧省內全域均已恢復為低風險地區。</t>
  </si>
  <si>
    <t xml:space="preserve">中央流行疫情指揮中心以家長陳情小男孩不敢戴粉紅色口罩去學校，指揮官陳時中五人全部戴起粉紅色口罩示範。國民黨今天也「順時中」，把臉書粉絲專頁的黨徽大頭貼戴上粉紅色口罩，表示「顏色不重要防疫才重要」，結果引來一堆網路酸民留言，還有人問「甚麼時候才正名台灣國民黨？」
國民黨把臉書粉專大頭貼的黨徽戴上粉紅色口罩表示，保持社交距離，必要時戴口罩，無論是綠色口罩、粉紅色口罩、甚至是有可愛圖案的口罩，顏色什麼的根本不重要，口罩不分顏色，防疫不分顏色、台灣不分顏色。重要的是守護民眾的健康，戴上口罩既能保護自己，也可以保護別人。
不過有不少酸民上網留言，有人酸「甚麼時候才正名為台灣國民黨？」、「沒救的黨」，也有人以粉專今早推出以華航改名，推出「佳龍計時器」，另推一款「中國國民黨反攻大陸計時器」，酸度十足。
</t>
  </si>
  <si>
    <t xml:space="preserve">新冠肺炎疫情肆虐全球，日本國內確診人數大幅攀升，日本同志網紅「拓也哥」也被爆疑似感染，不僅連續4天發燒，還一度燒到40度，目前則在加護病房治療中。
拓也哥本月初在社群分享一張體溫計的照片，只見上面標示高燒38.9度，不過對此他僅ㄧ字「哇」說明，並未對自身病況做詳細說明，沒想到本月4日再度PO文表示自己高燒到40度，這才意識到狀況似乎不對，讓不少網友擔憂是否染疫，對此他表示7日PO文透露人在加護病房治療，暫時無法開放會面，仍舊未對病況做出說明。
近年來拓也哥可說是病況不斷，先是糖尿病右腳小指截肢，又因為心力衰竭導致呼吸困難送醫，現在更因為疑似感染新冠肺炎，仍在醫院持續治療。
</t>
  </si>
  <si>
    <t xml:space="preserve">美國總統川普6日戴著「讓美國持續偉大」的競選帽，到亞特蘭大視察疾病管制暨預防中心（CDC），但川普此行名為提振當局對治新冠肺炎疫情的士氣與信心，卻管不住自己的大砲嘴，左批死對頭「美國有線電視新聞網」（CNN）散播不實新聞，誤導觀眾；右批重災區華盛頓州州長英斯利（Jay Inslee）是「蛇」；而且對於舊金山外海的「至尊公主號」乘客不假辭色，稱既然已有乘客感染新冠病毒，其他乘客就不准上岸，以免增加美國確診人數。
根據衛報報導，川普對於防疫所傳達的訊息顯然比CDC還讓人「不安」、「害怕」。首先，他對於「至尊公主號」已傳出21人確診一事，反應竟然是：「我不需要就因為僅僅一艘船就讓數字翻倍，那不是我們的鍋。」言下之意，他憂心自己的政治前途更甚於新冠病毒疫情。
此外，另一個讓人不安的是，他一面呼籲朝野共同抗疫，卻對5日要見華盛頓州州長英斯利的副總統彭斯說，華州已經10幾人死於新冠肺炎，那傢伙是條「蛇」，不要對他太客氣。他說：「老實告訴你們，我們跟這個州長問題很多，問題都是他那州來的好不好？彭斯可能跟他和樂相處，但我不行，好不好？」
而他從白宮出發前往CDC之前，一邊簽署參院通過的83億美元「抗疫」特別經費，一邊又輕挑地向新聞界喊話：「別擔心，病毒會走開的。跟世界上其他國家相比，我國確診人數算是少的，我國的確診總數，比幾乎任何一國都低。」美國疫情明明不斷在擴大，但川普卻一再四兩撥千金地說，不用擔心，美國防疫工作一定做得很好。
網友對這總統不關心人民，只在乎他的數字，忍不住嗆有史以來最爛的總統，必須用選票數讓他滾。
</t>
  </si>
  <si>
    <t>屏東東港安泰醫院3日施打疫苗大出包，錯把88名要打莫德納第2劑的長輩打成AZ，至今有8人因發燒、肌肉痠痛掛急診，當中4人返家、4人留觀；對此，該院榮譽院長蘇清泉4日中午出面致歉，將針對與該88人同一批施打疫苗的共100人，每人將發5000元慰問金。
「真的很抱歉！」蘇清泉指出，對於施打疫苗出包，東港安泰醫院致上最高歉意，院方也做出4大處理方針，第一東港安泰是重度急救責任醫院，業務本就繁忙，但就國家政策仍全力以赴，尤其是打疫苗與流感疫苗，而此也造成一線醫護極度疲憊，所以就該誤打事件絕對不會苛責基層，而是處罰高階的院長、副院長，高階主管需擔起行政責任。
第二，內部流程將進行大改善，東港安泰除有莫德納、AZ、BNT及高端等4種疫苗外，還有流感疫苗，加起來共5種，在管理上確實出現問題，因此將採購更多疫苗的冰箱，做好更完善的分類、及分層管理，避免再出現差錯。
第三，關於病人處置，除錯打的88人外，與該88人同一批施打疫苗的民眾共100人，全部都發慰問金，每人5000元，總共50萬都由東港安泰概括承受，此外，也將會同里長、鎮代、議員前往探視、致贈營養品關懷。
第四，3日到東港靜思堂施打疫苗的共330人，只要有不舒服至東港安泰就醫，院方將完成承擔額外的就醫費用。
蘇清泉強調，院方截至此刻，已打了近300通電話追蹤關懷，100人中有20人有症狀，當中8人掛急診4人已返家休息，而尚未聯絡到的13人，團隊會優先前往其住家做訪視。</t>
  </si>
  <si>
    <t xml:space="preserve">英國首相強森，將在當地時間今天下午5點（台北時間5月1日凌晨零點）起，出席政府的新冠肺炎疫情簡報會。這是強森重返工作崗位後，第一次帶領官員參加簡報。他開場便表示，英國已經「過了疫情的頂峰，」他並提到，英國的國家醫療保健服務(NHS)，也沒有到無法負荷的階段。
強森在會中，可望更新英國疫情與抗疫狀況，並發布政府為擊敗病毒，所採取的各項步驟。
今天稍早，強森已主持復工後的第一場內閣會議。他在視訊會議中告訴英國公司行號，表示他能理解大家的焦躁與不耐煩，但他強調，「我必須請各位持續一直以來的做法，如此我們才能保護我們的第一線醫護，並且救人性命。」
強森另外也發推文，告訴民眾他知道放棄自由有多艱難，他能體會民眾見不到朋友與摯愛的人們，只能在家中工作，管教小孩，擔心工作是否保得住，公司會不會關門的心情。
強森病癒後本周回府辦公，周三他原本要出席首相問答時間，但因未婚妻生產而錯過。
</t>
  </si>
  <si>
    <t>新北幼兒園群聚感染持續擴大，昨晚北市教育局緊急通知，南港某國小和幼兒園也要預防性停課，據了解，是2名學生曾在8月和案16142出遊，自行向校方、教育局通知與確診者有接觸；校方回應指出，立即調查該名學生7日請假未到校上課；此外，校方指出，今日全校共92人請防疫假。
校方指出，昨晚11點檢測結果出爐，家長和學生的PCR都是陰性，會持續掌握狀況，7日經過教育局指示，本校以最嚴謹的標準守護師生健康，該名學生班級從8日實施預防性停課直到9月12日，復課時間為9月13日，本校接獲訊息，立刻透過各種管道讓家長知悉，昨晚也開始消毒，8日早上7點尚未入校前，已將所有公共場域、教室和科任教室都做全面消毒。
校方表示，如班級家長擔心，可請防疫假在家線上學習，本校都已準備緒，讓所有防疫假學生在家仍可學習，全校學生總數約1000人、今天請防疫假全校92人，平均分散在各年級；至於校內幼兒園部分，校方指出，因屬非營利幼兒園，不是校內管轄，但幼兒園全部都停課。</t>
  </si>
  <si>
    <t xml:space="preserve">新冠肺炎疫情重創美國經濟，未來失業率恐直逼大蕭條水準，讓各界擔憂美國經濟是否走入大蕭條，不過白宮貿易顧問納瓦洛（Peter Navarro）昨（11）日澄清，美國現階段狀況根本不是大蕭條，當時大蕭條歷時約10年，現在川普花費3年打造的最強國家，大陸60天就用一個病毒將它摧毀。
This is NOT the Great Depression. Stop the Sunday Show Pity Party and realize we have the greatest president in modern history and we will WIN by bringing our supply chains and manufacturing HOME.https://t.co/GFQkRVj4te
美國4月失業率飆升至14.7%，美國財政部長梅努欽（Steven Mnuchin）10日接受電視節目專訪時示警，未來美國失業率恐狂飆至25%，相當於1930年代經濟大蕭條水準。
美國經濟惡化，大蕭條恐重演的疑慮四起，不過綜合福斯新聞（Fox News）、法國國際廣播電台（RFI）報導，白宮貿易顧問納瓦洛昨日接受福斯新聞台「福斯與朋友們」（Fox &amp; Friends）節目專訪時表示，「任何以為這是大蕭條的人，要不是不了解歷史，就是不了解經濟。」
納瓦洛說，「大蕭條是一個歷經10年的過程，從一次世界大戰結束之後開始，先後經歷通貨膨脹、通貨緊縮周期，期間也伴隨實施災難性貨幣、貿易、財政政策」，整體而言延續了「非常、非常久的時間」。
反觀美國現在的經濟形勢，納瓦洛解釋，「美國總統川普用3年半時間打造了最強、最漂亮的經濟體，然後中國共產黨釋放一個病毒，60天內就摧毀了我們。」
納瓦洛表示，美國現在要做的事就是專注在重啟製造業，讓美國人能重新開始製造商品，如此美國經濟才會反彈。不過他也坦承，這個過程將會非常漫長。
</t>
  </si>
  <si>
    <t>第10輪BNT昨緊急加開對象，開放在9月29日前登記意願的61至63歲民眾打第一劑，於今日限時8小時預約打疫苗，符合資格者可以在今天上午10點起至下午6點登入疫苗平台預約打疫苗，這批民眾預計可在10月10日至10月14日接種疫苗。
第10輪BNT先前僅開放「64歲以上的民眾」、「18至63歲的第九類對象」以及「18至22歲的年輕人」預約接種，根據指揮中心統計共約29.7萬人完成預約，並且已經在昨天開打，但為了讓疫苗資源更有效的運用，因此指揮中心昨晚臨時加開給61至63歲的民眾打第一劑。
指揮中心也提醒，今天上午10時開放的疫苗預約場次，僅供加開對象進行預約，符合資格者記得要在限定的時間內上網完成預約。
另第10輪疫苗還有提供第二劑AZ與高端接種，AZ符合資格的對象是7月22日前打過第一劑AZ，且間隔滿10周的50至64歲民眾；高端則開放9月8日前打過第一劑者可打第二劑，提醒完成預約程序的的民眾，不要忘了在約好的時間去打疫苗。</t>
  </si>
  <si>
    <t>澎湃新聞28日報導，中國科學院微生物研究所官方微信27日發布消息稱，由中國科學院微生物研究所和智飛龍科馬聯合研發的新冠重組蛋白疫苗在北京落地開打。來自該疫苗研發基地中科院微生物所的部分科研工作者在海澱區的「中科院疫苗接種專場」注射了第一針。
《新冠病毒疫苗接種技術指南（第一版）》顯示，新冠重組蛋白疫苗採用三針免疫程式，相鄰2劑之間的接種間隔建議大於4周。第2劑盡量在接種第1劑次後8周內完成，第3劑盡量在接種第1劑次後6個月內完成。
新冠重組蛋白疫苗是大陸布局的五條疫苗技術路線之一，由中科院微生物所高福院士、嚴景華研究員、戴連攀研究員等團隊攻關研發。
據中國科學院微生物研究所介紹，3月10日，該疫苗在大陸獲批緊急使用，陸續在安徽、浙江、江蘇、山東、貴州、湖北、河南等地投入注射。5月3日，第一批新冠重組蛋白疫苗在北京順利生產下線。
該疫苗是大陸第四款獲批緊急使用的新冠疫苗，也是國際上第一個獲批臨床使用的新冠病毒重組亞單位蛋白疫苗。
中國科學院微生物研究所表示，新冠重組蛋白疫苗技術原理和已經運用很成熟的B肝疫苗類似。它是採用DNA重組技術，由重組CHO細胞表達的新型冠狀病毒刺突糖蛋白受體結合區NCP-RBD蛋白，經過純化加入氫氧化鋁佐劑製成混懸型注射液。接種後，可刺激機體產生抗新型冠狀病毒的免疫力。
新冠重組蛋白疫苗在18-59歲成年人中開展的Ⅱ期臨床試驗顯示，受試者接種2劑後，中和抗體陽轉率達83％，受試者接種3劑後，中和抗體陽轉率達97％。接種後無嚴重不良反應發生，符合亞單位疫苗不良反應小的特點，且產生的中和抗體水準與目前國際上重組蛋白疫苗、mRNA新冠疫苗相當，達到國際先進水準。在60歲及以上老年人中開展的Ⅰ期試驗顯示，受試者接種3劑後，中和抗體陽轉率達95％；未發生與疫苗相關的嚴重不良反應。
該疫苗生產採用工程化細胞（CHO）生產重組蛋白，不需要高等級生物安全實驗室生產廠房，生產工藝穩定可靠，可以快速實現國內外大規模產業化生產，顯著降低了疫苗生產成本，且存儲和運輸便捷。</t>
  </si>
  <si>
    <t>台大公衛學院教授林先和，分析台灣1、2月1043個確診病例接觸者，發現新冠肺炎本土病例，在出現症狀早期、甚至症狀出現前就有高傳播力，因此純靠症狀篩檢不夠，需更廣泛防治手段。他建議可能要從確診者症狀出現前2天甚至前4天，匡列接觸者。
林先和團隊發現，家戶成員臨床發病率13.9%，遠高於非同住家人的6.5%，及醫療同仁、朋友、同事、機場或飛機上接觸，近日也有妻子因照顧居家檢疫先生染病；60歲以上接觸者，發病率3.6%，風險最高。
且指標個案出現症狀後，愈早接觸者發病率愈高，尤其出現症狀的頭3天接觸，被傳染機率是2.7%，之後傳染機率隨時間遞減。此研究結果與紐西蘭、德國等病毒學研究結果一致，即早期病毒量高、晚期病毒量下降。
比較新冠肺炎跟SARS發病時間，SARS患者症狀出現第5天後，才開始有明顯傳染力；但新冠在症狀早期甚至可能在症狀出現前，就有高傳播力。</t>
  </si>
  <si>
    <t>新冠肺炎持續延燒，有醫界認為，到了夏天疫情就會趨緩，但馬偕小兒科人氣醫師黃瑽寧指出，新冠肺炎和流感較相似，在亞熱帶地區一年四季都會有案例，除非高緯度國家才有差異，加上又有無症狀感染者，他悲觀表示，恐怕不會百分百消失，更「不用期待它自殺」，民眾必須多洗手才能自保。
目前國內無症狀感染者愈來愈多，黃瑽寧直言，新冠肺炎不像過去SARS發燒才會有傳染力，相對好控制；現在新冠肺炎可能有10％確診者都是輕症，確診之前可能已感染給下一個人，很難回溯；因此要像SARS一樣百分百消失，他直言「我很悲觀」。
另各界都認為「夏天來臨病毒就會消失」，黃瑽寧直言，根據過去流感研究及治療經驗，當初只有除英國等高緯度地區才有四季差異；至於廣州等氣溫和台灣相似的亞熱帶地區，因四季不明顯，流感一整年都有，因此不用期待夏天病毒「自殺」。
但黃瑽寧說，即使新冠肺炎可能最後不會消失，也不用太悲觀，只要民眾落實勤洗手，以預防流感的方式自我防護，就能達到很好的保護效果。</t>
  </si>
  <si>
    <t>台中市第12期疫苗，包括BNT、AZ與莫德納3種疫苗將開打，市長盧秀燕19日在市政會議表示，這是場艱困而挑戰的接種階段，高達50萬劑前所未見，AZ、BNT與莫德納同時開打，要特別謹慎不能出錯，注意錯開施打的地點和疫苗，以安全穩健方式實施，調度考慮醫護人員施打時的體力，不能累垮護人員。
盧秀燕表示，3種疫苗施打的時間，都在第12期，共計逾50劑，數量大種類多，前所未見，擴大數量到50萬劑，要求穩健安全，不能累垮護人員，調度要考慮所有醫護人員可以施打的體力和身心。
「施打莫德納第2劑，65歲以上長輩約5萬人，不用預約」，盧秀燕說，65歲以長者到快打站接種，由民政系統里鄰長造冊通知，第2劑接種完，即台中市65歲以上長者2劑都完成，除少數不願打，快打站為65五歲以上長者施打工作完成。快打站制度不會撤除會保留，因應開設，配合疫苗接種，各地快打站加入預約。
衛生局長曾梓展表示，一個場域一種疫苗，避免紛亂出錯，醫院、診所和快打站，各分開接種，向中央請示後，符合資格者如果沒打到，會繼續幫符合資格的民眾施打。
盧秀燕強調，疫苗施打特別小心與注意錯開，因為安全穩健最重要，非常艱困之處是因施打的不但疫苗種類多，疫苗的施打量很大，台中市原本大概一周接種量是17萬劑，12期分兩階段，加起來大概會超過50萬劑。
曾梓展表示，第12期預約平台開放對象包括：第一階段(1)BNT疫苗第1劑：30歲以上民眾。(2)AZ疫苗第2劑：7／30前已接種第1劑之38歲以上民眾。(3)莫德納疫苗第2劑：7／16前已接種第1劑之55歲以上民眾。
第二階段(1)BNT疫苗第1劑：23歲以上民眾。(2)AZ疫苗第2劑：7／30前已接種第1劑之18歲以上民眾及7／31-8／6已接種第1劑之45歲以上民眾。(3)莫德納疫苗第2劑：7／16前已接種第1劑之18歲以上民眾。
中央訂定接種日期：分2階段；第一階段接種日期：10／22-10／27。第二階段接種日期：BNT第1劑：10／28-10／31。AZ及莫德納疫苗第2劑：10／28-11／3。</t>
  </si>
  <si>
    <t xml:space="preserve">上周行政院正式授權台積電洽購500萬劑原廠BNT疫苗，對此，分析師陸行之在個人臉書上條列4點分析指出，台積電不出手這個死結打得開嗎？郭董事長會不知道台積電能推一把嗎？並認為，原來台積電不是不出聲，而是低調、低調、再低調。
針對台積電洽購疫苗的事件，陸行之認為即使台積電要幫政府買到2000萬劑，影響EPS不到1元，才能夠輪到台積電員工施打疫苗，台積電也應該去做，「假設一家公司的價值是未來20年的折現現金流，台積電又不是未來20年每年額外花1元做這事，所以對公司價值的影響就是每股不到1元，更何況台積電在送了500萬劑以後，可以透過旗下基金會加碼採購短缺的數目再轉賣給政府，這樣對EPS的影響就更小了。」
此外，陸行之也認為，台積電不出手購買疫苗，很難有解決方法，「如果台積電不出手，這個死結打得開嗎？郭董事長會不知道台積電能推一把嗎？」
事實上，先前各界先前購買疫苗風聲不斷，當時陸行之就好奇為何台積電悶不吭聲，「重點客戶會持續把所有的晶圓代工訂單雞蛋，都放在一個悶不吭聲，一點防範措施都不做的台積電籃子裡嗎？當時台積電至少也應該爭取採買數量夠全球超過50000的員工優先施打吧，搞半天不是不出聲，而是低調，低調，再低調。」
最後，陸行之認為台積電積極參與做社會公益，我放心，相信張忠謀前董事長及張淑芬夫人也會大力同意支持的。
台積電洽購疫苗500萬劑，外界推估投入金額將高達50、60億，引發關切購買疫苗一事是否有經過董事會核准，且符合公司治理原則，對此，台積電澄清6月董事會已報告購買疫苗的規劃，待相關事項確定後提案由董事會作成決議追認，並依法發布重訊。
</t>
  </si>
  <si>
    <t>美國總統川普周三宣布，數據顯示美國已經度過新冠肺炎疫情的高峰期，他將在周四的新聞發布會上宣布重啟經濟的新準則。
川普表示：「我們已經度過新增病例的高峰期，這非常令人振奮」。
美國疾病管制與預防中心（CDC）主任雷菲爾德（Robert Redfield）則表示，全美有20個疫情衝擊程度較溫和的州，計畫在5月1日重啟經濟，CDC將為他們提供必要支援。
根據路透社統計，周三美國新冠肺炎死亡病例突破3萬人，一周內就增加1倍。截至周三美國的新冠狀病毒感染病例達到63萬6,604人，死亡病例達到3萬885人。
紐約州州長古莫（Andrew Cuomo）日前表示該州已度過最壞的情況，周三他再度表示，因紐約州的新冠肺炎住院人數連續第二天下降，將把呼吸器分送給密西根州和馬里蘭州。
古莫同時宣布重啟該州經濟的計畫大綱，除了將優先啟動最重要的業務外，他並下令全州所有居民在無法保持社交距離規範的公共場合，必須戴上口罩或者其他可掩蓋口鼻的替代品，以防止交互感染。這項措施訂於3天後生效，屆時可能向未遵守規定的民眾祭出罰款。</t>
  </si>
  <si>
    <t xml:space="preserve">受新冠肺炎疫情影響，富士康自農曆年結束後仍未完全復工，不過路透社今（12）日引述消息人士指出，富士康目標大陸工廠在2月底以前復工50%，3月復工率升至80%。
路透社報導，一名消息人士引述富士康董事長劉揚偉訂下的內部目標指出，富士康預計大陸工廠2月底前復工50%，目標3月復工80%。
富士康是全球最大代工廠，重要客戶包含蘋果，替蘋果生產iPhone等產品。不過礙於新冠肺炎疫情在農曆年前大爆發，即便春節已經結束，為避免疫情擴大，富士康大陸各個工廠並未全面復工，目前已知，深圳廠、鄭州廠已有約10%員工返回工作崗位。
另外陸媒先前報導，內部員工透露，至少要等到17日才有可能初步復工，3月初才有機會大規模復工。
</t>
  </si>
  <si>
    <t xml:space="preserve">台灣今天新增26例死亡個案，其中有一例為100多歲女性，6/6出現咳嗽症狀、6/7入院篩檢，3天後就不幸死亡。中央流行疫情指揮中心發言人莊人祥也證實，102歲是目前年紀最大的確診患者。
中央流行疫情指揮中心今公布，新增26例死亡個案，分別為17位男性、9位女性，年齡介於40多歲至100多歲，發病日介於5月15日至6月9日，確診日介於5月18日至6月11日，死亡日介於6月4日至6月11日。
其中案11621為100多歲的女性，有萬華地區的活動史，個案在6/6出現咳嗽症狀、6/7住院、6/8確診、6/10死亡。而發言人莊人祥也證實，102歲是目前年紀最大的確診患者。
</t>
  </si>
  <si>
    <t xml:space="preserve">行政院千億挺就業的防疫紓困方案沒有打動在野黨，反而要求發現金的呼聲四起。政務委員龔明鑫今天引用美國前聯邦準備理事會主席柏南奇談話，佐證現行紓困方向正確，龔明鑫說，發現金不合情也不合理，比發消費券還糟。
龔明鑫在政院紓困振興記者會表示，為什麼政府紓困著重勞工就業，美國前聯準會主席柏南奇上月受訪時提及，這次新冠疫情跟1930年經濟大蕭條及2008金融海嘯不同，前兩次是人為，而這次是新冠肺炎則像天災，若企業及勞動力未損傷，經濟會很快甦復。
龔明鑫表示，在這麼嚴峻的情況下，保存就業狀況就是「經濟作戰最重要的任務」，目前台灣失業率2月分是3.7％，減班休息約8000人，情況還好，但就業是經濟的根本，沒有就業就沒有經常性薪資，就沒有辦法保障家庭生活，也不可能促進永久性消費。
對於政府堅持不發放現金，龔明鑫強調，如果平均式的發放現金，既不合情也不合理。不合情是指紓困期間，不是救急就是救窮，如果把現金發給既不急也不窮的人，就會排擠救急救窮的資源，如果按新加坡每個成年人都發12000元台幣，台灣1900萬人共要發近2300億， 但所得到的結果，是受創企業每個老闆也只能領12000元，根本無法支撐衰退5成的業績，所以勢必裁員，被裁員者領到12000元， 也不可能促進消費。
他表示，所謂發放現金要促進消費的說法也不合理，2008年發放消費券，成果未如預期，因為會發生替代消費現象，如果發放現金，會比當初發放消費券更糟，因為可能會轉換存款存下來，所以政府才認為不應該這麼做，也才會針對性對受到失業衝擊者給予救急，並提出對艱困企業提供員工給予4成薪補貼，給自營工作者每月1萬元補助，並對弱勢老人兒童有現金補助，用 1035億元來穩住215萬就業人口。
龔明鑫並說，千億挺就業，包括經濟部提出66萬人方案，交通部14萬人方案，以及勞動部自營工作者100萬人方案。 另外，文化部也有3.5萬人方案，農委會有2.5萬人方案，而勞動部的就安基金還有擴大就業部分，加起來20多萬人，合計共有215萬人。
經濟部次長林全能也說，目前被列為艱困企業補助的對象，有3大領域，也就是製造技術、內需服務業及會展產業。其中內需服務業還包括8個子產業，也就是批發零售、餐飲、倉儲、視聽、歌唱、洗衣、婚紗攝影及美容美髮業，這些內需型企業都被列入艱困企業。
</t>
  </si>
  <si>
    <t>新冠肺炎疫情趨緩，桃竹苗校園戶外空間與場地，都將重新開放，桃園和竹縣6月1日起開放，最晚宣布的苗栗提早至本周末開放，讓社區民眾可以散步、運動。
新冠肺炎疫情爆發以來，各縣市政府為維護學童健康安全，全面暫停開放校園，將病毒杜絕校園之外，隨著疫情趨緩，考量民眾對於休閒運動的需求，決議重新開放校園。
苗栗縣長徐耀昌表示，台灣已超過1個月無本土案例，昨宣布30日起開放校園戶外空間及場地，民眾可利用清晨、傍晚、假日到校園運動，但校園室內場地仍暫停開放。教育處指出，平日開放時間按照各校在疫情前規定，原則以上學前、放學後為開放時間，仍要遵守校園門禁管理與防疫新生活運動規範。
新竹縣立國中小校園採逐步鬆綁開放，6月1日起至7月15日前，假日開放學校操場供民眾運動使用，周一至周五考量學校防疫工作，仍維持暫停開放。新竹市的校園戶外空間一直都開放，由各校在學生放學後，彈性開放供附近居民活動。
桃園市也從6月1日起開放市民到戶外場地運動、民間也能租借辦活動，室內空間租借及教學游泳池也同步開放使用或營運。</t>
  </si>
  <si>
    <t>受新冠肺炎疫情波及，嘉義縣至今已有5家業者申請無薪假，人數達246人，行業別包括機械廠、飯店、餐廳等，由於近日社會局頻頻接到業者詢問電話，加上工業區早傳出不少外籍移工被要求調整工時或減班休息，實際休無薪假人數恐比帳面數字還高。
嘉縣社會局透露，申請無薪假原只有2家機械工廠194人，至3月又新增3家業者申請，共提報52人，其中一家還是故宮南院的藝品店，對此，故宮南院特地對外澄清，強調南院藝品店休無薪假的7名員工是經營禮品店的私人公司所聘雇，跟南院營運無關。
申報無薪假的飯店業者指出，陸客團不來已造成衝擊，隨新冠肺炎疫情暴發，不只旅行團大減，連散客也變少，光靠有限客源形同杯水車薪，住房率大減，為止血求生，只好請員工共體時艱。
社會局指出，近期確實接到不少詢問電話，預期在疫情未歇前，申請人數還會再攀升，加上許多工廠聘用大量外籍移工，近月餘陸續有外籍移工被要求多休假，產業受衝擊的程度，恐怕比統計數據來得嚴重。</t>
  </si>
  <si>
    <t>「一片雲有多重？泡麵為什麼是捲的？」這些科技冷知識的答案，都在今夏最夯的「解密科技寶藏－未來考古」互動科技展！「解密科技寶藏」在臺北花博園區流行館開幕以來，已吸引超過近萬人次參觀，親身體驗疫情過後最熱門的零接觸「1.5公尺經濟」，包括無人商店、專屬AI教練等，讓參觀者直呼「科技好神奇」。
「解密科技寶藏－未來考古」是經濟部技術處主辦，展示工研院及研發法人長期投入的研發成果，例如新冠肺炎疫情延燒全球，帶來新常態（New Normal）生活，遠距工作、防疫社交距離衍生出的1.5公尺經濟，現場展出許多零接觸、數位化等科技，可協助產業快速掌握後疫情新商機。
1.5公尺經濟強調拉開距離並減少接觸頻率，工研院的「易取智慧貨架」是一座拿了就走的微型智慧商店，能高精準辨識商品取放，為消費者帶來全新且便利的購物體驗，智慧貨架便於快速布建，更可擴大應用於多種場域，如無人物料室、倉儲管理等；講台語也能通的「台語點歌機」，結合自主開發的語音喚醒技術、台語語音辨識技術、自然語言處理技術與台語語音合成技術，讓你不用接觸、動動口就能輕鬆以台語點歌播放。此外也針對不同的科技生活領域，介紹人們意想不到的科技冷知識，例如一片雲有多重？泡麵為什麼是捲的？ATM鍵盤為什麼是金屬的？從生活中發現科學的秘密。
現場最受歡迎的排隊互動展品，首推涼感科技鞦韆及智能投籃機。涼感科技鞦韆結合工研院開發的「熱電致冷晶片模組」，鞦韆坐墊會隨著擺盪降溫；「智能投籃機」整合肢體骨架視覺辨識技術與演算法協助訓練籃球選手投出黃金拋物線，提高投射命中率，幫助教練、球員輕鬆獲取訓練記錄，建構球員投籃動作記憶與準確度。
「解密科技寶藏－未來考古」除了各項創新科技與互動展示外，週六與週一還有不同主題的科技職人講座與手創工作坊，如22日將由塑膠中心博士邱政文與生物藝術家曹存慧，以形塑未來（Shape the future）概念談起，從物質的生命帶出面對環境永續的多層次想像與反思；29日將由金屬中心博士楊光勳與科幻設計研究專家鄧建國，帶您一同了解科幻世界的機器人想像與現實。</t>
  </si>
  <si>
    <t>從舊曆年開始，新冠肺炎NCP逐漸蔓延全球，台灣地區目前疫情雖控制不錯，但仍須料敵從嚴，國中小停課至2月25日開學，台中市南屯區各里不少里長也自主比照辦理，原社區課程也都延後，看疫情情況再復課，以防堵疫情擴散到社區。
防疫要料敵從嚴，南屯里長林秋潭說，新冠肺炎傳染者有的也是無症狀傳染，有里民對於封閉性教室上課有疑慮，於是從過年後，對於自辦的課程如書法、繪畫課等已延後開課，將視疫情再決定什麼時候復課，而原定志工春酒、自強活動等也都延期。
另外林秋潭說，自旺旺集團開放里長可免費領取「水神抗菌液」（次氯酸水）後，也到水神供應站領取，並在里長臉書公告，讓有需要的里民到辦公室來領取。
而寶山里、同心里、春安里、文山里、大誠里、大業里等舉凡如歌唱班、日語班、親子閱讀班、兵乓球、插花班等，不是未開課就是將開課日期後延，力求自己的社區，自己管好，幫忙減輕政府防疫的壓力。
三厝里長黃俊銘則表示，里內課程也全部停止上課，尤其上課的里民大多是長輩，為了大家的安全，還是暫時停課，另外由於自己以往也都是水神的長期顧客，知道「水神抗菌液」的功效，這次旺旺集團能免費提供幫助防疫，真的很感謝，自己準備了三大桶容器到供應站領取，回來再轉發給里民，每人可領500ml，因一小瓶就可用很久，供貨充足，並未有排隊情形。
一般市面上常見的消毒產品有酒精、乾洗手、漂白水及次氯酸水等。而水神抗菌液是微酸性次氯酸水，具有天然、無害、環保無殘留及無副作用等特性；次氯酸水抗菌力達到99.9％以上，適用於兒童、孕婦，溫和不刺激，可有效對抗腸病毒、肺炎桿菌等10大病菌，廣泛用於企業界、食品業、餐飲業。
武漢肺炎,新冠肺炎,新型冠狀病毒,防疫,水神抗菌液,社區防疫,台灣,里長,NCP</t>
  </si>
  <si>
    <t xml:space="preserve">本土新冠肺炎疫情趨緩，送件申請上櫃家數明顯增加，櫃檯買賣中心亦積極推展戰略新板，櫃買中心董事長陳永誠表示，今年戰略新板有機會達到5家以上，申請上櫃家數目標22家，審慎樂觀朝目標前進，全年有機會達標。
今年5月中爆發本土新冠肺炎疫情，5月到7月三級警戒致使證券商輔導作業無法進行，亦影響送件申請上櫃進度，隨著本土疫情趨緩，9月及10日已有8家公司申請上櫃，櫃買中心預估，10月申請家數約14件，11月還會陸續有公司件，送件家數明顯增加。
截至10月19日止，戰略新板推動已拜訪(來訪)計28家次，已向櫃買中心申請登錄戰略新板為4家，其中東研信超及進典工業已分別於7月26日及10月13日登錄戰略新板，數泓科技及宏碁智醫將分別於10月25日及27日登錄戰略新板交易。
陳永誠表示，除已申請的4家，尚有部分已向櫃買中心表達有意願於110年底前申請登錄戰略新板公司，正著手進行相關作業，今年戰略新板有機會達到5家以上。
在上櫃部分，截至10月19日止，申請上櫃家數為14家，新增上櫃掛牌公司為12家，以目前申請進度來看，櫃買中心預期，今年申請上櫃家數22家目標應可達成。
</t>
  </si>
  <si>
    <t>台灣新冠肺炎疫情控制得當，衛生福利部部長陳時中因此躍升「防疫男神」，人氣水漲船高、各界邀約不斷，甚至登上知名男性時尚雜誌。陳戴起時下最流行的黑色粗框眼鏡搭配合身黑色針織衫與風衣，展現有別以往的時尚風格。網友則反應兩極，有人更留言：「時尚雜誌也需要拍馬屁喔！」
《GQ》雜誌昨日（１）發表專訪文章〈獨家專訪鋼鐵部長陳時中：我是真的很難服輸〉，指出陳時中是個跳脫以往的非典型部長，兼具科學實證、社會對話、溫柔耐心、態度堅定等多項優點，更大讚「阿中部長的智慧，是台灣人的福氣，更值得男人學習。」
不僅如此，專訪中更為陳時中造型大改造，讓他戴上目前最流行的高級手工黑色粗框眼鏡、凸顯身材的合身黑色針織衫，展現有別過往的時尚型男風格；系列照片中，陳還披上多款義大利名牌風衣，大展「男神」風範。
文章一出，迴響熱烈。有網友留言：「時尚雜誌也需要拍馬屁喔！」「強過醫材自費上限要不要討論一下？」「我比較在意他對『瘦肉精』的看法」、「走鐘了……」也有網友認為：「這個造型……是我的菜」、「很有日本人的味道。這時尚又溫雅裝扮很適合他」、「帥」、「時中阿北平常穿西裝就滿好看的」。
GQ Taiwan（@gqtaiwan）分享的貼文 於 PDT 2020 年 9月 月 1 日 上午 6:59 張貼</t>
  </si>
  <si>
    <t>美國抵押貸款銀行協會（Mortgage Bankers Association，MBA）發布調查顯示，新冠肺炎爆發使得失業人口激增，美國家庭財務大受打擊，使得愈來愈多人依據紓困法案提出緩繳房貸或減少繳款的申請，目前已有超過200萬屋主處於房貸寬限狀態。
該協會13日（周一）表示，3月30日～4月5日該周處於寬限狀態的房貸比例從2.73％升至3.74％，寬限申請的屋主比前一周暴增78％，合計突破200萬人。
在房貸業者中，以Ginnie Mae貸款寬限案件增加最多，占比由前一周的4.31％勁升至5.89％。至於房利美（Fannie Mae）與房地美（Freddie Mac），貸款寬限所占比率由前一周的1.69％升至2.44％。
反觀3月2日該周，貸款寬限的比重僅有0.25％。
美國新冠肺炎確診人數已達全球之冠，目前約有95％以上的美國人正在實行「居家」或「就地避難」（shelter-in-place）命令，非必要企業持續停擺。根據美國勞工部資料，過去三周初領失業補助的人數突破1,600萬人。
MBA資深副總裁暨首席經濟學家佛拉坦多尼（Mike Fratantoni）表示：「全國性的經濟暫停運作…持續造成數百萬家庭陷入困境，愈來愈多人依據《新冠病毒援助、救濟和經濟安全法》（CARES Act）的寬限條款向房貸業務提出紓困。」佛拉坦多尼指出，「隨著遏止疫情措施持續實行數周，失業情況將會加劇，尋求寬限的借貸者預料也會急速增加。」
根據美國國會新通過的紓困法案，因疫情而陷入艱難的屋主可向貸款公司申請延後還款，最長可延期一年。</t>
  </si>
  <si>
    <t xml:space="preserve">國內疫情趨緩，中央流行疫情指揮中心指揮官陳時中今天表示，有關餐飲、夜市平時管理和戰備的指引，都會一波一波推出來，也會督導各單位，若能確實做到，就會在7月12日疫情持續往下時先開放。
7月12日後會不會開放內用，陳時中表示，餐飲業內部管理，經過我們檢查，不是說完全不可能，但還是疫情控制為主，相關指引就要不斷準備起來，讓各業者有準備時間。
台北市昨晚搶先「微解封」夜市，此舉是否有風險？陳時中強調，現在就是三級警戒，也沒有所謂「微解封」，而三級警戒就是外帶不內用，大家還是要遵守外帶不內用，到這波疫情完後，再根據相關的指引，看如何把社區經濟維持住，在一定管制下逐步開放。
由於三級警戒已經延長三次，社區照顧據點關閉一個多月，失智長者身心障礙家屬撐不下去，家屬關心，什麼時候開放？
陳時中表示，相關社區照顧據點進來地方政府對照顧精障的這些，身心障礙的，可以授權他們來世情況，因為有些人在家很難做管理，若能到相關的照顧中心來管理上會比較好，這邊一部分授權地方政府做開放，未來要怎麼做在7月12日會做決定。
</t>
  </si>
  <si>
    <t xml:space="preserve">
紐西蘭持續102天的零確診在11日破功，日前新增4例社區感染病例，4名病例都來自奧克蘭社區的同一家庭內，令人感到恐慌的是，該家庭近期並沒有海外旅遊史，也不清楚他們的感染源頭。目前奧克蘭當地已經進入三級警戒狀態，鎖定進口貨運調查中。
根據國外媒體《紐西蘭先驅報》報導指出，紐西蘭新增4起奧克蘭社區感染的案例，為此紐西蘭總理阿爾登（Jacinda Ardern）緊急重新下達防疫指令，奧克蘭今日進入為期三天的三級警戒，在奧克蘭周邊設置路障攔查。而由於4起病例在近期沒有海外旅遊史，境內又連續102天沒有出現社區感染案例，所以紐西蘭政府目前正朝進口貨運方向調查。
衛生局局長布魯姆菲爾德（Ashley Bloomfield）表示，由於這次新增的病例中，有2例曾經前往羅托魯（Rotorua）旅遊，呼籲當地的居民需要保持警惕。而其中有1例在奧克蘭的金融公司上班，除了他確診外，該公司也有3人出現新冠症狀，目前該公司也關閉，全體員工接受檢驗中。另一人在冷藏倉庫工作，也有相關人員前往該倉庫針對物體表面進行病毒測試，布魯姆菲爾德解釋，新冠肺炎的病毒可以在冷藏環境中存活相當久。
奧克蘭大學微生物學家懷爾斯（Siouxsie Wiles）表示，封鎖政策是消滅病毒的最佳手段，但如果紐西蘭政府無法在3日內找到感染的源頭的話，很有可能會延長限制措施。
更多 CTWANT 報導
</t>
  </si>
  <si>
    <t>首批93萬劑BNT疫苗，今天清晨7時許，順利運抵桃園國際機場；立法院副院長蔡其昌上午到台積電參訪接受媒體訪問表示，感謝台積電對國家所作的貢獻，自購的疫苗將陸續到貨，對於防疫有很大的貢獻，他要求政院9月底前只要「不選疫苗」18歲以上的民眾都可以打到第1劑疫苗。
立法院副院長蔡其昌說，聽到18歲到20歲的青少年喊「不要變成疫苗孤兒」，持續2周跟行政院溝通包括自購AZ疫苗將陸續到貨 12歲到18歲的孩子，透過父母親同意進行施打。</t>
  </si>
  <si>
    <t>新冠肺炎疫情升溫，台北市長柯文哲30日抱怨，中央這段時間讓太多在國外的台人回來，北市目前居家檢疫民眾多達1萬900多人，已接近檢查能量範圍，他呼籲中央要與地方協調，若超過可容受量，恐怕要崩盤了，此外，柯強調，現在紐約比武漢危險，武漢回來要集中檢疫，但歐美回來沒有，還是要有統一標準。
柯文哲今早出席延壽國宅拆除典禮，他指出，未來這一周是關鍵期，提醒民眾在人多、密閉空間、面對不特定對象時要戴口罩，雖然北市沒有明令搭公車和捷運要戴口罩，但市民素質很高，今天他搭公車，車上沒戴口罩只有1、2個。
柯話峰一轉，他抱怨這段時間中央讓國外台人一下子回來太多人，北市居檢人數目前有1萬900多人，已接近民政系統檢查容量範圍，他呼籲中央每天放回國的人數還是要控制一下，要跟地方協調，不要每天放進來，按照維持居檢的量，如果超過每天可忍受量，恐怕要崩盤了，移民署也不是他管的，中央和地方還是要協調一下，無限制的話會受不了。
面對外界質疑會影響民眾遷徙自由，柯文哲說，實事求是，現在大陸（指武漢）回來全部集中檢疫，但歐美回來沒有，根據現在統計，紐約比武漢危險，還是要有一個統一標準，放回來的人數要控制一下，回國都要居檢的話，中央地方協調一下，量太多垮掉了不行啊。
柯文哲強調，目前武漢上海包機回來民眾要集中檢疫，歐美回來沒有，還是回到科學根據，該怎麼做就怎麼做，標準一樣，中央和地方協調。</t>
  </si>
  <si>
    <t>據大陸國家衛健委網站今天消息，31個省(自治區、直轄市)和新疆生產建設兵團（8月1日0—24時）報告新增確診病例98例，其中境外輸入病例43例(雲南16例，北京4例，福建4例，內蒙古3例，江蘇3例，陝西3例，上海2例，山東2例，河南2例，廣東2例，四川2例)，本土病例55例(江蘇40例，湖南7例，北京2例，湖北2例，山東1例，河南1例，海南1例，雲南1例)。
此外，大陸31個省(自治區、直轄市)和新疆生產建設兵團，昨天報告新增無症狀感染者60例，其中境外輸入16例，本土44例(河南28例，湖南11例，江蘇2例，湖北2例，北京1例)；當日轉為確診病例7例(境外輸入4例)；當日解除醫學觀察20例(境外輸入19例)；尚在醫學觀察的無症狀感染者476例(境外輸入379例)。
★江蘇新增本土確診病例40例 南京市11例、揚州市26例
江蘇昨天新增本土確診病例40例（南京市報告11例，淮安市報告3例，揚州市報告26例），11例為輕型，29例為普通型。新增本土無症狀感染者2例（均為揚州市報告）。新增境外輸入確診病例3例。以上病例均在定點醫院隔離治療。7月20日至今，南京市累計報告本土確診病例215例。
★專家：12天內江蘇或將新增180多例本土病例
《健康時報》報導，蘭州大學新冠肺炎疫情全球預測系統負責人黃建平教授表示，根據系統最新預測結果，若江蘇採取二級響應措施，本輪疫情將於8月12日左右得到有效控制，或將新增180多例本土病例，累計確診病例數預計約425人。若採取三級響應措施，本輪疫情預計在8月16日左右得到控制，累計確診病例數或將達到606人左右。
黃建平表示，為使預測結果達到最優，本預測系統將統計-動力氣候預測的先進技術與流行病模型相結合建成，並在系統中考慮了溫度、濕度和管控措施等因素對疫情發展的影響。由於測模型中的變量是不斷變化的，預測數字也會不斷滾動修正。</t>
  </si>
  <si>
    <t xml:space="preserve">全球新冠疫情持續延燒，據Worldmeter網站統計，截至昨晚，全球確診人數已突破2700萬，其中逾88萬人死亡。美國海軍「雷根號」航空母艦二度傳出有官兵「中鏢」；印度則再次打破紀錄，1天內新增9萬人確診，最快今天就會超越巴西，成為全球疫情第2慘重的國家。
美國海軍第7艦隊發言人莫姆森中校（Cmdr. Reann Mommsen）5日向美軍《星條旗報》（Star &amp; Stripes）證實，雷根號上有「小部分」船員於上月27日確診新冠肺炎，他們隨後立即下船接受治療，沒人住院，此後船上也沒有其他人遭傳染。
據報導，雷根號於6月出海，上月22日至26日停靠關島進行休整，期間官兵僅在基地指定範圍停留，避免與外來人員接觸。不過重新出海翌日，就發現船員確診，目前尚在調查具體感染途徑。此事亦未影響雷根號的部署行動，現在該艦仍在菲律賓附近巡航。今年3月，母港位於日本橫須賀的雷根號也曾發現2人確診。
在亞洲地區，據印度衛生部門6日上午公布的數據，過去24小時內，全國新增90633名病例，累計已突破411萬例。這是印度再次打破單一國家單日新增病例紀錄，也是世界上第3個確診人數超過400萬的國家，僅次於美國和巴西。
印尼5日則通報，單日新增3128名確診患者、108人死亡，累積總數達19萬665人確診，7940人病歿，成為東南亞地區染疫死亡人數最高的國家。
目前，美國仍是全球確診及死亡病例人數最多的國家。Worldmeter網站數據顯示，美國累計確診人數超過643萬，其中逾19萬人死亡。隨著新學年揭開序幕，全美已有1500所大學出現疫情，約5.1萬名大學生染疫。由於抗疫需要大量資源及「銀彈」，國會預算處估計，本年度的累積負債將在明年達到GDP規模。在拉美疫情最嚴重的巴西，則有412萬人確診、12.6萬人病歿。
歐洲疫情也不容樂觀。法國5日統計，國內確診病例達到317706例，較前日新增8550例，創下該國自疫情爆發以來第2高的紀錄。德國的疫情也自7月底出現反彈，單日新增確診人數多日都保持在1000人以上，至6日已累計251056人確診、9401人身亡。
</t>
  </si>
  <si>
    <t xml:space="preserve">公費疫苗預約平臺第12期第一階段預約於昨（20日)截止，第12輪第1階段莫德納第2劑符合預約資格為62萬6911人，但僅約18萬人完成預約，不過施打過首劑的資深女星譚艾珍，登記時發現不符合預約資格，讓女兒歐陽靖急得在臉書發文求救，希望能找到解決辦法。
歐陽靖表示母親譚艾珍67歲，7月14日打了莫德納第一劑，由於戶籍在台北市，第一劑是在台南診所打的殘劑，但此次意願登記要在10月13日中午12:00前完成，母親在當天下午才完成，因此不符合這一輪疫苗預約資格，但算算距離第一劑已經超過14週，讓她無奈表示：「不知道何年何月才能打到第二劑了」，加上母親依然從事「無法戴口罩」、「與多人近距離接觸」的演藝工作，讓她急得發文求救：「不知道有沒有人家裡的長輩跟我媽媽有一樣的情形？」
對於歐陽靖的疑惑，網友也紛紛給予解答：「地方政府的區公所有協助65歲以上長者可以跟區公所或是里長預約登記，趕快詢問在地區公所或是里長」、「直接請里長幫忙造冊，然後再打去衛生局雙重確認」、「我爸戶籍在南部人住北部，北部里長一樣幫忙預約成功第二劑」、「高雄65歲以上是造冊的，我媽沒有登記也可以安排去打疫苗」。
譚艾珍施打第一劑疫苗也是一波三折，因為戶籍沒遷到台南，當台南市65歲以上疫苗開放預約，打電話到戶政事務所、衛生所、1922、診所等單位，詢問能否留在台南打疫苗？都是得到「必須先登記資料，如果有多的疫苗再通知」的答案，因為等不到通知，便幫母親預約回台北施打疫苗，好在北上前得知有某診能提供接種，才不用舟車勞頓。
★《中時新聞網》提醒您：因應新冠肺炎疫情，疾管署持續加強疫情監測與邊境管制措施， 如有疑似症狀，請撥打：1922專線，或 0800-001922， 並依指示配戴口罩儘速就醫，同時主動告知醫師旅遊史及接觸史，以利及時診斷及通報。
</t>
  </si>
  <si>
    <t>台中市12歲以上尚未施打疫苗者大概有25萬人，近期出現變種病毒Omicron，引起全民恐慌，為鼓勵台中市民施打第1劑疫苗，市長盧秀燕今天在市議會宣布，從下週一（13日）起，台中市施打第1劑疫苗的民眾，可獲得200元禮券。衛生局長曾梓展說，超商禮券目前採購中。
台中市議會今天進行市政總質詢，國民黨市議員陳政顯關心台中市疫苗施打的進度，未施打第1劑的人數有多少？市府是否應該鼓勵市民施打疫苗。
盧秀燕說，台中市第1劑的施打率約為8成，減掉12歲以下不能施打，12歲以上的未施打疫苗者大概有25萬人；面對近期更出現變種病毒Omicron，市府規畫鼓勵未施打第1劑的民眾出來施打，將從下週一開始，從未施打第1劑的民眾若來接種就贈送200元的禮券。其中100元是中央補助、100元是台中市自己加碼。
盧秀燕強調，中市沒有即期疫苗，跟其他縣市為鼓勵民眾打即期疫苗送禮券是不一樣；市府因預算有限，若未來預算可以會再往前推進。目前還未打疫苗的人，可能是因為生病或是有其他的顧慮；命是自己的請民眾評估好再來施打。
曾梓展表示，目前超商禮券正採購中，市府為方便民眾施打疫苗，本週六、日起將開放16處賣場或百貨公司，作為施打疫苗場所；民眾可選擇就近接種疫苗。</t>
  </si>
  <si>
    <t xml:space="preserve">對於萬華兩處新冠肺炎快篩站的陽性率高竟高達10%一事，國民黨立委賴士葆表示，這樣的結果很嚇人，而談到疫苗採購，他感嘆，不免讓人痛心疾首；他也表示，蘇貞昌不久之前才說台灣沒有施打疫苗的急迫性，相較於如今的窘迫，讓人無言。
賴士葆16日在臉書指出，回想過去一年多，多少專家學者呼籲要普篩或快篩的建議，指揮中心置之不理，原來大家追求每天「+0」的美化數字，隱藏在背後的是沒有症狀的帶原者無法被揪出來，在社區裡面亂竄，至終紙包不住火，總是要面對現實。
賴士葆談到疫苗採購，不免讓人痛心疾首。他說，政府多次嚴重的失誤，不接受監督，不檢討改進，台灣達到群體免疫需要施打千萬劑的疫苗，至今只進來31萬劑。蘇貞昌不久之前才說台灣沒有施打疫苗的急迫性，相較於如今的窘迫，讓人無言。
他強調，不要再細數過往防疫的政績，也不必不停的大內宣-有政府會做事、有政府請安心。確診的人數飆高，誰會安心？最後他也呼籲，在病毒面前我們只能謙卑。
</t>
  </si>
  <si>
    <t>在新冠肺炎、油價崩跌、全球面臨經濟衰退等黑天鵝衝擊下，今年來金融市場相當不平靜，震盪幅度已達2008年金融海嘯水準，投資人投資困難度大幅提升。
投信法人分析，新興短期高收益債具有「短天期低波動」及「較佳息收」二大優勢，在雷曼事件、美國降評、油價重挫、中美貿易戰及新冠肺炎等重大利空期間，其跌幅明顯小於全球高收債、美國高收益債、美國短高收債，甚至在中美貿易戰期間逆勢上揚，建議投資人現階段將新興短期高收債納入資產配置組合，強化資產防禦力。
台新新興短期高收益債券基金經理人尹晟龢指出，債券距離到期日愈近，債券價格波動愈小，只要不違約，到期時債券價格將回到面額，因此，短天期債券對利率敏感度較低，波動幅度也相對較小，以過去十年年化波動率來看，新興短期公司債僅5.25％，皆不到美國投資債、新興公司債、新興主權債及美國高收益債的一半，最適合目前大幅震盪下的避險操作。
另一方面，今年來債市波動加劇，許多投資人頻繁進出，大幅增加了交易成本，而新興短期公司債因為價格波動低，本金不易被侵蝕，債息自然能成為總報酬主要來源，更有機會強化長期投資複利效果。</t>
  </si>
  <si>
    <t xml:space="preserve">新冠變異株Omicron入侵多國，莫德納執行長昨（30）日預期疫苗效力下降、而且「不會好到哪裡」引發市場恐慌，不過同一時間，以色列衛生部長卻表示現有疫苗對Omicron有效，以色列媒體公開的初步數據也顯示，輝瑞/BNT疫苗預防感染Omicron的保護力達90%。
綜合英國《衛報》（The Guardian）、《耶路撒冷郵報》（The Jerusalem Post）報導，衛生部長霍洛維茲（Nitzan Horowitz）昨日表示，初步跡象顯示，6個月內完整接種過新冠疫苗的人，或者已經追打加強針的民眾，將免於受到Omicron感染。
霍洛維茲說：「接下來幾天我們將會有關於疫苗對抗Omicron有效性的更準確資訊，但目前已經有樂觀的空間，而且初步跡象顯示，已經接種過疫苗的人仍然有效，或者接種過加強針的人能夠受到保護。」
霍洛維茲補充說：「現在疫苗真的非常重要，任何沒有打疫苗的人接觸到這隻變異株，都將讓自己陷入不必要的風險。」
周二晚間，以色列第12頻道電視台（Channel 12 TV）報導BNT疫苗對抗Omicron的最初保護力數據，指出BNT疫苗避免民眾感染Omicron的保護力達90%，對抗Delta的保護力為95%，保護效力較對抗Delta稍微下降。
對於已經接種第3劑加強針的人，避免重症的保護力達93%。
報導指出，Omicron的傳染力較Delta高，約高出1.3倍。
關於未接種疫苗的民眾，感染Omicron後變成重症的機率高出2.4倍。
以色列衛生部發言人表示，尚未收到第12頻道電視台公布的疫苗保護力數據；另外，南非也將和以色列分享疫苗對抗Omicron保護力的初步數據。
以色列衛生部公衛司司長歐若普瑞斯（Sharon Alroy-Preis）昨日表示，目前以色列最關切的是Omicron在南非的傳播速度非常快，10天內每日新增病例就從200例激增至2000例，不過已經接種過疫苗的患者症狀都屬輕症，她也強調目前都只是初步資訊。
Israeli Health Minister Nitzan Horowitz says that early data shows that those who have three doses of the Pfizer COVID vaccine are well protected against the new Omicron variant. https://t.co/fy3ydZ7EUL
以色列昨日新增4例Omicron確診，其中2名患者為心臟病專家，當中1人近期剛從倫敦開會返國，官方表示2人都接種過3劑BNT疫苗，不過症狀都「非常輕微」。
</t>
  </si>
  <si>
    <t>國內出現首宗安養機構的護理人員確診事件，該護理人員第一次就醫時，並沒有採檢，直到十天後，才採檢確診。國內有專家建議，應對長照機構工作者全面採檢，指揮中心指揮官陳時中今天回應表示，已著手研擬，將針對醫護人員再度放寬採檢標準，研議若有發燒或呼吸道症狀，就可以採檢。
該名護理人員第一次就診時，醫師僅給治療流感的克流感藥物，但沒有採檢，直到十天後才採檢並確診。
陳時中表示，該名護理人員是因為以往治療流感，分辨只有加強克流感計畫免快篩可以使用，醫生判斷傾向是流感會先使用基本克流感藥物 第二階段沒有大幅改善才會做大階段的採檢 這是醫師的專業判斷。而第二擴大採檢則是根據旅遊史。
不過接下來，有任何相關呼吸道症狀就可以採的擴大採檢方案，當中一個醫護有相關症狀就可以採，那個剛好是一個轉換期，因此未來醫護人員，不管全身防護個人防護也可以保護自己也可以保護受照顧的人，這方面會加強。
指揮中心醫療整備官羅一鈞表示，指揮中心已經研議放寬讓醫護人員有症狀（發燒、呼吸道症狀）就會採檢，應該最快本周內開會，也是因為看到整個最近檢驗通報情形看起來，上周四、五機場回國人數高峰過了，檢驗量能可以提升，醫護人員也不是機構這件，本來就又考慮，由醫師懷疑的方式，相關配套以及採檢對象 整備組會議會再討論。</t>
  </si>
  <si>
    <t>新冠肺炎自五月份擴大以來，已經造成一萬多人確診，五百多人死亡的案例，醫療量能一度緊繃，全國中醫師聯合會副秘書長陳博淵認為，在等待疫苗的同時，中西醫合力治療，有機會緩解症狀，縮短陽性轉陰性的時間，改變目前流行病的曲線。
若從中醫的角度來看，新冠肺炎是一種瘟疫，古今中外都有傳染病或流行病，如黑死病、傷寒，無論動植物皆有可能染上瘟疫，造成健康危害和經濟的損失。
細菌病毒在人類還沒出現就已經存在，之所成為「病」，是因為人體提供它適合生長的環境，好比潮濕的地方容易滋生黴菌，一旦水土氣候、環境條件改變，細菌病毒就會減緩，甚至消滅。
●改善體質 遏止病原體肆虐
陳博淵說，中醫看的是體質跟病原體的相對關係，如果身體的環境是病原體要的，就會在體內恣意蔓延，我們無法改變水土氣候，但是可以改變體質來遏止病原體在體內生長。
新冠致死率攀高，有些確診者在患病幾日內死亡，主要是肺部瀰漫性發炎，到處充滿痰，這些痰像果凍的膠狀或黏稠的鼻涕，阻礙肺部氣體交換，身體極度缺氧，瞬間暴斃死亡。
這種黏濕的痰，中醫視為「濕」的表現，至於是寒濕或濕熱，則要看區域或在人體狀況而定，原則上，身體帶「濕氣」，不管是寒濕或濕熱，都是病毒喜歡生長的環境，自然比較容易患病。
陳博淵指出，肥胖、糖尿病、三高都是屬於濕痰的表現，並不是說有三高或肥胖就一定會得新冠肺炎，而是濕痰的體質容易讓病毒在體內恣意坐大，比一般人更容易罹病、由輕症轉為重症。
●施打疫苗 第一層衛氣的防禦機制
這些致病的因子，古代稱之為火氣或病邪，有些人遇到病邪會發病，有些人不會，關鍵在於人體的防禦機制強或弱，中醫將防禦機制分為「衛、氣、營、血」四層，衛氣為表、營血為裡，先表後裡，抵禦外侮的病毒、邪氣。
衛氣是邊境防守，就像台灣初期的防疫，從機場、海關阻擋境外移入，一旦病毒突破邊境，侵入社區，就進入營血的範圍，必須要靠地方政府(五臟六腑)防疫機制，阻擋病毒在社區(體內)擴大蔓延。
施打疫苗，其實就是第一層衛氣的防禦，讓身體對病毒有初步的認識、反應，提早對病毒產生抗體，一旦病毒侵入營血，就必須靠藥物來治療，然而，新冠病毒至今仍沒有藥可解，唯一可靠的是身體自然的免疫能力，因此把體能狀況維持好，以時間換取空間，才能提高打勝仗的機率。
陳博淵說明，新冠病毒很刁鑽，會躲過身體的防禦機制，潛藏在器官隱密處，等到兵力部署完畢，一次反應出來釀成重病，才會有快樂缺氧或猝死的情況發生。
中醫是看體質的缺需，哪邊不足、哪邊過旺，做適度的調養，讓身體有充裕的準備對抗病毒，如果體質好、氣血順暢，體內不是病毒要的環境，病毒在體內無法大量繁殖，便能取得壓倒性勝利。
●調整免疫 支持性療法
除了改善體質之外，進一步的做法是向病毒宣戰，外部的研究發現，「清冠一號」的板藍根、魚腥草就有抗病毒的作用，輔以其他藥材調整免疫，做支持性療法，從過去發表的二十一個病例來看，皆收到不錯成效。
陳博淵認為，症狀是病毒攻擊身體所產生的混亂狀況，病人因為症狀而面臨死亡威脅，如果投藥後症狀減輕，意味著這樣的治療模式對病毒有壓抑的作用，病情就有好轉的可能。
他強調，不要說中醫比較好或西醫比較強，重點不在於追求哪個特效藥，如果中西醫合作能夠找出一個有效的治療模式，根據病程，什麼時機用什麼藥，讓重症變輕症，輕症轉為無症狀，自然能減少死亡，對疫情有正面幫助。
依現在的狀況，快篩陽性還不見得有症狀，PCR陽性不見得入住病房，有些無症狀的確診民眾在防疫旅館、檢疫所或居家隔離，接二連三聽到快樂缺氧或猝死的情況，這一階段西醫束手無策，中醫師確實可以介入關懷、提供諮詢及治療。
流行病都有共同的特徵，以中醫來看新冠肺炎，就是濕痰，去濕用藥不可少，臨床上以「清冠一號」的精神為主軸，輔以個人的體質設計不同藥方，藉以緩解症狀、縮短陽性轉陰性的時間，目前在各醫學中心的中醫部門及中醫師全聯會的LINE群組上，陸續皆有傳出中西醫合治，服用中醫藥方後病情好轉，提早出院的案例。
●透過視訊關懷、看診 穩定病人情緒
最好的狀況是不要讓無症狀發病、輕症變為重症，陳博淵說，病人關在防疫旅館，整天看電視、缺乏運動，消耗身體能量，加上情緒低落，心情反而是擊垮抵抗力的幫兇，這時如果中醫師透過視訊關懷、看診，穩定病人情緒，開出藥方提升抗病能力，減少發病的機率，若有緊急狀況，也可以通報衛生局立即處置，尋求第一線的治療。
全省有七千多名中醫師，在醫療量能吃緊的同時，針對上萬名居家檢疫或被隔離的患者，一個中醫師若能分配二到三位病人，適度看診問候，必要時開藥緩解症狀，對疫情緩解有很大的幫助，這段時間若能善用中醫師的力量，台灣的防疫水準會更上一層樓，流行病曲線的發展必然大不相同。
實際做法上，各縣市政府或衛生局一定會有居家檢疫、隔離或匡列者的名單，衛生局可以發揮作用，積極媒合中醫師視訊看診，另一方面，由於「清冠一號」還是自費用藥，可以鼓勵企業發揮愛心募款捐藥，並由各區公所派人協助送藥，建立社區防疫的功能。
●「清冠一號」用藥為基底 輕症方、預防方日常保健
「清冠一號」是屬於確診者的用藥，必須由醫師開立處方箋，一般民眾不可擅自服用，對於目前尚健康、無症狀者，國立中醫藥研究所也有開出輕症方或預防方，是以「清冠一號」用藥為基底，減輕藥量，用作日常生活的保健。
當然，每一位中醫師都有自己的預防妙方，陳博淵分享，新冠肺炎屬於高度傳染病，現在沒有確診，不代表以後不會染病，原則上以「清冠一號」方劑為精神，少量的魚腥草、板藍根等抗病毒用藥保持低度的警戒；濕氣用通風來解，可以放些厚朴行氣，輔以荊芥、防風固表，增強外在抵禦病邪的能力。
●寒涼食物少碰 練氣功提振身體能量
穴道的部分，可適度按摩合谷、列缺、迎香等穴位，增強肺部機能，新冠病毒會從眼睛侵入人體，平常可按摩睛明穴、頭維穴，或用毛巾熱敷。另外，溫熱可以除去身體的濕氣，可用艾灸放置背部的大椎穴、陶道穴及腰部的大腸俞去濕邪，使用艾灸時，注意保持室內通風，如果不方便用艾灸，毛巾熱敷也可達到去濕的效果。
飲食的部分，冰涼食物會阻礙氣血流通，把濕氣滯留在體內，造成虛胖的體質，生冷的水果適度飲用即可；燥熱會使身體處於發炎的狀態，料理食物以清淡為上乘。居家環境注意室內外通風、溫度，盡量不要感冒，減少染疫的風險。
談到個人生活防疫，除了戴口罩、勤洗手之外，陳博淵平常會練氣功，像是太極拳、八段錦、無相氣學提振身體的能量，適當飲食、不追求口腹之慾，特別是寒涼的食物盡量少碰，也會視身體的狀況，補充保養品、營養品增加抵抗能力。
本文作者: 蔡武穆
(本文摘自《理財周刊1087期》)</t>
  </si>
  <si>
    <t>滙豐13日表示，該行將大陸今年首季GDP增長預估從5.8％下調至4.1％，而全年GDP增長預估從5.8％下調至5.3％，原因在於新冠肺炎疫情造成的影響，
據路透報導，滙豐表示，大陸旅遊、貿易、供應鏈和其他行業已經開始感受到疫情的影響。
滙豐還將今年全年全球經濟增長預估從2.5％下調至2.3％，滙豐指出，預計第一季受到的衝擊最大，隨著時間的推移情況將會有所好轉。</t>
  </si>
  <si>
    <t xml:space="preserve">新冠肺炎疫情蔓延全球，日前蔡依林（Jolin）攜手陳奕迅（Eason）合唱英文公益單曲《Fight as One》，用歌聲向全球醫護致敬，卻因MV畫面中有外國小孩舉著「感謝China」標語片段，引發爭議。「館長」陳之漢也發文狂酸，敢講中華民國台灣醫護人員辛苦了，或是加油中華民國？保證聽不到！
據了解，這次蔡依林與陳奕迅合作，兩人並沒有碰面，是分別錄唱、拍攝MV，再藉由後製剪輯完成。歌詞內容毫無爭議，不過卻有眼尖網友發現，MV中有小朋友拿著畫有大陸五星旗、「感謝China」標語片段，狂罵這首歌表面向全球醫護致敬，背後用意根本是幫大陸做宣傳。
館長今（7日）在臉書發文狂酸，「是喔被陰了唷，MV內容不知道喔，那麼10一定等等會發新聞稿抗議。我相信等到天荒地老，海枯石爛也等不到」。
更說「不然叫他講一句，中華民國台灣所有醫護人員辛苦了，或是我國的部長以及防疫人員辛苦了，或是加油中華民國.........我保證也聽不到。」
而蔡依林臉書粉專昨（6日）發文「此刻的我感到渺小」，似乎在回應近期風波。內文提到「無論未來的蔡依林，將會如何地被敘述和被形塑著。我都要深深地謝謝你，謝謝你在我有限的表演生命裡， 曾用力地拉過我一把 ，曾親臨現場地救贖過我，更曾不離不棄地陪伴過我的你。」
「也許，在某個時間，你忽然間，不再需要我了，也不再記起我了，我都相信，那也本是我該收下的生命之禮。在此之前，我一定會為蔡依林，全力以赴的活著，笑著，哭著，唱著⋯⋯」。
</t>
  </si>
  <si>
    <t>行政院長蘇貞昌今（22）日表示，針對受新冠肺炎疫情衝擊的企業及個人紓困已超前布署，包括中低收入戶與弱勢、計程車與遊覽車司機、自營業者及受創業者員工等對象，本周將有90萬人領到紓困現金，強調是發給有需要的人，不是不分貧富的大撒幣。
蘇貞昌上午邀集副院長陳其邁、秘書長李孟諺、發言人Kolas Yotaka、政委龔明鑫、衛福部長陳時中、經濟部長沈榮津、財政部長蘇建榮、文化部長鄭麗君、主計長朱澤民等首長，召開「紓困振興進度記者會」，說明紓困預算目前發放狀況。
蘇貞昌指出，針對87萬名中低收入戶與弱勢，每人每月將補助1500元3個月，第1個月補助已於21日入帳，已有71萬人收到。針對10萬名計程車與遊覽車司機，每人每月補助1萬元3個月，已自21日起陸續入帳，目前已有5.8萬人領到。
對於100萬名自營業者，政府將一次補助3萬元，蘇貞昌表示，將自今日起入續入帳，本周將有10萬人領到。針對90萬名受創產業員工，則補助薪資4成共3個月，自21日起陸續入帳，本周將有3.7萬人領到。合計本周將有90萬人領到紓困現金補助。
針對各受創企業員工補助狀況，蘇貞昌指出，包括121家餐飲業1.5萬名員工、共3.5億元，47家製造業4千名員工、共1.2億元，127家會展業3300名員工、共1億元，80家觀光業3800名員工、共0.8億元，以及2700件藝文產業1.1萬人、共4.03億元。
行政院因應新冠肺炎疫情衝擊，前後2階段共祭出達1.05兆元的紓困振興預算，立法院21日已通過特別條例修正草案。蘇貞昌表示，政院將在明（23）日院會提出追加特別預算1500億元，24日將赴立院報告並接受質詢。</t>
  </si>
  <si>
    <t>大陸國家衛健委宣布，截至7日，大陸全國高風險地區清零，中風險地區下降到3個。同時，對中秋國慶假期是否可以外出旅行、疫苗接種情況如何等問題，大陸國務院聯防聯控單位指出，在假期期間，不提倡聚集和聚會，尤其是不允許大規模的聚集。
中疾控專家7日表示，在目前全球新冠肺炎疫情流行的嚴峻形勢下，外防輸入的壓力依然很大，中秋、國慶假期不提倡公眾在假期聚集和聚會，尤其不允許大規模聚集，公眾不能前往中高風險地區，所在地為中高風險地區的公眾也不能出行。
出行前，先瞭解目的地的疫情防控等級，不去中高風險地區。出行中，做好個人防護，戴口罩、勤洗手、保持手衛生，保持社交距離。
截至6日，大陸累計報告新冠疫苗接種總人數達到10億9500萬，覆蓋總人口的77.6％，完成全程接種的有9億6972萬人。12-17歲人群目前已經接種1億6228萬劑次。
針對個別地區不允許未接種新冠疫苗人群進入超市等重點公共場所、學生被拒絕入校、單位組織人員到外地接種等現象，大陸國務院聯防聯控單位已專門召開會議，要求各地及時糾正、避免簡單化、一刀切。
大陸已部署了滅活疫苗、重組蛋白疫苗、腺病毒載體疫苗、核酸疫苗、減毒流感病毒載體疫苗5條技術路線。目前，已實現5條技術路線臨床試驗的全覆蓋。滅活疫苗已有3款獲國家藥監局附條件上市批准，並正在大陸國內開展大規模接種。2款獲大陸國家藥監局同意緊急使用，同時也正在國外開展Ⅲ期臨床試驗。
國務院聯防聯控單位指出，各地協調配合，做好疫苗跨地區接種資訊管理工作，接種單位在完成接種後及時為接種者提供預防接種憑證，群眾可根據接種憑證完成續種。
大陸正積極推進全國免疫規劃資訊系統互聯互通，目前尚未實現接種資訊跨省互聯互通的地區，民眾仍需在接種後續劑次疫苗時提供接種單位出具的紙質版憑證，按照憑證記錄接種後續劑次的疫苗。</t>
  </si>
  <si>
    <t>國內疫情嚴峻，但仍有民眾學不乖，持續進行群聚活動。今（8日）晨，高雄市一棟大樓就傳出麻將聲，新興警方獲報後，隨即前往臨檢，發現6人群聚中有5人未戴口罩，於是趕緊蒐證，查扣現場麻將、塑膠籌碼，向衛生局舉報裁罰。當時賭客供稱，因為宅在家太無聊才約朋友打牌，輸的人還承諾要請大家吃烤雞，豈料這次群聚裁罰，每人至少吃上6萬元罰單，總計得付出36萬元代價。
據警方指出，高雄市某大樓的一間屋子，深夜時燈火通明、傳出疑為洗麻將的聲響，警方因此在外埋伏，趁25歲蔡姓女子開門外出時攔查，並進屋查訪，確認現場共計4男2女群聚打牌，所有人身上並無現金，警方遂查扣塑膠籌碼近1萬2千元，並將6人依傳染病防治法、社會秩序維護法送辦。
據了解，這場群聚是由27歲李姓店長主揪，他表示牌咖全是自己朋友和離職員工，非賭客，也否認有開賭場營利，實在是大家宅家救國悶壞，才觸法相約打牌，並說好最輸的人請全部吃烤雞。但由於群聚打麻將，一人至少罰6萬元，6人總計36萬元，以美式賣場好市多（Costco）189元烤全雞來說，36萬能買約1900隻，由此可見，為解悶群聚打牌，實在得不償失。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北京市衛生健康委員會周日（14日）公布，市內上周六（13日）再新增36宗本地新冠肺炎病例、無症狀感染者1例。連續56天沒有出現本土新冠肺炎病例後，大陸首都北京市2天內新增7宗本土病例，光12日就確診6例，另有46人為陽性無症狀感染者。新發地農產品批發市場疑似傳染源頭，市場所在地豐台區重啟「戰時機制」。北京市委書記蔡奇表示，北京已進入非常時期。
北京市疾病預防控制中心副主任龐星火13日召開記者會表示，除12日通報的1例病例劉某有出京史外，其餘6例病例近2周均無出京史、無境外人員或湖北人員接觸史。但7人都去過新發地農產品批發市場，因此初步判斷，可能接觸市場中汙染的環境、或接觸到被感染人員。
北京市豐台區新發地市場出現新冠疫情後，豐台區迅速啟動戰時機制，成立現場指揮部，並對新發地市場及周邊11個社區採取封閉管理措施。目前已鎖定豐台區確診病例的密切接觸者139人，全部實施集中隔離。
豐台區 重啟戰時機制
根據官方通報，12日通報的6名病例中，有在新發地市場工作的銷售員和司機，也有前往該市場採購肉製品的顧客，以及2名執行食品抽檢工作的研究機構員工。11日公布住在西城區的患者，也去過新發地市場買菜。
《新京報》報導，檢疫人員在切割進口鮭魚的砧板上發現新冠病毒，當局連夜對全市的生鮮、畜禽肉類和水產品進行食品安全檢查，很多餐館和超市也下架鮭魚產品。
北京市政府如臨大敵，13日凌晨3時立刻下令關閉新發地農產品批發市場，市場所在地豐台區重啟「戰時機制」，新發地市場及周邊社區採取封閉管理措施。
關景點 禁止群體聚餐
北京也立即暫停跨省旅遊團、暫停舉辦體育賽事，小學一、二、三年級暫緩復課，多處景點如雍和宮即日起關閉。5條北京和河北省之間的跨省公車線路暫緩恢復營運；北京餐飲防控調升至二級管控，禁止群體性聚餐、進店用餐需查驗「健康寶」App，海淀區所有社區恢復二級防控。
46人呈陽性無症狀
當局對1940名北京各批發市場從業人員進行進行核酸檢測，其中46人呈陽性反應，目前無臨床症狀，已納入嚴密管理和觀察中。此外，市場中採集的40件環境樣本也呈現陽性。北京將對5月30日以來與新發地市場有接觸者開展核酸檢測。
此外，朝陽區崔各莊鄉13日晚間公告，京旺家園社區居民王某11日至瀋陽出差，12日核酸檢測為陽性，成為遼寧省新增2例無症狀感染者之一。王某在北京的家人均已居家隔離醫學觀察，社區也升級為二級管控。大陸多地提醒民眾，如非必要，近期不要前往北京市。</t>
  </si>
  <si>
    <t xml:space="preserve">假如這個爆料屬實，只能說籃網球星杜蘭特的恢復能力太驚人了！先前公開坦承自己確診新冠肺炎的杜蘭特，27日被《TNT》資深記者伊格爆料，杜蘭特不僅已經恢復健康，甚至狀態回到昔日巔峰時刻，假如NBA今天復賽，他可以上場比賽！
杜蘭特是在去年6月總冠軍賽期間，不慎造成阿基里斯腱撕裂的重傷，讓他本季提前宣告報銷，沒想到先前籃網宣布4名球員檢驗結果呈現陽性之後，他竟率先跳出來承認自己確診新冠肺炎，沒想到如今他接連克服新冠肺炎與腳傷宣告健康。
「杜蘭特與他的團隊已經證實了這點，」伊格表示，「很明顯地，杜蘭特自從確診新冠肺炎之後，就積極恢復自己的健康，從最近流出他的訓練影片當中可以看出，他不僅打得像昔日的自己，甚至看起來像是今天就準備好上場的球員。」
「但對杜蘭特來說，當前最大的問題是他到底應該怎麼做，」伊格表示，「我想籃網會把決定權交給杜蘭特自己，就從醫學角度來看，我認為他現在可以上場打球，但更頭痛的問題是籃網能否接受這個決定？甚至杜蘭特自己能否接受？」
</t>
  </si>
  <si>
    <t xml:space="preserve">新冠肺炎疫情肆虐全球，擔任防疫指揮官的衛福部長陳時中，為了防疫每天行程滿檔，也讓知名主播張雅琴呼籲立委放過陳時中，反遭名嘴羅友志痛批是「政大之恥」，對此張雅琴在昨天播報新聞時再度開嗆。
張雅琴表示曾提及「放過陳時中」，並非不監督的意思，而是希望立委能讓陳時中部長以處理疫情為優先，像是昨天除了除了確診案例外，還有武漢台商包機、口罩2.0等重大事件，因此向立法院備詢請假也是情有可原，接著表示這種敏感時刻，有些人會想要藉此蹭熱度，希望都可以省下功夫，若想要出名，最好還是靠自己，不能夠靠別人，藉機再次嘲諷羅友志。
從去年十月張雅琴砲轟高雄市長韓國瑜「嫖妓說」，引發名嘴羅友志開嗆後，事隔數月，張雅琴有鑑於站在第一線的陳時中幾乎沒時間休息，呼籲立委「放他一馬」，對此名嘴羅友志怒批：「新聞人，自動放棄監督政府的義務跟天職，去當網軍保護政府，那跟死了，有什麼分別」？撂下狠話：「政大廣電系之恥」，再度引發議論。
</t>
  </si>
  <si>
    <t>全台新冠肺炎疫情不斷擴大，包括台北、新北、宜蘭、基隆都有確診者，引爆全國恐慌。衛福部長陳時中12日在記者會上表示，「過去擔心疫苗打不完，但如今卻是擔心打不夠」，對此，國民黨立委賴士葆表示，自己服務處接到許多民眾陳情，已經無法施打疫苗，但政府有保證有預約的人民都打得到，沒想到政策會轉彎；他拜託政府不要只顧協助邦交國取得疫苗，難道台灣人民的命不如友邦？
賴士葆今（17日）在臉書發文表示，今天一早服務處接到很多民眾的電話抱怨，到藥局買不到口罩，還有一些民眾氣急敗壞的是他們已經預約自費施打疫苗，昨天陳時中在記者會上也宣布有預約的民眾都打得到，沒想到政策立刻轉彎，疾管局告知取消18日以後已預約的停止施打，讓民眾十分錯愕。
行政院長蘇貞昌2月底還說台灣沒有施打疫苗的急迫性，賴士葆直言，當時整個內閣對於疫苗可有可無鬆散的態度可見端倪；5天前外交部長吳釗燮表示瓜國是台灣堅實友邦，台灣正透過各方管道並結合理念相近的國家，設法協助瓜國取得疫苗；駐美代表蕭美琴3天前受訪表示：「截至上周，駐美處對美方交涉重點在如何協助邦交國取得新冠疫苗，不過台灣發生本土疫情，國人對疫苗期待比較迫切，這周起也非常積極接洽。」賴痛批，看了這樣的報導讓人痛心疾首，為什麼台灣人的命永遠不如友邦？為什麼台灣人就是配吃萊豬和核廢水漁產？
賴士葆稱，這幾天暴增的確診人數讓大家心驚，專家也表示，其實幾個月前社區很多的確診案例，只是被掩蓋著，長期美化「＋0」的數字，為台灣博得防疫績優生的美名，沉浸於虛幻的假相，政府錯誤的認為台灣是淨土，不急著施打，殊不知病毒已經悄悄的進入社區，政府堅持不篩，直等到大爆發，民眾想打疫苗沒有疫苗，原來都在幫友邦喬疫苗。賴質問，美國3億多人口，採購了N倍的疫苗，美國一直表示很支持台灣，蕭美琴為什麼不積極請美國釋出一些疫苗給台灣，告訴美國現在台灣疫苗施打只有1％左右的窘狀和急迫，為什麼不大聲地說：Taiwan needs help？</t>
  </si>
  <si>
    <t>新冠肺炎疫情正在全球蔓延，嚴重衝擊全球經濟。香港中華廠商聯合會（廠商會）近日發表一份研究報告警告，疫情恐會連環衝擊有緊密合作關係的亞洲區經濟體，而香港為亞太區重要的貿易樞紐及供應鏈管理中心，貿易中轉業務會減少。
上述報告指出，疫情令亞洲經濟體或產生「火燒連環船」的情況。由於大陸為亞洲區內重要的供應鏈中心，工廠被迫延遲開工或者沒有完全復工，妨礙跨國企業在大陸的生產線。同時影響其他依賴大陸供應原材料的下游供應鏈經濟體，以及大陸與上游供應商的生意，拖累生產運作的恢復。
報告提及本地貿易、物流和相關行業本來已陷入衰退，疫情是雪上加霜。而香港又一向嚴重依賴大陸旅客，將對當地經濟帶來即時而直接的衝擊，令旅遊相關行業特別零售、餐飲、住宿以及交通運輸業步入了「寒冬」。</t>
  </si>
  <si>
    <t>大甲媽9天8夜的遶境行程，決定延期了！大甲鎮瀾宮剛剛宣告，「全體董監事會昨晚召開會議，我們決議尊重專業，將今年的大甲媽遶境進香延期舉辦全力支持政府的防疫工作。」鎮瀾宮預定上午11時召開記者會說明。
大甲鎮瀾宮早上在臉書公告內容如下：
百年的遶境進香活動，因為今年武漢肺炎和流感的疫情蔓延，各界出現了不同的聲浪，為了維護百年的文化活動，近日密切注意疫情發展，請益公衛團體、醫院醫師、學者，拜訪沿途宮廟、縣市政府，建立防疫工作，尋求各單位的協助。
大甲鎮瀾宮表示，全體董監事會昨晚召開會議，決議尊重專業，將今年的大甲媽遶境進香延期舉辦，全力支持政府的防疫工作。</t>
  </si>
  <si>
    <t>國際股市恐慌賣壓未歇，拖累台股連五日回檔，波段下跌1,562點，法人指出，隨著疫情持續升溫，目前已有多國實施關閉實體店面，市場擔憂歐美感染人數爆發，對終端消費影響將逐步顯現，操作上建議聚焦有業績支撐，營運展望維持正向的個股，具任天堂、TWS出貨題材加持的原相（3227）及可望受惠陸5G基建的泰碩（3338）值得關注。
新冠肺炎疫情爆發，使得「宅經濟」消費大增，Switch遊戲機熱銷，任天堂股價逆勢大漲，市場預期台系供應鏈可望沾光，其中，原相提供感測器出貨，挹注營運動能，另TWS也是公司業績一大成長來源，中長線拉貨力道可期，首季營收估將築底向上。
法人表示，就股價而言，原相近期受新冠肺炎影響，首季訂單與展望衝擊已有過度反應跡象，超跌後的投資價值浮現，且在TWS和CIS等產品皆有更進一步突破之下，預估公司今年營收仍將維持雙位數成長；原相17日小跌0.5元，收在144.5元，投信連兩日加碼，表現抗跌。
泰碩為中國大陸通訊設備大廠的AAU關鍵散熱件主力供應商，法人預期，客戶將於今年大量建置基站，雖然第一季受新冠肺炎疫情衝擊，影響試產進度，不過，先前中國政策會議上指出，將加快5G網絡、數據中心等新型基礎設施建設進度，有利泰碩全年5G業務成長保持樂觀看法。</t>
  </si>
  <si>
    <t>有糖尿病史者若染上新冠肺炎，死亡率極高，但現在想投保醫療險又恐怕來不及。南山人壽16日指出，其先前推出的外溢型糖尿病弱體保單，已取消30天的疾病等待期，且有一年六次門診保險金，讓保戶定期回診檢測血糖及生活記錄，可減免5～10％保費，鼓勵糖尿病患者不要在此時避諱就醫、耽誤病情。
南山人壽這款弱體保單是專門針對36～60歲的第二型糖尿病患者，提供住院日額、住院手術、門診手術及門診等保險金，保單共分三額度，基本款是日額2千元，最高醫療給付300萬元，進階款是日額3千元，最高醫療保險金給付450萬元；高階款是日額4千元，醫療部分最高給付600萬元，保單亦有意外身故給付100～200萬元。
這部分是已確定罹患糖尿病者才能投保的保單，南山人壽強調，對於一般健康體保戶可投保住院醫療險，亦有17張是針對法定傳染病取消等待期。
由於是外溢型保單，保戶要定期回醫院測量糖化血色素，每月有一定天數以上記錄血糖、飲食及運動，依糖化血色素的數控及記錄行為總分，保單第三年起可折減保費5～10％。
全球正在努力控制新冠肺炎疫情擴散，南山人壽指出，台灣新冠肺炎確診案例已達395例，其中有六人死亡，當中就有四例具有糖尿病史，亦即有相關慢性病史者若不幸罹患新冠肺炎，死亡風險會高於其他群體。
糖尿病亦位居台灣人十大死因之一，每年有近萬人因糖尿病死亡，南山人壽引述國民健康署統計，全台約有200多萬名糖尿病的病友，且每年以約2.5萬人的速度持續增加，近期因為新冠肺炎疫情，不少糖尿病患者不敢上醫院，甚至忽視病情變化，延誤就醫。
南山人壽即強調其糖尿病患專屬保單，對所有疾病都是免30天的等待期，馬上有醫療與意外保障，且保單有每次門診600元的保險金給付，糖尿病保戶可定期回診，以有效控制血糖、觀察體況。
南山人壽舉創，若投保此弱體保單的高階款，投保後確診新冠肺炎入住負壓隔離病房，每日即有新台幣4千元的住院日額保險金，若住院期間進行手術治療，可申領每次新台幣2萬元的住院手術醫療保險金，另外針對糖尿病患者常見的眼部病症，也提供每次新台幣4千元的門診手術醫療保險金，若因回診檢查，一年有六次每次新台幣600元的門診醫療保險金。</t>
  </si>
  <si>
    <t>新冠肺炎疫情延燒，花蓮縣議會今召開第19屆第7次臨時會，民進黨議員莊枝財提出緊急提案，主張疫情嚴峻，建議暫緩第7次、8次臨時會以及五月的定期會，獲得許多議員附議，議長張峻敲槌定案，創下全台首例暫緩定期會，將視疫情擇期開議。
花蓮縣議會24日召開第七次臨時會，昨天辦理議員報到，莊枝財今早提出緊急動議，希望暫緩臨時會及定期大會，他表示，目前已進入第2天的預備會議，因此將「暫緩」，再找適當時機召開，下次會議直接進入一讀會及臨時動議。
莊枝財指出，現在全台各地疫情嚴峻，花蓮在縣府各單位努力防疫下，並配合中央防疫工作，現在都還沒有確診病例，因此他建議先行休會讓大家做好防疫。有議員則認為，縣府總預算在十月提出，目前應不至於影響重要議案，但暫緩定期會開議，也創下全台之先。
議事主任譚進成表示，4月13日將召開的第8次臨時大會及5月1日的定期大會，經議員決議是「順延」，目前發准內政部同意，並同步進行發函及發文給相關單位，至於開議時間延至何時？未來還要視疫情狀況協商決定。</t>
  </si>
  <si>
    <t>我國接連幾天染疫確診人數破百，萬華區成為疫情熱點，甚至遭外界標籤化。世新大學社會心理系副教授詹昭能認為，國際間已將COVID-19稱為新冠病毒，我官方與部分媒體還是稱之為「武漢肺炎」，政府有意無意灌輸民眾採取偏見，人格與情節便出現遷移效果，如此導致歧視在社會蔓延，「這是超級不合理」。
詹昭能提到，從社會心理學角度來談，面對傳染力極高的病毒，人們出現害怕、恐懼的心理，為人之常情，可以理解這是自我保護的反應，但為了盡可能消弭歧視，美國總統拜登也簽署《反新冠仇恨犯罪法》，雖無法解除美國社會這根深蒂固的種族歧視情節，仍盼透過政府帶動，降低民眾因疫情而釀成居高不下的反亞裔社會情緒。
反之觀察台灣，詹昭能稱，自疫情爆發以來，我官方始終稱之為「武漢肺炎」，社會因此將敵視視為理所當然，偏見更難以去除，如此情緒也在國內擴散，「從歧視中國人開始，擴散到加強對萬華或其他地區的歧視」，但實際上，這波境內疫情大爆發源於英國病毒株，「現在卻把矛頭指向萬華，這是超級不合理的情緒性反應！」
疫情除了導致國家、區域與種族不睦，近期國內疫情大爆發，也傳出多起電視台記者感染案例，社群媒體上甚至不斷發送，點名禁止跟接受某電視台記者採訪的訊息。對此，詹昭能指出，歧視現象已從網路蔓延到實際生活，主要還是在主政者的態度，蔡總統是否能非常明理告訴國人，表態不要歧視與仇視，但並沒有做到，「已陷入了僵局，某種程度無解」。
至於媒體不斷報導疫情擴散新聞，挨批釀社會恐懼，詹昭能認為，媒體是社會現實的反應，記者也是人，同樣會有不安與恐懼的心理，這都是可以理解的，此時恐慌情緒不斷蔓延，顯然是政府做得不夠，一方面是沒有準備充足的疫苗，甚至國產疫苗也無法確定7月是否能如期推出，另則是指揮中心沒有即時公布疫情消息，即便當前情況已十分緊繃，仍是每天定時兩點召開記者會。
詹昭能進一步提到，假設某某縣市有大樓被封起來清潔，現在網路通訊發達，消息當然會傳出去，類似情況指揮中心卻沒有立刻說明，恐慌的社會心理已在台灣變成連鎖反應。</t>
  </si>
  <si>
    <t xml:space="preserve">新冠肺炎肆虐全球長達近2年，而台灣守了1年多的平靜生活，也在上個月被猛爆出的本土疫情打破，全台進入三級警戒已經超過3週，雖然確診數下降，但每天的死亡數字仍是讓人聽了心驚，而藝人賈永婕為此熱血跳出來，號召捐救命神器HFNC(高流量氧氣鼻導管全配系統)，各界朋友紛紛響應，包含因失言風波而沉寂一整年的歌手范瑋琪，讓不少網友改觀，紛紛到她臉書道歉並致謝，而范瑋琪也打破沉默，罕見發文回應。
台灣本土疫情雖下降，但指揮官陳時中表示仍沒有放鬆的本錢，因為死亡率跟重症比例仍相當高，讓民眾聽了也感到惶恐，而除了推進疫苗接種進度外，藝人賈永婕更熱心為醫護「補血」，號召捐救命神器HFNC，集各方親友之力，一捐就是330台，並跟廠商努力拚在3天內就交到各家醫院手中，之後還會持續增加，與此同時還每天給醫護送一百個便當支援，讓眾人相當感動她與友人們的善心。
而過去因口罩出口問題鬧出失言風波的歌手范瑋琪，她跟老公的名字，出現在賈永婕公開的HFNC捐贈名單中，賈永婕表示，她在思考哪些藝人很熱心公益時，想到了范范夫妻，於是打電話過去，「范范聽完了之後也熱血參與，她跟黑人一人一台」，消息一出引發熱議。
許多人得知范瑋琪跟老公陳建州低調行善，紛紛湧入她的臉書，留言表達感謝，「謝謝妳和黑人的愛心」、「謝謝妳為台灣奉獻，感恩」，其中不乏道歉的留言，「雖然妳去年有些發言不適當，但你的愛心還是很讚賞」、「感謝你的付出…對不起之前一直黑你」、「以前罵過你，但這次你捐了救命機器，還是要感謝你，謝謝你在台灣需要時的貢獻」，而這段時間相當低調很少po文的范瑋琪，也難得在昨天(6/14)發了文，寫下「祝大家都有個平安健康的端午節～ 台灣加油，我們一起守護」，回應眾人的反饋。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美國、新加坡、香港曾透過監測汙水系統追查社區感染來源，衛福部長陳時中證實國內汙水監測系統也偵測到新冠病毒。陳時中今天表示，目前發現兩處汙水檢測的Ct值為33~37，這些病毒不具有傳染性，但顯示出蒐集到汙水的區域，可能曾經或是現在有確診者，因此要設立採檢站，及早把無症狀者找出來。
中央流行疫情指揮中心發言人莊人祥表示，去年一月發生新冠肺炎疫情以來，就開始監測汙水的監測中，一直以來都是陰性，一直到今年六月初，採檢的11個檢體中發現2處陽性，未來會持續監測。
莊人祥也證實，全國北中南東共設立11個監測處，而這次發現病毒的兩處正是在北區，他說明，這跟雙北有發生社區感染的狀況是符合一致的，汙水監測是反應社區感染狀況。
莊人祥並強調，這不是醫院汙水處理沒有做好，也有可能是家戶內的用水，但就是反應社區感染狀況，水沒有傳染力。
莊人祥表示，汙水的監測是為了瞭解是否有病毒活動，過去主要是小兒麻痺根除計畫中，針對全台目前有11個汙水處理廠做監測，每個月都會採檢2次並送驗，除了小兒麻痺也有檢驗腸病毒，作為每年和一般的診所醫院來比對，是否跟收集到的病例一致。
陳時中表示，這次從汙水檢測出來的Ct值都在33到37之間，顯示這些病毒不具有傳染性，且是經過水，不是高度濃縮後被檢測到。
陳時中表示，這些水沒有傳染性，但監測的重要意義是，搜集水的區域，可能曾經有確診者，或是現在有確診者在，因此將根據流域分佈來設立採檢站，及早把沒有症狀的人找出來，是目前最重要的工作，也會持續做。</t>
  </si>
  <si>
    <t xml:space="preserve">中央流行疫情指揮中心宣布19日起限制所有非本國籍人士入境，事前申請核准者才予放行，並將印尼、越南、菲律賓及泰國等移工來源國列為旅遊疫情建議第三級警告，配合勞動部訂定「入境移工居家檢疫計畫書」；台中市政府勞工局呼籲，雇主應善盡外國人生活照顧責任，協助配合防疫措施。
勞工局說明，為避免傳染風險擴大、減少移工跨境流動，勞動部鼓勵雇主優先期滿續聘，繼續留用同一移工；若有用人需求的雇主，也鼓勵在國內承接已在台的移工，代替自海外引進新移工。針對在台累積工作年限家庭看護工已達14年、其它工作類別已達12年的移工，則可由雇主為移工向勞動部申請延長每次3個月，於防疫期間繼續留台工作。
對於已在台工作的移工，若原有休假返國計畫，則鼓勵雇主與移工協商，於防疫期間暫時不要返國休假，避免重入國後馬上面臨居家檢疫的狀況；移工若經協商願意配合我國防疫措施，延後或取消返國休假，針對移工取消已訂機票等費用損失，勞動部將提供必要費用補償，由雇主聘僱移工所繳納的就業安定費支應。
勞工局指出，為避免產生防疫破口，勞動部推動訂定「入境移工居家檢疫計畫書」，雇主於申請許可、申請入國簽證及辦理機場接機服務時，應提報該計畫書，確保雇主引進移工時有能力辦理居家檢疫，雇主如有執行困難，得請仲介公司協助辦理。
勞工局長吳威志表示，勞動部也要求移工應由該部機場服務站同仁接機，協助翻譯及辦理相關手續，確保移工不會搭乘大眾運輸工具前往雇主處所。雇主及受委任仲介公司引進移工前，應事先準備居家檢疫處所才能引進移工；否則應暫緩引進，避免貿然引進後無法執行居家檢疫14天而遭受處罰。
針對暫時不引進移工的雇主，勞動部將同意保留名額，雇主得於防疫期間結束後3個月，向勞動部申請延長引進效期。吳威志說，若發現雇主有引進外國人卻未善盡外國人生活照顧責任情事，勞工局將依《就業服務法》及《外國人生活照顧服務計畫書裁量基準》相關規定，處雇主6萬元以上30萬元以下罰鍰，呼籲雇主勿以身試法。
</t>
  </si>
  <si>
    <t xml:space="preserve">食品藥物管理署昨日宣布，首批高端疫苗共26.5萬劑已完成審查檢驗，並核發封緘證明書，消息一出引發討論。一名網友發現，衛生福利部疾病管制署官網的疫苗簡介，高端也悄悄上線。
原PO昨（2）日於PTT八卦板爆卦指出，進入衛福部疾管署，點選「COVID-19疫苗」中的疫苗簡介後發現，除了原本的AZ、輝瑞／BNT及莫德納疫苗簡介外，最下方新增了高端新冠肺炎疫苗，簡介中寫著小於千分之一的罕見副作用為顏面神經麻痺、眼壓過高，且最關鍵的保護力連幾%都沒標示，令他忍不住大酸「想打高端快登記，把國際疫苗留給我們」。
根據疾管署的資料顯示，高端一共列舉9項副作用，包括注射部位疼痛／壓痛、肌肉痛、頭痛、腹瀉、注射部位腫脹／硬結、噁心／嘔吐、注射部位泛紅及發燒；小於千分之一的罕見不良反應更有顏面神經麻痺及眼壓過高，簡介最下方更有一排字寫著，在安全性追蹤期間，高端新冠肺炎疫苗組有一位受試者通報出現急性周邊性顏面神經麻痺，該受試者是在接種第2劑後13天發生不良反應。
另外，AZ、輝瑞／BNT及莫德納3款疫苗簡介中也都清楚標示其保護力，唯獨高端僅以「另依其臨床試驗結果分析顯示，免疫生成性與恢復者血清中和抗體數據，經與國外獲得EUA疫苗所產生的保護力關聯指標比對亦符於保護力標準。」
貼文曝光後，引發網友熱議，「連保護力幾%都沒寫」、「沒三期不敢寫保護力啦！寫了真的詐騙」、「二期才做那麼一點也敢說小於千分之一」、「感覺連安全性的優勢也沒了」、「顏面神經麻痺看起來像中風」、「不是號稱沒有副作用，結果列的項目比他牌還多」、「做三期怎麼知道副作用小於千分之一」、「高端沒副作用都是騙人的，我朋友參加測試結果燒了兩天全身酸痛」、「全民公測疫苗，上線囉」等。
★《中時新聞網》提醒您：因應新冠肺炎疫情，疾管署持續加強疫情監測與邊境管制措施， 如有疑似症狀，請撥打：1922專線，或 0800-001922， 並依指示配戴口罩儘速就醫，同時主動告知醫師旅遊史及接觸史，以利及時診斷及通報。
</t>
  </si>
  <si>
    <t>台北市22日起將入校替青少年施打BNT疫苗，北市原要校方將殘劑繳回醫院，但市議員王欣儀砲轟市府浪費，何不就地讓未接種AZ疫苗的教職員施打？北市副市長蔡炳坤表示，北市為避免浪費，只要不超過開瓶後6小時保存期限，市府授權校方徵詢校園內教職員工施打。
蔡炳坤在今日防疫記者會指出，BNT疫苗1瓶能接種6位學生，只有最後1瓶才會有剩餘劑量，頂多剩下5劑，北市立場很清楚，會以不浪費、不超過開瓶後6小時的期限為最高原則，因此讓校園內有殘餘劑量時，北市授權校方徵詢校園內教職員工接種。
蔡表示，他要提醒中央，畢竟BNT疫苗是第一次接種，先從學生開始，中央還是要針對學生外的族群，給出施打指引，讓台灣各縣市有辦法參考。
此外，也有媒體詢問若學生因故不在校園上課，又該如何施打？蔡則說，有學籍的學生共110位，包括國小6年級、進修部、境外台校等，會寄送通知單給對方，再安排至醫院接種，盡量以該校配合的醫院為主；若是沒學籍的學生，就依照指揮中心公布的時程上網預約接種。</t>
  </si>
  <si>
    <t xml:space="preserve">
宜蘭縣昨（26日）新增2個確診案例，其中一例是南澳鄉碧候村女子，父母在當地開雜貨店，女子返鄉後確診。由於該店是村民常聚的場所，宜蘭縣衛生局派員進駐，進行全村約6、700人普篩。晚間傳出有村民對雜貨店叫囂罵三字經還丟酒瓶，有網友將影片放上網，認為確診者也不願意，如此行為太過份。不過有知情人士揭發內幕，指該女子工作的大樓有人確診封樓，她不待台北卻跑回老家，且去年從國外回來要自主管理也是跑回來老家，才讓村民們如此氣憤。
有網友在臉書社團《爆料公社公開版》發文、貼出影片，表示宜蘭碧候村民暴動，跑去確診者家叫囂、罵人甚至丟酒瓶，發文者覺得「人家也很不願意中鏢，共同抗疫還這樣調皮的心態去攻擊恐嚇丟酒瓶真的有點缺德！應該是要多點關心及體諒。請大家互相勉勵關懷做好防疫措施。」。
不過下面有疑似知情人者回應：「染疫也許真的不是她們願意，但事情會變成這樣你們真的不了解，她公司樓下有確診，整棟公司大樓都封，人員需自主隔離14天，她人不乖乖待在台北還跑回來老家，她老家在這個村莊是開雜貨店的（幾乎全村的人都在她家商店買東西），去年從國外回來要自主管理也是跑回來老家，這次出事了！村民怎麼不會生氣。現在連她媽媽也確診，村民不怕嗎？老人家那麼多」。
其他網友則回：「看影片對罵聲量還是很大完全沒有覺得自己家人應該要自主隔離卻沒遵守的這件事有錯」、「一個需要自主管理的人，不甩規定，硬是從台北的隔離地跑回宜蘭老家（內文有提到），而且這狀況聽說是第二次了，這樣的風險，難怪周圍的人會憤怒！」。
★中時新聞網關心您：飲酒過量，有礙健康！
★中時新聞網關心您：開車不喝酒、喝酒不開車！
</t>
  </si>
  <si>
    <t xml:space="preserve">
台北市知名高級酒店的公關小姐「潔西」日前驚傳新冠肺炎確診，發病期間仍去上班，消息傳出引起台北酒店業恐慌，還讓全國酒店、舞廳一律停止營業，不止如此，政府為防疫出現破口，要求該名確診女公關上班的酒店，要提供「潔西」2、3月班表，以及「框出場、框全場」與「做S」（性交易）的男客名單，讓近一個星期去消費的酒客，如坐針氈，屆時恐引爆男客們的家庭風暴。
該名公關小姐在上周六出現發燒流鼻水症狀就醫後確診，雖然北市衛生局初步掌握接觸者為21人，但實際狀況恐怕不樂觀，因為一般酒店女公關上班過程中，除了同事，一個晚上在同包廂或是坐檯接觸的客人，可能超過人50人以上，而且大部分男客唯恐會引起「家庭革命」，可能會隱瞞行蹤，是否會成為防疫破口引人關注。
目前台北市酒店大致分為「便服酒店」、「禮服酒店」、「制服酒店」3大類，其中「便服酒店」消費最高，若口袋不夠深很難有機會去消費。店內陪酒女郎打扮入時，平均3人入包廂消費，待上3個小時，至少超過6萬元。
至於禮服酒店是便服酒店的「簡易版」，同樣3人去消費，3小時3到4萬元出頭就可打發，因消費中等，所以近10餘年內，台北市禮服酒店如雨後春筍，佔了北市酒店業一半市場。制服酒店則是敢脫敢玩，通常進入包廂後就是脫到底，通常喜歡肉慾刺激的年輕人最愛，平均1人1小時2到3千元到底，但也最引起警方注目，所以固定成為臨檢對象。
★中時新聞網關心您：飲酒過量，有礙健康！
</t>
  </si>
  <si>
    <t>利率急速，國際板債券也爆贖回潮。金管會17日公布，今年到本月16日為止，已有40檔國際板債券提前贖回，金額共達160.44億美元（約合新台幣4,853億元），比去年同期的3檔債券贖回金額1.28億美元，金額爆增124倍以上。
證期局副局長張振山表示，主要就是利率下降，過去國際板債券發行利率若較高，發行人即可能考慮提前贖回。
不過，有些發行人提前贖回國際板債券，亦有新發債券，借新還舊，2月共有28檔國際債券發行，金額共達116.19億美元（即約新台幣3,515億元，發行金額不僅較去年同期成長近15.8倍，也應該是國際板創板以來，單月最大發行量。
從去年第四季開始，就因債券殖利率走低，加上低利率環境加劇，不少國際板債券開始行使提早贖回權，據證期局統計，去年9到12月的共有36檔國際板債券提前贖回，金額達109.68億美元（約新台幣3,318億元），是前年同期的40倍，壽險業者原本預估去年第四季到今年全年，應有逾新台幣1兆元的國際板債券要提早贖回。
今年初又因新冠肺炎疫情蔓延，各國央行降息、推出貨幣寬鬆政策，更加劇債券贖回潮，到3月16日為止，國際板債券已贖回40檔，贖回金額達新台幣4,853億元，即不到三個月時間，贖回金額超過去年最後四個月的贖回量，且半年多的時間贖回金額已逾新台幣8,171億元。
3月美國又無預警降息，利率逼近0，恐加速債利贖回，今年可能會超過壽險業預估的贖回量。</t>
  </si>
  <si>
    <t>我國疫情持續嚴峻，原本5月中旬時，每日PCR檢驗量能僅有2萬7000餘件，中央流行疫情指揮中心指揮官陳時中表示，經過整備後，每日通報數從6534件提升至3萬228件、PCR檢驗量能從2萬7682件提升至8萬307件、社品篩檢站從3站提升至111站、專責病房從2412間提升至5494間，居家隔離時效從3.23天提升至2天。
陳時中提及，希望檢驗把潛藏的病例發掘出來，措施包括廣設篩檢站、協助企業自主快篩、導入診所自費快篩、引進在家快篩等，他也說，已有2家廠商申請在家快篩機制，將盡快完成審查。
陳時中提及，如果自己篩檢陽性要自己去篩檢站做PCR，至於國稅局擬從6月15日開放臨櫃報稅，他呼籲，大家盡量線下申報、另外國稅局如要臨櫃申辦時包括人流管理應該要做好。
陳時中提及，目前PCR及快篩後來結果比較，大概都只有7成，「使用上要小心」。</t>
  </si>
  <si>
    <t>為關懷保戶，並協助民眾度過新冠肺炎疫情衝擊，中華郵政公司對壽險保戶與房貸客戶提供多項關懷服務措施。
一、放寬理賠措施，中華郵政銷售之日額型住院醫療保險商品，對於被保險人因新冠肺炎住院所生之日額型住院醫療費用，除將依條款規定理賠外，另針對被保險人確診新冠肺炎之理賠採從寬給付原則：
（一)因新冠肺炎入住「負壓隔離病房」者，將從寬比照加護病房住院予以理賠，提供全面保障。
(二)經醫師診斷確診新冠肺炎，必須入住醫院並辦理住院手續，但因醫院滿載而入住防疫旅館或檢疫所，經被保險人提供確診新冠肺炎診斷證明書及檢疫所或防疫旅館入出住證明，即可申請住院保險金。
二、寬延繳納保險費，經確認罹患新冠肺炎之保戶及非自願性失業者，得個別檢具證明文件，申請於寬限期間屆滿(自保險費當期繳費日起算3個月)，再給予3個月延長繳納保險費之寬限期間。
三、新增之保單借款免息3個月，經確認罹患新冠肺炎之保戶及非自願性失業者，自事件發生日起3個月內，得個別檢具證明文件，申請新增之保單借款免息3個月。
四、房貸戶緩繳本金1年，經確認罹患新冠肺炎或受疫情影響致還款困難之房貸借款人，自事件發生日起3個月內，得個別檢具證明文件，經申請及審理後，房貸本金得緩繳1年。
詳細資訊請致電中華郵政公司客服專線。</t>
  </si>
  <si>
    <t xml:space="preserve">日本J1聯賽昨日拉開帷幕，揭幕戰湘南海洋主場2-3不敵浦和紅鑽。此役湘南BMW平塚競技場的球票幾乎被搶購一空，有15000名球迷到現場觀戰，並且絕大多數都佩戴口罩。大陸網民對此極表佩服：「日本人真不怕呀！」而且「這麼多人聚集，光戴口罩也沒什麼用呀！」
據微博《新浪體育》報導，日本J1聯賽揭幕戰有15000人到場觀戰，全場幾乎滿座。由於新冠肺炎疫情的影響，多數球迷都佩戴口罩。湘南海洋主場也採取了一系列的防禦措施，在球場的入口處，引導人員使用擴音器要求觀眾戴上口罩，並將酒精消毒液噴灑在觀眾手部。從轉播畫面中可以看出，座位上絕大多數的球迷佩戴口罩觀賽。
對於足球也非常盛行的中國大陸，許多大陸球迷對於日本球迷的熱情與勇氣非常佩服。網友評論稱，「現在疫情那麼嚴重還這麼聚眾，真是為了看球嗎？也不想想其他人？希望有關部門管管。」
由於才發生23人鑽石公主號人員未檢測就下船的情況，日本官員為此出面道歉，大陸網友嘲諷說，「通過這一段對疫情的觀察，發現日本並沒有對疫情很在意，就如兒童過家家似的，竟然會讓二十三名沒有經過檢測的人下了郵輪，不知道日本的管理人員工作能力就這麼差嗎？這不算太大的問題，竟然還有15000人戴口罩看足球賽 的事情發生，我是真的無語了。」「感覺日本還是沒有足夠重視疫情，雖然帶了口罩但是人太多了太密集了，傳播機率還是很大的」「這些人都不要命了嗎？這麼多人聚集，戴口罩的意義不大。」
</t>
  </si>
  <si>
    <t>為加強防堵新冠肺炎疫情，降低社區感染風險，台南市麻豆新樓醫院配合台南市政府規定，24日起除加護病房有特殊探視需求，一般病房全面禁止探病。
麻豆新樓醫院表示，住院病人每日可有一人登記陪病，於院內活動須配戴「陪病證」，加護病房探病時間為上午11點至11點30分，探視親友也需配戴「探病證」，登記後入院。
此外，若經醫師醫療專業評估有其急迫性、必要性者，將由院內醫院同仁與親友聯繫，請盡可能以電話或視訊方式關懷親友，請民眾配合與體諒，一同為防疫努力。</t>
  </si>
  <si>
    <t>敦睦艦隊疫情再擴大？台南市長黃偉哲視察封館消毒後今天重新開業的新光三越新天地，暗示台南未來２周沒有鬆懈本錢，防疫專線昨天接獲400多通相關諮詢電話，顯見民眾恐慌心態，他也坦言，擔憂後續可能有相關個案發生。
上午一度傳出一名來過台南的官兵確診後，女友也傳出確診，不過相關單位未證實，強調一切由中央流行疫情指揮中心公布為主，下午2點揭曉，並沒有傳出官兵女友確診，應為誤傳。</t>
  </si>
  <si>
    <t>連假後的疫情是否樂觀？據統計目前的採檢量每日近2000例，但個案數相對少，中央流行疫情指揮中心指揮官陳時中表示：「民眾確實不用太恐慌，但小心仍是好的」。現階段也正好可好好查一查過濾一下過去的案例，境外移入案例隨著管制措施可發現已在可控範圍內沒什麼大問題，本土案例仍待持續觀察。</t>
  </si>
  <si>
    <t>大專校院首例！中原大學16日緊急宣布，下周二（24日）起全校含研究所都採取「類非同步遠距教學」，且取消期中、期末考。台大也宣布4月6日起百人以上課程遠距教學。
中原大學下周二起含研究所全部課程改採「類似非同步遠距教學」的彈性授課，取消期中期末考，改以報告、作業、討論、線上考試等方式取代。體育課授課內容統一改為「維護疫情間之體能健康」，以學生到自訂健康目標或報告來打分。
據了解，所謂「類似非同步遠距教學」是老師先用錄影錄下上課內容，或將各項教材數位化。
另台大表示，因應全球疫情發展，4月6日起百人以上課程採遠距教學。除了錄製課程內容上傳台大網路教學平台NTU COOL外，教務處將提供各授課教師訊連科技簡報軟體U Webinar和U Meeting的平台帳號，俾益所有老師可以同步遠距討論。台大並強調未來將視疫情發展，若有需要，不排除所有課程均遠距教學。
台大教務處數位學習中心此前已開設「數位TA訓練課程」，邀請所有100人以上課程的助教在3月20日前上完課。台大並強調為確保學生學習權益，大家應充份利用數位資源，「無論疫情如何發展，學習都不會中斷。」</t>
  </si>
  <si>
    <t xml:space="preserve">新冠疫情重創全球，各國經濟數據都大幅下挫，中國大陸4月份工業品出廠價格下降，降幅為4年來最大。大陸專家分析稱，新冠疫情導致國內外需求都受到壓抑，即便是疫情受到控制，經濟活動恢復後也不會出現V型反彈，國內外需求受抑，製造業被迫應對通縮壓力，整體經濟在新冠疫情後的復甦過程將非常緩慢。
《華爾街日報》報導說，大陸國家統計局12日公布數據顯示，4月份生產者價格指數(PPI)同比下降3.1%，超過3月份1.5%的降幅。原油和其他大宗商品價格暴跌，更加劇了批發價格指數的跌勢。
交通銀行分析師劉學智在資料公佈後表示，經濟活動不會出現V型反彈，從新冠疫情中恢復的過程將會非常緩慢。
劉學智補充道，PPI下降的情況可能會持續下去。由於全球其他地區在努力遏制疫情，並且油價繼續波動，海外需求仍在惡化。
報導說，很多經濟學家認為，5月份批發價格將進一步下降，不過大陸國內需求會出現反彈，能在年底之前支持逐步復甦。
受新冠疫情影響，2020年首季大陸經濟遭遇了40多年來的首次萎縮，在政府推動企業復工複產並促進消費後，外界密切關注的商業活動復甦目前為止仍然遜於預期。
至於大陸原計劃到2020年底將經濟規模較10年前增長一倍，經濟學家表示，若要實現這一目標，2020年的經濟增速至少要達到5.5%。但對於第一季度萎縮6.8%的大陸經濟來說，這個目標似乎遙不可及。
此外，大陸4月份消費者物價指數(CPI)同比上漲3.3%，漲幅較3月份的4.3%回落，預計溫和的通脹形勢將給大陸央行更大空間實施刺激政策，不必擔心物價漲幅因而過熱。
</t>
  </si>
  <si>
    <t>衛福部桃園醫院爆發群聚感染，精神科醫師蘇偉碩先前就建議疫情指揮官陳時中，應考慮下令鎖國一週。如今影響持續擴大，昨（24）日更緊急下令5000人強制居家隔離，加上南非與美國又有境外移入病例。對此，蘇偉碩再次諫言，喊話總統蔡英文「該下令鎖國了」。
衛福部桃園醫院疫情出現轉變，蘇偉碩今在臉書表示，昨天出現兩位感染源不明的確診者，中央流行疫情指揮中心下令擴大部立桃園醫院相關人員進行居家隔離，並在期滿或出現疑似症狀時，接受採檢。
由於此次匡列人數眾多，並非指揮中心能夠全盤掌握，蘇偉碩呼籲大家協助轉發緊急通知，讓在1月6日開始曾去過衛福部桃園醫院住院或陪伴的民眾及同住家屬，趕緊和1922聯絡，並進行居家隔離。如果已超過14天，除了再保持7天的自主健康管理外，也要趕緊回想紀錄自己這段時間的足跡，通報給1922紀錄，並聽候通知進行隔離及採檢。
蘇偉碩也提醒，所有服務都是免費的，不要聽信電話自稱是政府或防疫人員要求轉帳或操作自動提款機（ATM），有疑問時，先掛斷電話，詢問165反詐騙專線。
雖然蔡總統和指揮官陳時中看不到蘇偉碩PO文，但他仍呼籲，昨3例境外移入都是來自南非和美國，這兩地都是變種病毒肆虐的地方，而台灣的防疫體系已證明無法嚴守變種病毒入侵醫療體系和社區，因此蔡總統應下令啟動國安機制，協助指揮中心防疫，並即刻宣布鎖國。同時，蘇偉碩也在蔡英文和行政院蘇貞昌院長的臉書，留言建議鎖國。
《南非與美國又有境外移入病例，蔡總統該下令鎖國了》
《通知緊急隔離，全民協助總動員》
...</t>
  </si>
  <si>
    <t>台灣在去年12月31日從社群網路得知武漢發生7例非典型肺炎案例並接受隔離治療，同日以電子郵件通報世界衛生組織(WHO)，由於通報信中未明說「人傳人」，然而有提及病患正在進行隔離治療，希望WHO提高警覺，要求其提供進一步資訊。
然而WHO否認我國曾警告COVID-19(新冠肺炎)可能人傳人，中央流行疫情指揮中心指揮官陳時中表示，由於SARS的經驗，讓我們對本次疫情訊息感到高度警惕，因此隨即在2019年12月31日以電郵方式通報世界衛生組織(WHO)「國際衛生條例」(IHR)聯繫窗口，要求其提供進一步資訊，為求慎重，我方在電郵中特別提及「非典型肺炎」、尤其「病患已進行隔離治療」，公衛專業人員即能由此研判該等病例有「人傳人」的可能，但我國當時尚未有確診病例，無法直接明示該疾病已人傳人。
陳時中指出，疾管署也在1月中旬派遣專家去武漢瞭解疫情狀況、防治作為及病患暴露史。依據初步的研究，我們研判該肺炎確實會人傳人。
陳時中強調，隔離治療已是警訊，既然非會員國的台灣已經警告WHO了，那身為會員國的中國大陸是否有告知？若沒有是否是在隱瞞疫情？反之那就是WHO的失職，呼籲WHO不要一錯再錯，應秉持專業來做事。
專家諮詢小組召集人張上淳表示，我國2位專家1月去武漢考察發現當地有人傳人現象，當地官員卻強烈否認，然而北京官員親臨武漢考察卻發現有限度人傳人，之後大陸改口證實，WHO也才公開警告病毒會有限度人傳人。</t>
  </si>
  <si>
    <t>大陸新冠肺炎確診病例雖已出現下降的趨勢，但武漢當地似乎並未停止「人傳人」。大陸抗SARS專家鍾南山18日強調，武漢內外的危重病人情況其實差不多，武漢並非發生病毒變異，應是一下子病人太多，得不到很好的照顧；85%病人若有適當的生命支援與治療條件、營養，病情應可獲得改善。
廣東省政府新聞辦18日在廣州舉行疫情發布會，出席的大陸國家呼吸系統疾病臨床醫學研究中心主任、中國工程院院士鍾南山認為，目前武漢仍為關鍵，「8成的病人在武漢，9成死亡率在武漢，武漢現在看來還並沒有停止人傳人」；當務之急，「一是正常人和病人分開，二是新冠肺炎病人和流感病人分開」。
可採用康復病患血漿
在治療藥物方面，鍾南山表示，磷酸氯口奎稱不上特效藥，但是非常值得探討的藥。相較於一些西藥在實驗室有效，進入人體後無效，蓮花清瘟膠囊等中藥已常用在新冠肺炎臨床治療，且使用後顯示「能減少病毒進入細胞，減輕炎症症狀」。
「我很重視中藥的作用，一旦有證據，中藥是可以放心用的。」鍾南山並提到，使用康復病人的血漿，「這是比較老的方法，也比較安全」，尤其針對重症病人而言，但垂危病人則不適用。
在鍾南山口中，目前來看，85%病人若有適當的生命支持與治療條件、營養，病情應可獲得改善；危重病人占5%左右，「病死率約在2.5%」。武漢並非發生病毒變異，應是一下子病人太多，得不到很好的照顧。「如果給很好的生命支持，隨著時間過去，就算沒有特效藥，病毒的載量也會慢慢下降。」
此外，大陸的新冠肺炎疫情來勢洶洶，兩岸民眾紛紛陷入疑慮、甚至集體恐慌的情緒。本報特別針對各界最為關注，與生活息息相關的各項防疫課題，把鍾南山的觀點看法，採用問答的方式一一列出，與讀者、民眾廣為分享。
戴口罩做好個人防護
Q1：新冠肺炎疫情的拐點（轉折點）何時出現？
A：到了峰值不等於到了「拐點」！鍾南山團隊初步估計，二月中或二月中下旬，南方應會達到峰值；達到峰值不見得說它馬上會下降。達到峰值，是指積累的病例，或者說新增的病例。大陸全國應也是二月中下旬達到峰值。也可能隨著勞工（節後）的大流動，會不會再出來一個高峰，我個人的估計大概不會。因為現在流動過程中也採取了非常嚴格的檢測措施，隔離措施，不太容易出現一個大高峰（互相傳染、聚集性感染）。
Q2：新冠肺炎何以如此凶猛？A：新冠病毒對病人的肺部有實質性的損傷、產生的肺黏液阻礙氣道通暢等方面，比SARS病人難治。主要是病人重複互相感染、感染病例增速較快有關。此外，醫護人員無法在早期對病人進行氧療等適當治療，病情發展至終末期才進入重症病房，導致病死率高。危重病人一拖下去，病毒造成持續的損傷，比SARS的救治難度更大。
Q3：如何做好個人防護？
A：1.搭乘電梯一定要戴口罩。
2.一定要頻繁為電梯間消毒，特別是按鈕區。
3.至餐廳坐下吃飯的最後一刻才脫口罩。
4.餐廳裡避免面對面就餐，避免就餐說話。
5.辦公室裡配戴口罩，談話保持適度距離。
6.辦公室隨時保持良好通風，並針對門把、鍵盤滑鼠、文具、桌面進行必要酒精消毒。
7.莫忘勤洗手、多用酒精消毒。
8.多運動，少熬夜。</t>
  </si>
  <si>
    <t xml:space="preserve">日本各地仍閙口罩荒，網上卻仍有不少人高價轉賣。日本政府要求網購公司加以控管，禁止高價轉賣，但上有政策下有對策，無論網購公司如何控管，不肖業者仍有漏洞可鑽，繼續賺災難財。
日本《週刊文春》電子報訪問到哄抬口罩價格的轉賣業者，1名20多歲的男性表示，轉賣口罩實際上3個人只工作1天，就有超過100萬日圓進帳。他開車到處買到7千片各種不同的口罩已全部賣光。進貨總額約35萬日圓（約台幣9萬7千多元），銷售額為110萬5千日圓（約台幣30萬6千多元），光利潤就有80萬日圓（約台幣22萬2千元）。
他還透露，現在有很多藥房規定1人限買1盒，他就多跑幾趟，或是在門口拜託路人幫他買。聽說同行還有人透過醫護人員將醫院的「3M」拿出來轉賣，醫療用口罩1片100日圓左右，現在賣到1片500、600日圓。還有朋友在雅虎拍賣網站上，50片裝的口罩賣5萬日圓（約台幣1萬3千880元）。
日本政府要求網購公司要防止高價轉賣之事，雅虎、亞馬遜（Amazon）、merukari等網購公司都宣布，若發現轉賣口罩的可疑帳號便禁止出品，之後網上的口罩價格確實跌了。結果居然有業者將口罩價格標低，但調高運費價格，以變相的方式高價出售口罩，利潤和過去一樣。例如，2千日圓的口罩，運費設定1萬日圓等。
此外，還有人直接在推特等社群網站上交易。還有住在日本的中國人將口罩轉賣到大陸去，不僅是口罩，他還聽說日本的酒精手指消毒劑價格在大陸飇漲到3倍，大陸因為封城的原因，民眾只好宅在家裡，使得任天堂的遊戲機「Nintendo Switch」的價格也高漲。
</t>
  </si>
  <si>
    <t>新冠肺炎社區感染爆發是決定地區是否大流行的關鍵，疫情才會達到頂點，頂點後才有下來的希望。台灣到底有沒有社區感染爆發？官方與醫界的看法是有分歧的，官方一向只承認有零星社區感染，醫界則強烈懷疑早已有社區感染爆發。
台灣新冠肺炎防疫政策最大的不足是檢驗量能一直無法有效提升，原因是快篩一直沒法到位，靠著傳統檢驗方法撐著，量能大不起來。篩檢的四大族群，有症狀接觸者、社區獲得性肺炎、上呼吸道感染、無症狀接觸者，台灣僅有的檢驗量能全用在感染者與有症狀接觸者的刻花上。社區獲得性肺炎在3月29日才由陳時中部長口中說出可以篩查，這還是醫界催了3個月才有的結果，其他族群想篩查難度更高。
所以說穿了台灣根本沒有篩查社區病例的能力，當然沒法偵測是否有社區感染爆發，這項缺點指揮中心是心知肚明的。解決方法是對現有檢驗量能做了最有效運用，僅篩查有症狀個案與接觸者，無症狀個案沒法找來篩，無症狀接觸者則以居家隔離替代篩查。這樣勤儉持家的作法可以有效運用資源，但仍無法解答是否有社區感染爆發的疑慮。
在社區感染爆發的謎底尚未揭曉之前，指揮中心其實非常焦慮，做出的政策常會搖擺於零星社區感染與社區感染爆發之間。嚴格社交距離、停課政策、停業政策、停止媽祖繞境及大型集會遊行都是在具有社區感染爆發的政策，在零星社區感染時就推出，是焦慮行為，但很容易被合理化為超前部署，人民的權益損失就自認倒楣了。
在焦慮的氛圍下，唯一一次美麗的意外是清明節連假。本該焦慮著依超前部署的原則，嚴格下達清明連假的旅運及集會規範，但只公布維持社交距離及人口密集機構全面口罩政策等軟性政策，並未下禁足令，造成多處風景區塞爆了意外獲得解放的人民。
這次意外並不是錯誤，是天上掉下來的餡餅。讓我們得以驗證到底現在台灣有沒有社區感染爆發。又這麼巧，陳部長剛好在3月29日就開放社區獲得性肺炎可以篩查新冠病毒，醫療院所在4月5日後的14天內卯起來篩查，只要在這段時間內台灣每周新增病例仍然維持小於11%的常規社區感染比例，台灣就真正的沒有社區感染爆發，也解除了指揮中心與醫界的疑慮。
如果真能如此，台灣的社區疫情清零應該很快會到來，成為繼中國大陸之後第2個社區清零的地區。在即將到來的疫情綏靖時期，有限的檢驗量能變成充裕，必須把守在接觸者的擴大篩查，不但要向症狀發生前撈接觸者，還應該對每位接觸者均執行病毒篩查，因為此時已經沒有資格再忽視無症狀感染者了。
台灣對新冠肺炎防疫走到現在，若真能證實沒有社區感染爆發，大概疫情就將近尾聲了。期間雖有波折，但瑕不掩瑜，整體結果還是可圈可點。綏靖時期對於過往僥倖逃過的不足之處，應該改善，有些為保持戰果所必須，甚至要比防檢疫時期執行得更嚴格；有些則必須要放，以回復經濟活力，綏靖時期防疫是必須兼顧經濟與民權的。（作者為中華民國防疫學會榮譽理事長）</t>
  </si>
  <si>
    <t xml:space="preserve">新冠肺炎疫情擴散全球，外界關注東京奧運能否於今年夏天如期舉行，相較於日本政府重申不會延期，路透社引述2名熟知內情的消息人士指出，東京奧運主辦方正在悄悄規劃奧運延期的可能方案。
一名親近東奧組委會的匿名日本官員透露，組委會被要求為延期進行模擬計畫。他說替代方案可能包含B、C、D，主要根據延遲的時間而定，另外計畫也包含估算奧運延期的成本。
可能方案也包含縮減奧運規模，或是在不開放觀眾進場的情況下如期舉行，匿名官員說，東京奧運組織委員會將會在3月底討論這些選項。
另一名匿名消息人士也證實，東奧組委會正在討論延期舉行的可能性，包含延期1至2年，部分組委會成員則希望延後1個月或45天。
針對報導，東奧組委會、國際奧林匹克委員會（International Olympic Committee）以及日本政府等都尚未回應。
國際奧會主席巴赫（Thomas Bach）昨（21）日才堅稱，奧運應該如期舉行，更稱，取消奧運，將會摧毀運動員夢想。
路透社引述2名東奧組委會成員指出，必須盡快做出是否延期決定，警告時間拖得愈久，要進行的準備工作愈多，將導致相關的取消費用飆升。
不過參與延期規劃的日本官員也透露，如果延期的時間拖得愈久，可能會引發年紀較長的運動員不滿，並且必須想辦法留住贊助商，另一個頭大問題是選手村。
目前2021年夏季的時程表已相當滿，2022年則會遇上世界盃足球賽還有北京冬奧。
路透社指出，東京奧運究竟會否如期舉行，最終將由國際奧會決定，不過日本的態度也會有影響。
</t>
  </si>
  <si>
    <t>(17:40更新，補入HTC回應)新冠肺炎(COVID-19)疫情升溫，台灣到底守不守得住這一波境外移入疫情？中央流行疫情指揮中心資訊組組長簡宏偉在今(18)日下午的疫情中心記者會中宣布，針對高科技數位防疫，讓檢疫追蹤能更精準有利，邀請宏達電(HTC)、LINE 共同研發，提出了「電子圍籬監控」方案。
針對為了防範疫情傳播，新提出的電子圍籬監控方案，簡宏偉提到是緣起於「今年大年初四(1月28日)行政院副院長陳其邁，邀請國家通訊傳播委員會(NCC)、法務部、行政院資安處等局處，成立了大數據小組，在傳染病防治法的授權下，藉由去識別化的方式善用相關資訊，經由這些資訊來進行有效的高科技防疫。」主要是為了進一步掌握居家隔離以及居家檢疫民眾的情況而開發，從入境起掌握民眾的情況，也包含關懷、監控等功能。
根據簡宏偉說明，這一套系統包含「電子入境」、「居家關懷」、「科技追蹤」等三階段。入境之際，「入境檢疫系統」就會提供線上填寫旅客入境健康聲明、還有居家檢疫通知書的線上版；填寫完畢後，資料會傳送至「防疫追蹤系統」，整合民政、警政、衛政方面的協同合作，來追蹤居家檢疫以及居家隔離的民眾。同時也提供給縣市政府將電子圍籬系統，讓縣市行政主管可以知道所在地區內有多少民眾處於居家隔離或居檢疫的情況。電子圍籬系統僅檢測民眾的地理位置資訊，當居家檢疫或是居家隔離民眾超出電子圍籬的範圍，就會發送簡訊給警方以及民眾本人進行提醒。期待透過此系統，從入境到居家監控的期間能更完整掌控這些需要檢疫、隔離民眾的情況，達成有效防疫的目標。
根據簡組長說明，這一套從入境起至居家科技追蹤都包含在內的系統，是與宏達電、LINE 進行合作來一起開發。HTC 方面指出，DeepQ 偕同衛福部資訊單位以及疾管署，共同開發了一個防疫追蹤系統，並且跟 LINE 合作，透過聊天機器人(chatbot)，讓這些民眾可以主動回報健康資訊，甚至可以主動提供民眾相關防疫資訊。而 LINE 總經理陳立人則是在記者會中指出，透過運用了聊天機器人的工具還有與 HTC 方面的合作，期待能透過科技來協助政府的防疫工作。
不過雖然今日宣布了電子圍籬監控方案，但指揮中心並沒有宣布上線日期，僅表示會在確定之後公布。簡宏偉說明，在此系統推出之後，是提供民眾另一個管道來主動回報健康相關資訊，但不會完全取代原先的關懷措施。而關於本系統的相關細節還有開發工作，HTC DeepQ 方面指出「HTC DeepQ配合中央流行疫情指揮中心，因應全球武漢肺炎疫情之旅遊建議等級提升，入境居家關懷人數增加，原「疾管家」開發團隊協同衛福部和疾管署設計開發「抗疫機器人」，讓居家檢疫者可以透過LINE主動回報健康狀況，並第一時間取得防疫相關協助資訊，HTC DeepQ希望透過智慧科技分擔第一線關懷人員的作業負擔，共同防疫抗疫維護國民健康。」LINE 方面則是回應他們已積極運用平台影響力還有對接相關工具，提供防疫協助。包含LINE TODAY 武漢肺炎(又稱新冠肺炎)專區、為中央政府一二三級機關與縣市政府提供「公共服務」帳號，來發佈攸關防疫、防災、民生等重大資訊；而 LINE SPOT 也對接政府的open data平台，推出「口罩地圖」，LINE 將會「繼續運用各種資源，與在地夥伴一起支持政府，用數位能力支援防疫工作，守護台灣民眾的健康安全。」</t>
  </si>
  <si>
    <t xml:space="preserve">英國阿斯特捷利康公司（AstraZeneca）昨（29）日宣布，將在今年稍後向美國申請AZ疫苗的藥證，不過他們也不預期之後會在美國被大量施打，強調拿到藥證能夠提升AZ的重要性。
綜合路透社、印度《商業標準日報》（Business Standard）報導，阿斯特捷利康昨日公布AZ疫苗在美國的第三期臨床試驗結果，結果顯示防止有症狀感染的保護效力達74%。
阿斯特捷利康發言人昨日也表示，將在今年稍後向美國食品暨藥物管理局（FDA）申請AZ疫苗的藥證。
目前美國僅批准輝瑞/BNT、莫德納、嬌生等3款新冠疫苗的緊急使用授權（EUA），其中BNT疫苗更已在8月底獲得藥證，全美至今已有1.85億人完整接種疫苗，完整接種比例達56.4%。
外界先前關注AZ疫苗一直未獲得美國FDA批准EUA，美國FDA 5月底時表示，未來可能不會再審核尚未提出討論的新疫苗的緊急使用授權。路透社報導，當時阿斯特捷利康已經向美國官員提出申請EUA的計畫，不過《華爾街日報》（The Wall Street Journal）另外指出，阿斯特捷利康計畫跳過EUA申請，改申請藥證。
阿斯特捷利康發言人昨日表示，「目前美國的疫情以及替代疫苗的供應狀況並不支持申請EUA」，因此阿斯特捷利康預計今年稍後申請又稱為「藥證」的藥品上市查驗登記（BLA）。
參與AZ美國臨床試驗的美國約翰霍普金斯大學（Johns Hopkins University）疫苗研究人員杜賓（Anna Durbin）表示，她不預期未來美國會大量施打AZ疫苗，不過獲得FDA藥證確實能提升AZ疫苗的重要性。
阿斯特捷利康執行長索利歐（Pascal Soriot）7月受訪時就表示將跳過EUA申請，直接申請藥證，當時他被記者問及為何美國已有足夠的疫苗，阿斯特捷利康仍要在美國申請藥證，他當時表示AZ是重要的疫苗，相信在未來會扮演一定角色，因此他們想要申請、取得全面許可。
他那時強調阿斯特捷利康不需要美國的批准來提升AZ疫苗在全球的信譽，因為全球已經有170國施打AZ疫苗，但是阿斯特捷利康希望在可能被需要的時候做好準備。
</t>
  </si>
  <si>
    <t>新冠肺炎疫情延燒，大台北地區僅基隆市仍維持「0確診」，市長林右昌25日在市政會議宣布取消今年基隆市中小學聯合運動會開、閉幕式活動，接下來如2020基隆童話藝術節、市府幹部策勵營等活動，都會延期辦理，等到疫情和緩再舉辦。
林右昌表示，為減少群聚感染風險，原訂3月21日舉辦「市府幹部策勵營」活動，將延期並等疫情和緩後再行辦理，4月2至5日舉行的「童話藝術節」活動，將延期舉行，至於基隆市中小學聯合運動會取消開、閉幕儀式，其餘賽事正常進行。
緊接著清明掃墓祭祖，民政處正研擬相關作法，像是延長服務期間，以疏散清明掃墓人潮；另針對近來韓國疫情大爆發，基市府公務員，含約、聘僱人員等適用公務人員任用法之員工，24日起禁止休假出國前往中港澳以及疾管署公告的1至3級旅遊警示地區。
針對防疫期間，醫療院所控管酒精、酒精棉片及口罩等物資，醫護人員口罩戴到耳朵痛，洗手洗到乾燥脫皮，穿上隔離衣的悶熱、缺氧，以及無法隨意喝水、如廁的辛苦，和照顧疑似個案的壓力，林右昌也特別向醫護人員致敬並祭出對策。
對於醫護人員對醫療口罩的需求，林右昌也指示即日起採取「一次發放七天共21個」的方式，務必讓醫護人員在對抗疫情時，沒有後顧之憂。此外，市內330名列管居家檢疫民眾所需口罩，也要求一天一片，一周共7片，務必確實到位，最多可一次發放14片。</t>
  </si>
  <si>
    <t>新冠肺炎的接觸傳染，加上政府宣導，多數國人為防止人傳人，減少外出及外食機率。由於疫情仍未看到終點，民眾對未來不確定的恐慌，有人是在家裡囤放物資。對此農委會農糧署表示，「無驚」。歡迎民眾多買，盡量買，存糧足夠，可撐九個月。台灣知名品牌中興米，製造商聯米企業也表示，在全台賣場、超市鋪貨的中興米「24小時」全天供應，沒有缺貨問題，請民眾安心採購。
農糧署表示，依糧食管理法，國家備糧不可低於三個月（即30萬公噸）消費量的安全存量，目前米庫存量達90萬公噸，夠國人九個月所需，加上第一期稻作將在4月底陸續收割，因此國內米糧供應充裕，國人無須擔心。
在國內米市場擁有龍頭地位的聯米企業，在疫情尚未爆發時已超前部署，於全台賣場、超市自己的貨架，派專人全天盯貨，並隨時回報米糧供應狀況，讓位在彰化的集團總部，可以精確掌握市場的供銷情形，以利公司彈性調配與支援。
董事長莊麗珠對於身為台灣米食專家，有強烈的企業使命感。尤其新冠肺炎來勢洶洶，對長期專注在米的研究與堅持米的好品質的中興米而言，如何做到企業責人，首要米糧完全充分供應，不讓大家瘋搶物資，協助國人可以安心、放心挺過疫情。
莊麗珠表示，在疫情尚未消退前，多數民眾還是會選擇在家吃，也因此第一季較去年同期，公司為獲利成長，尤其小包裝的米銷售奇佳。莊麗珠提到有民眾過於擔憂而囤積白米，她建議白米買回家還是要趕快吃掉，放太久，若保存狀態不好會長米蟲。有放脫氧劑的米，室溫下可放十個月，若是真空包裝，建議可先放冷凍庫一周，讓蟲卵死掉，再拿出來放在陰涼的地方。</t>
  </si>
  <si>
    <t xml:space="preserve">敦泰(3545)今(11)日法說會，因亞洲疫情趨緩，全球供應鏈逐步回穩，又受惠於智慧型手機傳統旺季，敦泰第3季IDC及各項手機及平板電腦相關產品出貨放量，市佔率快速提升，推升單季營收成長達38.16億元，季增37.9%，年增48.3%，單季每股賺1.06元，創上市後最高紀錄。
敦泰第3季因產品組合相較第2季微幅變動，毛利率為21.35%，較第二季小幅下滑0.81個百分點，但受益於營業額上揚及費用控管得宜，單季稅後純益為2.68億元，季增1.65倍，每股純益為1.06元(依加權股本計算)，創敦泰自2013年上市後最高紀錄。
展望未來，敦泰認為，晶圓代工供應端吃緊，且IC供應商有限，IDC已轉為賣方市場。同時，為反映並轉嫁晶圓等生產成本的上漲，敦泰已針對IC產品售價進行調整。在兩個因素加乘的效果之下，第4季雖然產能供貨較為吃緊，但預期營業額及利潤仍可望維持一定水準。AMOLED觸控IC、電容式指紋及傳統顯示驅動IC產品方面，敦泰看好，需求亦相當熱絡，因此預期整體營收，仍有較佳的表現，其中，敦泰在電容式指紋布局陸續傳出捷報，成功切入多個國際一線品牌廠，後市出貨量預期會有相當的成長，有機會成為市場上的主力供應商。且敦泰透過與IDC及觸控產品相互搭配，可望為客戶提供高度整合的一站式服務，為客戶創造最高的附加價值。
</t>
  </si>
  <si>
    <t>基隆市政府日前公布3間醫院設置快篩站，但昨天又說僅基隆市立醫院進行快篩，讓民眾霧煞煞，對此，衛生局長吳澤誠親自說明，基隆原有4個篩檢站，皆可進行PCR檢測和快篩，而市立基隆醫院新成立的篩檢站，是專責快篩，目前已有334人預約。
基隆市確診數持續攀升，吳澤誠說，本土疫情爆發時，基隆已在三軍總醫院基隆分院、基隆礦工醫院、基隆醫院、基隆長庚醫院設置篩檢站，皆提供PCR檢測和快篩，為降低PCR量能，前天在基隆市立醫院設快篩站，並訂為專門負責快篩的院所。
吳澤誠指出，若未來快篩量過多，導致基隆市立醫院無法負荷時，會先行轉給三軍總醫院基隆分院、基隆礦工醫院進行協助；而目前快篩採線上預約，衛生局會提供QR CODE給民眾使用，並於每日下午3時陸續通知隔日篩檢時間及地點。
吳澤誠提及，目前已有約334人預約快篩，已約診270人，其中採檢93人，僅1人陽性，今天預計可以採檢100人，預估在明、後天所有預約民眾都能篩檢完畢，並會定時在網路上公布結果。</t>
  </si>
  <si>
    <t xml:space="preserve">台灣防疫已進入積極備戰新冠病毒社區感染的新時期。目前新冠肺炎病人已可以在台灣本土生產，不再仰賴「進口」，因此失去了診斷病人的最好憑藉，無法再以旅遊史辨識病人，感染者會無聲無息地鑽到你身邊。此時的防疫政策必須由以辨識為主的檢疫，走向以防護為主的「減災」方可因應。
台灣新冠病毒防疫做得好，嚴格講起來只說對了一半，只做好了檢疫。病毒還沒進來前，阻絕於境外的動作叫做檢疫。這點台灣做得可好的，啟動得早，動作做得猛，中央流行疫情指揮中心天天開好幾次會，每次都有新看點，把公務員都累翻了，老百姓看了都喊讚。但這種檢疫高牆其實擋不住病毒，病毒不需要穿牆，依然可以翻牆進來。
社區感染讓我們失去最重要的屏障就是診斷。呼吸道傳染病來無影去無蹤，個個長的都一樣，唯一不同的是你來自何方。一個類流感病人，在地產生或由美國回來的是一般感冒，如果由武漢或大陸回來的就是新冠肺炎。沒有了旅遊史，連醫生都不可能光由臨床症狀就判斷是否為新冠病毒。
這就是為什麼台灣第19例與第24例病例會發生的原因，沒有旅遊史，醫生懷疑都不讓送檢，造成被動延誤通報，卻又被美化成中央疫情指揮中心主動出擊，真有夠不害臊。
世界衛生組織在SARS後頒布的呼吸道衛生與咳嗽禮節，一直是呼吸道傳染病防控的最高戰略指導原則。在新冠病毒社區化之後，防控政策仍能奉此為金標準，只不過應執行進階版作為。原版中提示有發燒或呼吸道症狀的人應自覺戴上口罩，自覺代表自我診斷，這也解決了沒有旅遊史的診斷困擾。這項政策也暗示了口罩是給有症狀的人戴的，台灣在還沒有社區感染之前，某些官員就跨過疫情指揮中心拍腦門推出一般民眾的口罩政策，才造成後來的口罩之亂。
原版自覺戴口罩的提示，到了進階版該如何改變？當新冠肺炎社區化之後，人口密集機構的入口體溫監測就不見得有用，機構內全面口罩政策必須落實，包括公共交通工具及室內營業場所，都必須提出自己的全面口罩政策落實計畫。公共衛生上政策的落實非常重要，沒法落實的政策叫口號，政府也該對配合良好的機構給予相對應的優惠，例如出現病例時可免於關閉的處分。
利用停辦集會遊行、封城、封樓、封院、封村達到傳染病控制的目標，都是不得已的作為，在台灣執行起來很難落實，結果會只受其害，不蒙其利。只要「封口」封得好，其他都可避免。社區感染出現時有可能出現重症病患、大量輕症病患及接觸者，除了接觸者的檢疫收容中心可以徵用既有機構外，台灣的病患不可能以建火神山或方艙醫院來因應，醫療院所局部或全面清空，及常規病患的居家治療將成為未來重要的收治政策，現在開始規畫應該是時候了。
台灣這次的社區感染，破口在檢驗量能不足，社區感染之後會更不足，必須趕緊增加量能及尋找替代診斷方案，否則將會成為社區感染爆發的罪魁禍首。
（作者為中華民國防疫學會榮譽理事長）
</t>
  </si>
  <si>
    <t xml:space="preserve">新冠病毒肺炎正在全球迅速擴散，世界各國正加速研製治療的特效藥與疫苗。據美國有線電視新聞網(CNN)報導，由 IBM 集團研發、配備AI人工智慧能力的超級電腦高峰(Summit)，已經分析了數千種藥品配方，並辨識出其中77種可能有效的新冠病毒藥物成分。
CNN指出，研發新型冠狀病毒藥物已經是現階段科學家面臨的最大挑戰，而且隨著疫情快速擴大，藥物研發的速度必須加快。這也是目前全球速度最快的超級電腦參與新冠病毒藥物研究最主要的目標。科學家形容說，以人工智慧電腦辨識藥物功能，是開發新冠病毒藥物的重要步驟，有助研發對抗這種病毒的有效疫苗。
報導說，配備有人工智慧的IBM Summit超級電腦模擬了數千種藥物配方，分析哪些合成藥物可以有效阻止病毒感染人類細胞，目前超級電腦已辨識出其中的77種，這些藥物資訊也增加了新冠病毒疫苗研發的希望。
CNN表示，美國橡樹嶺國家實驗室(Oak Ridge National Laboratory)的研究人員在國際化學學會開放式論文預印網(ChemRxiv)上發表了他們最新的研究成果。
IBM高峰超級電腦會是美國能源部於2014年委託IBM建造，它是目前全球運行速度最快的超級電腦，其主要功能是解決全世界所共同遭遇的重大問題。它有200個每秒浮點運算(petaflops)能力，這意味著它的計算速度是每秒200萬億次，其運算能力相當於一般筆記型電腦的100萬倍。
高峰超級電腦位於美國田納西州的橡樹嶺國家實驗室內，它在先前的多項研究中已確定導致阿茲海默症的腦細胞系統模式，也分析出鴉片類藥物成癮特徵的基因，同時還用氣候大規模數據的模擬並預測了極端氣候的出現。
</t>
  </si>
  <si>
    <t>新冠肺炎疫情全球蔓延，許多國家出現口罩短缺的狀況，而日本財務大臣卻在近日的參院預算會議上說，就算出錢，也沒有口罩，台灣網友對此在PTT上貼文指出2關鍵，隨即引發網友熱議。
根據日本《共同社》報導，新冠肺炎的因應對策強化，是否要重編2020年的政府預算，對此，日本財務大臣竟回，就算出錢，也沒有口罩，因此否決重編預算的提議。
而台灣網友在PTT上針對此事PO文討論，對世界各國來說，口罩是夕陽產業，亞洲地區大概只剩大陸、台灣和韓國有在做口罩機，生產相關設備的公司其實不多，而過去無大量生產口罩的日本，為因應疫情趕製生產線，「這筆開下去，可能有點傷」。
再者，日本不織布的產能極低，塑膠原料高度仰賴進口，在市面上可見的日本不織布產品，百分之90的原料皆從中台越進口，而在原料來源不明的狀況下，就算做了機器，也可能生不出口罩，若你是日本經濟部長，你吞的下去？
原PO指出，網傳政府開口罩生產線事圖利廠商，但實際上，若政府一開始就不鳥口罩這件事，現在口罩機就會以三到五倍的價格，出口到中日韓，這才叫做圖利廠商，懂嗎？此則貼文曝光，許多網友紛紛回應，「原來如此」、「謝謝國家隊成員QQ 我現在真的每天抱著 感恩的心在生活」、「身在台灣很幸福」。</t>
  </si>
  <si>
    <t xml:space="preserve">新冠肺炎肆虐，防疫物資瘋搶，在眾人抵擋災禍之際，選秀節目《以團之名》出身的新星黃智博竟行「口罩詐騙」不法取財140萬，遭警方逮捕，事發後他身分被揭露，也遭公司解約，昨黃智博親姊在微博po文道歉並解釋前因後果，悲慘身世因此曝光。
21歲偶像黃智博發災難財，假賣口罩真詐騙，得手破百萬元，本月13日遭警方逮捕，目前刑事拘留中，而他的親姊姊昨(2/16)用黃智博微博帳號發文，解釋來龍去脈，表示家裡收入薄弱，父母艱難務農供姊弟倆上學，然爸爸突然因心臟病病倒，兩人為籌醫藥費不得已輟學打工，「由於文化程度低、法律知識薄弱，也為後來的這件事埋下了伏筆」。
姊姊表示，黃智博從小懷抱星夢，因此一直邊打工邊學習唱歌跳舞，好不容易成了練習生，訓練過程花費也不少，但姊姊心甘情願努力供給他，黃智博也知家裡辛苦，所以有時間就去兼差，貼補家用，背後心酸罕為人知。
而今年春節，黃智博返家發現父親身體變差，之前醫生已建議要做第二次手術，但爸爸當時決定把錢省給兒子追夢，姐姐表示：「這時不知道在什麼人的煽動下動了這個念頭，在家人都不知情的情況下做出了令人痛心的違法行為」，她代替弟弟向社會大眾道歉，「由於智博的前車之鑑以此請大家遵紀守法，多學習法律知識，不要像我弟那樣無知」，也奉勸很多家境平凡但想實現追星夢的孩子們，務必小心，「這條路並不是你們所看到的那樣光鮮亮麗」。也懇請外界能不要行言語及人身攻擊，「現在家人為此事也非常傷心難過，操碎了心」，唯一盼望的，就是盡量保護家人。
</t>
  </si>
  <si>
    <t xml:space="preserve">蝦毀，用振興3倍券就能創業做老闆？！位於台中市北區東光路近太原路口的大台中環保市集因應市地重劃、擴大營業，因應政府715發放振興券，祭出振興券專屬頭家專案，讓攤商可以用振興券抵攤租，此外場內所有攤商都收振興券，但不找零，希望幫失薪族成功轉業，也讓更多攤商可以搭上這波振興列車。
大台中環保市集是全台歷史最攸久、規模最大的二手市場，場主蘇福安表示，從2000年搬遷至此後，20年間台灣社會也歷經金融海嘯、SARS以及新冠肺炎三大波的失業潮洗禮，這裏不但是民眾尋寶樂園，更成為中年失業者轉換跑道的跳板，今年以來因為新冠疫情重創經濟，不少失業者或是斜摃族湧入擺攤，市場裏幾乎有7成新攤商都是職場收入銳減或被裁員轉而到此尋求機會。
蘇福安分析，這裏攤租便宜，創業門檻低，尤其主打二手買賣、垃圾變黃金，每逢景氣低潮有廠商到此出清存貨變現，也有家庭主婦將家中奢侈品拿來兌現，適巧遇到政府振興3倍券即將在7月15日發放啟用，大台中環保市集特別祭出振興券專屬頭家專案，讓攤商可以用振興券抵攤租，希望幫助受疫情影響失業或放無薪假的民眾開啟轉職的可能性。
蘇福安坦言，近日大台中環保市場因應市地重劃，雖然部分用地遭到徵用，同時也租到鄰近的閒置用地重新整理、擴大營業，目前如火如荼試營運中，這回政府發放振興3倍券市場除要求所有攤商配合政府政策收200元、500元面額的振興券，唯一就是不找零，他強調環保市集所有物品價格至少都打了兩折，所以不用再搭配折扣促銷已經相當便宜，歡迎民眾揪團來尋寶。
</t>
  </si>
  <si>
    <t xml:space="preserve">新冠肺炎病毒肆虐，全球超過40億人口遭禁足。隔離或宅在家防疫的日子不好過，為了排解苦悶的生活，應該怎麼辦？可以透過app線上買花布置住家，室內設計app也大受歡迎。
南韓《韓國先驅報》報導，春天到了，百花齊放，可惜因為疫情之故，大家無法出門賞花，但可以透過買花app，把美麗的花朵搬到家裡。
南韓鮮花產業因疫情承受損失，但線上花店業績卻欣欣向榮。以業者Kukka為例，該公司找來專家為客戶包裝法式花束，並且直接把鮮花送到消費者家門口。雜貨宅配平台Market Kurly，則在2月疫情爆炸時，善加利用旗下的冷鏈物流系統，開始跨足鮮花宅配服務。儘管花種僅限於鬱金香和小蒼蘭，但每天訂單都達5百筆以上。
另外，小型的家居產品也能讓住家有不同風貌。室內設計app「Today House」提供使用者分享自家的居家裝飾照片，並在照片上標記這些商品的連結，方便其他消費者購買。這套app也列出各種室內設計風格和選項，並在線上販售包括蠟燭，毛巾，小茶几等小型居家商品。一點點小小的改變，也許能產生料想不到的效果，隔離生活更有重心，也讓心情轉個彎。
</t>
  </si>
  <si>
    <t>新冠肺炎疫情延燒，台灣確診病例連日暴增，昨(18日)更是一口氣新增23例，也引發民眾恐慌，晚間紛紛到各大賣場如好市多、全聯、家樂福等瘋搶民生物資。一名網友貼出自家LINE群組長輩所傳的訊息，不少人一看訊息傻眼，直呼婆媽群組真的會害死人。
一名網友在PTT八卦版貼出LINE對話，表示前天(17日)晚上，家裡群組突然有長輩傳訊息，要他們儲備1個月份的糧食與生活必需品，更表示「立刻去銀行提領所有存款」，原PO事後又補上一張對話紀錄，該長輩繼續說「要補充的有米、麵、乾貨罐頭與根莖葉菜類」、「上次通知今年初會有金融崩盤，真的有發生，情勢會怎樣未確定，建議要有適當準備」，更要大家到銀行提領所有存款，至少也要一個月以上的生活費，讓原PO也忍不住直呼「真的是傻眼」。
鄉民看到也氣炸，紛紛回：「檢舉了啦 根本蓄意造成恐慌」、「這個可以報警嗎？唯恐社會不亂」、「萬一真的末日你領錢也是沒3小路用啦」、「鼓吹擠兌會犯法喔」、「真的受不了這些長輩」、「領錢是要幹嘛啦」、「直接檢舉追源頭吧」、「直接跟長輩說別再轉傳了啊」、「領錢幹嘛，付造謠罰款嗎」、「備糧就算了，領錢是在X小」、「該是原PO你大義滅親的時候了」。</t>
  </si>
  <si>
    <t xml:space="preserve">專業TPU機能布暨成品廠八貫(1342)1月營收雙增，八貫預計隨著醫療及戶外訂單需求持續暢旺，加上去年底因缺櫃的出貨遞延，預估首季營運將成長，第二季業也將持續向上。
八貫1月合併營收1.57億元，較去年同期成長15.37%，也較去年12月成長6.8%。
八貫表示，1月營收成長主係因戶外需求暢旺，公司合作之國際品牌大廠拉貨力道強勁，僅戶外類別出貨金額即超過一億元，預計隨著醫療及戶外訂單需求持續暢旺，加上去年底因缺櫃遞延的產品陸續出貨，預估今年不但首季營運將成長，第二季業績也可望持續向上。
八貫進一步指出，機能性布料和成品組件兩大事業群自去年底起品牌客戶持續下單，目前整體產能利用率及稼動率居高不下，預計持續至四月底的產能皆近滿載，加上六月底有品牌客戶季節性需求接棒，樂觀期待上半年的業績應可順利超越去年同期數字。
隨著新冠肺炎疫苗開打，有利加強經濟復甦力道，八貫主攻TPU高階利基型產品，尤其在醫療、戶外及救生三大領域，受惠終端市場需求增溫，訂單能見度明朗，目前機能性布料產線趨近滿載，訂單生產排程已至第二季，去年底已啟動產線三班制機台不停機生產至清明連假前，以目前在手訂單來看，全年營運成長動能依然強勁。
展望今年，八貫布局新廠之效益將可逐步產生貢獻，元月底新廠已取得宜蘭縣政府核發之使用執照，成品組件新產線預計第二季進入試機量產，產能有望於下半年逐步挹注，將可再度推升營運規模。
</t>
  </si>
  <si>
    <t xml:space="preserve">新冠病毒究竟何時進入美國？新證據會說話，加州檢測3具遺體發現，早在2月6日就有第1起死亡案例，比之前公布的日期整整早3周，不只病毒入境得比預期更早、感染人數更多，美國CDC也警告冬季還有一波疫情，對美國的防疫，將產生什麼影響？
COVID-19（新冠肺炎，一稱武漢肺炎）在美第1起死亡病例，一直都認定是2月29日西雅圖近郊的60歲患者。但加州矽谷聖塔克拉拉郡（Santa Clara County）公共衛生官員公布3具遺體的驗屍結果，證實2月6日才是第一起死亡病例出現的時間，比2月29日整整早上3週。
這3名死者死亡時間分別是2月6日、17日，以及3月6日。他們都在自家過世，當時檢測的試劑非常有限，並限定只有具旅遊史、有具體症狀的人才能受檢，所以3人生前都不知道自己染病。
當地衛生官員推測，由於新冠肺炎重症患者平均在染病1個月後死亡，從2月6日往回推，該名死者可能1月初就染病，代表新冠病毒恐怕在2019年12月就已入境美國。
根據《紐約時報》報導，2月6日過世的這名死者是一名57歲女性，在矽谷一家半導體製造商工作，過世前並沒有出國紀錄，但過去曾到各地出差，包括德國、奧地利和中國大陸，一位友人則透露她在2019年11月曾到過北京。
她工作的公司屬於國際性企業，在全球各地都有分公司，包括疫情爆發中心的武漢。
仔細回溯病情，她在2月2日向朋友抱怨出現流感症狀，短短4天後，女兒回家發現她倒在廚房，接著不幸過世。家人表示曾懷疑她是不是染上新冠肺炎，但礙於當時的限制而未能受檢，直到現在透過檢驗遺體，才得到答案。
這起病例不但重寫美國疫情時間軸，更如鐵證般進一步證明病毒恐怕早在矽谷所在的舊金山灣區傳播。
灣區是美國和中國往來最密切的地區，在這份檢測報告出爐前，史丹福大學在聖塔克拉拉郡的3個灣區城市進行血液採樣，發現帶有新冠病毒抗體反應的人數，比官方的確診病例要多出50～85倍。
從12月到2月正是流感高峰期，有多少人像2月6日的死亡病例一樣，被誤認為流感？
這突顯美國初期防疫政策根本錯置，只著重封鎖邊境，忽略社區傳播的風險（美國CDC直到3月15日才呼籲不要舉辦或參與50人以上的活動）。美國初期檢測門檻嚴格，直到3月中才放寬受檢資格，假使遺體檢結果持續出爐，可能揪出更多病例「黑數」。
「每一起（生前未檢測的）死亡病例，可能都只是冰山一角，而我們不知道這冰山到底有多大，」 聖塔克拉拉郡公共衛生官員科帝（Sara Cody）表示。
CDC預警第2波疫情「更嚴重」 美只能寄望抗體檢測？
美國現有近一半人宅在家，停滯的活動重擊各產業，民眾和政府都希望重啟經濟，但如果貿然恢復常態，這麼多未檢測出的病例隱藏在四周，難保不會隨時再大爆發，尤其美國CDC已經警告，冬天可能有第2波疫情。
CDC主任雷德菲爾德（Robert Redfield）對《華盛頓郵報》表示冬天疫情可能更棘手，因為「流感和新冠肺炎將在同一時間發生」，屆時可能導致醫療體系大崩潰。流感雖然有疫苗，但光是去年，流感就在美國造成3,550萬人染病、 3.4萬人死亡，冬天來臨前，美國能怎麼做？
在新冠肺炎疫苗問世前，暫時只能透過大量篩檢來掌握疫情。美國過敏與傳染病研究院主任、也是這次抗疫大將佛奇（Anthony Fauci）打算推出大規模的抗體檢測，讓已有抗體的人取得證明，也是各地能否重啟經濟的依據。
雷德菲爾德則呼籲民眾一定要接種流感疫苗，他說接種疫苗至少能防範自己不因流感而住院，「到時候至少能空出床位給新冠肺炎的病人，因為染病的也可能是你的母親或祖母。」
</t>
  </si>
  <si>
    <t>2020年美國重回零利率且推出無限QE，利差交易有利之後熱錢回流亞洲與大陸，加上分析師預估新興市場可望領先成熟市場復甦，投信法人預期皆有利新興短期高收益債漲升行情；就布局時點來看，由於新冠肺炎病毒的影響，新興國家經濟成長率衰退將集中在第一季與第二季，在此狀況下，金融資產風險5月中旬過後可望降低，第二季正是逢低布局新興高收債良機，其中又以新興短高收相對看好。
台新新興短期高收益債券基金經理人尹晟龢指出，2020全球金融市場深受新冠肺炎影響，但新興高收債企業償債高峰是落在2022年，JPM預估2020全球新興高收債違約率仍不到5％。
隨著新興短債的收益率和利差都達到十年來的高位，再加上美國國債等低收益債券的數量不斷增加，預期在債市風險下降，經濟回穩後，資金將湧向一些被錯殺的高質量信用債券，新興短期高收益債將優先受惠。
尹晟龢指出，新冠肺炎衝擊企業活動，可能導致債市違約率上升，不過，全球政府與央行宣布了前所未有的貨幣和財政刺激方案，以應對全球經濟產生未知影響的擔憂；另一方面，新興市場經過近幾年的積極再融資，債務存續期間得到了延展，企業也能夠以較低的利率再融資，在病毒危機爆發之前，新興公司的基本面狀況相對良好、淨槓桿率接近七年低點，總體上有利於債務。
群益全球新興收益債券基金經理人李忠泰指出，油價波動對新興債市的影響程度較輕，主要由於新興市場原油相關發債企業大多為該國產業龍頭且具備國營企業角色，意即相關公司發行的債券擁有準主權債（Quasi-sovereign）的特質，政府隱含支持度很高，風險承擔能力較佳，也因此對油價的敏感度較低。
由於全球各國同步擴大振興計劃，根據外資統計顯示，金融海嘯後受惠於新興市場經濟基本面明顯改善，系統性危機事件呈現逐年下降的趨勢，配合上述的觀察以及低利率的環境，長期而言料將使新興市場債重回上升趨勢，若疫情緩和，預期新興市場債將因高殖利率與準主權債的特質而重新獲得資金青睞。</t>
  </si>
  <si>
    <t>桃園市44歲溫姓男子上月23日接種高端疫苗，25日工作時卻送醫不治。溫男解剖時，詢問法醫「是否能加驗免疫螢光反應及血小板第4凝血抗體？」卻遭拒絕。桃園地檢署回應，已向法醫研究所轉達死者家屬希望，但此為法醫研究所專業，會尊重專業判斷。
家屬想釐清溫男死因是否與接種高端疫苗有關，但溫男解剖完後，家屬詢問法醫「是否能加驗免疫螢光反應及血小板第4凝血抗體？」，法醫當下卻回應驗那個沒有意義。
桃園地檢署說，檢察官年8月26日相驗溫姓死者大體後，因家屬質疑死因疑似與死者生前施打高端疫苗有關，為求慎重，8月30日上午率法醫就死者進行解剖，並已向法醫研究所轉達死者家屬希望加驗免疫螢光反應及血小板第四凝血抗體之訴求。
檢方說，有關檢驗過程及項目，屬法醫研究所專業事項，亦會尊重法醫研究所之專業判斷，由於目前尚未取得法醫研究所之解剖報告，將於取得解剖報告後儘速向死者家屬說明並提供必要之協助。</t>
  </si>
  <si>
    <t xml:space="preserve">
行政院秘書長李孟諺今（7）日公布行政院長蘇貞昌的新年賀卡和福袋。李孟諺表示，今年以牛年的諧音，希望新的一年可以「牛」轉乾坤、牛來好運。卡片上還有一個轉輪，寫著政院過去一年六大施政成果。
李孟諺指出，過去這一年面對疫情挑戰，可說是危機也是轉機，今年蘇貞昌的新年賀卡以「牛」年的諧音、扭轉為意象，希望新的一年可以「牛」轉乾坤，牛來好運。
李孟諺指出，賀卡上有一個轉輪，放上執政團隊去年的施政成果，跟民眾報告、賀年。轉輪上六大政績分別為經濟冠東亞、民主耀國際、拚台股新高、阻新冠肺炎、守非洲豬瘟、攬台商破兆。
李孟諺說，福袋將印製3萬份在農曆春節期間發給民眾，但由於疫情關係，目前規劃不以排隊形式發放。</t>
  </si>
  <si>
    <t xml:space="preserve">高市觀光局為振興國旅市場，6月主打「城市探險月」，推出野外祕境探險、自然生態探索、城市風格冒險3大主題，以及海上重帆體驗、斯巴達障礙賽等7項活動，多元遊程包山又包海，感受高雄不同風貌，鼓勵民眾走出戶外，強化身心。
觀光局長邱俊龍指出，後疫情時代，6月以戶外探險為主題的「城市探險月」，推薦民眾私房景點與全新遊程，以需要體力的活動為主，像是斯巴達障礙賽因疫情關係各國暫停，台灣首場選在高雄崗山之眼、阿公店水庫展開25項障礙賽。
邱俊龍提到，3大主題將配合業者推出，走訪有高雄「阿塱壹」美稱的柴山天威古道祕境，及寶來花賞溫泉公園推出溫泉搭配極限設施體驗遊程；動物園夜宿營、攀樹體驗及壽山國家自然公園仲夏森遊借位拍照活動；斯巴達障礙賽、美利達單車漫遊及海線推動重型帆船體驗。除斯巴達外，其餘活動有意深耕為常態性遊程。
除了月月有精彩活動外，邱俊龍表示，5大觀光景點免費入園，包括壽山動物園、崗山之眼、寶來花賞溫泉公園、鼓山洞、旗津貝殼館，而觀光局16個景點的商店，除可參加「高雄振興購物嘉年華」滿500元抽獎外，再加碼滿500元可折抵100元。
副市長葉匡時表示，4月推出的「軍事觀光月」活動有超過5 000人參加，「軍事走讀之旅」更是名額秒殺，並於5月接續加碼推出第二梯次半價優惠活動。
</t>
  </si>
  <si>
    <t>海軍磐石艦是台灣目前疫情破口，是否會造成封城？前衛生署長楊志良直指，磐石艦事件再多來兩件，我們就被衝破了。
楊志良在政論節目《少康戰情室》中表示，全球兩個最安全的地方，一個是大陸湖北武漢，另一個就是台灣。我們民眾基本上有高度的警覺心，大家也都基本上「順時中」。
楊志良指出，磐石艦這個大破口，這個非常可能造成社區某種程度的感染，但是因為我們的民眾、還有我們整個醫療體系，基本上他不認為現在馬上會被衝破，但是如果像這種事情再多來兩件，我們就被衝破了、就麻煩了。
至於台灣未來會封城嗎？楊志良說，現在全台灣還是在享受全球最幸福的時候，最重要的是，除了政府的努力以外，民眾的自我健康管理，也是能不能讓我們這麼幸福的一個最重要關鍵。幸福能不能持續不知道，而且封城是一個政治的決定，不是一個可以用科學、可以用量表、可以用指標來處理的，真的希望不要到封城的那一天。</t>
  </si>
  <si>
    <t>等不及政府紓困方案，台中市一周爆三家大型飯店、餐廳結束營業，管仲管理顧問公司總經理胡智鈞指出，這波疫情衝擊下，大家都在苦撐，承租、租金高以及做宴會為主的這類餐旅業最危險，但他認為在這時退場，經營者面對大量解僱比較不受社會道德壓力讉責，另，多數承租或合作合約都有天災、人禍免責條款，提前解約可免違約金，這時結束企業成本最小。
胡智釣是前薆悅酒店總經理，在面臨陸客不來困境時曾挺身而出成立台中特色飯店聯盟，面對一周來台中亞緻大飯店、香蕉新樂園以及阿秋大肥鵝太平賀緹店陸續傳出「下課」消息
，他坦言，可能還有未爆彈。
胡智鈞說，雖然疫情造成餐旅業哀鴻遍野，但體質好的以拖待變，而原本就體質不佳的這也是業者退場最佳時機，其中最危險的就是向私人承租的業者，像台北有家時尚飯店月租金高達780萬，而台中亞緻傳說一年租金近億元，沈重的租金壓力原本就讓業者月月虧，這個時機點退場，可以向房東爭取免違約金，另，此時裁員不用揹負道德壓力。
此外，大型餐廳只是是以宴會為主的生意慘到剩一至兩成，如同樣是租地自建或是要付租金的，租金愈高愈危險，但也有例外者，就是BOT或OT案，因為政府已釋出租稅減免，這類業者只要撐下去仍有機會東山再起。</t>
  </si>
  <si>
    <t>新冠肺炎疫情持續，奇美醫療體系包括奇美醫學中心、柳營奇美醫院、佳里奇美醫院，統計5月15日至6月30日，執行新冠病毒核酸檢驗超過3萬1000件民眾接受新冠病毒核酸檢測PCR。奇美醫學中心依受檢者屬性分類，預約分流3處篩檢站分艙檢測，避免採檢群聚，也節省檢測時間。
為減輕需自費PCR民眾的負擔，奇美醫學中心響應中央疫情指揮中心公告衛福部部立醫院自費新冠病毒核酸檢測(PCR)降低收費；奇美醫學中心7月1日起自費PCR費用亦降為常規每人次3500元、急件每人次4500元計收。
奇美醫學中心指出，不論商務出國、住院就診陪病、工作洽公需求、健康感染疑慮等狀況，愈來愈多民眾向醫院預約PCR檢測，奇美醫學中心規畫3處「篩檢站」，讓不同屬性需求族群分流預約，在不同地點「篩檢站」分艙接受PCR檢測，雖然人力負擔加重不少，但落實分流分地PCR採檢，讓受檢民眾更安心，避免排隊群聚，也讓檢測的過程更節省時間。
奇美醫學中心除了前述落實分艙分流分地採檢新冠肺炎核酸檢驗外，也與工研院合作建置「貨櫃組合式微負壓高通量全自動核酸檢測實驗室」，獨立執行完整一站式病毒檢驗，提升大台南地區檢驗量能，並確保醫療人員及受檢者安全快速檢驗流程。</t>
  </si>
  <si>
    <t>新冠肺炎重創觀光產業，交通部提出44億元立即紓困方案、54.5億元投入復甦及振興，另配合前瞻計畫2.0投入300億元將觀光產業升級與轉型，行政院稍早已拍板。
在觀光產業立即紓困方案，包含：陸客團提前離境，補助旅行社2億元、旅行社停止出入團補助7億元，入境旅行社紓困3億元，另投入5億元人才培訓、12億元協助旅行業、旅宿及觀光遊樂業融資周轉貸款協助及利息補貼，提供15億元減輕營運負擔，總共投入44億元。
在復甦及振興方案提供54.5億元的規模，包含：再次投入20億元做國旅補助、結合相關公協會提出在地行銷4億元、補助地方政府提案觀光亮點活動共3億元，提升旅宿溫泉品牌與行銷2億元。
國際旅遊部分，國際郵輪復甦計畫7000萬元、疫情過後擴大國際行銷5億元、鼓勵DMO區域結盟2億元、國際旅客入境旅遊市場獎勵措施8.8億元。旅遊景點優化，包含：旅宿業品質提升4億元、觀光遊樂業優質化計畫3億元、觀光數位轉型計畫2億。
至於升級與轉型前瞻計畫，包含：計畫建設國際級景區及轉型升級、主題旅遊年、慧觀光類等，投入經費初估約300億元，配合行政院檢討前瞻計畫2.0時提出。</t>
  </si>
  <si>
    <t>Delta病毒來勢洶洶，中央流行疫情指揮中心日前宣布6/27零時起，自任一國家入境，都要入住防疫旅館，若來自7個高風險國家則要住進集中檢疫所，有民眾陳情希望打過2劑量疫苗，可以開放返家居家檢疫，指揮官陳時中表示，目前集中隔離的措施暫時不會改變。
有民眾陳情，有打過兩劑疫苗且有陰性報告，希望可以開放返家居家檢疫，因為防疫旅館已經爆滿，且經濟負擔很大。
指揮官陳時中表示，已經爆滿是不可能，每天500到1000人，總共有2000多，開始之前至今使用率是28.28%，這樣集中隔離的措施暫時不會改變。
副指揮官陳宗彥表示，目前防疫旅館入住率32.62%，使用的房間數7000多間，還可使用的房間還有2萬多間，絕對不會有不足或是不夠的問題，。
陳時中則強調，集中隔離會不方便，台灣疫情從5/15開始至今，大家急於控制，國內、邊境都要管制，但待狀況明朗就會滾動式修正。</t>
  </si>
  <si>
    <t>蔡英文總統今天宣布暫停520總統就職活動籌辦工作，只要疫情仍有疑慮，520就職將不會舉辦大型群眾活動。對此，總統府也召開記者會，表示為全力防控新冠肺炎，保留最大彈性，來因應疫情的變化。
總統府發言人丁允恭表示，為全力投入新冠肺炎防疫，首先，總統指示暫停籌辦就職典禮工作，保留最大彈性，來因應疫情的變化。第二點，在防疫還有疑慮情形下，520就職典禮就不會辦理大型群眾活動。接下來，總統府都會配合中央疫情指揮中心專業的判斷。
至於台北市長柯文哲爆料，就職典禮要在北流舉辦，丁允恭表示，北流確實是預留的選項，但是當總統府跟北市府借北流的同時，也有在公文中明確說明，如遇天災和疫情等不可抗拒的情況，他們就會取消借用。
丁允恭直言，總統也感謝願意停辦遶境或延期的宗教團體，他們也期待其他宗教團體也能配合中央疫情中心的指揮，來規劃活動辦理。</t>
  </si>
  <si>
    <t xml:space="preserve">
美國年輕族群確診比例攀升，其原因指向印度變異株（Delta）傳染力增強、年輕族群施打比例較低等。台灣近期經歷以年輕族群為主的幼兒園群聚感染，學者提出美國研究指出，在無法落實NPI的族群身上，藉由篩檢仍能有效防堵群聚感染。目前在歐洲、美洲的場所多數都要求出示疫苗証明或檢驗陰性證明，由於兒童無法接種疫苗，建議流行期間可每周定期快篩，建立起「安心防疫場所」。
公衛學者古玫生表示，美國自2020年9月至2021年8月資料發現，共約15％的感染個案為21歲以下年輕族群，疫情初期（D614G）時，因年輕族群有較好的先天性免疫優勢，僅13.4％確診個案為年輕族群，原因是他們有較強第一線防疫（干擾素、訊號因子IL-17及嗜中性白血球較強），並有較多元的抗體可面對新病毒侵入。
古玫生表示，在Delta侵襲、成年人施打疫苗比例較高等因素之下，美國年輕族群確診比例升至22.4％，可見病毒演化成以打擊年輕族群先天性免疫優勢的品種為主。台灣經驗顯示，幼兒園與托兒所等場域較難維持NPI措施，易成為防疫漏洞，因此台大公衛學院教授陳秀熙團隊提出國際間對年輕族群制定的措施作為政策參考之用。
公衛學者范僑芯以加拿大為例，鑑於幼兒無法打疫苗、難以維持NPI措施，要求所有教職員、家長與學童每日填寫自我健康評估問卷，依症狀、旅遊史、接觸史與居住地給予指引，並對高風險或發病的孩童提供PCR檢測、抗原快篩檢測或漱口水檢測。其中的PCR、快篩作法與台灣相同，即以鼻拭子插入鼻腔5秒，而漱口水檢測則是讓學童以鹽水漱口30秒來檢測，可降低不適感，增加篩檢意願。
至於美國，明尼蘇達州去年底至今年5月針對6所特殊學校提供定期唾液篩檢服務，在7289次檢測中，有21人確診，校園陽性率為0.29％，較社區陽姓率(0.31％）低。范僑芯表示，這說明了就算是無法施打疫苗、無法嚴格執行NPI措施的場域，只要定期進行篩檢仍能有效防堵群聚感染。
另英國則針對人口密集機構如學校、辦公大樓人員定期進行檢測。在高盛行率地區，亦會進行大規模檢測阻斷傳播鏈，在低盛行地區則推動定期檢測，利用快篩試劑，迅速得知檢驗結果。
對於台灣剛發生幼兒園群聚案，如何確保學童的安全？陳秀熙表示，歐洲、美洲的場所多數都要求進入的民眾出示疫苗証明或檢驗陰性證明，由於兒童無法接種疫苗，建議可定期快篩，在流行期間每周篩檢1次，自行篩或到醫療院所篩都可，藉此建立「安心防疫場所」。若為確診個案的接觸者，或剛從國外入境者，則建議在自主健康管理開始的半個月到1個月內，每3天快篩1次，減低疫情擴大的風險。</t>
  </si>
  <si>
    <t xml:space="preserve">為了防止失聯移工成為防疫破口，內政部長徐國勇上午在立法院提出研議「擴大自行到案專案」，徐國勇僅初步提出免收容，或者將罰款降到最低最低等誘因。不過，韓國政府卻更有魄力，迅速宣布給予外籍非法勞工自願免責離境的機會，還表示此時參加「自願離境」項目者，會減免對非法入境行為的追責，包括不會被追究此前非法入境的行為，不會被記錄在「黑名單」上。
針對「擴大自行到案專案」，如何鼓勵移工自行到案？徐國勇舉例，自行到案者免收容，或者將罰款降到最低最低；也會跟其他部會商量，推出其他鼓勵措施，讓他們自行到案。不過細節仍要再研議，徐國勇說近期將與勞動部共同研議更具誘因的「擴大自行到案」專案，希望藉此鼓勵失聯移工踴躍自行到案。
該說法曝光後，民間團體一句話打臉徐國勇，國際勞工協會研究員陳秀蓮直指，對外勞最關鍵的是，無法再來台灣工作，會遭到境管註記，所以若不取消註記，逃逸外勞是沒有動力配合的。
新冠肺炎疫情危急，韓國政府在處理非法入境的行為上面展現魄力，據泰國《曼谷郵報》報導，當地時間2月28日開始，韓國政府宣布給予30萬外籍非法勞工自願免責離境的機會，這一機會將持續至3月31日。
韓國政府表示，此時參加「自願離境」項目者，不會被追究此前非法入境的行為，也不會被記錄在韓國入境和移民管理部門的「黑名單」上。而在3月31日後仍未離境的非法勞工，被捕後將被立刻遣返，並會被記錄在黑名單上，10年內不得再次入境韓國。目前，韓國政府已用6種語言發佈了這一通知。
回頭來看台灣的應變措施，台灣國際勞工協會請願，希望給予無證移工合法身分。今天有媒體詢問「非法移工取消境管可行嗎？」徐國勇4日到桃園市消防局，和桃園市長鄭文燦慰問勞鑽石公主號執勤消防員，徐國勇回應，「法律就是法律」，一切依法處理，內政部都會做相關的規劃，所以內政部特別強調「自行到案」專案，相信會有相當的成果。
</t>
  </si>
  <si>
    <t>台灣維持了1年多的平靜日常生活，終究爆出了本土疫情，新冠肺炎感染情況一波接一波，不但雙北深受影響，原本勉強壓下確診數的中南部，如今又出現Delta病毒株進入南台灣，美女主播吳宇舒對於現況也不禁感嘆，真的是看不到盡頭。
美女主播吳宇舒，2013年嫁給同為記者的老公，如今39歲的她，仍是活力充沛，且外型保養得相當好，除了在主播檯上努力外，私下跟老公還有狗兒子開心生活，也熱愛戶外運動，過去經常能看見她分享到各地旅遊、踏青的美好照片。
但這一切，因為台灣疫情關係，都被迫停擺，她昨天(6/27)在臉書po文，發表對於Delta變種病毒株仍傳入台灣的心得，「其實從疫情爆炸到趨緩，再到Delta入侵，管制都是一樣『三級警戒』」，民眾能做到的很有限，就是盡可能遵守中央所宣布的警戒，努力撐下去。
如今Delta病毒在台現蹤，三級警戒從當初確診數下降，到如今3度延後三級警戒，讓吳宇舒直嘆：「看不到盡頭，只能自己轉換心情」，但未來自己以及他人的安全，吳宇舒仍是勸大家「少出門就在家找樂子吧！」，她隨文章貼出穿著半截小可愛大露蠻腰的辣照，哀怨表示：「快沒有照片發了」，同台主播巫嘉芬還特地留言說自己有拉大認真欣賞腹肌，主播簡立喆也直讚吳宇舒腰線太美，「人當然也美呆了」。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
近日本土疫情趨緩，中央流行疫情指揮中心宣布7月13日起各縣市微解封，全國三級警戒觀察至7月26日，不過毒理學權威招名威卻對三級解封表示不樂觀，坦言「要有心理準備」。招名威建議中央應先制訂「再警戒」的標準，解封後若確診人數再度攀升，就必須回歸三級警戒，先把遊戲規則講清楚，避免疫情嚴重時大家又變回無頭蒼蠅，找不到標準可循。
中原大學副教授招名威13日於臉書表示，微解封迎來了塞車、街上更多行人、捷運公車都滿載的狀況，可想而知大家對於正式解封是有多渴望，但他自己卻抱持不樂觀的看法，指出歐美、日韓、以色列等國家，都是在解除警戒後一兩週內，國內疫情再度爆發。招名威坦言，「如果我們沒有良好的防護觀念和措施，再度回到警戒封城也不是不可能，大家要有心理準備。」
招名威建議，指揮中心應再宣布解封前事先制訂出一個「再警戒」的確診人數標準，「比如說單日確診再度超過50人或是100人，我們就必須再度回到三級警戒」。招名威說，一來先把遊戲規則說清楚，以免到時候臨時要再封城大家又像無頭蒼蠅一樣，抱怨毫無標準可遵循；二來可以杜絕無知民眾搞破壞，在微解封時期不遵守既定的防疫規範；三又可以杜悠悠之口，以防屆時謠言四起，何樂而不為呢？
很多人擔心解封前要先清零，但招名威坦言，目前要清零是不可能的，畢竟之前就是因為疫調不勤，導致現在這種結果。不過招名威也指出，只要每位民眾確實做到「盡快施打疫苗」、「出外戴口罩」、「人多的地方不要去」、「勤洗手」4件事，就有望中止病毒傳播鏈，讓時間沖淡一切。
</t>
  </si>
  <si>
    <t>雲林縣部分長者因對AZ疫苗有疑慮，改打肺炎鏈球菌疫苗，導致肺炎鏈球菌疫苗大缺貨，雲林縣北港媽祖醫院表示，肺炎鏈球菌疫苗無法防治新冠肺炎，只能減低感染後的重症機率，建議長者還是以施打新冠疫苗為優先考量。
雲林縣北港鎮媽祖醫院、虎尾若瑟醫院、台大醫院雲林分院等醫院，近日有許多民眾詢問要自費施打肺炎鏈球菌疫苗，尤其是年輕民眾因不符合新冠肺炎疫苗施打條件，希望先打肺炎鏈球菌疫苗減少重症風險，不過各醫院肺炎鏈球菌疫苗都已施打完畢，必須等藥商再供貨。
媽祖醫院內科部長蔡昆道表示，肺炎鏈球菌會引發細菌性肺炎，是很常見的菌種，醫療人員與65歲上民眾、幼兒、免疫力下降者，有必要施打肺炎鏈球菌疫苗，可有效的預防肺炎，但最近卻因新冠肺炎疫情成為搶手貨，令人始料未及。
蔡昆道說，肺炎鏈球菌疫苗分為23價與13價，最近大家搶打13價疫苗，其主要作用是讓免疫T細胞可以記憶，預防時效達10年左右，但與預防新冠肺炎是否有相關性，其實是兩回事，新冠肺炎是病毒性肺炎，肺炎鏈球菌疫苗是無效的。
針對有醫學研究指出，肺炎鏈球菌疫苗可減少新冠肺炎重症風險，蔡昆道指出，他建議以施打新冠肺炎疫苗為主，肺炎鏈球菌疫苗為輔，民眾若符合新冠肺炎疫苗施打條件，請盡速前往施打，如此才能降低染疫機率。
一名醫護人員說，最近除了長者詢問要施打肺炎鏈球菌疫苗，也出現許多年20至40歲年輕民眾要施打，呼籲大家還是要把肺炎鏈球菌疫苗留給真正有需要施打的族群，各種新冠肺炎疫苗已陸續抵台，施打對象將會持續擴大。</t>
  </si>
  <si>
    <t xml:space="preserve">行政院會上午通過勞動部提報新冠肺炎因應措施，無薪假勞工參與短、中、長期各項計畫分別最高可領到3萬4800元到4萬2760元不等補貼，最高不超過原投保薪資，也就是說，無薪假勞工有機會領回原投保薪資3個月。
政院紓困600億元特別預算，勞動部遭沒有照顧勞工。勞動部上午正名無薪假為「減班休息」，並提出各項因應計畫，其中除失業勞工可領失業給付外。無薪假勞工若參加為期3個月的「充電再出發計畫」，以每月120小時，每小時158元計算，可領到1萬8960元，若參與中期的安心就業計畫，以最高投保薪資4萬5800元計算，可領到1萬1000元，若參與長期的僱用安定措施，訓練課程可獲補貼投保薪資7成，以最高投保薪資4萬5800元計算，可領到1萬5400元。
若加計原無薪假期間可領最低基本工資，則分別可領到34800元到42760元區間不等工資，勞動部勞動力發展署副署長施貞仰表示，減班休息最完美的算法，就是最低工資23800元加上18960元，最高42760元，但以不超過原投保薪資為原則。
此外，在企業部分，還有安穩僱用計畫，企業若僱用失業30天以上失業者，每人每月可發給5000元，最長6個月，僱用失業30天以上特定對象，每人每月可發給1萬1000元至1萬3000元，最長12個月；僱用3個月以上失業者，每人每月發給9000元，最長12個月。
勞動部合計各項計經費41.25億元，其中新增計畫經費約30.58億元。
</t>
  </si>
  <si>
    <t xml:space="preserve">對美國務卿蓬佩奧指稱美國對世界衛生組織(WHO)抗疫捐助遠遠超過中國一事，大陸外交部發言人華春瑩回應稱，中國對此沒有任何攀比的想法，到目前美國承諾要向中國等一些國家提供的抗疫援助卻「一個子兒都沒見到」，這批物資中國已經不需要了，現在不知在何方？還有，「美國欠聯合國與世衛組織的會費繳了嗎？」
大陸外交部4月3日的記者會上，有媒體提問稱：美國國務卿蓬佩奧日前在國務院記者會上說，美國對世衛組織抗擊疫情的捐助數額遠遠超過中國。中方對此有何評論？
華春瑩答稱：這個問題前幾天有記者問到過，我已經答過了。我當時覺得蓬佩奧先生把美國對世衛組織的捐助從1948年算起很有意思。他說美國對抗擊疫情國際援助遠遠超過中國，其實我們沒有任何攀比的想法。美方援助到底怎麼樣，我也不瞭解，但我看到有報導說，美方把一些擬向其他國家抗擊疫情提供的援助在半路上追討回去了，不知道這是真是假？
華春瑩說：就中國而言，之前我的同事也介紹過，蓬佩奧國務卿和美方曾經宣佈，美政府要向中國等一些國家提供1億美元抗疫援助，但是我們一個子兒都沒有見到。另外美國國際開發署說要向中國提供抗疫援助，一直「只聽樓梯響，不見人下來」。直到3月11日，美方告訴中方物資準備得差不多了，但是鑒於那個時候疫情已經發生變化，中方告訴美方，中方已不再需要，請他們把這筆物資捐給那些更有需要的國家。，不知道這筆物資後來下落如何？
華春瑩還說，美國一些地方和企業在中方疫情形勢最困難時向中方伸出了援手。現在美國國內疫情非常嚴重，中國很多企業和地方也都在紛紛向美國人民伸出援助之手，提供力所能及的幫助。中美兩國人民在互相同情、相互支持，共同抗擊疫情。
她最後對美國反將一軍說，「我有一個問題，美國欠聯合國和世衛組織的會費不知道交清了沒有？」
</t>
  </si>
  <si>
    <t>雙北防疫三級警戒，新北市環保局表示，14日全市24小時大清消後，環保局持續由各區清潔隊進行轄區每周一次全區清消，直到三級警戒解除；環保局提醒民眾，外出倒垃圾務必戴好口罩並保持安全距離，保護自已也保護清潔人員，違規可依傳染病防治法最高開罰1萬5000元。
環保局表示，在進入三級防疫前，環保局防疫消毒大隊針對列管公共環境場域1360處每月消毒一次，包含交通場站、百貨賣場、超市、超商、市場、餐廳、商圈、學校、洽公機關等。
環保局表示，14日10時到5月15日10時24小時大清消已完成地毯式消毒工作，三級警戒後，除原來防疫消毒大隊，也重新盤點消毒人力、物力，由各區清潔隊配合各區公所指揮調度，持續執行轄區每周一次的全面消毒，直到解除三級防疫警戒為止。
至於一般商家、賣場、餐廳、社區大樓等場所內部的公共環境消毒，依照行政院環境保護署的規定，應由所有人、管理人或使用人負責，可自行使用1：50稀釋後漂白水，針對公共區域、地板、梯間扶手、門把、電梯按鈕等持續且定期以拖把或抹布擦拭；若有委外消毒需求，也可洽環保局提供新北市境內消毒廠商名單供參。
環保局說，環保局則維持垃圾收運正常化，除提供清潔隊員充足的防疫配備以保護其工作安全，更提醒民眾外出倒垃圾即為「戶外活動」，依照第三級警戒規定應全程配戴口罩，違者可依照傳染病防治法最高開罰1萬5000元。
環保局提出「查、戴、保、洗」的倒垃圾口訣，呼籲民眾出門倒垃圾前應先查「新北樂垃車」網站，確認垃圾車到達時間；全程載上口罩；保持適當距離並減少交談；回家後立即洗手或用酒精消毒。另紙容器、塑膠瓶罐、鐵鋁罐及玻璃瓶等，回收前要先沖洗後再交給資源回收車。</t>
  </si>
  <si>
    <t>精選《中時新聞網》5件不可不知的國際大事，帶讀者掌握今天(3月3日)的國際新聞重點。
【1】世衛： 境外新增案例是大陸的9倍 集中在四大國
WHO總幹事譚德塞對於韓國、義大利、伊朗、日本這四個國家最為憂心，說明今天在大陸以外地區的新增案例，比大陸的新增案例要多了將近9倍，新冠肺炎的擴散正在「全球化」。
【2】美股強力反彈 投資人看好央行刺激措施
美股繼上周重挫之後，星期一的表現相當亮眼，三大指數齊漲，可謂絕地大反彈。道瓊工業指數上漲了1,296.81點，或5.1%，以26,706.17點作收；S&amp;P 500指數也漲了136.3點，或4.61%，以3,090.52點作收；那斯達克綜合指數上漲384.8點，或4.49%，以8,952.17點作收。
【3】日若發布緊急命令 衝擊東奧
日本北海道因發生多起新冠病毒感染途徑不明的社區感染，使北海道知事鈴木直道2月28日發布「緊急事態宣言」，要求學校停課、民眾盡量避免外出。首相安倍晉三2日已鬆口有考慮跟進。但倘若日本發布「緊急事態宣言」，將限制舉辦集會活動，官方、民間舉辦的許多活動勢必辦不了，人員的往來也受限，對東京奧運的籌備工作和觀光勢必造成影響。
【4】「全球第一CEO」 GE前執行長威爾許去世
據新加坡聯合早報網2日報導，奇異電器（General Electric）前董事長兼執行長傑克．威爾許（Jack Welch）去世，享年84歲。美國總統川普透過推特向他致敬，稱威爾許是一位商業傳奇。
【5】移民大軍挺進歐洲 奧地利表明將全數攔阻
土耳其開放邊界，讓移民有機會挺進歐洲。奧地利保守派內政部長內哈默今天表示，如果希臘和巴爾幹半島國家阻止移民湧入的措施失敗，奧地利將攔住任何企圖闖入境內的移民。</t>
  </si>
  <si>
    <t>衛福部長陳時中昨天說明，中央與地方官員造冊約3萬人打疫苗，地方官員達93.6％。提報人數彰化縣8723人是第一名，彰化縣長王惠美今天在防疫說明會上，再次公開說明，並向7899位鄰長們直說拍謝，指出縣府依中央規定將鄰長列冊在第二類來施打，卻被中央誤會是官員了。
「我們不是官員，是第一線協助防疫工作人員」彰化縣被爆出官員列冊施打達8723人，不少人都傻眼了，彰化官員這麼多啊？鄰長也喊冤，我們可不是什麼官，不過是任勞任怨，為民跑腿，幫忙奔走分送傳單、選單，只是服務啊。
王惠美強調，彰化縣政府施打疫苗完全依照中央規定，造冊施打，經查這次中央公布的第二類人員彰化縣8283人當中，其中有7899位是鄰長，他們並非官員，是在第一線協助防疫的工作人員，抱歉害他們被中央誤會是官員，針對此事縣府再次向他們說聲抱歉，也希望中央在公布相關資料前要先解釋清楚，不要讓這些第一線辛苦工作的鄰長被冤枉。
「中央明明知道又公布，是不是刻意要誤導？」衛生局長葉彥伯沒有正面接招，表示數字說明清楚就好了，一切都是按照中央規定來辦理，第二類人員中，鄰長占98％，其餘還包括是一戶一社工的社工等防疫工作人員，其餘才是縣府的官員，「鄰長被當作官被誤會了」。
王惠美表示，彰化縣第七輪AZ疫苗接種，簡訊通知符合資格人數4萬6668人，增開通知23至28歲2萬1823人，完成預約者3萬7400人，中央配發本縣AZ疫苗量分兩批次，第一批已在8月31日到貨1萬9400劑，9月3日、4日施打，第二批AZ將在9月8、9、10日分3天施打。
針對第七輪符合預約對象加選BNT疫苗，未完成預約者在8月31日下午4點後可加選；而已完成預約者在9月11日起才可進行加選。只要在國高中有學籍的，就會協助造冊，直接到學校進行疫苗施打，並請家長簽署疫苗施打同意書。其餘優先提供給18至22歲的對象至預約平台意願登記及預約。</t>
  </si>
  <si>
    <t xml:space="preserve">製鞋大廠豐泰(9910)2019年稅後純益62.31億元，年增18.39%，每股純益為8.48元，董事會通過每股擬配息4元、配股2元。
受新冠肺炎疫情影響，運動品牌產品銷售下滑難以避免，首季業績是否出現衝擊，值得留意。據目前的訂單能見度，主力客戶Nike尚未因疫情影響而砍單，豐泰能否維持全年出貨年增預期，尚待觀察。
豐泰前2月營收114.96億元，年增5.73%，但獲利呈衰退情形，前2月營業利益7.29億元，年減42.6%；稅後淨利6.63億元，年減30.5%，EPS0.9元。
豐泰今年仍將擴大越南、印度布局，越南春祿工業區廠新產線持續開出，另外，董事會日前通過投資2700萬美元，承租越南平順省德令45.88公頃土地，計劃將打造新的製鞋基地。
</t>
  </si>
  <si>
    <t>新北市板橋某幼兒園教保員確診，今日又新增8名幼兒與1名家長確診。新北衛生局今公布確診老師相關足跡，老師在上月底至本月初時，經常搭乘捷運板南線，往返頂埔站和新埔站，另外也曾經在上月29日抵達板橋環球購物中心。
新北衛生局公布的確診足跡圖顯示，該教師曾在上月23至27日、上月30至31日、本月2至3日，搭乘捷運板南線，往返頂埔站和新埔站，另外，上月29日也曾搭乘捷運，從頂埔站到板橋站，並在板橋環球購物中心B1逗留，之後再搭捷運返回頂埔站。
該名教師也曾在上月22日搭乘捷運，從頂埔站到新埔站，並搭乘805公車到新泰游泳池站，之後再搭乘786公車返回捷運府中站，之後再到頂埔站。</t>
  </si>
  <si>
    <t>擔心坐月子太貴？為使新產婦在防疫期間享受五星級月子中心服務，新寶產後護理之家督導長黃琦惠透露，6月30日前入駐，試營運期間，不限房型、入住天數，全面58折優惠。
新寶產後護理之家可遠眺觀音山、淡水河景觀，採歐式獨棟建築風格，且電梯與磁扣有樓層管控，每層不超過四間月子房，人員進出單純，宛如在自己家裡，保有隱私。黃琦惠強調，新寶產後護理之家係以豪宅建案理念，設計空間寬廣的現代及古典風格月子房，讓產婦和Baby都能有最好的休息與照護。
新寶產後護理之家有專業小兒科、婦產科、內科、復健科等醫療團隊進駐，定時巡診，用心照護每位媽媽及寶寶，提供健康、安心、舒適環境。嬰兒室24小時空氣淨化，管控嚴格的負壓觀察隔離室，讓寶寶在安全環境成長，也有專為寶寶量身設計的迷你游泳池，可促進寶寶感覺統合發展。
為防範新冠肺炎（COVID-19），新寶產後護理之家24小時門禁嚴格管控，進入館內必須量額溫，若體溫超過37.5度或有出國史皆不得進入。入內手部須先消毒，並換上消毒過後的室內拖鞋及隔離衣，公共區域每天中午與晚上定時紫外線消毒。配合衛生局防疫措施，防疫期間陪宿者限一位，全面禁止訪客探視。
新寶產後護理之家對月子餐的設計，主打多樣創意料理。天天新鮮現煮，菜單不重覆，食材嚴選台灣在地產出，無重金屬、農藥，雙主菜設計，補充產婦優質蛋白質，由專業營養師團隊調配。
新寶產後護理之家於4月1日開幕後，廣受準媽媽們的好評紛紛預約報名參觀。為了貴賓們的健康及全力配合政府全面防疫，特採取一次只接待一組參觀貴賓以防群聚感染，另於貴賓參觀後消毒。</t>
  </si>
  <si>
    <t xml:space="preserve">
新冠肺炎疫情越演越烈，就算有維持好社交距離、戴上口罩，還是有可能會被感染，在美國明尼蘇達州的一場喪禮，共有50多人參加，全程都有配戴口罩且有維持社交距離，但其中仍有30人先後感染新冠肺炎。
根據明尼蘇達州當地媒體《明星論壇報》報導，上月初有名78歲老翁因帕金森氏症及併發症死亡，其家人在教堂舉行葬禮，共有50多人參加，且都有戴口罩、彌撒時也有保持社交距離，但在葬禮結束沒幾天，就傳出有人確診，最後人數多達30人。
對此該名老翁的女兒史黛芬妮（Stephanie Schindler）回應，當時雖然大家都有配戴口罩，但在彌撒結束之後大家情緒十分低落，當時就有人用手拭淚，隨後大家也有互相擁抱，病毒可能就是藉此傳染開來。
史黛芬妮認為本起事件說明，就算在人煙稀少的地區，新冠肺炎病毒的威脅仍非常大，就算大家都有注意防疫戴起口罩，但還是有許多人受到感染，也讓大家清楚理解到新冠病毒的傳染力有多可怕。
更多 CTWANT 報導
</t>
  </si>
  <si>
    <t>疫情指揮中心昨日表示，第三劑最快於1月1日開打，對象以高危險和高接觸風險族群優先，一般民眾也可自行評估接種。對此台大家醫科醫師何忠祐表示，接種完整兩劑疫苗6個月後，保護力都會下降，若前兩劑皆是打AZ的族群，未出現嚴重不良反應的話，第三劑以mRNA（輝瑞／BNT或莫德納）為主，其中又以BNT及莫德納的局部副作用會比較多。
何忠祐昨（29）日於個人臉書粉專《何忠祐醫師 Dr. Eric 家醫。美食。健康體態》分析，各廠牌疫苗保護力會隨著時間遞減，且面臨變異株的威脅，施打第三劑是可以提供較佳的保護力。根據美國研究指出，BNT的保護力會從86.9%降到43.3%、莫德納會從89.2%降至58.0%，嬌生的下降幅度最大，從86.4%下降剩13.1%；另一篇英國研究也顯示，打完兩劑AZ疫苗4個月後，保護力也會有明顯的下降。
何忠祐也提國外現行政策表示，打滿兩劑AZ，若沒有出現嚴重不良反應，加拿大、美國及英國第三劑都是以mRNA疫苗為主，且與第二劑間格至少６個月。
至於副作用，何忠祐說，接種三劑BNT及莫德納，第三劑整體副作用發生率和第二劑相似，若將副作用細分成局部及全身性，會發現第三劑的局部副作用較第二劑高，全身性的副作用較第二劑則相對低。另外打完兩劑AZ再打一劑mRNA會出現常見的副作用，包括注射處疼痛持續1至2天、疲倦、全身痠痛及發熱等症狀。
何忠祐提醒，一般民眾若不確定自己是否適合打第三劑，可以考量自身染疫風險、是否屬於重症高風險族群、對副作用的耐受度、是否有不適合接種疫苗的情況、有無疫苗禁忌症等因素做為評估標準。</t>
  </si>
  <si>
    <t>基隆市七堵區一名年約70歲陳姓婦人7月初施打第一劑莫德納疫苗，約一周後出現急性腦栓塞不良反應，送醫後立即進行動脈取栓手術，一度失去意識送入加護病房，婦人目前雖已恢復意識，但左側肢體仍無力，持續在醫院復健，治療長達4個月，家屬盼能釐清原因。
陳婦丈夫表示，太太7月接種疫苗，身體沒有明顯不適，直到8天後的晚上，2人一起在客廳看電視，太太要拿眼鏡配戴時，手部突無法控制，一直掛不好也放不開，沒多久身體便開始抖動長達1至2分鐘，整個人一度要倒下，嚇得趕緊報警，他說，太太平常身體健朗，也沒有慢性疾病，沒想到打疫苗後出現狀況，送醫後已治療長達4個月，盼能趕快康復回家，也希望市府能給予關心、協助。
據了解，陳姓婦人於7月6日接種第1劑莫德納疫苗，返家後注射部位發癢、疲累症狀，休息後雖有所改善，但手臂仍持續發癢疼痛，且疑似出現容易瘀血現象，直到7月14日晚上在家中看電視時，身體突然開始顫抖，人癱軟在沙發上無法言語，身體不自覺傾斜、嘴角流有口沫等症狀。
婦人送醫後，院方診斷為急性腦栓塞，立即施打血栓溶解劑，並進行動脈取栓手術，取出少部分血栓，術後一度失去意識，轉入加護病房治療，直到8月12日病況穩定，才轉至其他分院一般病房，婦人目前能正常言語表達，逐漸康復，唯獨左側肢體仍無力，持續在醫院復健中。
衛生局指出，醫院接獲個案有不適狀況後，於7月19日通報不良反應事件，局內也在7月21日協助個案申請藥害救濟，並完成病例調閱，已於10月29日送往中央流行疫情指揮中心審議，另外，也提供相關急難救助資訊給婦人，若家屬有需要可以向區公所提出申請。
市議員張耿輝呼籲，相關單位要注意狀況並進行檢討，市府也要積極給予家屬協助，不要不聞不問。</t>
  </si>
  <si>
    <t>新冠肺炎衝擊，中央提出600萬元紓困專案，民進黨彰化縣團17日指出，至今都沒有看到彰化縣政府的紓困計畫；彰縣府示則強調，防疫不分藍綠、紓困更需團結，將成立整合單一窗口，縣府並推出幸福圓夢貸款計畫，辦理農業紓困貸款，依營業情形予以減徵娛樂稅等，並疾呼不分黨派，向中央爭取更多實質的疏困經費，後續也會就中央不足部分研擬適當方案。
民進黨團總召尤瑞春，議員賴清美、莊陞漢、賴澤民、李成濟等，指出縣內各行各業無不成為這疫情下的受災戶，不禁要來問問縣政府，紓困作為在哪裡？不能就是觀望600億紓困專案，應有妥善調查，好好準備向中央爭取，許多縣市都已經「射箭」了。
彰化縣政府表示，這次防疫工作台灣做得比其他國家早也好，是各地方政府不分藍綠全力遵從中央指揮，疫情造成商圈、零售業、農漁牧業以及觀光產業等衝擊，600億元紓困特別預算也在立院朝野各黨團一毛未刪三讀通過，證明惟有不分中央、地方、不分黨派、大家停止口水、團結一致，才能一齊度過難關。
縣長王惠美表示，雖然地方政府資源有限，但從疫情開始，就於主管周報中要求各單位提出對應疫情紓困的推動作為，目前縣府各相關局處的作為有下列幾項：
一、經綠處表示，1. 推出彰化縣幸福圓夢貸款計畫，正與多家銀行洽談，提供利息補貼，申請一年的利息全免，減輕急需資金週轉的縣內中小企業及商號的負擔，亦適用經濟部日前函頒「經濟部對受嚴重特殊傳染性肺炎影響發生營運困難產業事業紓困振興辦法」，可申請展延本金償還期限一年，免收手續費。2. 配合中央紓困計畫內容，建立整合中央、地方紓困服務單一窗口。
二、農業處表示，1. 辦理農漁業紓困貸款。2. 籌辦彰化蛋品行銷推廣活動。3. 與埤頭鄉農會、溪湖鄉農會與埔鹽鄉農會等3個大宗蔬菜生產地農會合作，3月17日聯合辦理「大宗蔬菜多元加工暨創新料理活動」。4. 補助集運費，以輔導轄下果菜市場收購花椰菜加工紓困。
三、城市暨觀光發展處針對低迷觀光產業，為開發國際觀光市場，邀請大型旅行社至彰化縣考察旅遊環境，並舉辦與縣內業者座談會後，期望在疫情平穩後，快速爭取到國際市場。 此外，也積極參與各項産業座談會，向中央爭取把相關產業能納入紓困對象內，並運用各種經濟及旅遊期刊管道適時報導縣內旅遊美食，秘境景點等等介紹強化促銷帶動買氣。目前交通部許多紓困方案都要求由公協會直接提案，城觀處仍主動協助彰化縣旅遊產業協會提案作業，產業合作，謀求最大利益。
四、地方稅務局的紓困方案，1. 稅務服務線上申辦。2.延繳。3.減稅：受疫情衝擊娛樂業者，依營業情形予以減徵娛樂稅。</t>
  </si>
  <si>
    <t>資策會產業情報研究所（MIC）表示，由於新冠肺炎疫情帶動換機潮提前，預估今年全球筆電出貨將達1.7億台、成長達6％，其中台灣筆電出貨估成長達7.9％，雙創近5年新高。不過，由於換機潮提前，預估明年全球筆電出貨將衰退4.3％，台灣出貨亦將小幅衰退。
伺服器方面，資策會MIC指出，5G與遠距應用成為2大成長動能，資料傳輸加大將促使企業用戶與資料中心升級。隨著遠距成為常態，全球伺服器今年出貨估成長2.9％，其中台灣受惠疫情帶動產能擴大，出貨估成長5.4％，表現優於去年。
展望明年，資策會MIC預期在英特爾（Intel）新品換機潮成長、5G滲透率提高對數據中心運算與儲存需求，皆有利於台灣伺服器出貨。不過，遠距辦公趨勢造成桌機市場需求衰弱，預估明年台灣桌機出貨將小幅衰退0.4％。
資策會MIC資深產業顧問楊中傑表示，資訊硬體產品市場的發展重點在於滿足人類工作與學習型態的改變，在疫情尚未緩解、遠距辦公與遠距教學持續發展下，筆電仍有成長空間，將有利於商用、教育筆電廠商，商用桌機市場相較起來則受較大衝擊。
生產供應鏈轉移趨勢方面，資策會MIC指出，供應鏈遷移將是未來10年資訊產業最重要的趨勢議題之一。依據產業發展特性，思考2030年資訊系統產品區域化供應鏈的樣貌，不僅產能以供應所在區域市場為主，長期而言關鍵零組件廠亦將跟隨組裝廠遷移。
資策會MIC預期，筆電供應鏈的組裝廠將持續移出中國大陸，雖然2030年中國大陸仍是筆記型電腦製造重鎮、但比重將下滑至40％。而關鍵零組件移往東南亞機會高，預估2030年東南亞組裝比重達50％，台灣維持以研發為主、組裝約占5％。
資策會MIC認為桌機供應鏈在中國大陸組裝比重將逐漸減低，預估2030年將僅保留組裝廠與零組件廠約2成產能。組裝將以東南亞為重心，在泰國、越南與印度等地形成聚落，美洲有望成長至3成、歐洲捷克與波蘭2成，關鍵零組件仍以中國大陸約4成為主要基地。
伺服器方面，資策會MIC預期2030年北美仍是最大市場，台灣將配合北美數據中心與品牌廠擴建研發中心，中國大陸亦將投入伺服器架構研發。組裝將以北美為重心，中國大陸保留部份組裝廠、占比約3成，東南亞與台灣則預估可成長至2成。
而隨著台灣持續擴建組裝廠，資策會MIC預期關鍵零組件有望因組裝廠規模擴大而返台。關鍵零組件部分，中國大陸仍占6成、為主要生產基地，東南亞將成為供應其他地區的主力，台灣則約占1成。
楊中傑指出，廠商可及早思考10年後的供應鏈布局，但之間仍存在許多挑戰，除了即將到來的美國總統大選，中國大陸政府是否會製造資金流動障礙、或推出優惠留才政策，都會對供應鏈去留造成關鍵影響。
楊中傑進一步指出，面對紅色供應鏈崛起，台廠被取代威脅不斷，遷移耗資龐大、品牌廠補貼少也成為遷移阻力，包含新地點的基礎建設與人力素質不佳等因素，都會為供應鏈遷移增添難度與變數。</t>
  </si>
  <si>
    <t xml:space="preserve">美國疫情再陷惡化，特別以「陽光地帶」的南部州最為嚴峻，不僅佛羅里達州創下全美各州單日新增確診最多的15,299起紀錄後，加州13日也傳出單日新增8,358起確診、23死，讓加州州長紐森當日再次對該州祭出室內活動限制令，餐廳、酒吧、博物館、電影院以及健身房等室內活動必須關閉，立即生效。
NEW: #COVID19 cases continue to spread at alarming rates. CA is now closing indoor operations STATEWIDE for:-Restaurants-Wineries-Movie theaters, family entertainment-Zoos, museums-CardroomsBars must close ALL operations.
綜合美國有線電視新聞網與《國會山莊》報報導，加州公共衛生署13日表示，除了新增8千多起確診之外，過去兩周以來加州因新冠肺炎住院的比例也大增28%；目前全加州新冠肺炎病患總確診數已來到329,162起，並造成7,040人死亡。
報導指出，在加州58個郡中，其中30個郡已列入州政府的監視名單，包括洛杉磯郡、橘郡、沙加緬度郡等，都必須關閉如健身房、教堂、個人看護、美髮廳以及部分非必要的辦公室等室內活動。餐廳仍允許戶外用餐與外帶。
紐森（Gavin Newsom）表示，我們正看到病毒正加速傳播，「這就是讓所有州政府成員清楚認知到，為何新冠病毒不會太快離開」。他指出，這次禁止室內活動的規定比較像是先前「居家隔離」令的微調版本，也有提出許多允許例外的情況，預計新規定須實行3周。
此外，舊金山與聖地亞哥也宣布下個月起的新學期，所有學校都採線上教學，直到公衛條件許可時才會回復面對面授課。
</t>
  </si>
  <si>
    <t>楊冪、趙又廷、迪麗熱巴主演的仙俠神劇《三生三世十里桃花》6日起將重回中天娛樂台，陪伴觀眾渡過防疫非常時期。該劇播出至今在網路平台創下近530億次的驚人點播數字，不但讓楊冪再添一部代表作品，更讓男主角趙又廷紅遍兩岸三地，迪麗熱巴也知名度大開，成為新一代女神。
《三生三世十里桃花》劇情集結了虐心浪漫、仙俠武鬥的元素，無論首播或重播都能掀起一股追劇熱潮，近日，有一名因為新冠肺炎疫情而忙碌不堪的醫護人員，在她的個人網路平台透露，「在許多睡不著的狀態下，就會重新再看一次《三生三世十里桃花》，因為有女神楊冪的陪伴，才能安心入睡」，沒想到楊冪竟現身留言區親自回覆她「你們是真英雄！加油！要件健康康的早點回家」，楊冪的舉動讓這名醫護人員非常開心，無疑為她在精神上打了一支強心針，粉絲們也大讚「楊冪女神超貼心！」
《三生三世十里桃花》在今年更推出續集《三生三世枕上書》，讓劇迷們相當期待，楊冪再度扮演同一個角色「白淺」，更是新戲一大看點。這回她在續集裡，終於與趙又廷舉行大婚，這更是劇粉心中是相隔3年殷殷期盼的大結局，但其實早在《三生三世十里桃花》中，楊冪與趙又廷已定下婚期，也生下兒子，卻直到續集《枕上書》才完成大婚典禮，網友紛紛回憶「不禁想起3年前那段天天熬夜追劇的日子啊」，但也有人失落趙又廷竟在續集沒有客串，遺憾缺少了夜華(趙又廷飾)登場。想看更多精彩內容敬請鎖定4月6日起，週一至週五晚間8點至10點中天娛樂台《三生三世十里桃花》。</t>
  </si>
  <si>
    <t>台灣本土新冠肺炎疫情嚴峻，在短短兩週內感染人數近7,000 人，不過中央流行疫情指揮中心今天表示預測病毒傳播力的Rt值下降，表示高峰已過，本土疫情即將趨緩，國民黨立委林思銘指出，台灣篩檢能量不足，社區無症狀感染者黑數龐大，他建議政府開放民眾購買方便使用的快篩試劑做篩檢，以盡速找出感染者。
林思銘說，所謂「Rt值」(有效傳染數)是估算病毒在一定時間內能夠傳播給多少人的能力，基礎來自於「Ro值」(基本傳染數)。但是現在台灣篩檢量能不足，一天最多只能提供2萬人次篩檢，韓國可達一天20萬人次，目前社區內存在太多無症狀感染者，病原傳染期間和接觸史都無從調查，會造成相當程度的估算失準，不知疫情指揮官陳時中到底那兒來的自信？
林思銘表示，過去一年間，不斷有人建議就「快篩」提前部署，但指揮中心都不為所動，如今在牛津大學公布世界Covid-19每千人篩檢率中，截至5／25為止，台灣僅千分之17.349，遠低於韓國的千分之184.821，世界排名倒數第二；而台灣重症率為15％，遠高於世界各國的5％-10％，也顯示未被篩檢出的輕症或無症狀患者相當多，這些人現在仍隱身在各社區內繼續傳播病毒。
林思銘說，先前防疫指揮中心曾經公布國產快篩試劑在疫情熱區，靈敏度高達90％以上，歐美許多國家甚至在超商、超市都已經可以購得試劑，供民眾自行檢測，在短期疫苗供應不足的狀況下，台灣應參酌世界各國防疫經驗，開放民眾購買方便使用的快篩試劑做篩檢，以盡速找出感染者，進行相對處置，避免疫情繼續擴大蔓延。</t>
  </si>
  <si>
    <t>為有效防範新型冠狀病毒疫情蔓延，台東縣政府今日正式函文通知各鄉鎮市公所，建議轄內各原住民族部落今年度歲時祭儀停辦或延後辦理，視疫情規劃辦理情形，掌握部落自發性的祭儀及活動，並應訂定相關應變機制，以做好原鄉部落防疫措施。
每年從6月底開始，台東地區有上百場的阿美族豐年祭及魯凱族、排灣族、卑南族收穫祭陸續登場，一直到9月底；去年疫情爆發後，台東縣政府原住民行政處基於部落自主，由部落自行決定是否辦理，有部落取消，有部落如期舉行，有部落則縮小規模。
往年原鄉的歲時祭儀，即使是颱風天也照常辦理，這次疫情來得急又猛，台東縣政府已行文至鄉鎮公所，建請各原住民族部落今年度歲時祭儀停辦或延後辦理，並應訂定相關應變機制，以做好原鄉防疫措施。
據了解，由台東市公所舉辦，具有指標的「馬卡巴嗨」豐年祭活動決定取消，這也是第2年取消；另外，每3年1次的全縣阿美族聯合豐年祭剛好今年舉行，目前尚未討論取消或是延期。
達魯瑪克部落頭目古昌弘表示，每年7月第2個星期舉辦達魯瑪克收穫祭，不對外公開的祭儀照常舉行，而最受歡迎的盪鞦韆視疫情變化再決定。卑南族利嘉部落頭目潘村雲及阿美族馬蘭部落少年階層長老羅福慶都說，必須召開會議後才會進一步做決定。
此外，針對各部落自主成立防疫站，實施進入部落實聯制等措施，縣長饒慶鈴給予肯定，也感謝族人自主防疫期間的辛勞，縣府將結合部落與民間等各項管道，一起努力抗疫。</t>
  </si>
  <si>
    <t>新冠肺炎疫情升溫，夜市是否營業受矚目；南投縣副縣長陳正昇表示，因在最新的疫情中，南投縣目前尚未有確診案例，且緊鄰的台中市，也尚未全面禁止夜市設攤，基於縣市聯防，因此南投縣暫不關閉夜市，後續將視疫情狀況做滾動式修正。
陳正昇表示，縣府會持續加強夜市、賣場等公共場所的防疫宣導，要求攤販業者及逛街民眾都戴口罩、保持社交距離，加強各項防疫措施；縣府也要求夜市管委會，多鼓勵民眾外帶，降低現場聚集人數，減少夜市出入口，盡量做到人數總量管控，並能加大攤販攤位和現場座位的間距，盡量避免民眾聚集。
至於八大行業在南投並不盛行，實際上也是門可羅雀，縣府將會持續宣導防疫及稽查。</t>
  </si>
  <si>
    <t>案6348太平區58歲牧場男員工，5月15日曾至南投草屯東方紅時尚會館按摩，21日出現症狀、25日採檢確診。
案6349太平區58歲工廠男員工，5月16日曾至桃園旅遊，22日出現症狀，25日就醫採檢，26日確診；案6350北區23歲日本男性，擔任大學教練，去年3月入境後未再出境，5月16日出現症狀，25日至醫院採檢確診。
案6352龍井區25歲北部大學女研究生，5月15日曾至男友外公（案3010）位於新北市家中聚餐，16日返回男友台中住處，23日出現症狀，25日採檢確診，男友檢驗結果陰性。
案6541潭子區33歲工廠女包裝員，4月30日至5月1日曾至板橋旅遊，5月24日出現症狀，26日採檢確診；案6542豐原區69歲女性家管，原居住於台北萬華，5月17日全家南下回台中居住，19日出現症狀，26日採檢確診。
案6761西屯區2歲男童，為案1943的外孫、案2016（重慶國小六年級確診個案）的弟弟，5月19日因匡列為接觸者，與媽媽至檢疫所居家隔離，25日發燒至醫院採檢，26日檢驗確診。以上確診個案均已匡列相關接觸者並進行採檢。
27日確診個案公共場域足跡包括5月14日19時30分至20時30分北屯區「暴走中村-雞白湯拉麵」；5月15日13時30分至16時北屯區「春水堂-崇德店」、17時北屯區「寶雅北屯東山店」停留超過15分鐘；5月20日10時13分至11時13分南屯區「全聯嶺東店」、18時北區「山嵐拉麵一中店」停留超過15分鐘；5月22日16時至17時25分西屯區「家樂福西屯店」。以上足跡均已通知店家加強清消。</t>
  </si>
  <si>
    <t>新冠肺炎疫情激勵運動休閒商機，且中、美兩大市場同步進入第四季消費旺季，包括宏遠（1460）、喬山（1736）、岱宇（1598）等15檔運動休閒概念股股價響叮噹。
15檔5日股價走揚的運動休閒概念股，包括宏遠、喬山、岱宇、美利達、東隆興、廣越、力山、寶成、利勤、遠東新、建大、巨大、得力、宜進、桂盟。
法人分析，在新冠肺炎疫情蔓延期間，人們較以往更重視健康，運動休閒以戶外、不近距離接觸的活動，如騎自行車、慢跑、登山為主，並發展出在家健身，以及線上互動新運動需求，帶動相關運動健身器材、運動機能服飾等廠商訂單大增。
全球最大互動式健身器材公司Peloton Interactive的高端健身腳踏車與跑步機大賣，該公司財報也轉虧為盈，在川普染疫消息，美股嚇跌之際，Peloton股價不動如山，持續向上攀升，2020年迄今，Peloton的股價累計狂飆逾261％。
國泰證期經理蔡明翰指出，疫情激勵運動健康的需求，導致紡織與自行車股價出現帶量轉強，在長線基本面持續復甦，短線具有疫情題材加持之下，預期運動休閒族群有望延續相對強勢，建議可持續偏多操作。
除此之外，蔡明翰分析，大陸進入10月黃金周，且線上銷售迎來雙11及雙12兩大促銷檔期，美國則在第四季將展開返校季的遞延消費，以及感恩節、黑色星期五、聖誕節等節慶促銷活動，在中、美同步進入傳統消費旺季下，各相關廠商將喜迎第四季商機。
CMoney法人決策系統顧問呂漢威指出，根據統計顯示，在過去十五年的中秋節過後，紡織股上漲機率達80％，主要是服飾業有換季需求，再加上第四季的消費旺季帶動，運動休閒與消費電子也有機會受惠1111與超級星期五等消費節日，只是今年多了美國大選，投資人仍要留意短期股價波動。</t>
  </si>
  <si>
    <t>新冠肺炎疫情延燒，繼首列社區感染白牌車司機後，又新增確診北部一名60多歲婦女找不到感染源，這名婦女近2年未出國，卻在1月22日發病，當時台灣尚未對大陸採取任何入境限制，學者表示，顯示病毒可能早就進入台灣。
根據中央流行疫情指揮中心表示，該名婦女1月22日出現發燒、咳嗽症狀，22日至29日曾4度至診所就醫，後來因症狀加劇，開始呼吸急促，29日晚間送往急診，診斷為肺炎，30日住院，2月10日轉入加護病房，19日確診染新冠肺炎，感染源不明。
長庚大學新興病毒感染研究中心主任施信如表示，這名婦女發病當下，台灣尚未針對大陸展開任何入境限制，顯然新型冠狀病毒早就進入台灣，若新冠肺炎疫情持續，且出現明顯的群聚、重症，應比照新加坡，採取輕症在家休息、需隔離就自主管理而非集中管理的模式。
抗SARS專家蘇益仁教授表示，社區感染、社區傳播只是不同程度的散播方式，感染源不明就代表具有社區傳播的風險；政府應超前部署，不論是防疫體系、醫療體系或民眾的注意事項，都應公布出標準建議流程，以免當年SARS事件重演。
對於學者質疑病毒可能早就進入台灣，指揮中心專家諮詢小組召集人張上淳表示，由於當時大陸對於新冠肺炎相關訊息並不透明，台灣所知有限，相關技術也未完備，新冠肺炎病毒更早進入台灣的可能性是存在的。
至於台灣第1起感染新冠肺炎死亡案例，感染源是他載過的浙江台商，之前採檢都陰性，直到20日經2實驗室採檢結果，顯示這名浙江台商有抗體，曾感染新冠肺炎病毒。
這名浙江台商1月22日從中國大陸入境台灣，過了8天後，開始咳個不停，1月30日和2月10日曾到2家診所就診，但並沒有發燒，且屬咳嗽輕症，診所僅予止咳的藥物治療。
直到2月15日白牌司機死亡，彰化縣衛生局追到這名台商，進行流感快篩，檢驗流感A型和B型病毒都呈陰性，採驗新冠肺炎病毒也呈陰性，但還是咳，衛生局不敢大意，馬上要求強制隔離，目前仍住在醫院負壓隔離病房。</t>
  </si>
  <si>
    <t>台股啟動大跌後反彈，儘管新冠肺炎本土疫情仍在延續中，研究機構仍專注在超跌電子股基本面上，看好元太（8069）擴產幅度再增加，受惠節能趨勢推升需求，以及全新（2455）身為網通趨勢與大陸去美化主要受惠者，分別給予「買進」投資評等。
大型投顧研究機構指出，元太第一季毛利率創八年來單季新高，其電子標籤與閱讀器均具潛力，使擴產幅度再增加，並應大陸節能政策積極拓展當地市場，加上現金殖利率達4.8％，看好投資價值。
法人指出，元太董事會先前已通過未來在新竹架設新產線，惟經營管理階層再度表示2021年資本支出可能由15億元，增加至20億元，較2019、2020年的5.5、7.6億元大幅提升，亦為五年新高。
元太經營管理階層表示，彩色電子紙目前以Kaleido plus、Spectra 3100、Gallery三種為主，多應用於教科書、電子貨架標籤與廣告看板，因反應速度更精進，處於供不應求狀態。元太於4月在上海籌組電子紙產業聯盟（EPIA），目前超過60家會員，包含聯想、騰訊、聯詠等，看好大陸節能環保政策與趨勢，積極發展相關應用。
另一投顧法人針對全新指出，全新持續受惠產業趨勢正向與大陸去美化政策，展望正向。首先，法人投研部預期2021年智慧機銷量將會回溫至13.5億支、年增10.2％，5G智慧機滲透率由2020年的17％，成長至2021年的39％，5G智慧機PA所耗用面積將比4G智慧機增加20～60％，預期全新營收隨5G滲透率提升而持續成長。
其次，法人預估Wifi 6的滲透率將由2020年的20％，上升至2021年的50％，Wifi 6以前的PA多數並非使用GaAs為材料，加上Wifi 6E的晶片尺寸比Wifi 6再大上一倍，因此在Wifi通訊技術的革新與滲透率持續提升，也會推升對上游磊晶的需求。</t>
  </si>
  <si>
    <t>苗栗竹南電子廠爆發員工群聚感染，7日新增確診人數略有下降，共45例，包括外籍移工28例，本國17例，顯示受共同上班群聚影響，使得本國員工感染狀況增力。其中京元電共有44例確診，包括外籍移工27例，本國17例，京元電總確診數達到239人。另有一例為超豐電子的本國員工。
而超豐公司從6月5日啟動全廠快篩，預計篩檢4252人，截至6月7日上午止，共篩檢2997人，6月5日快篩陽性15人，經PCR檢測1人陽性確診。6月6日快篩26人陽性，PCR檢驗報告未出，相關疫調持續調查中。
另外，頂埔里社區篩檢站，7日將持續運作，從下午13時30分至16時止，預計篩檢200人。</t>
  </si>
  <si>
    <t>屏東縣將於15日啟動大規模疫苗接種，縣府為首批接種的85歲以上長者推出貼心服務，凡符合接種資格的長照、獨居、輪椅身障、重大傷病等長輩，都能使用復康巴士、小黃公車及長照專車免費接送，有需要的民眾可事先打電話預約。
縣府指出，第一階段施打對象包含年滿85歲以上長者優先，全縣計有1萬5664人，在評估部分長輩行動不便、獨居等情況出門不易問題，縣府團隊立即盤整縣內大眾運輸工具資源，整合復康巴士、小黃公車及長照專車，推出免費接送貼心服務。
縣府說，輪椅身障者可洽詢復康巴士，屏北區08-7386626、屏中區08-7887433、屏南區08-88922936轉403；長照對象，請撥打原長照專車電話預約或洽詢1966專線；獨居、重大傷病及非輪椅身障者，可預約小黃公車，電話08-7861818或0905518365。
至於9個原住民鄉由既有的幸福巴士服務，部落居民可洽各鄉公所預約；琉球鄉則由當地鄉營巴士服務，請洽08-8614040。另外，有4鄉鎮為避免擁擠，啟動原備妥的速打站，施打地點更新為潮州鎮潮州高中、內埔鄉內埔國小、東港鎮慈濟靜思堂、新園鄉新園國中。
縣府提醒民眾，如果家中長輩被通知施打時間，請記得帶身分證、健保卡雙證件，並請盡可能陪伴長輩前往施打，確保長輩健康與安全，現場都會做好防疫動線規畫，請大家安心。
而縣長潘孟安再次強調，請民眾不要心急，縣府依中央流行疫情指揮中心規畫類別，依序分流分批施打，屏東2.9萬劑疫苗已接續規畫開放第二階段80至84歲長輩，於18至20日開始施打，接種對象也都已造冊，請務必等候村里長、村里幹事通知，千萬不要自行前往，以免影響施打秩序。</t>
  </si>
  <si>
    <t>很難想像媽祖該不該照常遶境祈福能扯出這麼多口水，難道是繼還沒下戲的口罩之亂，接著上檔媽祖遶境戲碼？媽祖早已成仙，哪在乎是否遶境祈福，關心的應是人間不要因此而耽誤了防疫大事吧！
新冠肺炎的應對其實並不複雜，避免進出人多的場合而已。準此應對，並沒有針對活動性質的分別，就是減少接觸、避免因近距離互動而增加感染的機會，並未指涉宗教活動合宜與否，完全從現場局面來判斷。因此，防疫大員要扯上宗教活動，媽祖只能笑笑。本不該有針對性地指涉媽祖遶境，如今竟成防疫的熱門話題，只能嘆是無妄之災。
沒錯，新冠肺炎疫情延燒至今未見降溫，南韓因新天地教會活動一下增加數百個確診病例，香港則因北角宗教聚會也快速增加到近百的病例，還有南韓不確知的隱憂，韓航飛赴以色列朝聖的航班中1位機組員因而感染，其後這位機組員服勤飛赴美西，讓接觸者的數字急速往上攀升。
這樣追本溯源地追究病毒因近距離接觸而感染其實是科學的，很遺憾，台灣突然因媽祖遶境而掀起討論，但值得欣喜的是民眾對人多場合感染的風險有較高的認知，因而引發的討論也非常客觀，但政客介入後全然變調，不但涉及藍綠、大選勝負，甚至人潮聚集也以有色眼鏡看待。
可議的是中央疫情指揮中心本該清楚地定調該活動，卻未聞所以，反而是內政部長徐國勇涉入。徐部長有治安維護的責任，人多的場合確實因近距離接觸的各項風險都較高，未料到徐國勇選擇以宗教主管機關的角色介入，要求大型宗教活動應考慮延期備案，如此的認知徒然讓媽祖遶境的爭議及風險更加升高。
很難理解中央疫情指揮中心、內政部對這可預見的爭議是如此手忙腳亂。農曆大年初一國人廟裡上香、祈福，政治人物也排了拜廟行程，頂禮、賀年、發紅包，宮廟周圍擠得不可開交，怎不見宮廟主管機關徐國勇呼籲應有延期備案？之後走春、初六清水祖師廟賽豬公，接著鹽水蜂炮、炸寒單…，內政部也不講話，其後元宵燈節更是熱烈響應，每一項活動聚集的人群都不比媽祖遶境少，徐國勇早該講話。
媽祖遶境的人潮當然增加新冠肺炎擴散的風險，內政部、中央疫情中心早該有好整以暇的腹案應對，不該是時間近了，匆促上陣打口水戰。不客氣地說，即便因政治攻防上陣打口水戰，也該以防疫知識為基底。迄今最大號的超級傳播者是義大利第1號確診病例，他是馬拉松選手，10天內兩場馬拉松，深呼吸、深吐氣，病毒傳播能量無法估計。說大白話，病毒擴散與什麼性質的活動無太大關係，與病毒濃度、散播環境則大有關係。
該檢討的是民俗活動與防疫的關係，南韓教會活動讓新冠肺炎確診數飆升，教會無絲毫檢討，反與社會對嗆，這才是問題癥結。台灣防疫扯上媽祖遶境話題，廟方有其一貫說詞，政治人物也不敢正面對嗆，讓本可藉此釐清事理的活動繼續混沌，真是讓人遺憾。（作者為資深媒體人）</t>
  </si>
  <si>
    <t>台中市65歲以上，第一劑接種AZ疫苗的長輩，15日起開始施打第二劑，市長盧秀燕14日在市政會議中表示，里鄰長分送疫苗注射通知單到家，長者依照指定時間、地點接種，學校已開學，這次快打站2.0，地點不在學校，提醒長者別跑錯地方。
盧秀燕表示，明日起一連三天，台中市設置快打站2.0，為65歲以上第一劑接種AZ疫苗的長輩，接種第二劑疫苗。
第一劑施打莫德納等其他疫苗長輩，將等中央配發疫苗後，通知施打第二劑。
盧秀燕說，里鄰長分送注射通知單，請依照指定時間、地點前往注射，她也特別提醒，學校已經開學，快打站2.0接種地點未設學校，接種者別跑錯地方。
民政局長吳世瑋指出，這次共發送7.1萬份通知單，設置46處快打站2.0，地點在活動中心，寺廟廣場等地。</t>
  </si>
  <si>
    <t>台灣時隔253天後再度出現一例本土病例，外界也相當關心跨年等相關活動是否照常舉辦，而新北市觀光旅遊局今(22日)率先宣布，即日起，停止耶誕城內所有戶外集會型活動，並不再受理申請，避免疫情擴大。消息一出後，許多網友都大讚「反應快喔」、「難怪侯友宜民調高」。
中央流行疫情指揮中心今公布國內新增1例COVID-19本土病例(案771)，為案765友人(30多歲女性)，由於案765疫調時表示無法回想確切活動史，且並未提及曾與案771接觸，21日經警政單位調查案765活動軌跡，發現案765曾與案771密切往來5天，故列為接觸者，同日由衛生單位安排採檢，於今日確診。
消息曝光後，新北市觀旅局率先宣布，停止耶誕城內所有戶外集會型活動，目前在市民廣場的市集屬開放空間仍會繼續，另外晚間光雕秀也會持續，並視疫情與中央指令調整。
對此，不少網友紛紛在批踢踢留言表示，「侯市長這個扣殺又快又急，阿北還愣在原地」、「侯友宜真的厲害」、「幹的好」、「動作真的快」、「侯神得分」、「侯這個風向看的準準的，真強」、「侯友宜得分+1，反觀某時鐘」；不過，也有人認為「集會型活動取消而已，耶誕城還是在，而且演唱會都結束了」。</t>
  </si>
  <si>
    <t>新竹市政府14日宣布「施打莫德納就送200禮券」場次再加開2天，15日、16日上午8至11時、下午3時至晚間7時，包含第1、2、3劑都可施打、免預約，直接至中正市場疫苗施打站接種莫德納疫苗，打完現場就送200元全聯禮券。
市長林智堅表示，新竹市第1劑疫苗涵蓋率已達93.5％，是全國第1，劑次人口比為169.8％更是本島第1。因應國外疫情仍嚴峻，海外返鄉潮、耶誕跨年活動到來，竹市明後兩天莫德納疫苗專案持續在中正市場進行，不論第1、2、3劑，均免預約、到現場打完疫苗就送200元全聯禮券，呼籲大家持續踴躍接種、提升疫苗涵蓋率，守護自己與親友的健康。
衛生局指出，此次符合「打疫苗、領禮券」活動資格包括18歲以上尚未接種第1劑；第1劑施打莫德納疫苗已滿4周，可接種第2劑者；第1劑施打AZ疫苗已滿8周，可接種第2劑者；接種兩劑AZ或莫德納疫苗已滿5個月，可接種第3劑者。
符合的接種對象可致電疫苗專線（03-5355137）預約施打站接種莫德納疫苗，也可直接赴中正市場2樓施打。民眾只要接種完「莫德納疫苗」，即可在場簽收100元全聯禮券2張。
衛生局表示，根據COVID-19公費疫苗預約平台顯示，竹市仍有4900多人曾預約第1劑或第2劑疫苗，但不明原因爽約接種，疫苗簡訊提醒也未果，為完善疫苗防護網，透過打疫苗送禮券，也希望再提高接種疫苗意願、持續提升涵蓋率。市府也鼓勵竹縣、苗縣民眾前來施打，目前衛生局仍持續透過簡訊通知符合資格者，盡速預約。</t>
  </si>
  <si>
    <t xml:space="preserve">從大陸選秀節目《創造101》和《歌手2019》受關注的香港女歌手許靖韻，當年更以「容祖兒」師妹被看好，近日因工作前往大陸，得先住飯店自我隔離14天，沒想到卻遭其他房客投訴。
許靖韻在各大音樂節目嶄露好歌喉之後，工作機會因此變多，近期從香港到大陸工作，因疫情得先在飯店自我隔離14天：今（3）日一早她分享自己在房間內自彈自唱解悶的影片，唱著莫文蔚的〈呼吸有害〉，像是在開個人演唱會一樣唱得忘我。
許多粉絲看到偶像展歌喉都相當開心，但也有網友好奇問「房間隔音好嗎？」，認為在飯店彈琴大唱應該容易被投訴，許靖韻也無奈笑說，「前一天晚上才被投訴」，所以她晚上就不會彈琴唱歌了。
</t>
  </si>
  <si>
    <t>【1】美西南數州染疫飆升 前景堪憂
隨著美國各州重啟經濟活動，新冠肺炎疫情在多達20個州有升溫跡象，其中亞歷桑納州、佛州、加州19日新增確診病例創單日新高。美國南部和西部幾個州感染率飆升令人擔憂，尤其川普總統20日在奧克荷馬州舉辦室內造勢大會，恐變成「病毒傳播大會」。耶魯大學公共衛生專家直言，在疫情未有效控制的情況下，就急著重啟經濟，是不負責任的做法。
【2】中東告急 歐洲鬆綁 南亞憂惡化
巴西成為繼美國後，全球第二個確診病例破百萬的國家。儘管疫情嚴峻，迫於經濟壓力等因素，巴西許多地方已逐步放鬆隔離措施。一些較早放鬆隔離的城市新增病例數上升，專家對此非常擔憂。
【3】球員中鏢 職業賽事重啟打問號
美國職棒大聯盟（MLB）的球團老闆和球員工會還在為例行賽要打幾場吵得不可開交，殊不知新冠疫情若死灰復燃，北美職業運動能否復賽都是問號。尤其佛羅里達州最近案例激增，MLB的費城人隊甚至傳出8人確診，關閉位於佛州清水市的春訓基地。
【4】北京新增22例 最小僅1歲
北京19日新增確診新冠肺炎22例，年齡最小者僅1歲。自11日北京發生新發地市場疫情以來，9天內疫情確診達205例，17例跨省病例與北京有關。市疾控中心發出重要提醒，北京至少5家餐廳出現病例。
【5】管制逐漸解封 搭機仍屬高風險
各國政府為了活絡經濟，逐漸鬆綁新冠肺炎疫情管制，有些甚至解除邊境管制，但乘客搭機受感染的風險仍不可漠視。畢竟機艙是完全密閉空間，一旦與確診者搭同一班飛機，被感染的風險仍高，尤其是長程飛行。</t>
  </si>
  <si>
    <t xml:space="preserve">最近大陸提供製氧機給印度遭到抱怨趁機漲價後，近年來從官方到民間持續大小衝突不斷的中印關係又有新話題。據媒體報導，印度一家媒體在推特上發文呼籲調查新冠病毒起源，搭配了一張大陸國旗圖片，但將其中的大五角星替換為新冠病毒圖案，引起了大陸網民批評，指責印媒在大陸提供抗疫物資後竟還「公然辱華」，根本是「以怨報德」。還有人甚至認為，先前飽受批評的中共中央政法委官方微博發布「中印點火」對比圖，若與印媒的做法相比，簡直是「小巫見大巫」。
近期新冠病毒疫情在印度肆虐，雖然中國也提供不少醫療物資給印度，但並未因此改善雙方近年來嚴重惡化的關係。據《多維新聞》報導，印度媒體Swarajya在網站與官方推特@SwarajyaMag發文呼籲追查新冠病毒起源，配圖中使用中國國旗五星紅旗，但其中的大五角星被替換為新冠病毒圖片。此文隨機受到中國網民的批評指責。
Here's @alok_bhatt with a long read on tracing the origins of the coronavirus:https://t.co/1goN7BkkSZ
報導說，文章並未就病毒起源提供新的事證或理論，但大陸網民認為，變造圖片的用意是有意將病毒起源與大陸武漢聯結在一起。根據前往武漢調查的世界衛生組織專家組表示，許多早期病例與華南海鮮市場有關，只能證明該市場是病毒傳播點之一，但目前資料無法確定新冠病毒是如何傳入華南海鮮市場的。
對於印媒的做法，大陸網民稱，北京對新德里是「以德報怨」，而新德里卻對北京是「以怨報德」。如此看來，中共政法委官微「中國長安網」的中印點火對比圖是「小巫見大巫」，也有網民在@SwarajyaMag留下印度焚燒新冠確診死者遺體照，指稱圖片為「good picture」。
報導引述大陸外交部與媒體報導說，至5月中為止，已向印度出口呼吸機和製氧機26000餘台，監看器15000多臺，醫藥材以及藥品近3800噸。大陸官方與媒體也提到印度購買醫療器材時抱怨陸企隨意漲價，要求中國官方介入，但北京回應稱這是市場行為。
大陸駐印度的大使館與其他官方機構為運往印度的醫療物資舉行抵達印度的交接儀式，但其中也有些物資是其他國家捐贈後向大陸企業購入，但這些情況在印度媒體與網上並沒有較詳細訊息。若從大陸網民與推特的相關議論中可以發現，有極大部份網民認為這些製氧機及其他醫療器材是大陸捐贈給印度的援助物資，但其中的確有些屬於商業買賣，因此中方的回應才會稱這部份的物資漲價是屬於市場行為。
近幾年來中印邊境衝突不斷，前年以來兩國邊境衝突更加重了雙方日趨惡化的關係。多次邊境衝突不只造成傷亡，兩國媒體與民眾更無時無地在網上惡戰，印度加入美國發起的印太4國戰略對話後，雙方民眾對抗情勢更加激烈。
3月以來印度疫情大規模爆發，在露天空地為死者進行火葬的圖片在國際上流傳，中共中央政法委的官方微博將去年探測火星的火箭發射照與印度火葬場的照片做了對比圖，並以「中印點火」為標題。但這張「中印點火」對比圖隨即在網上遭到大量批評，指其在慶祝自身成就時藉機嘲弄別國災難，做法太過刻薄，有失大國風範。中共政法委隨即悄悄撤下照片，但未公開致歉。
根據印度衛生部5月19日公佈資料顯示，該國新冠肺炎確診病例總數為2千5百餘萬例，死亡總數近30萬人。單日新增病例已最高點超過40萬例下滑目前26萬例，新增死亡約4千餘人。
</t>
  </si>
  <si>
    <t>權威醫學期刊《刺胳針》（The Lancet）日前發布一項最新研究，新加坡專家發現，新冠病毒出現1個名為「Sars-CoV-2」的變種，最早出現在大陸武漢，再傳入新加坡及台灣，其感染症狀較典型的新冠肺炎輕微，研究變種病毒可能有助疫苗研發。
中央流行疫情指揮中心發言人莊人祥對此表示，這項研究偵測到個案到過新加坡和台灣，新加坡曾出現群聚，台灣應是沒有繼續傳出去，而研究也指出，3月後病毒就不見了，估計對全球和國人沒有影響，後續要再觀察。
新加坡傳染病中心（NCID）、新加坡免疫學網絡（Singapore Immunology Network）以及杜克－新加坡國立大學醫學院（Duke-NUS Medical School）研究團隊針對1月22日至3月21日在該國及其他國家出現的變種病毒進行分析。發現與原始病毒感染者相比，變種感染者的症狀普遍較輕。變種感染組29人中，無人出現缺氧現象或需機器輔助供氧，而原始病毒感染組的92人中，有26人出現缺氧現象。
本次研究對象計131人，其中10人同時感染上述2種病毒。研究發現，變種病毒的基因組缺失382個核苷酸（nucleotide），非結構性蛋白ORF8無法轉錄，因此和原始病毒相比，其複製能力雖未下降，但毒性卻大幅降低，感染後的臨床症狀也相對溫和。
另據3月份的初步研究報告亦指出，「Sars-CoV-2」在新加坡的8名患者身上出現，之後發生人傳人現象至少4周才受到控制。2月時，一名從武漢返台的旅客身上也發現此種病毒，但3月過後就沒有再檢測到這個變種。</t>
  </si>
  <si>
    <t>伊朗媒體援引國會副發言人米思理的聲明稱，目前有23名伊朗議員的新冠病毒檢測結果呈陽性，目前所有國會議員參與民間活動全部暫停。
根據中新網引述美聯社報導，伊朗最高領袖柯梅尼3日下令軍隊協助政府衛生部門防控新冠肺炎傳播，令該國整體進入備戰狀態。
柯梅尼說：「任何有助於公共衛生和預防疾病傳播的方法都是好的，而有助於傳播疾病的東西則是罪惡的。」
截至目前，伊朗累計確診新冠肺炎病例達2336例，死亡病例達77例。</t>
  </si>
  <si>
    <t>鑽石公主號郵輪爆發聚感染，當時與遊客接觸的基隆54名計程車司機被居家隔離，另有5名登船4天查驗船上旅客身分的基隆港國境大隊移民官也終於平安解禁，何姓移民官受訪直呼，大家在疫情爆發前一天就下船，「真是太幸運！」
「鑽石公主號」確診新冠肺炎突破500人，該船一月底停靠基隆後，隔天在沖繩就傳出香港遊客染疫首例，疾管署隨即將岸上54名巴士、計程車司機以及另外同船5名移民官依《傳染病防治法》進行居家隔離，幸無異狀傳出，皆已在14日平安出關。
解禁當天，基隆市府送上豬腳麵線給司機過過運，其實同船還有5名移民署移民官，自1月28日從越南下龍灣上船查驗乘客資料，至31日抵達基隆，有長達4天與郵輪旅客「第一線」接觸，1日香港80歲老翁確診罹患新冠肺炎，政府連忙展開追查可能接觸者。
何姓男移民官回憶，當時在船上就和一般遊客一樣，當時有看到幾名港澳籍長者在咳嗽，當時覺得老家人咳嗽很正常，並沒刻意去閃躲，後來從報導得知這艘郵輪有旅客確診，當場嚇出一身冷汗，隔天就接到通知要居家隔離，幸好都沒人被感染。
潘姓女移民官女指出，看到鑽石公主號郵輪在海上隔離，覺得船上的旅客很可憐，被困在被污染的環境，導致疫情越來越嚴重，相比之下，在家隔離算安全多了，隔離期間她看看書、督促小孩課業，想到就差一點可能就還在隔離中，讓她覺得很感恩。</t>
  </si>
  <si>
    <t>新北市猴硐貓村是國際知名的賞貓景點，新北市動保處配合防疫，減少群聚染疫風險，猴硐貓公所籌備處至5月28日暫不對外開放，場館封閉期間，為讓愛貓民眾能遠距關心貓咪，動保處提供智能賞貓影像，定期於官方IG更新貓村街貓動態，讓民眾居家防疫的同時也能共同觀賞貓咪。
「猴硐貓公所籌備處」以「瑞芳金」顏色彩繪外牆、大門也描繪上「大黑貓」，呈現貓村新美學，吸引不少遊客拍照打卡。動保員吳明芬表示，貓村目前列冊125隻貓，平時由當地居民與店家共同照顧，猴硐貓公所籌備處不對外開放，內部日常例行性照護貓咪工作持續進行，包含協助餵食街貓、施打晶片造冊管控健康狀況、救援受傷或疾病需要醫療的貓，且每日環境消毒。
動保處表示，國外報告指出犬貓可能被染疫人員汙染，尤其貓為新冠肺炎易感受性動物，動保處為保障貓村街貓健康，且配合防疫指引下，暫停開放場所並加強園區防疫措施，添購揹負式消毒機使用對動物無毒的廣效性消毒劑每日噴灑消毒，希望在防疫措施中也能兼顧貓隻健康。
動保處強調，在疫情嚴峻情況之下，新北市仍為動物友善目標努力，首創「寵物健康生活站」設置全自動超音波造霧寵物消毒機，來落實智能防疫；規畫寵物安置旅館讓確診者寵物能獲得暫時安置照護，守護毛寶貝健康。呼籲民眾，接觸犬貓前後須洗手、消毒、配戴口罩，且避免親膩行為，養成良好個人衛生習慣。</t>
  </si>
  <si>
    <t xml:space="preserve">對台灣民眾來說，疫情爆發後，搭捷運和公車等大眾運輸工具戴口罩，早已成日常生活一部分，但在英國顯然不是。
英國的英格蘭地區，直到今天才強制規定，搭乘地鐵，巴士，長途客運，火車，飛機，渡輪時，臉上都必須遮蔽，戴口罩，或以圍巾及大手帕遮蓋都可。儘管威爾斯，北愛爾蘭和蘇格蘭沒有類似規定，不過三地都建議民眾，搭乘大眾運輸最好戴上口罩。
這項規定不適用於身障，身體有特殊狀況，以及11歲以下學童。如果違反規定者，將被要求馬上戴上口罩，若仍不從，將遭拒載或者罰款100英鎊（約台幣3804元）。
今天一早，在多個倫敦地鐵站，都有志工發放口罩。當局派出超過3千名額外人力，包括警察進駐各車站，以確保所有乘客都遵守新規定。一位被派往地鐵站的倫敦交通局官員表示，大多數人到站時都已戴好口罩。
</t>
  </si>
  <si>
    <t>新冠肺炎疫情延燒，使民眾瘋搶口罩，政府因此祭出口罩實名制，每人每7天可購買2片口罩。全國公務人員協會榮譽理事長李來希昨貼出排隊購買的口罩，直呼口罩顏色、品質不一，並質疑口罩分裝的衛生問題。李稍早再度貼文表示，他是心疼國家的藥師被當成口罩的分裝人員，是專業人力資源的浪費，是對藥師尊嚴的戕害！他諷刺表示，人民要購買的口罩只能零散的處理，既不衛生又無效率，「有說錯嗎？偉大的民進黨政府啊」！
李來希昨在臉書貼出購買的口罩，並表示口罩顏色不一、品質也不一，他說國家有限的勞動生產力被浪費在排隊上，不管是老的還是少的，人力資源這樣子消耗，口罩這樣子分裝，要接觸多少人，衛生嗎？製程中不能就一併分裝好嗎？藥師們被當成了分裝工人，既浪費人力，侮辱藥師們的專業與尊嚴，又無效率。「這是什麼樣的爛決策，我就不相信沒有別的方式或方法，解決不了這個問題！」
然而，稍早李來希又發文指出，這兩天民進黨發動媒體與酸民說他醜化藥師分裝口罩不衛生，「錯了！我是心疼國家的藥師被當成了口罩的分裝人員，是專業人力資源的浪費，是對藥師尊嚴的戕害」。他說口罩的分裝像早晨吃的燒餅，難道就不能就源管理嗎？在口罩的製程中就可以完成的包裝，為什麼要交由下游的藥師處理，浪費人力資源莫此為甚，過去可以做得到，現在卻不行，為什麼？「連罷韓團體提供的口罩都可以做完整的包裝，人民要購買的口罩只能零散的處理，既不衛生又無效率，有說錯嗎？偉大的民進黨政府啊！請妳們告訴人民吧！」
對此，有網友表示「分裝的口罩實在不衛生」、「執政黨在創造工作機會？不想讓藥劑師太無聊吧？」、「無能的作為！連口罩包装也弄不好」、「說穿了就是這政府解決不了口罩產能不足的問題」。不過也有網友不以為然表示「你行你來呀」、「所以更好的方法是？別只會罵」、「講一堆屁話，結果也沒提出什麼東西」、「不爽不要領」。</t>
  </si>
  <si>
    <t>雲朗觀光與嘉義縣新港農會合作，自12月中起，雲朗旗下各飯店陸續在各館客房提供「黑娘媽」黑豆茶包，除了提振且推廣國產農產品，也讓房客免費體驗品嘗台灣黑豆茶的好味道。
雲朗觀光集團旗下擁有：君品酒店、雲品溫泉酒店、翰品酒店、兆品酒店、品文旅等五個品牌、十間飯店，幅員廣及九個縣市。此次嘉義新港農會為了讓所產優質的黑豆茶可走出嘉義、讓更多縣市的客群都能體驗，特別與雲朗觀光合作，一同推廣台灣優質農產品。
「黑娘媽」是新港農會於民國106年以新港知名的奉天宮主神媽祖林默娘為精神象徵，推出的自有品牌，並陸續開發黑豆茶、黑豆粉、黑豆漿、黑豆糙米香、黑豆蔭油等多元商品。農會總幹事林雅欣表示，該農會黑豆茶使用新港在地生產、非基因改造、通過產銷履歷驗證（TAP）的國產黑豆製作，品質安全有保障。
農糧署副署長姚志旺指出，農糧署南區分署長期輔導新港農會種植與推廣國產黑豆，新港農會黑豆產品品質佳且價格實惠，農會用心生產高品質的黑豆產品，光黑豆保存設備就投入上千萬，消費者得以安心享用。受新冠肺炎影響，國人只能走國旅行程，飯店也願善盡一份心力，協助推廣國產優質農產品。</t>
  </si>
  <si>
    <t xml:space="preserve">大聯盟本周末宣布取消2020年全明星賽！總裁曼佛雷德(Robert Manfred)感謝地主洛杉磯道奇的配合與理解。同時聯盟公布第一波新冠肺炎檢驗結果，3185位受測者有38人染病，其中31人為球員，擴及19支球隊。
首屆明星賽在1933年，初次取消明星賽是在1945年(二次世界大戰)，道奇則是40年沒辦明星賽(上次在1980年)。二次大戰並未波及美國本土，大聯盟仍然正常打完球季，但因國內旅行管制而停辦明星賽，也沒有選出明星球員。德國於該年5月戰敗，聯盟有意在德國舉辦勞軍比賽，被軍方婉拒。
明年的明星賽已經分配給了亞特蘭大勇士，道奇最快要2022年才能辦，今年也不需要票選球星了。大聯盟第一波檢驗的染病率很低，只有1.2%，遠低於職籃NBA的7.1%。例行賽預計於7月24日開打。
</t>
  </si>
  <si>
    <t xml:space="preserve">NBA名人堂球星魔術強生(Magic Johnson)本周重回CNN談論他29年前(1991年11月)震驚籃壇的感染HIV(愛滋病毒)新聞，「這跟新冠病毒不同，但是非裔美國人同樣都成為主要受害者。」
魔術強生說：「當我宣布感染HIV時，大家都以為那是白gay男的疾病，黑人以為自己不會有HIV和愛滋病。」多年後隨著防護意識提高，白人染病率大幅下降，2018年的新增HIV案例高達42%是黑人，而且黑人只佔美國總人口14%。
《美聯社》分析在黑人較多的地區，包括紐約、底特律、紐奧良、芝加哥、密爾瓦基，高達42%新冠死者是黑人。魔術強生說：「我們很多都沒有醫療保險，為此躺在醫院的大部分是我們，非裔美國人應該多加學習保持社交距離。」
其實黑人不完全是缺乏防護意識，《今日美國》報導，有美國黑人因為戴口罩而被當地警察趕出大賣場，這讓他們因此不敢戴口罩出門。媒體疾呼要鼓勵黑人多戴口罩而不是把他們當成搶匪。
魔術強生對缺乏檢驗和藥物表示憂心，「我當年及早驗出HIV所以撿回一命。」「現在(新冠肺炎)檢驗試劑不足，而且大家要開車到市郊去檢驗，為何不在市中心就近提供？醫療保險也太貴了，如果價格合理一些，非裔美國人也能變得更健康。」
</t>
  </si>
  <si>
    <t>行政院今（2）日舉行臨時院會，院長蘇貞昌親率14名相關部會閣員出席記者會，說明整體1兆500億紓困方案。不少民眾相當關心振興折扣券，經濟部長沈榮津表示，酷碰券（coupon）主要是希望能刺激消費，每人每月上限1000元。
經濟部規劃酷碰券將以行動支付為主，搭配敬老卡回饋，行動支付消費優惠25％，即打七五折，每人每月優惠上限1,000元，主要目的是銜接振興抵用券，計畫先執行三個月。
目前仍處疫情期間，行政院長蘇貞昌強調，目前先以降低業者營運負擔，並提供資金融通、補助員工薪資，振興折扣券、酷碰券的詳細辦法，要等疫情穩定後才會提出相關的鼓勵及補貼方案。</t>
  </si>
  <si>
    <t>全台今日開始實施第12期疫苗施打，不過指揮中心擬定AZ混打BNT疫苗的消息傳出後，開始有民眾詢問醫院取消施打疫苗。對此，新北市衛生局長陳潤秋表示，新北第12期第一階段有48.3萬開出，今早每個地方施打率都很高，像是AZ疫苗施打率就達到97％，因此沒有看到上述這些狀況。
陳潤秋說，在中央平台上，每個人可以選擇施打的疫苗、地點，尊重中央平台運作，只要在新北登記施打都會全力完成施打，市府會盡量把站點開出來，滿足登記數目。</t>
  </si>
  <si>
    <t xml:space="preserve">「寶瓶星號的朋友們大家好，我是衛生福利部部長，我們可以回家了。」
2月8日，衛生福利部長陳時中親自率領檢疫人員登上「寶瓶星號」郵輪，針對船上較高風險、可能感染2019年新型冠狀病毒（又稱武漢肺炎）的128名旅客採樣檢疫，檢驗結果出爐後，確認全數為陰性，船上1709名台籍旅客可以順利回家，也讓全國民眾放下心中一塊大石。
「向來衛福部長或衛生署署長，我們（醫界）一聽到就是罵的啦！這次疫情的事，（陳時中）忙到現在，連第一線醫療人員都會說『你辛苦了，趕快去休息』，這很難得，」前立委、醫師林靜儀表示。
從國人回台後檢疫隔離、口罩、延後開學，到接回武漢台商等一個個議題，陳時中一次次明快指揮、裁定。尤其2月4日，他在記者會提到有一位武漢包機返台的台商確診感染時，這位部屬口中的「撲克臉」部長，忍不住哽咽、數次拿起衛生紙拭淚，讓大眾見到他難得感性的一面，成為許多網友心中的「防疫英雄」。
除了防疫表現外，牙醫師出身的陳時中，在向來有「門戶之見」的醫界，能成為史上任期最久、至今已在任3年的衛福部長，更非易事。過去，此職位因掌管醫藥、健保、食安與社福等項目，與民生息息相關，動輒因調漲健保費、食安等議題而下台。
「陳部長上任前、還有上任後好一段時間，我真的接到滿多醫界大老的電話說：『他是牙醫師，為什麼可以擔任部長？』醫界真的會有這樣不公平的偏見，」林靜儀透露。
採訪過程，有人形容他「撲克臉」，但也有人說他「能放軟身段、接地氣」；有人說他果決、明快，但更多人形容他「不討好民意」。
究竟這位台灣首位牙醫師出身的衛福部長，有什麼樣的能耐，讓醫療、社福界都信服？
他的最經典一役：
率領牙醫界加入健保總額制
今年67歲的陳時中，父親是台大法律系民法教授陳棋炎。他過去受訪時自詡為「社會運動家」，並透露自己曾經不解，父親為何在台大任教期間數次拒絕入閣，錯過扭轉社會不平的局勢。
自台北醫學大學牙醫系畢業後，一心想改變社會的陳時中成為開業牙醫，並開始參與醫界公共事務。
在醫界，他最經典的一役，是擔任牙醫師公會全國聯合會理事長時，率領牙醫界加入健保「總額預算制」。
當時，健保還是論量計酬，醫師做多少、給付多少，但陳時中意識到健保很快會入不敷出，因此整合牙醫界，率先配合實施總額預算制，意即每年先畫出一塊固定預算給牙科，再用點數換算醫師可得的收入，量入為出。
「當時醫界大部分人都反對（總額制），因為大家不清楚、會怕，但他（陳時中）滿有遠見的，跳下去花很多時間說服牙醫界內部，」同樣是牙醫師出身，台灣私立醫療院所協會秘書長吳明彥表示。
事後看來，在健保財務越來越吃緊下，牙醫界因為最早與政府談判，先保住一塊大餅。
在政壇，「果決」則是多數人對陳時中的第一印象。
他果決、秉持專業：
做好隔離讓包機回台落實
「幾乎部長開的會議，都是有會議就有決策，就算沒辦法當場下決策，他也一定在時間內，例如明、後天就要求你把決策資料再評估出來，」曾與不只一位衛福部長合作過的醫事司司長石崇良形容。
明快決策背後，部分是靠著陳時中精準的數字能力。
一位衛福部不願具名的幕僚舉例，陳時中常面對醫院和長照機構要求提撥經費，部內主管報告有多少家機構、需要多少錢、因此需增補多少預算、費用變成多少百分比時，「他一聽就知道數字對不對，即使中間數字是不同領域的專業名詞代換進去，也都能掌握。」
但更重要的，是透過傾聽不同專業的意見，讓決策快速的同時，也兼顧品質。
「只要不同（利益）團體有聲音進來，他都很願意了解。」專長於社福的立委吳玉琴舉例，長照2.0上路後，身心障礙族群反映，其與老年人在照顧需求上有差異，不應一體適用。陳時中理解後，便拍板將部分老年人與身心障礙族群的補助分流。
例如，老年人入住住宿型機構，是針對個人，一年最高補助6萬元；但身心障礙者入住，則是針對全日型機構，每床每月補助6千元，以解決身心障礙長照機構過去被設下服務費用天花板，無法隨物價、時空調整收費，難以精進服務品質的困境。
「他的做事態度，從來不會敷衍或呼嚨，有些政務官都把事推給下面的人，但如果部長沒出來承擔或交代，下面的人有時能拖就拖，」吳玉琴觀察。
不過，決策明快只是戰術，政務官如果沒有清楚的戰略和中心思想，也難以服人。
我們訪問7位立委、衛福部幕僚和醫界人士，他們共同的觀察是：陳時中是個秉持專業，「不討好民意」的部長。
石崇良以這次包機接回武漢台商為例。初期許多人擔心接回後，台灣醫療量能能否承受？風險能否控管？「很多人說台商不要回來最好，假如只是安民心，大可用社會反彈最小的來做（指不接回台商）。」
但陳時中經過評估，認為只要做好檢疫隔離，便能將衝擊降到最低，仍應接回台商。
「（部長認為）專業最重要，再來才是透過溝通，讓大家安心。」石崇良表示，接回的台商除了在機場檢疫，入住隔離處所後也一律在24小時內再次排檢，確認無防疫破口，就是要消除一般民眾的不安。
「有些人（武漢專機回台台商）排檢完說，我是陰性，你幹嘛還關我（指隔離於處所）14天？ 我們就跟他們說，這是為了讓社會大眾安心，」石崇良透露。
其他包括不怕得罪醫院經營者，堅持讓住院醫師納入《勞基法》，照顧年輕醫師權益；不怕大醫院因利益減損而反彈，推動醫療分級轉診制度，讓醫療體系健康；不怕被法界與民權團體非議，推動醫療刑責合理化，凝聚醫界士氣等，都是陳時中力推的政策。
「其實無限制的滿足大眾，在政治上是最容易的，民眾要什麼就給，也是政治上最不得罪人的，但他（陳時中）願意秉持專業，做他應盡的責任，」林靜儀觀察。
不過，陳時中並非不懂人情，否則一個政務官若只有鐵腕，遲早因處處樹敵而四面楚歌，難以成事。
健保署長李伯璋透露，陳時中在一個政策影響某方利益的同時，會盡力做出配套彌補。
例如，近年健保推動藥價改革，藥師配合改革方案同時，會減損藥局收入，因此衛福部便增加藥事服務費，「不會讓人家白做工。」
李伯璋再舉一個例子，推動醫療分級轉診制度，會讓大醫院因少看小病、輕症而減少收入，「他（陳時中）會說，我們是不是有些錢去給大醫院做急、重、罕見病症的照顧，給更多資源。」
「有些人嘴巴講說要有配套措施，你問他要有什麼配套？他只講『就是要有配套』，但部長不會講這種鬼話，他會很明確告訴你要怎麼做，」李伯璋直言。
同時，陳時中的溝通更是硬中帶軟，沒有身段。
他鐵漢中帶柔情：
WHA被打壓仍高歌謝僑胞
林靜儀舉例，她和陳時中兩度參與「世界衛生大會」（WHA），會議上得面對許多國家打壓，甚至是惡意；但會議結束後，陳時中會拋下情緒，在晚餐時主動唱歌炒熱場面，表達對台灣僑界的謝意，「他會唱《母親的名叫台灣》這類歌，陪大家喝點酒，感謝全球有醫療背景的台灣人對台灣的支持。」
固然，重大疫情的時勢讓大眾看見了陳時中，但如果是沒有能力的人，往往只會被時勢的浪潮淹沒，而無法在大眾檢視下站穩浪尖。
在這個疫病持續蔓延的非常時刻，期許這位「不討好民意」的部長，能繼續堅持以專業凌駕政治、民粹，帶領防疫體系走過危難。
【延伸閱讀】
</t>
  </si>
  <si>
    <t>世界衛生組織（WHO）日前將武漢肺炎正名為新冠肺炎，所謂的武漢病毒也改稱為新型冠狀病毒，今(12日)黃安發文，認為此舉十分有智慧，認為若不改名，世界上所有人聽到武漢就想到病毒，太虧了。
黃安說，日前WHO將武漢肺炎正名，主因是為了避免病毒和某一地區或動物等產生關連，間接對此汙名化，他認為這樣的決定很好，也算還武漢一個公道，先前他到杜拜度假，遇到一個會說中午的紀念品店小販，沒想到對方開口第一句話就問：「你是武漢來的？」
黃安表示，當時他知道小販是開玩笑，但他心裡就認為這個名稱未來勢必該改，笑說：「武漢後面接辣鴨脖比較合適」，又指唯一覺得不用改的暱稱應該是「香港腳」。大陸網友回應：「只有香港和台灣叫武漢肺炎」、「武漢全世界出名了，未必是壞事」、「香港腳我小時候都知道叫了」。</t>
  </si>
  <si>
    <t>中央流行疫情指揮中心今(8)日表示，考量國內檢驗量能，及民眾因緊急情況、工作等因素，已於5月29日放寬自費檢驗適用對象，有檢驗需求者可至指定院所進行自費檢驗，以取得相關檢驗證明文件。另基於人道考量，並依國內疫情現況及風險評估，今日宣布放寬居家隔離/檢疫者，因親屬身故或重病等社會緊急需求，需外出奔喪或探視之次數及時間，相關流程及規定如下：
1.居家隔離/檢疫第5天(含)以後且無症狀者向地方衛生單位提出申請。
2.經審查符合資格，且取得醫院同意探病後，由地方衛生單位安排至指定醫療院所自費採檢。
3.取得檢驗陰性報告3天內，經醫院同意後由地方衛生單位安排外出，無論探病、奔喪或辦理喪事均以每天1次、每次2小時為原則(不含車程)。
4.外出時需全程佩戴口罩並保持安全社交距離，不得搭乘大眾運輸工具，並確實執行洗手等個人良好衛生習慣。
此外，指揮中心指出，考量醫院或奔喪地點為人群聚集且具傳播風險，為加強外出時之防護措施，申請人需配合填寫防疫檢核表，以提升個人防護措施，確保大眾安全。相關申請規定公布於疾病管制署全球資訊網/嚴重特殊傳染性肺炎&gt;醫療照護機構感染管制相關指引項下提供民眾參考運用</t>
  </si>
  <si>
    <t>美國新冠狀病毒感染病例數持續以驚人速度飆升，美股繼上周大漲後，周日夜盤美股期貨走跌。
目前，道瓊指數期貨下跌266點或1.24%，標普500指數期貨跌1.4%，那斯達克指數期貨跌1.29%。
此外，因新冠肺炎全球大流行疫情惡化，以及沙烏地阿拉伯與俄羅斯之間的價格戰未見緩和，原油期貨延續上周的疲弱走勢，周日電子交易開盤重挫，於美東時間下午6時13分，布蘭特期油下挫7.1%，報每桶23.15美元。美國期油跌5.6%，報每桶20.34美元。
周一日股開低走低，目前日經225指數下挫3.34%，為18,742.66點。東證一部指數跌3.47%，為1408.80點。南韓KOSPI指數目前跌2.72%。
根據約翰·霍普金斯大學（Johns Hopkins University）彙整的數據，全球新冠狀病毒感染病例數已經超過71萬3,000人，美國感染人數在上周超越義大利與中國，現在確診數超過13萬6,000人，其中近一半的患者來自紐約州，超過5萬9,000人遭到感染。
美國過敏與傳染病研究院主任佛奇（Dr.Anthony Fauci）周日接受CNN訪問時表示，美國新冠肺炎感染病例可能達到數百萬人，恐將造成10萬～20萬人死亡。</t>
  </si>
  <si>
    <t>雙北進入第三級警戒，台北市萬華區爆發新冠肺炎疫情，北市府也宣布，鄰近萬華的老松國小、龍山國小、雙園國小及螢橋國小等4校，也自今起至23日止停課一周，而昨晚台北市萬華區「光仁小學暨附設幼兒園」昨晚深夜也在官網上緊急宣布，幼兒園外聘的美術老師確診，小學及幼兒園今起停課2周。
據了解，該名美術老師是在快篩後收到通知確診，並在昨晚8點緊急通知校方，校方為了謹慎處理，宣布全校停班、停課2周，不過授課期間，該名美術老師並無任何的症狀，是做了快篩後才得知確診。
北市光仁國小校長何碧蓮指出，雖然中央規定1名師生確診不用停班停課，但老師都會跨班級上課，加上昨統計有5分之2的家長決定讓學生請假，因此，才做出停班停課的決定。
何碧蓮表示，平時校園內都會定期做消毒，昨接獲老師緊急通知後，今天早上7點學校也做了全面大消毒，學校的行政人員也都遵守防疫規則，落實量體溫、戴口罩。
何碧蓮指出，停課期間，學校將採視訊方式上課，而學校也有家長的緊急聯繫群組，因此，通知停課非常快速，不過許多家長在周末時也都希望學校可以停課，緊急通知後，家長也都相當贊成停課的決定。</t>
  </si>
  <si>
    <t>台灣職業女網一姊謝淑薇帶著近兩周於WTA巡迴賽杜拜站、杜哈站女雙奪冠的氣勢，加入今年聯邦盃亞大區一級賽事中華女網隊，因為新冠肺炎疫情人心惶惶，謝淑薇也「高規格」自我健康管理，透露都戴N-95口罩，也避免全隊聚餐。
謝淑薇和捷克好手史崔可娃（Barbora Strycova）聯手在連兩站中東地區賽事拿下WTA女雙冠軍，謝淑薇在臉書粉專用「中東雙打女王組」形容自己和搭擋，結束杜哈賽事後，也趕赴杜拜跟中華女網隊會合，備戰杜拜時間3月3日到7日進行的2020聯邦盃亞洲/大洋洲區第一級賽事。
因為擔心新冠肺炎疫情，謝淑薇直到深夜人少時才現身球場練習，休息空擋本次中華女網隊教練翁宜寧把體育署提供給選手的一包外科口罩請謝淑薇簽收，寶島一姊說：「我都戴N-95口罩，上次在澳洲找了好久才找到2個。」翁宜寧回她，戴N-95會呼吸困難，謝淑薇立刻答道：「無所謂，反正我比賽也常常打到吸不到空氣。」
謝淑薇近來對於人多之處都戒慎恐懼，也告知教練翁宜寧，比賽期間每天晚上全隊的聚餐，她大概都不會出席，請大家見諒，謝淑薇解釋：「之後還有許多比賽，不能不特別小心。」
翁宜寧也告訴謝淑薇本屆賽事中華隊的對手，一姊發現沒有日本和哈薩克兩支強敵，隨口說了：「可以喔！」至於「可以喔！」代表什麼意思？翁宜寧推敲說，應該是指「可以」打進前兩名吧！「我也不知道，就讓大家去猜吧。」</t>
  </si>
  <si>
    <t>新冠肺炎在全球爆發大流行，美股僅花21天就從歷史新高下跌超過20％進入熊市，全球經濟活動暫緩，市場何時才會觸底？野村投信表示，短期市場將持續波動，亦不排除再往下探底，但在各國央行及政府支持下，可將金融體系的系統性風險降至最低，待疫情受到控制後，經濟與市場將逐步回歸正軌，第二季可分批逢低買進做長線布局。股市以美、陸、台為核心，產業面看好科技及消費，債市首選美國投資級債、短債以及金融債。
野村投信投資長周文森（Vincent Bourdarie）表示，2020年美國GDP增長率至少被影響40個基本點，歐洲極有可能步入衰退，亞洲國家則會受到全球需求與消費減少的衝擊，所幸各國央行積極實施寬鬆貨幣及財政政策，大量挹注流動性支撐金融市場，不過短期內市場仍籠罩在恐慌情緒中，待各國復工以及市場情緒回穩，刺激政策的效果才會顯現。
股市方面，野村投信海外投資部主管呂丹嵐表示，由於歐美國家沒有經歷過SARS，因此在處理疫情時較為輕忽，當市場意識到嚴重性時，恐慌情緒隨即席捲而來，金融市場以史無前例的速度跌入熊市；若以目前市場預估2020年美國標普500指數EPS最糟的狀況－衰退5～10％來看，EPS還有5～10％下跌空間，但指數位置則要看投資人願意給予的評價水準而定，若信用市場沒有系統性風險，目前基本面已接近最壞情境的水準，美、歐與新興市場的本益比已處於偏低水準，以美股而言，目前本益比約為16～17倍，積極型投資者可以開始分批逢低進場，風險敏感的投資人則宜等待市場明朗化再布局。
債市方面，野村投信固定收益部主管謝芝朕表示，未來一～二個月，債市趨穩必須滿足三個要件，首先是投資人對債市要從1月份的過度加碼轉為中立，甚至減碼；再者，債券市場的價格需要反應接近衰退的情況；最後也最重要的一點，是美國及歐洲的每日新增確診人數觸頂且放緩。從資金流向來看，目前投資級債和高收益債的賣壓應已告一段落，新興市場債券2019全年淨流入671億美元，2020年初迄今則流出286億美元（截至4月3日），新興市場先前加碼的龐大部位已經部分出清完成，因此預估這波新興債的拋售即將減緩。</t>
  </si>
  <si>
    <t xml:space="preserve">新冠肺炎疫情持續升溫，中央流行疫情指揮中心18日宣布，19日零時起美國、加拿到、澳洲及紐西蘭4國旅遊疫情建議提升至「第三級」，自第三級國家及地區入境者必須進行14天居家檢疫。出身美國德州的袁詠琳（Cindy）表示，原本住在德州的媽媽4月要搬回台灣，現在因疫情關係計畫得調整，不過更讓她憂心的是，疫情爆發後當地民眾瘋搶物資，加上媽媽一人待在美國，她表示「希望大家節省使用，留給最需要的人」。
長期和母親分隔兩地，袁詠琳說，早在一月份左右注意到疫情，就開始透過網路平台幫媽媽準備食物及濾水器等物資，她憂心地說「我一直都很擔心她一個人住，也擔心如果遇上因為疫情而發生的緊急狀態，像是類似隔離等，所以先幫媽媽先準備一些物資，也比較不怕沒有人可以照顧她」。
袁詠琳說，在美國擔任會計師的母親，正好在今年2月底正式退休，現階段都在美國生活，也有養一隻愛犬陪伴左右，自己則是每天透過簡訊、視訊電話跟媽媽保持聯繫，也會在通話中安撫媽媽不安情緒，也會跟在歐美的朋友聯繫，互相關心及祈禱一切平安健康。近期受到疫情影響不少工作延期，她表示目前最大的共識「齊聚一心一起面對這次的疫情，這才是現階段最重要的事」。
新冠肺炎疫情蔓延全球，韓國截至18日全國新冠肺炎確診人數達8413例，身為韓國第三代華僑的孫盛希，相當擔心在韓國的家人，除了通電話報平安外，家人也格外小心，因為集體感染擴散很嚴重，在韓國擔任中醫師的父親仍然有在看診，平時也有戴好口罩以及消毒，雖然生活並未受到太大影響，但坦言診所患者有減少。
</t>
  </si>
  <si>
    <t xml:space="preserve">
自從今年年初疫情爆發後，新冠肺炎肆虐全球，目前為止確診人數已經突破2300萬人，死亡人數也突破80萬人。
根據《法新社》報導指出，目前新冠肺炎在全球已經造成2300萬3079人感染，其中有80萬人因此染病身亡。而拉丁美洲、加勒比海是受到疫情衝擊最嚴重的地區，其中有25萬4897人因染病去世。
因為新冠肺炎而死亡的人數中，大多來四個國家，分別是美國17萬5416人、巴西11萬3358人、墨西哥5萬9610人、印度5萬5794人。光這四個國家的總合就高達40萬4178人，佔據全球死亡人數的一半。
更多 CTWANT 報導
</t>
  </si>
  <si>
    <t xml:space="preserve">台灣新冠肺炎疫情仍嚴峻，每天都有人確診病逝。臺大醫院昨日收治一名到院前死亡的患者，檢驗屍體後，確定感染新冠肺炎。據了解，該名患者為三重某診所的醫師，7天前曾接種AZ疫苗，研判因隱形缺氧導致死亡。
該名死者為66歲三重某診所基層醫師，到院前就已死亡，對此，稍早指揮中心記者會上，有媒體問及該個案是否為首位醫事人員染新冠病逝，中央流行疫情指揮中心發言人莊人祥則回應，該案例狀況要再深入了解，死亡7天前曾接種AZ疫苗，會再了解其狀況，若屬實，恐是第一位醫事人員死於新冠肺炎。
</t>
  </si>
  <si>
    <t>雲林縣今（23日）再增2例新冠肺炎確診案，住西螺的23歲男性（案4019）、東勢鄉86歲老婦（案4222），全縣達6例，都是家屬互相傳染。案4019年輕人，其父是昨日確診的西螺45歲男、有萬華旅遊史男性；案4222老母是被新北三重的兒子傳染。
雲林縣長張麗善表示，昨日確診的「案3868」（西螺45歲男性、到萬華唱歌），是今日確診「案4019」的父親，4019的CT值24.14，匡列19名親朋居家隔離，棘手的是友人多在西螺果菜市場工作，接觸期間大多沒有防疫。
案4019近日的足跡，14日到朋友家；15日到朋友家及虎尾麥當勞新興店；16日凌晨在西螺福陽堂打麻將、早安山丘西螺中山店用餐、西螺市區；17日、18日未外出，19日、20日到醫院，21日衛生局送去就醫。
案4222是86歲老母親，其兒子是計程車司機「案3739」，在18日從三重區返回東勢，22日兒子確診，她也在23日確診，CT值是28.6，足跡包括19日、20日、21日到東勢鄉鎮玄宮、晉安府；22日曾在東勢鄉安南村的早餐店吃1小時。
西螺鎮埔心父子檔3868、4019有萬華接觸史雙雙染疫，父子交遊廣闊，且潛伏期長達12天，接觸人群無法估計，雲林縣衛生局明天（24日）將在早上9點至下午3點在安定國小對面的大牛埔公園辦理熱點快篩。
張麗善表示，雲林縣目前確診6例的傳染者都是最親愛的家屬，包括元長鄉66歲重大傷病弟弟被北市的姐姐傳染；林內鄉兄弟檔染疫，有萬華接觸史的哥哥傳給精神障礙的弟弟；西螺鎮父子檔染疫；東勢鄉老媽媽被三重兒子傳染；新北市人但返回崙背鄉的父親，被兒子傳染，她呼籲旅外鄉親暫時不要返鄉。
雲林縣轄內餐飲業、便利商店、超級市場、量販店、連鎖加盟店、市場、商圈或其它相類似提供現場餐飲之場所，也從23日起至28日全面停止營業場所店內飲食。</t>
  </si>
  <si>
    <t>日本迄周日下午止確診達773人，死亡4例。其中東京都確診達29人。
位於東京的國際著名的吉卜力美術館，就以新型肺炎疫情爆發為由，宣布從周二開始封館直到3月17日止，已購買2月和3月入場券民眾將獲得退費。
這次封館主要是配合東京都政府，要取消或延後未來3周大型活動來防止疫情蔓延。</t>
  </si>
  <si>
    <t>新冠肺炎再度出現本土個案，是確診的外籍機師在台外出時的接觸者。對於疫情升高，蔡英文總統及行政院長蘇貞昌連日來密切關切並指示各部會積極提出因應作為。交通部長林佳龍近日來與相關單位會商後，今（22）日於交通部召集所屬單位召開防疫應變會議，會中指示：
一、交通部民航局全力配合並協助中央流行疫情指揮中心，對未依防疫規定落實居家檢疫及自主健康管理之航空業從業人員，由主管機關依傳染病防治法規定予以裁罰。
二、交通部民航局應確實要求航空公司，嚴加落實經指揮中心核定的「國籍航空公司實施機組人員健康管控強化措施作業原則」。若有監管漏洞，將追究責任，除依傳染病防治法裁罰，情節嚴重者，將不排除對未落實防疫規定之業者的提出限縮航班等行政處分。
三、鑑於國際疫情擴大，交通部各所屬單位，要求大眾交通運輸落實指揮中心公布之秋冬專案。除戴口罩、量體溫，亦請相關單位協調各場站提供消毒用酒精等裝置，並全力提高場站櫃台、座位、廁所及車廂內之清潔頻率。
四、由交通部及所屬單位舉辦之大型活動（包括元旦迎曙光、台灣燈會），主辦機關應協調相關合辦、承辦與協辦單位，依照中央流行疫情指揮中心的專業指引，及早研議包括總量管制在內之各項防疫措施。
五、交通部觀光局應加強要求旅行社，對冬季團遊補助、春節疏運孝親專案、以及一般出團，在交通、食宿、集體行程等遊程中，落實防疫旅遊之相關規定。
林佳龍責成政務次長王國材23日召集會議，確認各單位防疫整備及落實情形。</t>
  </si>
  <si>
    <t>新光三越台北南西店周年慶今正式開跑，上午9點就聚集排隊人潮，11點正式營業湧入數千名民眾；新光三越表示，南西店週年慶開打，首次遇上中秋連假首日，民眾扶老攜幼、不用擔心是上班時間要遮遮掩掩，預估單日人潮破10萬人，將刷新往年紀錄，首日業績挑戰5億元。
早上10點員工已到櫃位準備迎接客人，新光三越董事長村上英及新光三越百貨副董事長兼總經理吳昕陽也來各個櫃位前，為週年慶開跑加油打氣，並在接近11點時走向2樓，觀看首日人潮進出的狀況。
今年上半年新冠肺炎疫情爆發，吳昕陽坦言，今年確實比較辛苦，但數位提早布局、熟客系統上線、加上強壯的團隊，週年慶落在第4季，正是業績的收割期，預測全台新光三越第4季能達到300億元的目標，吳昕陽，現在期望與去年相當、達800億元，若達到這目標就「Very Wonderful」(太完美)。
新光三越台北南西店週年慶長達18天，預計業績與去年同期成長1％、可達21億元；吳昕陽表示，團隊拉長準備時間、做足週年慶商品、數位等工作，雖然團隊工作壓力大，但透過執行力，相信業績結果會令人滿意，新光三越一定會成長。
吳昕陽分析，疫情爆發後，反而加速數位布局，長達半年的數位練兵，新光三越給予補助，有專業團隊教導前線的銷售人員如何運用燈光、提升拍照技巧，並傳授數位文字的書寫方法。
吳昕陽表示，新光三越3年前積極改裝，今年改裝比較少，資源可以大力放到數位平台上，現在數位上架商品，1天超過逾1萬件商品；吳昕陽認為，實體百貨週年慶未來將與數位週年慶「相輔相成」，可因應個人需求作對應，週年慶不一定要擠進百貨公司，宅在家也可以上網逛百貨週年慶、點選購買，增加客人多樣化的選擇。</t>
  </si>
  <si>
    <t>台灣新冠肺炎疫情嚴峻，醫護人員工作量遽增，撥打電話叫救護車也會比平常來得晚。日前，台南一名男子表示，女兒因發高燒，只好趕緊到附近的診所看診，沒想到才剛到到診所，女兒突然熱痙攣，並陷入昏迷，診所醫師見情況不對，趕緊脫下身上的防護衣，載他們到成功大學醫學院附設醫院急診，令男子感動不已，呼籲疫情期間，不要抱怨任何醫護。
一名男子（29）日在臉書指出，28日晚間女兒出現發燒症狀，便帶她去加附近的「紀冠廷診所」看診，孰料才剛到診所女兒卻突然熱痙攣，身體開始抽搐、嘴唇發紫，隨即陷入昏迷狀態，令在場的所有人都嚇了一跳，醫護人員趕緊撥打救護車。
因疫情的緣故，救護車要半小時後才能前來，紀醫師見情況緊急，顧不得現場還有看診的民眾，趕緊脫下身上的防護衣，開車載他們前往成大醫院掛急診，目前已恢復意識，等待後續檢查。
據《聯合新聞網》報導，紀冠廷醫師表示，當時這對父女是騎乘機車，孩子已陷入昏迷，考量已不適合騎機車到醫院急診，情況又相當危急，沒想太多就趕緊脫下防護衣，開車載他們到急診室。爸爸感動地說，「這恩惠，我永生難忘」，雖然在紀冠廷診所看診常常要等很久，但他是值得等待的好醫生，並呼籲大家不要抱怨任何醫護，感謝站在第一線的醫護。
★《中時新聞網》提醒您：因應新冠肺炎疫情，疾管署持續加強疫情監測與邊境管制措施， 如有疑似症狀，請撥打：1922專線，或 0800-001922， 並依指示配戴口罩儘速就醫，同時主動告知醫師旅遊史及接觸史，以利及時診斷及通報。</t>
  </si>
  <si>
    <t>「路透社」報導，丹麥20日又通報2起接種阿斯特捷利康公司（AstraZeneca）疫苗後，出現血栓症狀的案例，且其中1人不幸死亡。目前全球有多國已暫停接種AZ疫苗。
根據報導，丹麥首都哥本哈根公立醫院主管當局表示，本次通報的2例皆為醫院員工，兩人皆在接種AZ疫苗後的14天內出現血栓症狀，其中1人已不幸死亡，另1人則狀況嚴重，還出現腦出血的症狀。
丹麥藥品管理局（Danish Medicines Agency）則確認已接獲2起「嚴重通報」，但並未提供更多細節。該局的藥物安全性代理主任伊瑞克森（Tanja Erichsen）20日在推特上表示，目前正處理兩件具體案例，會徹底檢視相關案例，以確定此類嚴重副作用是否與疫苗有關。
由於國內出現接種後發生血栓症狀的案例，丹麥本月11日暫停施打AZ疫苗，成為全球十多個全面或部分暫停施打AZ疫苗的國家之一。歐洲藥品管理局（European Medicines Agency）執行主任庫克（Emer Cooke）18日承認，目前仍無法排除AZ疫苗造成血栓症狀的可能性，但仍重申施打AZ疫苗「利大於弊」。不過丹麥、瑞典與挪威等三國表示，其仍需要更多時間來評估是否繼續施打該疫苗。
阿斯特捷利康公司拒絕評論丹麥通報新案例一事，僅重申該公司首席醫療官泰勒（Ann Taylor）18日發表的聲明，其強調疫苗安全是「最重要的」，感謝歐洲藥品管理局承認AZ疫苗對抑制新冠肺炎（COVID-19）疫情的貢獻，並相信在經過仔細評估後，AZ疫苗將在全歐洲範圍繼續施打。</t>
  </si>
  <si>
    <t>為管控新冠肺炎疫情傳播，防疫中心限制陸配子女入台政策24小時內4次髮夾彎。兩岸婚姻協調促進會會長鍾錦明表示，政府將兩岸人民關係規定得很細，很多事情不能一刀切下去，否則只會怨聲載道。台灣學者龐建國呼籲，蔡政府不要拿肺炎作為「抗中保台」的工具，否則兩岸關係將難以修復。
新冠肺炎疫情延燒，陸配子女是否能夠隨父母返台？陸委會主委陳明通11日舉例「小明的故事」不僅讓外界聽得霧煞煞，12日更遭疫情指揮中心指揮官陳時中打臉，撤回所有對陸配子女的管制措施，「不具我國國籍的陸配子女，仍滯留在中港澳者，不同意入境。」據了解，這些人的人數約在一千人左右。
娶了大陸妻子的鍾錦明表示，早在1月26日，中央流行疫情指揮中心發布管制大陸人士暫緩交流、陸生暫緩來台、陸配回台限制住居須自主健康管理14天的政策後，他就分別向陸委會及移民署反應，指出這樣全面管制會有問題，兩岸人民關係很細，很多事情不能一刀切下去，否則會遭到抗議。
「有不少台商是在大陸經商做生意、結婚、生子再舉家遷回台灣定居的」，鍾錦明舉例，「雖然小孩在台灣受教育，但沒有台灣的戶籍，而是申請專案長期居留或居留探親在台生活，小孩這次若跟媽媽回大陸過年，就會發生媽媽可以回台、小孩不能回台的情形。」
中國文化大學國家發展與中國大陸研究所教授龐建國感慨，疫情的防治工作原本可以成為兩岸互相釋放善意的契機，卻演變成了突顯矛盾、升高敵意的破口。回顧疫情發生之後的兩岸互動，「我們不得不說，蔡政府想要藉疫情防治進行政治操作，缺乏必要的同理心，是事情越弄越擰的主因。」
龐建國呼籲對岸，「非常情況，特殊處理」不妨考慮仿照前例，邀請台灣以觀察員身分參加今年的世界衛生組織大會（WHA），展現防疫高於政治的情懷和氣度；另外一方面則奉勸蔡政府，「以疫情防治需求為名，搞妖魔化大陸形象和突顯主權意涵的動作，只會招來對岸更嚴峻的對待，讓兩岸關係雪上加霜。」</t>
  </si>
  <si>
    <t xml:space="preserve">台灣疫情升溫，今（12日）一口氣新增16例本土確診案例，包括台北、新北、宜蘭、基隆4縣市都出現染疫者，面對疫情本土疫情爆發，女神徐若瑄就在臉書感嘆：「為了我們愛的人，好好的活著是目前最重要的事」，同時，美魔女何如芸也寫下：「口罩戴起來，不要怕！台灣加油！」
本土疫情爆發，昨新增7例本土案例後，今天則一口氣新增16例本土確診案例，社會氣氛明顯緊張，對此，美魔女何如芸稍早則在臉書喊話：「口罩戴起來，不要怕！台灣加油！」發文引發網一片熱議：「台灣加油 大家一起配合政府防疫政策」、「一起配合防疫 團結起來...加油」、「大家都要把防疫做好做滿」。
口罩戴起來，
不要怕！
台灣加油！
女神徐若瑄今年春節在新加坡過年後，3月初回台工作、拍新片，徐若瑄近期結束台灣工作並在日前飛回新加坡，她當時曬出與兒子合照，引來網質疑「不用隔離嗎？」徐若瑄也親自回應：「從台灣來的不用喔！」短短8字就道出台灣在防疫獲得國際的認可。
早安，疫情擴散了，很多演唱會&amp;活動也都被迫取消或延期，電影院也開始梅花座了，可以感受到大家的失望，也是無可奈何⋯ But 安全第一☝🏻 為了我們愛的人，好好的活著是目前最重要的事，V哥沒在大家身邊，請好好照顧自己。戴好口罩、勤洗手、酒精不離身、少去公共場合、多運動、還要吃的飽睡的好，才有抵抗力💪 我們一起努力渡過這個難關！天佑台灣、天佑新加坡、天佑全世界🙏🏻
隨著本土病例爆發，徐若瑄今早則沈重發文：「早安，疫情擴散了，很多演唱會&amp;活動也都被迫取消或延期，電影院也開始梅花座了，可以感受到大家的失望，也是無可奈何...」，徐若瑄認為安全第一「為了我們愛的人，好好的活著是目前最重要的事，V哥沒在大家身邊，請好好照顧自己」，並呼籲戴好口罩、勤洗手、酒精不離身、少去公共場合、多運動「還要吃的（得）飽睡的（得）好，才有抵抗力」。
</t>
  </si>
  <si>
    <t>國內本土病例數近日逐步下降，外界關注是否要進入「社區清零階段」？衛福部長陳時中1日認為，現在要先控制疫情，雖看到病例數「緩步下降」，但台灣沒有樂觀本錢，未來14天「緊縮過日子」才能有好的防疫成果，完整執行公衛手段，「病例越少，疫情的可控性就越好」。因此這兩天正考慮未來不再公布校正回歸，相對對整體疫情意義比較小。
另外大陸傳出發生H10N3禽流感傳人的案例，中央流行疫情指揮中心發言人莊人祥回應，大陸官方今天中午向台灣通報，指出江蘇有個H10N3輕症個案，這是世界上第一起病例，目前大陸說並未有其他個案出現，台灣將繼續觀察是否有「人傳人風險」。</t>
  </si>
  <si>
    <t>全球觀光界受到新冠肺炎疫情衝擊近2年，國際組織預估2024年才能恢復疫情前榮景，2021台北國際旅展（ITF）今日於南港展覽館登場，雖然規模不如以往，但仍有40多個國家地區來參展，總統蔡英文表示，這顯示各國已逐漸恢復海外行銷，呼籲旅遊業再堅持一下，等待春暖花開的日子。
ITF主辦單位、台灣觀光協會會長葉菊蘭表示，疫情重創觀光業，全球旅遊人次從疫情前的14.6億人次，銳減到4億人次，工作流失6200萬人。最近疫苗覆蓋率提升，許多國家也開放邊境，期能帶動觀光復甦，我國疫苗覆蓋率也超過74％，「再撐一會，就有好日子過」。
交通部長王國材說，政府這2年實施紓困與振興措施，陪大家過難關，旅行業也做了很多轉型，包括旅宿業、觀光遊樂業等都提出許多產品和行銷，交通部的短期規劃仍是布局國旅、擴大內需，再等待迎接觀光客。
交通部推動區域觀光聯盟策略，整合資源擴大觀光圈，並藉由前瞻計畫，打造6個具國際魅力的景點，包括大野柳、東北角沙丘、日月潭、東海岸島嶼、阿里山以及澎湖黃金海岸，希望提供國人和國際旅客，更多元觀光選擇，並透過ITF旅展，向世界宣告台灣準備好了。
行政院政務委員張景森指出，行政院針對邊境開放，在兼顧防疫與觀光平衡下，已著手研究國際上務實作法，時機成熟便會推動，盡速恢復國際旅遊活力。他強調，每年5000至8000億元的出境市場，有潛力轉為國內旅遊消費，適當發展可補上國際觀光客的不足。
蔡英文表示，在疫情挑戰下，實體旅展順利舉辦且呈現這樣規模並不容易。國內疫情穩定，現進入振興街段，希望4天旅展能作為轉型契機，為旅遊注入新能量，鼓勵國人看展、消費，一起振興國旅。
蔡英文邀請民眾參加旅展，搭配五倍券、各部會加碼券，一定能在現場買自己喜歡的產品。今年仍有40多個國家地區來參展、30多國代表到場支持，顯示各國逐漸恢復海外行銷，她也有信心台灣能提供在地、深度、多元的產品及美食，吸引更多國際旅客注意。
蔡英文說，上周她帶CNN記者到萬華參觀，當地小吃及宗教文化都受到喜愛，並讓在地小吃登上國際版面，這種體驗旅遊就是台灣旅遊契機和商機，希望旅遊業大家再堅持一下，等待春暖花開的日子。</t>
  </si>
  <si>
    <t>小編精選《中國時報》5件不可不知大事，帶讀者掌握今天（11日）新聞重點。
【1】抗疫曙光 中研院找到10倍強效抑制劑
新冠肺炎疫情在全球蔓延，中研院生化所研究員梁博煌團隊，從上百種化合物中，篩選出新冠病毒主要蛋白酶，這項強效的抑制劑，可在體外抑制新冠病毒，並且效果對比已知的抑制劑強10倍。
【2】夜市難管制 業者酸不如關門
中央流行疫情指揮中心宣布夜市、傳統市場與商圈需提出總量管制計畫，雖然夜市經營者都願意配合，但感覺執行困難，有業者大嘆近期人潮已大幅減半甚至生意掉了7、8成，再實施管制，不如大家說好一起關門。
【3】大院長出征小屌絲 自貶身價
整天掛在網上、無所事事、遇事圍觀看熱鬧、話不驚人死不休…這群人在大陸被視為「屌絲」。他們也是大陸「武統論」的最大粉絲團，兩岸一有事，這群人就要揪團「出征」台灣，老在網上噴口水。
【4】國台辦轟台灣當局造謠抹黑！陸委會遺憾兩岸漸行漸遠
大陸國台辦發言人朱鳳蓮昨表示，疫情發生以來，大陸精心照顧在陸台胞生活和防疫需要，也為滯留台胞做好服務；但民進黨當局對兩岸關係出口就是惡言，舉手就是挑釁，對在陸台胞台企、陸生陸配沒講過什麼好話，她說，編織謊言、煽動仇恨解決不了防疫問題，造謠抹黑的政治把戲可以休矣。
【5】謝忻含淚嗑美食「我好感動」
謝忻首次光臨《飢餓遊戲》，與同為來賓的PTT鄉民大神們一起玩遊戲，第1關卡竟考倒遊戲機器「飢餓三帥」，許孟哲直喊：「我作答本還給你們。」孫協志也棄權表示：「我可能沒辦法參與這關。」謝忻則憑著實力一連答對好幾題，享用美食時甚至含淚說：「我好感動能吃到食物。」孫協志則在旁補刀：「妳一開始不相信我們遊戲規則，還問工作人員真的只能喝水嗎？」謝忻無奈抗議：「甚至連咖啡都不能喝！」</t>
  </si>
  <si>
    <t>職業網球進入紅土賽季，本周ATP蒙地卡羅大師賽已經開打，男單世界第2、大會第2種子麥維德夫（Daniil Medvedev）今天因為新冠肺炎病毒篩檢呈陽性反應，立刻退出比賽、進行隔離。
麥維德夫首輪輪空，但在第二輪賽事之前傳出病毒檢驗呈陽性，ATP表示小麥現在已經進行隔離，賽會及ATP的醫療團隊嗎密切觀察他的狀況。
麥維德夫表示：「無法參加蒙地卡羅大師賽讓我很失望，現在我只能專心康復，期待盡快平安回到賽場。」
蒙地卡羅大師賽去年因為新冠肺炎去全球大流行取消，今年好不容易復辦，但因為疫情仍嚴峻，無法開放球迷進場，麥維德夫確診後，已經從單打跟雙打籤表移除，由「幸運輸家」、阿根廷選手隆德羅（Juan Ignacio Londero）取代參賽。</t>
  </si>
  <si>
    <t>全台7月27日起疫情警戒降至2級，部分縣市已經有條件開放餐廳內用。對於無法自行用餐的小小孩，是否也需要梅花坐？中央流行疫情指揮中心指揮官陳時中表示，因為平常就在餵小孩，帶小小孩出門可以坐在一起。至於婚宴的規定，陳時中表示，要保持梅花座、隔板，不要人與人近距離接觸。
另外，近期有照顧管理專員指出，疫情至今地方政府都規定不得視訊家訪，但許多人都尚未接種疫苗，案主往往又是高風險者，是否可以考慮開放視訊訪問？對此，陳時中表示，如果評估是高風險，當然可以用視訊，會與地方單位溝通。
不過陳時中也提醒照顧管理專員，縱使對方不是高風險對象，若前往家訪，戴口罩、社交距離也是一樣要維持，另動作也要迅速一點。</t>
  </si>
  <si>
    <t xml:space="preserve">盧森堡政府今天表示，感染2019冠狀病毒疾病（COVID－19）的貝特爾（Xavier Bettel）總理情況「嚴重但穩定」，將繼續住院2－4天。
貝特爾現年48歲，是歐洲國家年輕一輩的領導人之一。總理辦公室的一名消息人士透露，他的「呼吸急促，但並未插管」。
貝特爾5月6日曾注射一劑AZ疫苗，目前尚未注射第2劑。他因出現溫和症狀而在6月27日自主隔離，接著在昨天住院，當局宣布這是24小時預防措施。
盧森堡政府發表聲明說：「當時他被診斷出血氧濃度不足，於是接受持續醫學觀察。」
「醫生認為總理目前身體狀況嚴重但穩定，因此照護總理的醫療人員決定，此時總理仍有必要住院，估計是2－4天，以持續觀察。」
同為自由派的財政部長葛梅格納（Pierre Gramegna）將獲授權，負責確保政務延續，但貝特爾還是能在醫院中協調多數事務。1100706
</t>
  </si>
  <si>
    <t>新冠肺炎疫情升溫，國內死亡人數已達149人，據昨日媒體民調，有6成不滿政府防疫表現。綠委許智傑今日表示，政府從去年8月就積極採購疫苗，但當時台灣疫情不嚴重，國際藥廠都將疫苗先分給重災區，希望民眾可以諒解。
許智傑指出，民眾現在的不滿可以理解，但政府從去年起就積極洽談疫苗採購，但藥廠都把疫苗優先分給重災區，希望國人能諒解，現在美日都已出手相助，希望接下來國產跟國外疫苗採購都有好消息。
此外，近日有媒體報導南韓大邱市自行採購BNT疫苗，但南韓中央禁止使用這些非正規管道獲取的疫苗。許智傑說，買疫苗不是買豆苗，牽涉到保存運送等問題，因此國際藥廠只想跟中央接洽，要感謝地方政府、民間單位要幫助買疫苗，但很多時候不是中央卡疫苗，希望不要再給地方扣帽子。
針對在野黨批評政府在卡民間企業採購疫苗，許智傑回應，國際大廠都要跟各國的中央政府洽談，包括韓國、印度地方政府要談都被拒絕，請國民黨別再抹黑指揮中心卡疫苗，只要符合規定，原廠願意出貨，指揮中心都樂觀其成。</t>
  </si>
  <si>
    <t>新冠肺炎疫情延燒，為了宣導新冠病毒防疫的正確觀念，及鼓勵所有站在第一線防疫工作人員，社團法人台東縣南迴健康促進關懷服務協會方舟教室舉辦「寶貝你很繪」繪畫比賽，藉由繪圖的方式，不僅發揮小朋友對於防疫情形的想像力，同時也向防疫英雄們致敬。
新型冠狀病毒（COVID-19)肺炎疫情持續延燒，台灣確診人數也持續上升，全國人民從去年疫情爆發後就繃緊神經、依照衛福部的政策指示全面防備與抗疫，不敢有一絲一毫的鬆懈，就連小朋友們都要隨時注意疫情的發展。
台東縣南迴健康促進關懷服務協會6間方舟教室小朋友，在課後的陪讀課程中，開始拿起畫筆畫出小朋友們對於防疫的正確觀念，並向所有防疫英雄來致意。
南迴協會總幹事張小雲表示，台東目前雖然還沒新冠病毒的個案發生，但是透過宣導防疫的措施，讓小朋友了解這次疫情的嚴重性。
張小雲強調，繪畫比賽最後會選出每個年級的前3名，除了公開表揚之外，也會將方舟教室小朋友的得獎畫作捐贈給大武、達仁衛生所，以表達小朋友的感恩之意，在疫情升溫期間用學生們的純真感動融化病毒，讓病毒不要來。</t>
  </si>
  <si>
    <t xml:space="preserve">疫情爆發後宅經濟熱潮加溫，加上政府好幾波的紓困助漲電商業務，美國裝運用紙箱呈現供不應求，並已連番漲價，每噸報價已飆到785美元的歷史新高，4月份很可能進一步上漲。
根據美國紙箱協會的統計，美國廠商2020年瓦楞紙製品的總產量達近4,070億平方英尺，年增3.4％或477平方英里，比紐約市都還要大。
需求火熱帶動廠商去年秋天就將紙箱價格調升到歷史新高，最近則又出現一波調漲，這無疑進一步增加供應鏈的壓力。
去年秋季廠商紙箱每噸約調漲50美元，市場基準報價達每噸765美元。根據美國紙箱協會旗下的產業刊物《PPI漿紙週刊》報導，今年稍早廠商又啟動新一波漲價，每噸至少調漲60美元，帶動基準報價飆至785美元的歷史新高。
傢俱製造商Green Forest Cabinetry的老闆摩根（John K. Morgan）表示，公司紙箱進貨成本比一年前多了22％，而且供貨商還一再通知未來價格會持續上漲。
去年爆發新冠肺炎疫情後，紙箱製造商對景氣前景轉趨保守，並對經濟衰退帶來的衝擊預作準備，完全沒料到產業會掀起一波景氣榮景。美國瓦楞紙箱第二大廠WestRock去年5月還宣布大砍股利，減幅超過5成。
KeyBanc資本市場紙類與包裝產業分析師喬瑟夫森（Adam Josephson）指出，「疫情爆發後，紙箱需求先跳水2個月，但6月份就強勢反彈，當時經濟重啟，政府又推出紓困措施，民眾有錢可以消費。」
此外，疫情期間房市景氣大好刺激裝潢活動暴增，進而帶動包裝家電與櫥櫃等大型貨品的瓦楞紙箱的需求。
《PPI漿紙週刊》總編輯魯德（Greg Rudder）表示，「由於秋天才剛調漲價格，加上之前廠商帳務系統因遭勒索軟體攻擊出現狀況，導致最新一波漲價才剛剛反應出來，預料基準報價4月份還會再進一步創新高。」
</t>
  </si>
  <si>
    <t xml:space="preserve">美國知名主持人艾倫狄珍妮(Ellen DeGeneres)，其脫口秀節目《艾倫秀》聞名全球，她作風風趣機靈，加上長期為弱勢及LGBTQ族群發聲，因此幽默溫暖的形象深植人心，沒想到近日遭節目工作人員群起投訴，指她毫無通知就找外包廠商錄影，集體丟包他們，連跟她合作過的網紅、保鑣也爆她是「雙面人」，目前形象都是裝出來的，消息一出引發外界譁然。
《艾倫秀》30多名員工近日聯合控訴，因新冠肺炎影響，節目從攝影棚移到艾倫家裡拍攝，但她私自找了外頭的攝影廠商來拍，完全沒通知原本的團隊，一行人就這樣被迫放無薪假，慘被丟包毫不念舊情。
而荷蘭知名美妝網紅Nikkie Tutorials今年1月受邀出演《艾倫秀》，表示其實很多節目邀約，但她是因艾倫長期為LGBT族群發聲，因此決定接下工作，但當天卻讓她非常不舒服，她爆料艾倫並不似螢光幕前和善暖心，私下冷漠無理，還對來賓大小眼，「他們不讓我用洗手間，因為強納森兄弟要用」。
事實上，2014年艾倫的前保鑣Majercak就曾出面爆料，為艾倫工作期間，她的老婆波蒂亞(Portia de Rossi)非常和善，但艾倫根本「雙面人」，從沒正眼看過Majercak，「她老婆在介紹我的時候，艾倫反應冷漠，還帶著歧視，也從不跟我打招呼」，Majercak心寒地說前老闆人見人愛的形象本是裝的，實際接觸過猶如被潑了盆冷水。
</t>
  </si>
  <si>
    <t>大陸央視新聞報導，香港特區政府宣布，繼先前收緊台灣、新加坡的入境防疫措施，從3日起，將加強對從大陸、澳門等地抵港人士的檢測要求。提高檢測次數及頻率。
港府表示，在從大陸或澳門抵港的人士中，按「回港易」計畫抵港而獲豁免強制檢疫人士，以及已完成新冠疫苗接種，而需接受7天強制檢疫人士，由目前抵港後接受兩次檢測，增至需在到達香港第3天、第5天及第12天接受共3次檢測。
未完成疫苗接種，而需接受14天強制檢疫人士，由目前抵港後接受兩次檢測，增至需在到達香港的第3天、第7天、第12天、第16天及第19天接受共5次檢測。
港府先前宣布，自5月17日及5月21日起，分別收緊曾逗留台灣及新加坡的抵港人士的檢疫等要求，強制檢疫期由原先的7天（已完成疫苗接種人士）或14天（未完成疫苗接種人士），分別調整為14天或21天。
港府稱，為進一步降低風險，政府額外要求，於上述收緊檢疫措施前，已抵港相關人士，需在完成原先7天或14天強制檢疫後接受強制檢測，並在檢測獲確認為陰性結果前，留在居住地點、私人處所或在檢疫令上指明的檢疫地點。
港府表示，隨著收緊檢疫措施前已抵港人士陸續完成強制檢疫及相關檢測，所有自5月17日起曾逗留台灣及自5月21日起曾逗留新加坡的抵港人士，強制檢疫及檢測安排將與曾逗留其他高風險地區的抵港人士保持一致。已完成疫苗接種的人士需在指定檢疫酒店強制檢疫14天，其間第3天、第5天及第12天接受檢測，其後七天自行監察，並於抵港第16天和第19天接受強制檢測。未完成疫苗接種的人士需在指定檢疫酒店強制檢疫21天，其間第3天、第7天、第12天及第19天接受檢測。</t>
  </si>
  <si>
    <t>高雄龍頭百貨漢神巨蛋8樓櫃姐染疫，迄今查無源頭，原本業者在大清消後，預計明(24)日重新營運，但網路上一片罵聲。業者今（23）日深夜緊急發出公告表示，配合政府防疫政策，為維護員工及民眾健康，自即日起至5／28暫停營業。
漢神巨蛋指出，調整營業時間，即日起至5／28(五)暫停營業，5／29(六)起正常營業；不便之處，敬請見諒。
針對漢神巨蛋櫃姐染疫案，衛生及警察局已針對電子足跡，調閱百貨監視器畫面及手機定位紀錄繼續追蹤。該案疫調採三層方式進行，第一圈為櫃姐家人、朋友、同事、清潔人員、顧客等14人，檢驗結果12人呈陰性，其餘檢驗中；第二圈為周邊櫃位、美食街等52人，疫調匡列中；第三圈為8樓其他櫃位人員共148人，疫調匡列中。</t>
  </si>
  <si>
    <t xml:space="preserve">台北市今（2日）新增29例本土個案，其中環南市場群聚案，2783人檢出41例陽性，中央第三度派出醫療應變組副組長王必勝擔任聯合前進指揮所指揮官。對此，王必勝坦言，從過去經驗中，「本位主義」的堅持常讓防疫上出現困難，惟有全面控制住疫情，才有解封的可能性。
萬華環南市場爆發本土群聚，中央攜手北市成立聯合指揮所，於濱江、環南市場各設1處，以便中央、地方交換情報。這是繼苗栗、北農大型群聚事件後，指揮中心醫療應變組副組長王必勝第三度擔任前進指揮所指揮官。
王必勝臉書發文表示，接到指揮中心的指派進駐聯合前進指揮所，首先要將未完成的篩檢儘速確實完成，以釐清感染的全貌。因此已立即與北農、北榮，及相關人員形成決議，清出一塊場地，將於明（3日）早6點開始由北榮團隊開始篩檢，「預計處理2000人，下午報告就會陸續出來」。
王必勝談到，一個好的篩檢，必須考慮目標族群的方便性，才能有效率的達成目標，其中包括就近的地點及工作時間的配合，像批發市場就有其特殊性。另一方面，明早起台北聯醫也將於環南市場一樓，針對家禽市場及週邊民眾進行篩檢，儘早釐清附近受感染的狀況。
王必勝指出，在多次處理疫情事件的經驗中，發現明明在同一個受影響場域，卻常有「這不是我們公司的人」、「這別家的不關我事」、「這是別縣市的」等堅持出現，導致出現處理上的困難和延宕。他表示，「我們的國家就是一個島，同島一命，疫情沒控制好誰也無法獨善其身。」希望在抗疫上，大家不要有本位主義，資源共享守望相助。
王必勝最後強調，「惟有全面性的疫情控制住，才有解封的可能性，才能真的幫到廣大受影響人民的生計和生活。」
</t>
  </si>
  <si>
    <t>新冠肺炎衝擊大陸，但也催生「宅經濟」爆發成長。數據分析商統計，大陸2月前兩周蘋果公司（Apple）平台的手機應用程式（APP）周均下載量超過2億次，較去年周平均值大幅成長40%。疫情也讓大陸遊戲製造商的數量激增，大陸最大的手機遊戲提供商騰訊的股價創下20個月以來新高，市值現已超過5000億美元。
移動數據分析平台App Annie20日發布大陸市場行動數據的月度資料顯示，從2月2日開始的一周內，即新冠肺炎疫情大爆發之時，中國在iOS（蘋果平台）線上商店的APP下載量超過2.22億次；今年2月前兩周，中國iOS的平均每周總下載量比2019年全年周平均值增加40%；2月前兩周的周下載量平均值超過2億次，與1月相比增加10%。
短影片類西瓜第一
本月前兩周，遊戲類最受歡迎、下載次數最多，其後是教育、工具、娛樂和照片與影音類。數據顯示，1月20日至2月9日，即新冠肺炎疫情爆發後三周內，非遊戲類下載排名前段均被短影片占據，其中西瓜視頻位居第一、微視、抖音緊隨其後，以10億元拿下春晚獨家互動合作的快手在此期間的下載量則位居第四。
往常春節期間遊戲下載量會在春節結束後急劇下降。不過，AppAnnie分析師在報告中指出：「今年春節假期後的幾周，手機應用下載量持續增加。目前，數百萬職員和學生都在利用手機應用尋找替代方式來遠程恢復日常活動。」
市民生活消費改變
此外，北京市委宣傳部副部長趙磊19日在記者會上表示，疫情對市民生活、消費方式、消費內容產生明顯影響，催生出大量線上文化消費和娛樂新業態；疫情期間，網路遊戲、網路影片、數位音樂、網路教育、知識付費等新興業態使用者規模有較快增長；網遊和教育、數位音樂等廣受市民關注，成為文化消費新熱點；他還說，下一步將舉辦「電競北京2020」系列活動。</t>
  </si>
  <si>
    <t xml:space="preserve">大陸陸續公布3名來自台灣的新冠肺炎確診案例，國台辦說台灣防疫有漏洞。防疫指揮官陳時中今天受訪時乾笑兩聲，說有沒有漏洞大家心知肚明，不過任何的情報我們都會予以重視。
台灣不斷傳出有入境他國或其他地區確診案例，且不排除是在台灣減染，而對於國台辦示警，陳時中似乎相當有信心，他說，有沒有漏洞大家心知肚明，不過任何的情報我們都會予以重視，在台灣內部把相關情況疫調做好，檢討流程有沒有疏失之處，有無什麼可以改進等等。
陳時中上午是在「2020行政院生技產業策略諮議委員會議」開幕式場合受訪，而對於含瘦肉精美豬進口，陳時中表示，有關食品的進口，基本上還是要有科學的證據及國際的標準，政府會落實查驗，對相關的標示也會強化，至於他提出的開放可以交換到「國際地位」的說法，陳時中認為，「當然是有前景跟展望」，但沒有安全就沒有開放的事實。
對於地方包圍中央反美豬，陳時中表示， 中央對地方溝通是一定要溝通的，政府就是要溝通討論虛心請教，並建立共識。
他說，開放美豬進口有很多需要從源頭管理，很難用單一說明跟大家講清楚，所以也跟食藥署講，陸續要針對大家關心的情況做一些示範區讓大家一起來看，距離開放現在還有一些時間 ，衛福部希望逐步把意見蒐集清楚，做到最好。
</t>
  </si>
  <si>
    <t xml:space="preserve">新冠肺炎疫情延燒，口罩供給成為防疫重中之重，「口罩實名制」上路讓各大藥局忙翻天，中央疫情指揮中心指揮官、衛福部長陳時中提出，研擬請「社工」支援口罩包裝、販售人力。對此，時代力量立委王婉諭昨(18)日表示，看到新聞嚇了一跳，社工不是志工，若是部長口誤，指揮中心應主動澄清，避免社工困擾。
王婉諭說，看到新聞內容表示，「由於目前各地藥局的口罩配送量將增加，陳時中部長研議將請社工支援包裝、販售人力。」該新聞讓她嚇了一跳，因為原先工作負擔就相當繁重的社工們，真的有能量去支援口罩實名制的發放嗎？
王婉諭表示，透過同仁致電衛福部確認後，才確定這個新聞應該是陳時中部長一時口誤，將「志工」誤稱為「社工」。她也提出兩個想法：第一，衛福部及指揮中心應主動澄清，避免造成社工的困擾與恐慌；第二，建議勞動部媒合失業勞工投入口罩需求人力，舒緩第一線防疫人員的辛勞。
王婉諭也強調，防疫期間，陳時中部長和相關的人員一定都辛苦了，她的發言並無針對責備之意，只是希望善意提醒，呼籲相關單位應該儘早澄清，避免不必要的誤會。
更多 CTWANT 報導
</t>
  </si>
  <si>
    <t>隨各國陸續祭出疫苗邊境管制，美國即將上路的入境新規定，也未將高端疫苗列入允許入境條件。對此，衛福部長陳時中今在立院表示，預防接種諮詢委員會確定下周二或三將召開，屆時將針對打完高端後，能否與其他疫苗混打做出政策方向。
立法院今審議「中央政府嚴重特殊傳染性肺炎防治及紓困振興特別預算第4次追加預算案」，由於美國將自11月8日起採入境新規，所有外籍旅客須接種2劑美國FDA或WHO核准疫苗才能入境，包括BNT、AZ、莫德納皆在名單內，而高端未被認可。同時，泰國近日也宣布11月起，完整接種疫苗的旅客可享入境免隔離，高端疫苗同樣不在認可名單內。
由於截至目前為止，高端疫苗已在台灣施打138萬劑，隨著各國疫苗邊境管制趨嚴，「高端人士」恐將面臨在國際上寸步難行的狀況。對此，國民黨立委賴士葆、李貴敏、楊瓊瓔、民眾黨立委張其祿今質詢時，都對高端混打政策表達關切。
張其祿表示，打高端的民眾，當初也是信賴國家所以打了國產疫苗，結果現在要出國變成「出不太去」，讓接種者開始思考打完高端後，能否再打其他國際認證的疫苗，但也擔心會不會打太多；賴士葆提醒，衛福部有必要將目前各國的疫苗邊境管制做整理，讓民眾清楚知道打了高端可以去哪些國家？哪些國家則是不能去。
對此，陳時中表示，事實上衛福部已接到很多民眾提出需求，因此目前已確定要召開ACIP委員會（預防接種諮詢委員會），時間是下周二或週三，屆時就會由專家針對高端混打提出政策方向。他說，對於要出國的人，安全性一定要夠，相關配套也都會提出來。
陳時中表示，對於接種高端疫苗者若被允許追加其他品牌疫苗，ACIP的委員，就必須考量安全性，同時也會做出相關的因應作為。
對於目前國際對高端的開放程度，陳時中上午特別由幕僚整理資料後，旋即在立院說明表示，目前台灣民眾常去的國家當中，只有紐西蘭、帛琉與印尼認可高端疫苗；而符合條件入境免隔離的國家，有美國、英國、法國、德國、加拿大、新加玻，主要認可的疫苗以BNT、莫德納、嬌生、AZ為主，而美國、新加坡特別認證國藥、科興疫苗，泰國則特別將俄羅斯的衛星五號也放在承認名單。
引起關注的是，若ACIP許可高端混打，屆時「高端人士」出國前要混打其他國際疫苗，是否為「隨到隨打」？陳時中說，目前BNT、莫德納與AZ的供應量都沒問題了，「這部份我們做得到，但前提是ACIP委員認定沒有問題才行。」
對此，民眾黨立委高虹安質疑，如果打高端的民眾能優先打國際疫苗，會不會排擠到其他民眾的需求？尤其，所謂打高端者出國前可以「隨到隨打」的定義，是否有限定探親、旅遊、出差、或遊學、留學等情況才能施打？還是只要出國就可打國際疫苗？
陳時中回應，「也不是每個人都要出國啦」，如果真的會排擠他人權益，當然會盡量限縮名額。但以目前疫苗到貨狀況，基本上他認為只要安全上沒問題，不會有這些問題，就像學生要出國念書真有必要性施打其他疫苗，指揮中心就會配合。</t>
  </si>
  <si>
    <t xml:space="preserve">
7月27日起全台降二級警戒，各地方政府也表態將逐步開放餐廳內用，宜蘭縣將於8月3日起解除禁內用規定，北市府今（30日）也坦言將視疫情發展，最快下周二（3日）開放餐飲業內用。對此，毒理專家招名威也樂觀其成，認為目前確診趨勢已完全符合開放內用條件，但仍有一些事情需要注意，希望全民能繼續配合防疫，好好珍惜二個月以來開放內用的機會。
台北市最快下周二開放餐廳內用，招名威於臉書表示，自己保持審慎樂觀的想法，畢竟確診人數現在都不高了。綜觀目前疫情，Rt值已經趨近於0.6，且連續幾天全台確診數都是20例上下，沒有太大的變動，雙北新增個案介於5-10人之間，且確診者多在已匡列的範圍內，不明感染源少於2人，完全符合開放餐廳內用的條件。
不過，招名威指出，若要開放餐廳內用，仍存在諸多限制。以桃園為例，單一隔間室內不能超過50人，內用餐點須以個人餐為主，不能和人共食；內用同行的人就算坐同桌也要間隔1.5公尺，同桌之間設有隔板，用餐須採梅花座。招名威解釋，「意思就是，你在吃東西的時候根本就看不到你的朋友，你還是孤單一人唷！」就算能坐同桌用餐，但彼此要聊天都很難。
招名威接著指出，不只顧客麻煩，其實餐廳也很麻煩。店家的基本防疫措施不能少，店員仍須戴口罩、戴防護面罩、勤洗口消毒等，有些餐廳為避免與人接觸，不敢收現金、信用卡，只接受行動支付，把自己搞得很辛苦。只要有顧客或員工確診，餐廳還要被暫停營業3天清消，並且在接下來的11天暫停開放內用，「壓力真的很大。」
然而，招名威擔心，若餐廳門口有長長的排隊人龍，「會不會又是另一個群聚的開始呢？」他認為，若大家都戴好口罩，應該是不至於，但最好還是維持每人2.25平方公尺的社交面積，以降低染疫風險。因此，不管是餐廳員工或顧客，仍須多加留意。
「我們花了超過兩個月，從地獄再回到接近天堂的地方」。最後招名威坦言，從三級到降二級，大家都很努力，特別是後期的防疫措施奏效，大幅提升疫調的精準度，能有現在成果真的實來不易。呼籲大家一定要好好珍惜這個第二次機會，「別再因為自己的私慾而再葬送了全台灣自由呼吸的權利。 」
</t>
  </si>
  <si>
    <t>中央流行疫情指揮中心29日公布國內新增23例COVID-19確定病例，分別為13例本土及10例境外移入，其中台北市有2例本土、1例境外移入。北市衛生局29日下午召開記者會，指出北市知名甜點店個案（案16087）除到台北市，還曾到其他5縣市。
北市衛生局疾管科長張惠美說明，一名境外移入個案從中國大陸入境，另外兩例本土分佈在中山區、北投區，一名男性、一名女性，年齡為20多歲到50多歲之間。
張惠美說，案16087在7月23日從美國入境，在美國期間，於5月、6月打兩劑BNT疫苗，在入境前及8月5日採檢都是陰性，便回到社區生活，因為近日要回美國，於8月28日自費採檢確診，CT為36，風險較低。
張惠美表示，經了解，確診前14天足跡比較多，包含北市餐飲店、公共場所，已立即通知業者清消，並請工作人員自我健康監測，該案足跡涵蓋花蓮縣、宜蘭縣、基隆市、新北市，桃園市，北市已通知各縣市衛生局相關足跡，通知各縣市進行必要調查及處置。
張惠美指出，將比對實聯制及電信足跡，個案跨縣市移動時曾搭捷運、公車、火車等，比對資料後將公布搭乘時間，提醒民眾自我健康監測。張惠美也證實該個案有前往北市甜點店「深夜裡的法國手工甜點」與拉麵店「麵屋一燈」。
針對該個案匡列接觸者，居家隔離有8位，擴大採檢35位，合計43位採檢，上午完成21位採檢，下午有18位採檢，3位明天採檢。另一位本土個案為案16077，目前匡列接觸者4位，其中1位採檢陰性，其餘持續追蹤中。
張惠美說，2例本土皆為不明感染源，但雙北有零星不明感染源，呼籲民眾配合各項防疫工作，減少聚會及跨縣市移動，必要時可至北市7個採檢站採檢。</t>
  </si>
  <si>
    <t>台灣鬧疫苗荒，AZ和莫德納不夠打，因此第六輪疫苗接種將開放高端上場。對此，中華民國防疫學會理事長王任賢呼籲大家，別落入政府的圈套！並呼籲打了首劑莫德納的人，不要在疫苗空窗期去打高端，因為打高端就像是打入水一樣，沒有效。
第五輪疫苗打莫德納，符合資格的民眾可上網預約接種，預計將在8月11日至8月17日開始施打；由於第五輪打完以後，國內AZ與莫德納疫苗的數量不夠，因此指揮中心也宣布第六輪將由國產高端疫苗上場，預計在八月下旬開放預約。
進口疫苗不夠打，讓許多民眾猶豫是否該選擇打高端，對此，中華民國防疫學會理事長王任賢呼籲大家，不要掉進政府的圈套，在疫苗空窗期去打高端疫苗，因為打高端就像是打入水一樣沒有效，所以他不建議打第一劑莫德納的民眾，第二劑去打高端。
台灣疫苗庫存量不足，指揮中心指揮官陳時中昨也在記者會上坦言，疫苗庫存量告急，因為登記要打疫苗的人，比起政府能供應的量還多，對於目前急需疫苗的緊急狀況，他們也持續與廠商聯絡，希望疫苗可以盡快抵達。
另外由於疫苗不夠的緣故，指揮中心先前也宣布，除了第一類至三類的公費接種對象與孕婦可在四周內預約打第二劑莫德納之外，其他人的兩劑接種間隔時間將延長至10至12周左右，讓不少人擔憂疫苗保護力是否會因為間隔太久而受到影響。
陳時中昨在記者會上被追問，如果莫德納最後還是無法及時抵達台灣，是否會再延長第二劑的接種時間，對此他避而不談，只是不斷強調打第一劑就可以產生足夠的保護力，總比完全沒打還更好，現在台灣主要會先拚第一劑的疫苗覆蓋率。</t>
  </si>
  <si>
    <t xml:space="preserve">大陸駐日本大使館官網今天稱，近日透過中國深圳華大基因科技有限公司和深圳市猛獁公益基金會，緊急向日本國立傳染病研究所，捐贈一批新冠病毒核酸檢測試劑盒。
據《中央社》報導，陸使館官網並未披露核酸檢測試劑的具體運抵時間與數量。但駐日大使館指出，近來，日本國內新型冠狀病毒肺炎疫情持續發展，中方對此高度關注，感同身受。得知日方新冠病毒核酸檢測試劑不足後，中方立即向日方表達提供協助意願，並採取行動。
官網稱，經過多方協調，近日透過中國大陸深圳華大基因科技有限公司和深圳市猛獁公益基金會，緊急向日本國立傳染病研究所捐贈一批新冠病毒核酸檢測試劑盒。
官網強調，病毒沒有國界之分，需要國際社會共同應對。中方願繼續向日方提供力所能及的幫助，密切開展溝通合作，攜手早日戰勝疫情，共同維護兩國人民健康安全以及地區和世界公共衛生安全。
</t>
  </si>
  <si>
    <t>國產疫苗進入二期臨床試驗的解盲階段，聯亞生技8日先完成3000多名核心受試者的血液樣本採集，準備送去第三方公正單位進行抗體反應、安全性等檢查，估計兩周後就會有結果，另一方面聯亞生技也證實，首批將交付政府的28萬劑疫苗已生產完成，8日已移至桃園龜山物流中心進行外倉保存，解盲、量產同步進行。
聯亞生技表示，由於新竹生產基地的內倉空間不足，因此8日先將首批產出的28萬劑疫苗移至桃園龜山物流中心的外倉保存，今年3、4月間與政府洽談採購合約時已明訂疫苗存放倉庫，該倉庫日前也已通過食藥署審核作為新冠疫苗存放使用。
聯亞生技指出，量產出的疫苗可保存6個月，只要通過政府的緊急使用授權，以及食藥署的相關檢驗後，就能立即交貨，後續簽約的500萬劑疫苗也將採分批交貨，會視政府防疫所需以及產能來供應。
不過聯亞生技也說，即便已與疾管署完成疫苗簽約，但還是要看是否能夠通過EUA，若最後解盲不成功，首批28萬劑的疫苗就得銷毀。</t>
  </si>
  <si>
    <t xml:space="preserve">就在網路與外媒持續質疑大陸病毒研究機構洩漏實驗動物病原，因而導致新冠肺炎疫情之際，大陸農業農村部、教育部等7個部門大張旗鼓聯合發布通知，要求加強動物病原實驗室安全管理，任何單位和個人未經批准不得從事高致病性動物病原微生物實驗活動，亦不得保藏高致病性病原微生物菌（毒）種和樣本。顯然有關病毒研究機構私自進行大陸官方未知的高風險病毒研究的說法，並非空穴來風，而要求研究機構銷毀病毒樣本，更讓人起疑意在湮滅證據。
據《新京報》報導，農業農村部、教育部等7部門聯合發佈通知要求加強動物病原微生物實驗活動監管，生物安全三級、四級實驗室從事高致病性動物病原微生物或者疑似高致病性動物病原微生物實驗活動的，應報省級以上畜牧獸醫主管部門批准，任何單位和個人未經批准不得從事相關實驗活動。
此外，通知要求各地畜牧獸醫主管部門要加強對轄區內動物病原微生物實驗室及其實驗活動的生物安全監督管理。未經批准從事高致病性動物病原微生物實驗活動的，要依法嚴肅查處。對實驗室能力條件發生變化，不再符合國家標準或有關規定的，要及時暫停或取消實驗活動許可。
同時，加強科研院所、大專院校、出版機構有關高致病性病原微生物研究成果發表的管理，納入相關績效評價工作。
通知說，除農業農村部指定的專業實驗室外，其他單位和個人不得保藏高致病性病原微生物菌（毒）種和樣本。對於違規保存菌（毒）種和樣本的，當地畜牧獸醫主管部門應當監督其就地銷毀或送農業農村部指定的保藏機構保存。
通知提出，加強動物病料採集和使用監管。對於重大動物疫病或疑似重大動物疫病，應當由動物防疫監督機構採集病料，採集過程中應當防止病原微生物擴散和感染，並對樣本的來源、採集過程和方法等作詳細記錄。各地畜牧獸醫主管部門要加強病料採集和實驗活動廢棄物的安全監管。
外媒報導指出，大陸網上有許多人質疑武漢病毒研究所或其他研究病毒的科研機構外洩實驗動物或病毒，導致新冠病毒疫情擴散，但大陸官方與武漢病毒研究所已多次否認。此時大陸7部門聯合發布通知要求嚴查未經批准的病毒實驗，確實啟人疑竇，顯示確有未經批准的病毒實驗，才需要發布通知明令禁止。而且又要求未經批准的研究用病毒樣本不得保留，當地政府要監督銷毀，讓人懷疑是否為湮滅證據之用。
</t>
  </si>
  <si>
    <t xml:space="preserve">台北信義區百貨再傳有專櫃人員確診，新光三越台北信義新天地A4昨（30日）晚被通知有專櫃人員確診，目前已匡列6名密切接觸者，今A4暫停營業一天，全面進行清消，明天恢復正常營業。
台北市衛生局今日公布2名確診足跡，分別為案15773和案15781，足跡曾到過位於南京東路的南京公寓市場，以及信義區松壽路的新光三越A4館2樓，兩者皆在30日、31日間清消完畢，相關人員則進行自我健康監測。
衛生局指出，案15773於30日確診，初判可能感染源為家戶感染，個案曾在24日上午9時30分至下午1時、25日與26日上午9時30分10時30分、28日上午9時30分至中午12時，以及29日上午9時30分至11時30分，到過南京東路5段291巷的南京公寓市場，該處已於30日完成清消。
另名案15781則為新北市個案，同樣於30日確診，感染源尚待新北市疫調釐清，個案曾在28日上午10時到晚間20時、29日中午12時30分至晚間22時，於新光三越A4館2樓工作，衛生局說，工作場域已於31日進行全館停業消毒，並請相關人員進行自我健康監測。
</t>
  </si>
  <si>
    <t>第十輪疫苗意願登記今午截止！目前確定由AZ與高端上場，符合資格者為50至64歲已打完第一劑AZ滿10周以上的民眾；以及打完第一劑高端滿4周者。而《中時新聞網》也整理出何時可接種、接種AZ和高端後常見的副作用等常見的6個問題供民眾參考。
一、第十輪開放給誰打？
第十輪疫苗符合資格的對象為在9月30日前打完第一劑AZ，且間隔滿10周的50至64歲民眾，可以預約打第二劑；另外曾在10月6日已前打完首劑高端疫苗且間隔4周以上的民眾，可以預約接種第二劑。
二、何時可預約、接種？
第十輪疫苗意願登記截止時間為今（29日）中午12時止，符合資格者可在10月3日上午10時至10月4日下午4時登入平台預約打疫苗；預計在10月6日至10月12日開打。指揮中心提醒，符合接種資格且無取消者不用再進行意願登記，但若不曾登記意願者，請在今午12點前完成登記。
三、哪些人不適合施打？
對疫苗成分嚴重過敏、打過AZ曾出現嚴重過敏反應或血栓合併血小板低下症候群者，將不予以接種，另正在發燒或罹患急性中重度疾病者，建議等疫情穩定後再打。
高端疫苗的部分，曾對疫苗成分有嚴重過敏反應者不予接種；發燒或正患有急性中重度疾病者，建議等病情穩定後再接種。
四、打完疫苗的副作用？
打AZ後常見的副作用為注射部位疼痛（54.2%）、疲倦（53.1%）、頭痛（52.6%）、肌肉痛（44.0%）、畏寒（31.9%）、關節痛（26.4%）與發燒（7.9%）。
接種高端後常見的副作用則是注射部位疼痛（71.2%）、痠痛／全身無力（36%）、肌肉痛（27.6%）、頭痛（22.2%）、腹瀉（15.1%）、注射部位腫脹／硬結（10.5%）、噁心／嘔吐（7.7%）、注射部位泛紅（4.9%）以及發燒（0.7%）。
五、罕見的不良反應是？
接種AZ疫苗後極罕見的不良反應「血栓」，因此提醒民眾打完28天內，若出現「嚴重持續性頭痛、視力改變或癲癇」、「嚴重且持續腹痛超過24小時」、「嚴重胸痛或呼吸困難」、「下肢腫脹或疼痛」以及「皮膚出現自發性出血點、瘀青、紫斑」的話，請立刻就醫；另打高端後罕見的不良反應為顏面神經麻痺與眼壓過高。
六、打疫苗後發燒怎辦？
打完疫苗若發燒不適，可以吃退燒止痛藥緩解，不過，家醫科醫師許書華提醒，自行至藥局買藥要注意安全劑量，含乙醯胺酚成分的止痛藥，健康成人建議最大日劑量不超過4000毫克。</t>
  </si>
  <si>
    <t>莫德納疫苗超搶手，昨開放第五輪莫德納疫苗預約施打，截至下午1時就有32萬3000人完成預約，佔符合資格者的62.8％，莫德納開打也有許多民眾想搶殘劑，對此，新北張博揚小兒科診所醫師則表示，想搶莫德納殘劑的人要想清楚，因為有一沒有二，大家做好出國打第二劑的準備了嗎？
新北張博揚小兒科診所醫師昨天在臉書上發文表示，下周診所施打新冠疫苗時段為8月11日和8月12日兩天而已，疫苗廠牌為莫德納。至於其他天為何沒有，則是因為沒有疫苗啊！只能說想搶莫德納殘劑的人要多想想，大家有出國打第二劑的心理準備嗎？
張博揚小兒科診所醫師也在留言處指出，要大家多想一想的原因是「有一沒有二」，搶到第一劑，但第二劑的在哪裡？不少網友看了哀嚎說，「唉！我目前就是卡在這樣的狀況裡，7月19日做為第七類打到莫德納疫苗，結果現在？」、「如果不是疫苗不足，莫德納也不用從4周變12周，搞得大家打也不是，不打也不是，傻眼」、「真的慘，但AZ也沒有第二劑啊」。
台灣疫苗的數量究竟還剩下多少，中央流行疫情指揮中心發言人莊人祥昨在記者會上透露，中央及分配至地方政府的新冠肺炎疫苗加起來，目前全台剩餘的疫苗量約是86萬劑AZ疫苗和65.8萬劑莫德納疫苗。</t>
  </si>
  <si>
    <t>中國大陸消息稱，國務院副秘書長、中央指導組成員丁向陽20日在武漢表示，湖北武漢疫情防控形勢盡管有好的跡象和積極變化，但仍然十分嚴峻。從醫療救治上說，現有3萬多名患者在醫院救治，其中重症患者8000多人，危重症1600多人，救治任務還十分艱巨。
大陸央視也報導，連日來，全國治愈出院的患者不斷增加，包括2月19日安徽省63例新冠肺炎患者治愈出院，以及吉林首例新冠肺炎危重症患者治愈出院。
安徽全省63例新冠肺炎患者治愈出院，其中，安徽黃山市有3名新冠肺炎患者治愈出院，安徽亳州市有11名新冠肺炎患者治愈出院，截至目前，安徽全省共治愈出院424例。
吉林省首例新冠肺炎危重症患者也治愈出院，這名患者今年62歲，1月28日確診為新冠肺炎，由於患者長期患有慢性支氣管炎、高血壓等疾病，確診當日就出現呼吸困難、昏迷等癥狀。經過23天的全力救治，患者恢復良好，經救治專家組會診，符合出院標準。
湖北省武漢華中科技大學附屬協和醫院西院31名重症新冠肺炎患者治癒出院。這是自該院成為武漢市重症新冠肺炎患者定點醫院後，出院人數最多的一次。目前，該院累計收治患者1055名，累計出院145人。
丁向陽也指出，這場突如其來的疫情是一場非常戰役，病毒來勢之洶、疫情傳播之烈、範圍擴散之廣、全社會所面臨的挑戰之大，堪稱前所未有。他表示，武漢不是孤島、不是孤軍作戰。</t>
  </si>
  <si>
    <t>台肥董事長人事案大轉彎，日前大股東農委會改派代表人農委會副主委陳添壽取代原董事長康信鴻，原訂12日召開臨時董事會接任董事長，不過11日公告，改公股董事由台肥總經理黃耀興接任，農委會指出，新冠肺炎疫情升溫，需陳添壽留任統籌因應，因此改派代表人。
台肥原董事長康信鴻1月中請辭獲准，農委會原本7日規劃改派副主委陳添壽，將接任台肥董事長，不過短短幾天，在臨時董事會前，人事案再傳異動，原本官股法人代表改派陳添壽案註銷，改由黃耀興接任。
農委會表示，近期因新冠性肺炎全球疫情不斷升溫，而台灣是海島型國家，國際漁業活動及與相關國際組織互動頻繁，為了強化台灣在國際漁業組織的參與及協調，確保漁民在國際海域上的作業權利及保障，現階段仍亟需嫻熟漁業事務的陳添壽留任統籌相關業務，因此重新報請行政院同意改派台肥總經理黃耀興接任。
農委會表示，黃耀興在台肥公司從基層做起，長年於台肥公司服務，業務嫻熟且專業能力備受公司內外肯定，具備擔任公股董事所需的公司治理專業，有助於台肥公司永續經營及長遠發展。</t>
  </si>
  <si>
    <t>國光生技昨日宣布，已成功產生候選疫苗，經小鼠動物實驗，發現小鼠抗體反應優異，預計今年第三季能獲准開始第一期人體臨床試驗，希望最快明年冬天就能展開量產，讓台灣民眾優先施打。疫情指揮中心對此表示樂觀其成，表示未來若順利完成，將會由政府公費購買，讓醫護優先施打。
國光生技指出，新冠肺炎是全新的疫苗，採用不活化全病毒，目前已成功產生出候選疫苗，並與台大病毒實驗室合作進行疫苗抗體中和試驗，結果在注射新冠肺炎候選疫苗的小鼠血清中，發現小鼠抗體反應優異，且血清抗體經高度稀釋後，證明仍足以讓新冠病毒失去感染力，希望能以緊急使用授權方式及早進入人體臨床實驗，力拚明年冬天讓全民有疫苗可接種，有餘裕再輸出國外。
疫情指揮中心專家小組召集人張上淳表示，國光生技已經用他們開發的疫苗在做動物實驗，這部分跟台大醫學院合作，初步有一些還不錯的結果，不過，疫苗的開發後續還是需要有更進一步釐清，例如副作用毒性都還需要在動物試驗，最後才到臨床試驗，因此，開發期程還需要一點時間。
指揮官陳時中表示，過兩天他會去國光聽取簡報，並瞭解可給予什麼協助。國光生技疫苗未來若能如期上市，疫情指揮中心疫情監測組組長周志浩示，將會以公費購買，原則上會讓醫護人員及風險族群優先施打，但需透過疫苗接種委員會討論接種順序。
至於近期取得美國藥物食品管理局緊急使用授權的新冠肺炎治療藥物瑞德西韋所屬公司吉利亞醫藥表示，將以自願授權的方式，規畫至2022年與多個化學廠、藥廠進行藥物生產的合作協商，同時與聯合國兒童基金會、藥物專利聯盟等夥伴共同合作，協助開發中國家順利取得藥物。</t>
  </si>
  <si>
    <t>貢寮豐珠中學生態農場的蛋雞接連暴斃死亡，校方擔心為禽流感，通報新北市政府動保處立即趕赴現場進行臨床診斷與採樣送檢，後經畜衛所檢驗後，還好只是家禽傳染性支氣管炎，動保處獸醫為雞隻進行雙價活毒疫苗、點眼補強免疫，令學校師生鬆了一口氣。
動保處接獲貢寮區豐珠中學通報，校園生態農場內飼養蛋雞於5月下旬後陸陸續續出現咳嗽、打噴嚏、不進食及死亡情形，動保處不敢大意，當日立即派員前往對雞隻進行臨床診斷與採樣送檢。由於正值新冠肺炎防疫期間，校方人員很擔心人員與學生健康安危，經畜衛所檢測結果禽流感陰性、家禽傳染性支氣管炎陽性。家禽傳染性支氣管炎係由冠狀病毒引起，僅對雞隻感染；臨床症狀包括呼吸有嚴重眼鼻分泌物、咳嗽及打噴嚏，僅能以疫苗免疫補強來防治疫病。
豐珠中學校園幹事李玥俊表示，於106年開始生態農場內飼養約70隻蛋雞，養雞就像是餐桌來源的真實教材，讓學生體驗農民的付出並珍惜食材的來源，蛋雞由校方專人餵養照顧，飼養2年多來雞群們都健康，期間還發生過雞隻因爭奪地域領土而咬啄打鬥的「霸凌」事件，也發生過雞隻飛走「逃學」事件，當時還曾動員人馬去尋雞。
李玥俊指出，今年新冠肺炎疫情期間，雞群們陸陸續續出現咳嗽、打噴嚏等呼吸道症狀，讓全校師生擔心雞隻的安全又害怕會不會傳染人，所幸經確認家禽傳染性支氣管炎雞隻不會傳染給人，經動保處獸醫徐愛明為雞隻進行雙價活毒疫苗、點眼補強免疫後，學校師生心理都感到踏實安心許多。
動保處表示，家禽傳染性支氣管炎為重要雞傳染病之一，傳染性支氣管炎病毒現被歸類為冠狀病毒感染，除呼吸道外，生殖與泌尿系統也是侵犯的目標。近日天氣雖炎熱，但環境中仍可能有病毒活動情形，提醒養雞戶若發現場內家禽攝食量、飲水量或產蛋量異常下降情形，應立即通報動保處處理，動保處獸醫會協助進行防疫處置，確保民眾及家禽安全。</t>
  </si>
  <si>
    <t>（勤業眾信聯合會計師事務所投資管理產業負責人黃海悅。圖／勤業眾信提供）
近期新冠肺炎（COVID-19）疫情延燒，衝擊全球供應鏈和經濟，各產業開始思考應對之道。對金融服務業來說，疫情所造成的中國消費內需下滑、供應鏈斷裂及赴陸差旅減少等，然而，對於台灣的銀行、證券、投信投顧等產業的影響程度，目前仍待觀察。
勤業眾信聯合會計師事務所今（18）日發布《2020 投資管理產業趨勢展望》報告指出，受到全球區域經濟發展差異和投資人偏好影響，促使許多投資經理人主要策略是跨出國界。
勤業眾信建議，企業可以從「尋求市場或產品之成長機會、增進營運效率、提升顧客體驗與互動度」三大方向擬定策略，開拓新的發展路徑。同時，針對近期疫情衝擊，也呼籲金融業者重新檢視其風險管理機制及投資布局、強化數位溝通管道、確保與客戶的順暢溝通管道，以即時面對環境的變化。
勤業眾信會計師事務所投資管理產業負責人黃海悅指出，全球經濟動盪與區域間的經濟發展差異性加劇，加上投資人偏好轉為被動且資產集中的投資型態，及手續費壓力等因素，使得另類投資（alternative）與多頭（long-only）投資經理人紛紛跨出國界、借鏡全球。</t>
  </si>
  <si>
    <t>健康江蘇今（12日）發布，8月11日0-24時，江蘇新增本土確診病例38例（南京市報告1例；揚州市報告37例），15例為輕型，23例為普通型。以上病例均在定點醫院隔離治療。新增出院病例2例（均為本土確診病例）。
7月20日至今，江蘇全省累計報告本土確診病例734例（南京市234例，淮安市12例，揚州市485例，宿遷市3例）。累計出院本土確診病例32例。
目前，在定點醫院隔離治療的確診病例721例，其中本土確診病例702例（輕型133例、普通型532例、重型24例、危重型13例）。在醫學觀察的無症狀感染者8例，其中本土無症狀感染者1例。
2020年1月22日至2021年8月11日24時，江蘇全省累計報告新冠肺炎確診病例1499例（其中境外輸入133例）。</t>
  </si>
  <si>
    <t xml:space="preserve">
清明連假由於許多景點湧入人潮，連假後的14天是關鍵，根據自然期刊《Nature》最新發布的一篇論文指出，新冠肺炎病毒原來在症狀不明顯，幾乎無症狀的發病前5天，病毒量可到達最高峰，甚至比SARS的高峰高出1000倍。對此，中央流行疫情指揮中心專家小組召集人張上淳表示，確實有發現個案一發病病毒量就很高，持續1個禮拜左右，目前台灣臨床經驗和那篇報告大致是相符的。
根據自然期刊在4月1日的一篇研究論文「Virological assessment of hospitalized patients with COVID-2019」指出，研究發現，新冠肺炎最活躍的病毒複製，都出現在上呼吸道組織，有感染力的病毒特別容易在患者的咽喉和肺部來源被分離出來。
研究也發現，過去SARS病毒是在發病後的7到10天病毒量到達最高峰，但新冠肺炎在還沒有出現明顯症狀、甚至是無症狀時的發病前5天，病毒量就達最高峰，甚至比SARS高出1000倍。
對此，張上淳表示，台灣從確診第一個個案開始，就做了一系列追蹤，確實有發現個案發病病毒量就很高，估計持續1個禮拜左右，病毒量才會下降。
針對無症狀感染者，張上淳稱，因為沒辦法知道患者在哪個時間點有病毒，只能說「確診時病毒量都蠻高的」，當時就認為無症狀是有傳染力的，隨著國外資料和研究證明，「無症狀有很大的機會會傳染給別人」；但他也提到，因為無症狀不會有咳嗽和打噴嚏等症狀，所以病毒量會是比較小的。
更多 CTWANT 報導
</t>
  </si>
  <si>
    <t>台灣近日開始施打，美國捐贈的莫德納疫苗，中央流行疫情指揮中心提及，美國捐的這批疫苗，每罐可以打14個人，但有醫護反應，有時候抽完13劑之後，最後一劑無法抽滿0.5cc，對此，發言人莊人祥表示，打13人也沒關係，請醫護不用自責。
有醫護反映，美國捐贈的莫德納疫苗，抽到第14劑的時候，可能無法抽滿0.5cc。對此，指揮中心發言人莊人祥表示，美國提供莫德納可打14人，但用空針抽取排氣可能也會產生自然損耗，因此打13人也沒問題，請醫護不用自責。</t>
  </si>
  <si>
    <t>新冠肺炎疫情持續延燒，病毒是否會透過眼睛感染引起討論，彰化眼科醫師強調，眼睛的結膜部分也屬於黏膜組織，跟口腔、鼻腔內的黏膜一樣，確實可能成為病毒侵入人體的途徑，提醒民眾用常用手碰觸搓揉眼睛，勤洗手，若眼睛出現紅腫癢等結膜炎症狀，也應盡速就醫檢查。
大陸武漢眼科醫師李文亮日前因感染病逝，新春期間北京大學第一醫院呼吸和危重症醫學科主任王廣發赴武漢考察疫情也不幸確診感染、出現發燒症狀，成為全陸確診首位感染新冠肺炎的醫師，上月底治癒出院，他判斷自己是透過眼睛被傳染。
肺炎疫情不只讓口罩成為搶手貨，一度護目鏡也有民眾詢問購買；員林市明明眼科醫師黃偉成表示，新型冠狀病毒已知主要透過飛沫與接觸傳染，病毒必須經過口腔或鼻腔的黏膜進入體內，若只單純存在皮膚上是無法傳染的。
黃偉成指出，眼睛結膜一樣屬於黏膜組織，因此合理推測，眼睛確實是可能的病毒侵入途徑。美國眼科醫學會就提出警語，在無法排除結膜進入及空氣懸浮微粒感染冠狀病毒的可能性下，若近距離接觸疑似案例，都必須使用護目鏡保護。
他提醒，除醫護人員需頻繁近距離接觸患者，一般民眾不需要用到護目鏡防護眼部，更重要的還是勤洗手，避免用手去碰觸、搓揉眼睛，減少佩戴隱形眼鏡，戴一般眼鏡可多一層防護，若出現眼睛癢、眼睛紅等類似結膜炎症狀，也別掉以輕心，最好到醫院就醫檢查。</t>
  </si>
  <si>
    <t>新冠肺炎持續攀高，全國增加到322例，彰化縣也一連再添兩例，第15例20多歲男性，留美返台，追蹤接觸人數多達11人，採居家檢疫；第16例30多歲英國留學生，同住家人接觸6人，彰化縣居家檢疫、隔離人數累計也飆到2961人，結案1415人，追蹤中1546人。
彰化縣衛生局表示，第15例是20多歲男性，美國留學畢業後留美工作。3月16 返台，屬於自主健康管理個案，自行在家單人房檢疫，返國後皆無國內就醫紀錄。3月28 全身酸痛、流鼻水及發燒，送醫採檢。經中央公佈為確定個案。同戶家屬及其他成員共11人，採檢居家隔離。
第16例，30多歲女性，英國留學生。3月17在英國時已出現咳嗽、流鼻水，3月29 返台，機場採檢後回家單人房居家檢疫，經中央公布為確診病例，同住家人接觸者6人，採檢居家隔離。
彰化縣衛生局長葉彥伯表示， 這波歐美亞洲疫情來襲，彰化縣自3月18日至4月1日，12天期間，已出現11例境外移入個案。其中9名為留學生（包括歐洲3位，英美各4位）。累計有33名彰化縣同住家屬接觸者。接觸人數增多，居家檢疫人數也益增加，大家出門都帶起口罩了。</t>
  </si>
  <si>
    <t xml:space="preserve">瑞基(4171)成功開發新冠肺炎檢測試劑，市場看好防疫商機，多頭力挺表態，今日股價跳空開高，盤中衝上漲停板78.2元，隨後雖遭打開，但漲幅仍在9%以上。
瑞基已成功開發出適用於實驗室使用的qPCR(Real-Time PCR)試劑，以及適用瑞基POCKIT平台使用的iiPCR系列試劑。qPCR試劑可搭載一般實驗室儀器檢測使用；iiPCR系列試劑將搭載瑞基儀器POCKIT系列使用。瑞基在2018年開發並獲得CE-IVD認證的POCKIT Central儀器，更將萃取與檢測合而為一，sample-in-result-out的設計，只需將樣本置入，85分鐘後即可得知檢測結果，可說是防疫一大利器。
瑞基受惠非洲豬瘟與禽流感疫情持續延燒，亞洲各國積極動物防疫，帶動畜產檢測試劑銷售，1月營收創新高。今年將深耕畜產市場，以亞洲地區為起點，全面拓展非洲豬瘟檢測市場，同時強化佈局PCR在雞禽市場應用；伴侶動物方面，將持續朝新增代理通路前進。
</t>
  </si>
  <si>
    <t xml:space="preserve">
國內新冠肺炎防疫再傳捷報，台灣今（28日）再度無新增確診個案，締造連續3天零確診，此外也達成國內連續16天無本土確診成績。不只有指揮中心送龜苓膏慶祝，網上也一片歡聲雷動，慶祝「嘉玲（+0）」又出現了！同時，今日「解隔離」的人數也讓大家驚艷，網見這數字直呼「好猛」！
在今天，中央流行疫情指揮中心對抗新冠肺炎疫情成立滿百日，繼續創下「零確診」佳績，連續3天國內確診數仍在429例、6例死亡，不少人都對這「台灣奇蹟」感到亢奮。不過有網友點出另一個亮眼成績也非常值得慶祝，那就是解隔離的人數。
疾管署公布，截至目前為止，解除新冠肺炎負壓隔離人數為307人，相較昨日又再新增17人，PTT網友細算發現，在現有429例確診者中，扣掉6例死亡個案，再扣掉307位解隔離確診者後，現有病例僅剩116例，307/429＝治癒率高達71%。
台灣解隔離人數不斷上升，正意味著現有確診者不斷被治癒並逐漸康復，目前現有病例116位，眾人已經開始期待，5月後負壓隔離人人數可以低於100例。網友表示，「解隔離衝啊！拼五月份active cases（現有病例）降百例以下」、「有點想哭，307解隔離」、解隔離+17好猛，治癒率upup！」、「相關人員都辛苦了！勤洗手不亂跑一起加油」。
</t>
  </si>
  <si>
    <t>華爾街的賣壓持續未完，道瓊指數兩天跌逾1,900點，台股26日開在11,468.6點，隨後跌幅擴大逾百點，力守11,400點關卡，蘋概三王皆臉綠。
美國CDC警告美國民眾，為新冠狀病毒肺炎在美國蔓延做好準備，引發美股賣壓湧現，恐慌殺盤一路跌到收盤，四大指數皆下挫。
國票投顧指出，大陸境外新冠肺炎確診人數上升，市場恐慌氛圍加重，導致美股連二日下跌，台股24日留下的空方缺口，再加上目前短均下彎，上方橫亙賣壓，恐將壓抑指數短期表現空間。
從資金面來看，新台幣止貶顯示資金外流壓力減輕，再加上央行公布1月份金融情況，貨幣總計數M1B與M2年增率分別上升至7.61％與 4.6％，已連續24個黃金交叉，意味目前市場資金偏向寬鬆，可為台股提供一定程度支撐。
整體而言，新冠肺炎疫情仍未見落幕，市場因憂心工廠未來營收不如預期，而紛紛轉進避險資產，短期影響仍不可避免，在資金面的挹注下，可望為台股提供支撐。
因此，預估台股在疫情尚未落幕前，將在半年線至季線間區間震盪整理，操作上投資人應隨時關注疫情走向，調節手中受新冠肺炎影響較深個股，可擇具剛性需求且具基本面題材標的，及因疫情而受惠相關個股，以為短多因應。</t>
  </si>
  <si>
    <t>新冠肺炎在大陸第一波的疫情有趨緩跡象，但日、韓、義等國才剛進入疫情升溫期，甚至有多國已出現首宗死亡病例。香港公衛專家指出，如出現1起死亡案例，代表背後有100名感染者，更坦言還可能有第二波爆發疫情；疫情在技術上已算是全球大流行；大陸公衛專家最近也警告，逾半患者入院時並無發燒，用體溫來做判斷，恐有漏網之魚。
復工復學後 可能第二波爆發
香港大學醫學院院長梁卓偉1日受訪時表示，大陸新冠肺炎第一波疫情已大致得到控制，不過在復工、復學後，仍可能出現第二波疫情，需要密切注意當前疫情走勢。他還稱，雖世衛組織對外避免使用「大流行」字眼，但現在全球多處都出現本土傳播，「大流行」的狀況確實已經發生。
梁卓偉以「疫症冰山」形容新冠肺炎疫情，意思即每一例死亡病例中，可能代表死者所處地區有100名確診病例，未被發現僅僅是因為目前檢疫能量的不足，無法全面檢驗。他更警告，目前香港疫情尚未到達最高峰，因此必須做好準備、儲備口罩，所有感染者都應該密切追蹤，才能找到病毒源頭。
大陸衛健委專家鍾南山研究團隊針對大陸31省區市的552家醫院中，分析感染新冠肺炎的1099起病例，並於上月28日將報告投書國際醫學期刊《新英格蘭醫學雜誌》。該研究詳細分析病患的年齡分布、接觸史、感染症狀以及臨床反應等指標，這項報告也將作為遏止疫情擴散的重要參考。
逾半患者沒燒 量體溫恐漏判
這份研究也是首度將病例分布含括至全大陸，並且在研究中透過大數據確定新冠肺炎的致死率為1.4％。談及致死率低於官方數據，該團隊解釋，由於輕症患者並未納入該研究，因此真實世界的致死率可能更低。
值得注意的是，該報告數據表明，逾半新冠患者在入院時未出現發燒病徵；如單以體溫監測個案，可能會遺漏病徵輕微的病人。另外還有少量的患者出現消化道症狀，雖這樣個案不多，但此現象也提醒防疫工作還必須注意糞口傳染。</t>
  </si>
  <si>
    <t>新冠肺炎疫情延燒，嘉義縣政府今2日召開第5次「因應嚴重特殊傳染性肺炎」跨局處會議，縣長翁章梁指示，務必建立起民眾進入公共場所，做好消毒工作的正確觀念，並要求公家機關提供手部消毒液，讓洽公民眾做好消毒，同時各鄉鎮公市所需提報應變計畫，落實外籍移工衛教及管理，建立最高規格應變機制。
今縣府召集縣內有招收外籍學生的中正大學、嘉義大學和南華大學三所大學代表，說明學校因應新冠肺炎相關整備作為，並期勉各校防疫不能有破口，另考量長輩的免疫力較弱，亦也要求社會局在安養中心加強防疫作業，家屬探視也要有相關的配套措施。
翁章梁強調，嘉義縣目前雖無確診個案，但千萬別掉以輕心，縣府會用高標準來防範，尤其醫療院所、安養機構、大專院校，容易造成群聚感染，指示衛生局、社會局以及教育處密切注意，針對近期室內大型活動，目前確切停辦的包括農民節慶祝大會和萬國戲院經典電影放映。
至於確診第32案非法移工形成防疫漏洞問題，翁章梁要求社會局，建立養護機構防疫標準作業，落實管理機制，包括輔導雇主不得聘雇非法移工，並加強外籍移工住宿飲食管理及衛教宣導，提供失聯名單配合警政落實查核，全面提升社區防範措施。
新冠肺炎,移工,消毒,確診,嘉義</t>
  </si>
  <si>
    <t>新冠肺炎肆虐全球近兩年，新冠疫苗接種率雖普遍提升，卻也不斷傳出「突破性感染」，即接種新冠疫苗後仍確診，大陸多地近期已展開施打第三劑新冠疫苗「加強針」。大陸疾控中心免疫規劃首席專家王華慶今（24日）表示，建議免疫功能低或有缺陷者，以及60歲以上人群可進行加強免疫接種。
王華慶今在大陸國務院聯防聯控機制記者會上說，大陸疫苗研發專班就加強免疫接種策略專門組織了專家論證。根據前期加強免疫接種研究結果，考慮疫苗的安全性、保護效率等因素基礎上，提出了3種減毒疫苗和1種腺病毒載體疫苗的加強免疫策略。
王華慶表示，加強免疫接種時間的選擇是基於前期研究結果確定的。大陸專家組建議，在完成免疫程序6個月後，展開海關、邊檢、航空、隔離點防疫、定點醫療機構及擬赴海外工作或學習、交流等高風險人群的加強免疫接種；此外，也建議免疫功能低或有缺陷者，以及60歲以上人群也可進行加強免疫接種。
王華慶說，當前，大陸絕大部分地區已經按照疫情防控需要，開始對重點人群進行加強免疫，但是否需要對已接種其他人群進行加強免疫接種，還有待進一步研究，並根據疫情形勢綜合研判。</t>
  </si>
  <si>
    <t>《最後生還者(The Last of Us)》由頑皮狗團隊(Naughty Dog)開發，遊戲內容大受好評，因此續集《最後生還者 第II章》也讓玩家相當期待，不過受新冠肺炎影響，物流問題造成延後推出，不過讓頑皮狗團隊崩潰的是，網路上竟流出《最後生還者 第II章》完整劇情，讓官方趕緊呼籲不要看。
《最後生還者 第II章》的推出時間，因新冠肺炎被延後至6月19日，而原定6月29日推出的PS4動作冒險遊戲《對馬戰鬼（Ghost of Tsushima）》，則改延後至7月17日推出。但今年4月初時，論壇4chan上竟出現《最後生還者 第II章》完整劇情，甚至還有遊戲任務，迅速在YouTube及各大論壇上引發討論。
A message from the studio: pic.twitter.com/f0TzIZXUIB
不過流出的遊戲劇情，仍讓玩家抱存疑，但頑皮狗團隊得知後，趕緊在官方Twitter發聲明，表示「我們知道，過去這幾天大家都很難熬，我們也是如此，當看到開發的遊戲內容曝光後，我們感到非常失望，為了避免影響到他人，請不要劇透給其他玩家，《最後生還者 第II章》很快就會推出，遊戲體驗仍值得大家等待」。</t>
  </si>
  <si>
    <t xml:space="preserve">亞系外資針對半導體產業出具最新看法，認為隨著美國等解封在即，液晶電視、筆記本電腦下半年需求也有減緩的聲音，但資料中心重啟建設，伺服器需求上升，且目前IC設計廠庫存仍低，點名首選個股台積電(2330)、聯發科(2454)、信驊(5274)。
亞系外資認為，第二季智慧手機終端需求前景弱於預期，加上液晶面板平均售價的上漲最終恐衝擊零售液晶電視的售價，導致出現液晶電視、筆記本電腦下半年需求也有減緩的聲音，另外，因為美國疫苗注射進度順暢，預計市場將重啟，也恐影響到美國總體液晶電視需求，但去年因為疫情，導致伺服器市場基數較低，隨著解封後數據中心重啟建設，預計2021年伺服器市場將成長30~50%。
亞系外資認為，儘管終端需求不確定性增加，但預計IC設計公司不太可能針對晶圓廠削減代工訂單，主要是考慮到現階段庫存水平仍然非常低，根據數據顯示，IC設計廠第一季總庫存天數約75天，儘管相較去年第四季增長，但仍低於2020年第二季的峰值86天，這意味著第三季庫存仍有繼續增長的空間，然而，晶圓代工廠仍有調升平均價格的空間，但若IC設計公司面臨晶圓平均售價大幅上漲的情況，則不排除會開始削減訂單，8吋晶圓第四季潛在訂單放緩的風險，主要是採用大尺寸驅動器IC的液晶電視、筆記型電腦需求減弱，晶圓訂單放緩或潛在削減的風險越來越大。
亞系外資針對半導體個股，首選台積電、聯發科、信驊，台積電繼續享有先進製程的優勢，聯發科有5G的快速成長，信驊則享有數據中心的重啟建設。
</t>
  </si>
  <si>
    <t xml:space="preserve">新冠肺炎的疫情不斷升溫，但網路上有不少謠言，造成民眾無謂的恐慌，紛紛跑至賣場掃貨，無論是衛生紙還是泡麵，只要上架後就立刻被掃光。對此，有全聯的工讀生在網路上透露賣場「慘況」，直呼這景象比中元節還誇張！
這名工讀生在Dcard上發文表示，自己是個全聯資深的小小兼職，透過這幾天的新聞大家應該都知道各賣場的慘況。原PO貼出一張圖，可以看到光是紙箱就有4大捆，他就直言，「我們店的紙箱，平常一天是一捆，甚至不到一捆 今天一天就4捆，這麼多紙箱、這麼多貨，真的比中元誇張」。
在防疫期間，雖然進貨量變多、工作量也跟著變大，但原PO也表示，「在這防疫期間，辛苦各行各業，全聯身為本土企業，為社會物資貢獻小小力量，而在我個人心中，能對這次戰疫，做小小小小貢獻，也是十分榮幸！」
</t>
  </si>
  <si>
    <t xml:space="preserve">為了加緊防控心冠肺炎疫情，解放軍出動了運-20大力支援，成為各方矚目的焦點。
新浪軍事網指出，最近大飛機發動機終於傳來好消息，第一款陸製渦扇-18可能在2020年量產，象徵中方自製大飛機發動機開始進入實用階段。
成都航空發動機2019年底時透露，一款發動機進入量產關鍵階段。而這種發動機是成發集團第一個量產型號，對空軍十三五裝備發展目標至關重要。而成發是渦扇-18的研製單位，這款發動機是俄羅斯D-30KP-2渦扇發動機的仿製型。D-30發動機配備了中方空軍運-20大型運輸機，轟-6K與轟-6N戰略轟炸機等多種飛機。
其中運-20是中國空軍主力大型運輸機，而轟-6K和轟-6N則是空軍現役主力遠程轟炸機。如今渦扇-18量產，為運-20，轟-6K與轟-6N加速生產清除了障礙，力保中方空軍武器升級換代。
此外，2020年這個時間點與中方引進D-30KP-2渦扇發動機相對應。解放軍是在2016和2017年時，引進D-30KP-2發動機。其中2016年時，中方採購了170具D-30KP-2，到了2017年時，又添購了54具，而這些發動機都將在2020年交付完畢。按照俄方透露的合同內容顯示，2020年時，中方將接收58具D-30KP-2發動機。
至於2021年之後的發動機合同暫時還沒消息，外界推測，中方空軍可能會根據渦扇-18實際運用的表現，再決定是否繼續採購D-30KP-2，要是渦扇-18表現出色，或許不會再買。但如果仍需要改善，就會再採購。
分析指出，中方鑑於航發工業還在發展，大飛機發動機領域基礎更是薄弱，因此很有必要這麼做。事實上，當年發展大飛機發動機時，相關部門也採取較穩妥的做法，先研製相對簡單的中等涵道比渦扇發動機，再研製大涵道比渦扇發動機。也就是先解決有無，再設法解決好壞的問題。
分析說，渦扇-18在2014年完成地面台架和高空台測試，2015年初發動機運抵試飛中心，裝在伊爾-76發動機空中試車台實際試飛。經過一系列測試和評估，渦扇-18總算在2019年底量產。由於渦扇-18是成發研製的唯一軍用發動機，也是成發在新世紀第一個量產交付的型號，具有舉足輕重的地位，因此被稱為成發的「生命工程」。
不過，考慮到用戶對渦扇-18是否完全成熟，態度仍有保留，因此外界推測，就算渦扇-18今年能量產並交付，運-20，轟6K與轟6N可能還會繼續採用俄製發動機，或是兩者混用，以免可靠性出現問題，對飛機造成不利影響。
而一旦渦扇-18量產，意味著轟6K、轟6N戰略轟炸機和運-20大型運輸機也將開始放量生產。尤其是運-20，它是中方空軍最亟需的機型。甚至有消息說，空軍可能以運-20為基礎，將它改裝成空中加油機或預警機。這樣一來，解放軍對大型運輸機的需求將進一步提高。而1架運-20就需要4具發動機，因此相關需求更大。也因此，渦扇-18量產，為轟6K、轟6N和運-20擴大生產清除了障礙。
不過，分析指出，D-30KP-2畢竟是蘇聯70年代使用的發動機，戰術技術指標已經落後，需要更新。因此中方需要早日敲定渦扇-20的設計，儘快量產，為運-20升級打基礎。
</t>
  </si>
  <si>
    <t>五大電信公司正加速5G基礎網路建設，希望在年底看到第一波4G升5G的換機潮。神腦國際表示，真正帶動4G用戶升級使用5G服務的時間點，還需要再花一點時間蘊釀 ，雖然下半年有機會看到換機潮，但5G用戶及相關商機爆發成長的時間點，預期要等到2021年下半年到2022年上半年。
神腦國際總裁林保雍日前表示，台灣防疫得宜，加上5G帶動換機潮，手機買氣下半年回溫，神腦下半年營運將優於上半年。
神腦國際策略長邱致忠進一步指出，上半年受到新冠肺炎疫情影響，國內整體手機銷量約落在296萬支接近300萬支，是近幾年來的新低。新冠肺炎影響消費支出，加上中華電、台灣大、遠傳的5G服務於6月底陸績開台，等待更綿密的網路覆蓋、以及更多平價5G機種上市的延遲消費心態，上半年手機銷量清淡，下半年5G網路覆蓋率提升，加上5G版本的Android手機愈來愈平價化、首款5G版本iPhone手機年底上市的加溫下，可望催化買氣，下半年台灣整體手機銷量預估可達350萬支，全年挑戰650萬支。
神腦目前是國內最大手機代理商，神腦強調，雖然神腦來自電信本業的業績衰退，但轉型布局正超前部署，該公司將從手機代銷及電信服務商角色，轉型為全方位的智慧生活品牌通路商，除了販售手機、平板等3C家電，也會擴大至銷售遊戲、保健食品、家電影音、健康娛樂、居家生活日用品、票券美食等。因應5G時代來臨，神腦正規劃結合5G應用的智慧家庭服務，包括實體門市將進行改裝，著重在消費者的情境體驗，同時也會與國際及本土各大3C品牌合作，將神腦門市打造為智慧家電體驗館。</t>
  </si>
  <si>
    <t xml:space="preserve">一項由美國國立衛生研究院（NIH）主導的血液分析研究顯示，早在2019年聖誕節，美國可能就已經有新冠肺炎病例，比2020年1月中旬美國通報首例確診的時間點還要早了半個月。
美國的第一起新冠肺炎案例究竟始於何時？目前美國官方通報的第一起案例發生在2020年1月21日，一名華盛頓州居民從武漢返美後，到醫院就醫確診，不過愈來愈多研究顯示，新冠病毒在美國出現的時間點可能要再往前推。
綜合《紐約時報》（New York Times）、美聯社報導，一項由美國國立衛生研究院主導、於15日刊登在《臨床傳染病》期刊（Clinical Infectious Diseases）的研究顯示，2019年12月底，美國就可能已經有新冠肺炎病例。
研究分析了2020年1月2日至3月18日期間全美50州民眾捐血的2.4萬個血液樣本，當中9個血液樣本測出新冠病毒抗體，其中7個樣本的捐血時間甚至早於所屬州通報的第一起新冠案例，3個樣本來自於伊利諾州，其餘樣本分別來自威斯康辛州、賓州、密西西比州及麻州。
根據分析結果，研究的第一作者、約翰霍普金斯大學彭博公共衛生學院（Johns Hopkins Bloomberg School of Public Health）副教授艾索夫（Keri Althoff）指出，伊利諾州的其中一個案例顯示，最早可能在2019年12月24日平安夜就已經感染。伊利諾州官方的第一起病例發生在2020年1月24日。
這份大型血液分析研究結果，與另一份由美國疾病管制暨預防中心（CDC）主導、於2020年12月公布的血液分析研究一致，CDC的研究顯示，早在2019年12月中，美國就已經有人感染病毒。
對於研究結果，專家並不感到驚訝，尤其疫情爆發初期，各州病毒檢測措施尚未到位，可能遺漏掉了最初幾周的病例，另外芝加哥大學演化生物學家珂比（Sarah Cobey）表示，從當時的死亡率與住院率來推測，專家們早就知道是這種結果。
她說最新的模型推測，2020年3月，伊利諾州可能就有約1萬人感染。
不過這份研究也存在缺陷，讓部份專家質疑準確性。主要問題在於專家難以分辨血液中的抗體是為了對抗新冠病毒SARS-CoV-2、或是其他引起普通感冒的冠狀病毒產生的，因此研究人員在分析時使用了2種檢測方法，設法降低錯誤機率，第一次篩檢出147個樣本，第二次再過濾出9個樣本，儘管如此，仍有專家擔心可能出現偽陽性問題。
另一個疏漏是，研究人員並未追蹤這些案例的旅遊史，驗出的7個案例也不在紐約或西雅圖等美國第一波疫情集中的區域，對此，團隊表示將會進一步追蹤案例的旅遊史。
艾索夫表示，研究顯示，新冠病毒可能已在美國多處播種。
</t>
  </si>
  <si>
    <t>知名YouTuber團體「含羞草日記」的草爺（江治緯），被爆今(10日)凌晨與鳳梨吳泓逸開直播，被線上近萬名網友發現草爺竟與10多位友人在室內喝酒群聚，而且都沒有戴口罩，令鳳梨尷尬退出直播。稍早草爺也在IG為不良示範道歉，表示願意接受相關單位調查，依法進行後續處理。
草爺今日突然在IG發出道歉聲明，「防疫當前，我沒有藉口，不論任何理由、任何人都應該要落實並遵守防疫規範，我身為公眾人物，更應當要做好正確防疫示範。」令不知情的粉絲看了一頭霧水，紛紛留言詢問他是怎麼了？
含羞草（@xiucao.han）分享的貼文
隨後更有網友還原草爺與鳳梨直播的事發現場，「3位在群聚現場包含草爺+一位在家的鳳梨叔叔，感覺都喝多了明明在同一個空間卻一直說我們沒有群聚，鏡頭都照到後方超多人的，至少有10多人（可能更多）室內群聚喝酒，吸引約9000多名粉絲觀看，後來看情況不對叔叔趕緊退出，其他人之後也陸續退出。」
草爺亦在聲明中數度道歉表示，「即使『微解封』，我也會要更謹慎地做好防疫工作，配合指揮中心的防疫指引，避免發生類似的事件。」強調他願意接受相關單位調查，依法進行後續處理。但草爺的道歉文仍遭部分網友吐槽，指適度鬆綁是13號的規範，聲明中講到微解封不對吧。
★中時新聞網關心您：喝酒過量，有礙健康！
★中時新聞網提醒您：因應新冠肺炎疫情，疾管署持續加強疫情監測與邊境管制措施， 如有疑似症狀，請撥打：1922專線，或0800-001922，並依指示配戴口罩儘速就醫，同時主動告知醫師旅遊史及接觸史，以利及時診斷及通報。</t>
  </si>
  <si>
    <t>中國疾控中心官方網站周三發表一篇周報，評估如果中國採取外國的防疫策略，每日新增確診可能達到數十萬例，其中如果採用美國防疫，中國每日新增將超63萬例。文末提到，世界上許多國家都因過於自信地以為病毒傳染力會衰退，而蒙受損失，「我國不應該、也負擔不起成為下一個」。
周報文章《與COVID-19共存：估計和展望》以美國、英國、以色列、西班牙和法國為參考國，並評估若採取參考國的防疫政策，每日新增案例會數以十萬計，其中1萬例會出現嚴重症狀，「對我國的醫療體系造成毀滅性的衝擊，在國內造成巨大的災難」。
文章指出，如果採用美國防疫策略，中國每日確診將超過63萬；若採用英國防疫策略，每日新增則為27萬。值得注意的是，上述結果已是病例預測數字的下限。文章認為，按目前情況，在可預見的未來，全球幾乎不可能消滅這種疾病，全人類不得不暫時與病毒共存。
不過，文章直言：「這樣的現實並不意味着我們可以偏離現有的『動態清零』策...轉而毫無保留地接受某些開放戰略，僅僅依靠某些西方國家宣導的疫苗接種誘導群體免疫成功的假設。」
文末強調，西方國家根據流行病學動態模型來抗疫，「在過去的一年裡，世界上許多國家都因過於自信地跳入後一種情況（病毒傳播力加強）而蒙受損失，我國不應該、也負擔不起成為下一個。」</t>
  </si>
  <si>
    <t>劉真22日晚間22時病逝台北榮總，她的追思靈堂設在龍巖會館，25日下午14時22分開放弔唁，喪禮會以佛教儀式進行。24日早上，大批媒體守在劉真的追思靈堂外頭，目前未見辛龍及劉家人的蹤跡，據悉，辛龍今強忍悲傷，為愛妻挑選塔位。
龍巖會館早上8點多表示：「今日靈堂尚未布置完成，請媒體朋友不必到現場等侯，明天下午於2：22開放粉絲朋友弔唁，現場將採分批分流方式避免群聚，進入會場需配戴口罩量測體溫並用酒精消毒雙手，一起做好防疫，謝謝大家。」
而劉真的追思會將在4月22日舉行，屆時會在寒舍艾美酒店舉行，吳宗憲23日也表示，到時辛龍心情較為平靜，會與大家分享陪伴愛妻劉真走完生命最後一段路的點滴。</t>
  </si>
  <si>
    <t>NBA聯盟昨日向30支球隊發出通告，賽季停擺期間球員可以離球隊所在的城市，但必須事先獲得球團的同意，並且提供每日行程，在與任何人接觸前都要保持距離，然而聯盟這項決定卻沒有包含各隊的國際球員，因為這些球員目前根本無法離開美國。
目前效力於尼克、法國籍球員尼利基納，他在推特上表示，真的無法想像，過去幾年談到病毒和疫情，全球民眾的健康都是平等的，沒想到這次新冠肺炎影響的層面如此的大，現在只能期盼所有感染新冠肺炎的民眾能夠康復。
尼利基納坦承一開始非常害怕，呼籲所有人都要做好防疫準備，「如果想要保持間康，大家都要有良好的衛生習慣，勤洗手、避免握手，妥善照顧好自己就能避免感染病毒。」</t>
  </si>
  <si>
    <t xml:space="preserve">酒店女公關確診引起客人緊張，中國醫藥大學兒童醫院兒童感染科主任黃高彬表示，性器官接觸不會傳播新冠病毒，但親吻、擁抱等行為恐提升傳染風險。指揮中心早期也曾說，許多案例是與家人親密接觸後傳染的。
北市知名酒店女公關確診，相關人士指出，該名公關發病後仍去工作，接觸客人恐逾50人，引發不少男客緊張，根據指揮中心的疫調，該女在4日出現發燒和流鼻水的症狀，目前匡列71位接觸者，2位採檢中。
根據《ETtoday》報導，黃高彬表示，單純性器官的接觸並不會傳播病毒，但在親密過程中親吻對方、肢體碰觸的行為，屬於「超近距離」的接觸，恐會直接噴濺飛沫給對方，造成傳染機會提升。
指揮中心防疫醫師詹珮君也曾在影片中提到，檢疫或隔離期間應該要避免性行為、擁抱等親密行為，莊人祥也曾說，新冠肺炎不是透過性行為傳播，而是因為和病患親密、長時間接觸而感染。
</t>
  </si>
  <si>
    <t xml:space="preserve">
新冠肺炎疫情全球升溫，為了避免病毒快速傳播，全球正在宣導「安全社交距離」的重要性，但是英國一項新研究發表後，人與人之間的社交距離恐怕又要改變了！該研究顯示，在咳嗽時，病毒最遠可傳達6公尺；打噴嚏時，最遠更可達8公尺。
根據BBC報導，倫敦衛生與熱帶醫學院流行病學教授大衛海曼（David Heymann）表示，有項來自於麻省理工學院的研究顯示，人類的咳嗽可以將病毒傳播6米，而打噴嚏可傳播長達8米。
身為世界衛生組織（WHO）傳染病戰略和技術諮詢小組主席，大衛海曼指出，這研究說明了人類咳嗽和打噴嚏所產生的飛沫恐比預想的還來得更遠，如果此研究結果得到支持的話，那麼「戴口罩」的重要性可就大於「保持社交距離」了。 他表示，WHO目前正在對這新研究進行評估，將在未來幾天內將舉行的會議上提出戴口罩的建議。
當前WHO的健康指引是，與任何有咳嗽或打噴嚏的人保持至少1公尺的社交距離；而英國，美國建議應保持至少2公尺的社交距離。（我國則是保持室內1.5公尺，室外1公尺。）
報導指出，根據此研究，目前的社交安全距離可能還要再度調整，但是要保持到6公尺或8公尺的社交距離顯然也是不切實際。
另外，報導中也提到，近日在《自然》雜誌發表的一項德國研究證實了「輕症患者有傳染性」這個假設。因此有媒體認為，應該要戴上口罩來防止輕症患者傳染；同時也有觀點認為，保持社交距離還是有積極意義，「戴口罩」與「社交距離」2者無法代替。
大衛海曼警告，戴口罩必須戴得正確，要對準，捏緊鼻樑；如果口罩變潮濕了就要直接丟棄，因為此時病毒顆粒可以通過；取下口罩時，務必要小心污染到手。不過要小心，長時間配戴口罩會導致人們對上述的建議變得麻木。
</t>
  </si>
  <si>
    <t>新冠肺炎疫情席捲全球，連長壽漫畫《島耕作》系列主人翁，都無法逃過染疫風險！在2月10日發售的漫畫雜誌《Morning》最新一話中，島耕作吃下辣味咖哩，卻出現無法感受味覺的症狀，引起讀者熱議，猜測漫畫中已73歲高齡的島耕作，是否也罹患新冠肺炎，若島耕作因病死亡，可能還因此迎來完結篇。
《島耕作》系列自1983年開始連載，故事從年輕上班族島耕作任職為電器公司課長開始，本以為能迎來光明前途，卻陸續面臨部門派系鬥爭、爭權角力等職場黑暗面，廣獲讀者共鳴。連載近40年來，島耕作從課長逐漸爬升，還成為公司會長(董事長)，退休後成公司顧問。全系列故事如領讀者走一回職涯人生。
有趣的是，因島耕作和漫畫家弘兼憲史是同年同月同日生，也都曾任職於電器公司，讓不少人將主角視為弘兼憲史化身。弘兼憲史曾於2010年訪台時透露，其實這位主角靈感源自一位前同事，「他的個性爽朗，做事有原則，我只要一開筆，他的樣子就會自己跑出來。」
弘兼憲史畢業於早稻田大學法律系，1974年正式出道為漫畫家，作品往往反映社會真實時下環境。如《島耕作》系列最初便是以日本泡沫經濟時期為背景，其他作品如《政治最前線》，也是以日本政界為題。如今故事體現世界疫情變化，許多忠實讀者並不感到意外。
多次訪台的弘兼憲史，曾來台觀摩立法院取材，描繪《島耕作》台灣篇，2018年時，他也談及《島耕作》劇情走向，「在日本也有人當會長當到100歲，所以我或許會畫到自己不能畫為止。未來如果我生病住院、出院，或許也會畫『住院島耕作』、『出院島耕作』。」</t>
  </si>
  <si>
    <t xml:space="preserve">統振(6170)11月營收雙增，順利站回3億元大關，展望未來，統振看好台商回流將推動外籍移工需求的人數增加趨勢明確，對於統振營運將提供正面助益。
統振11月合併營收為3.13億元，受惠於能源事業、流通事業之業績齊步成長，月成長18.46%、年成長1.01%；累計1至11月合併營收為33.33億元。
統振表示，今年因疫情影響干擾整體業績表現，累計今年前三季營收比重來看，分別為48.89%、44.08%、7.03%，其中，能源事業部較去年同期成長2.59%，主要歸功於疫情推動歐美市場的宅經濟大量需求增加，尤其在雙11、雙12傳統消費購物旺季帶動下，創造公司旗下3C電池封裝產品的出貨暢旺，拉升電池封裝的產能利用率保持在一定的水準之上，亦是統振11月單月營收能站回3億元關卡。
統振進一步表示，除了能源事業部的營運表現出色外，金融科技業務受惠於移工匯款業務、電信預付卡銷售等在台灣外籍移工的利基型市場中位居領先之地位，在後疫情時代也為統振今年整體營運添柴加火，挹注統振2020年前三季的營業毛利率較去年同期增加3.08個百分點、達18.56%，稅後每股盈餘(EPS)為1.23元、年增95.24%。
根據勞動部最新統計數據指出，2020年10月底產業及社福移工人數達70.12萬人，移工匯款市場規模可觀，展望未來，統振看好台商回流將推動外籍移工需求的人數增加趨勢明確，仍積極拓展公司布局金融科技的移工匯款業務更多市場份額，一方面，公司在去年底已成功申請擴大沙盒實驗之移工匯款限額與筆數限制，提高至每月上限10萬元、一年匯款上限50萬元，單日則維持3萬元不變，創造外籍移工更便利的服務。
</t>
  </si>
  <si>
    <t>新冠肺炎疫情持續延燒，新竹市長林智堅4日至伯大尼老人養護中心視察，檢視長照機構防疫措施，包括接送長輩的車輛、出入機構防護措施等，他並宣布發放1萬5000片口罩給長照機構長輩使用，加強長輩的健康防護工作。
林智堅今天視察伯大尼老人養護中心，他表示，針對日間照顧中心等長照機構，市府衛生局已要求各機構均需加強防疫措施，針對工作人員進行感染管制教育訓練、對工作人員與服務對象及家屬進行健康管理，另外針對環境清潔部分每日要求須進行消毒，他同時也再叮嚀長輩洗手7步驟的重要。
另，考量長輩於社區活動感染風險較高，市府目前暫停全市的社區關懷據點、長輩共餐、C級巷弄長照站、長青學苑等長輩活動據點，暫定停課至3月底。
家樂園社區式長期照顧機構院長劉美男則表示，面對來勢洶洶的新冠肺炎，機構已要求針對接送長輩的車輛除每日消毒外，長輩上車前，工作人員也要全程配戴口罩替長輩量體溫，確認無發燒症狀後，才接送長輩至日照中心接受服務。
此外，由於新竹市目前超過9成口罩都已分配給醫療院所和照護機構，但因長輩屬於感染高風險族群，因此市府加倍謹慎，林智堅今天也宣布發放1萬5000片口罩給長照機構長輩使用，另有白因子公司致贈560瓶抗菌消毒液予95處長照、失智據點，加強長輩的健康防護工作。</t>
  </si>
  <si>
    <t>台灣已經連續超過1個月沒有新冠肺炎本土感染病例，隨著疫情明顯趨緩，各項防疫的規定也逐漸解禁，宜蘭縣長林姿妙15日宣布，全縣所有的社區照顧關懷據點即日起恢復桌遊、室內運動等社區相關活動課程，以鼓勵各社區的長者維持運動習慣，保持健康的身心。
宜蘭縣政府上星期宣布開放縣內的長照機構可採實名探視，如今再進一步擴大放寬管制措施，宜蘭縣各個社區照顧關懷據點自即日起恢復健康促進課程。
縣府表示，因新冠肺炎疫情影響，自3月26日起為縮短各社區關懷據點的所有健康促進課程由3小時減為1小時，並且暫停集會活動，至今已長達50天，許多長輩都相當期待能恢復原來的課程時段。
考量疫情已經趨緩，縣長林姿妙也從善如流，在15日的宜蘭縣防疫會議上當場裁示，全縣117個社區照顧關懷據點即日起恢復社區相關活動課程，至於長青食堂為了防疫而採取的自行取餐或專人送餐服務則將持續，以降低眾人因坐在一起吃合菜發生彼此感染的機率。</t>
  </si>
  <si>
    <t>新冠肺炎疫情延燒，中央流行疫情指揮中心18日公布台灣新增23例確診案例，連續4天打破單日新高，加上前天累計的77例，確診人數已達100例。疫情指揮中心指揮官陳時中表示，新增案例中，有3人風險較高。其中，1名法國人、1名曾赴印尼的女子，在台待了約4天才確診，另1人則是繼案50以來，再度出現無旅遊史卻染疫的本土案例。
陳時中表示，3名風險較高的確診者分別是20多歲法國男子（案84）、曾赴印尼峇里島的20多歲女子（案95），以及1名感染源不明20多歲南部女子（案100）。
2例自法國印尼入境
中央流行疫情指揮中心社區防疫組副組長莊人祥表示，法國男子3月12日自法國來台，16日出現發燒症狀，就醫進行採檢後確診，來台期間多待在台北市，活動地點為一般觀光客愛去的景點。男子入境時，法國尚未列入第三級地區，只需自主健康管理，目前尚無法確定男子外出時是否配戴口罩。
另一名高風險個案，為自印尼峇里島返台的20多歲女子，女子與先生在3月6日前往自由行，10日在當地出現喉嚨腫痛、輕微咳嗽的症狀，12日入境台灣時，因沒有症狀未被攔下。
16日因身體不適，自行前往就醫，昨日確診新冠肺炎。莊人祥表示，該女子返台後都住在旅館直到採檢確診，期間未返家。
至於感染源不明本土個案，則是20多歲南部女性。莊人祥表示，女子3月12日出現喉嚨痛、咳嗽、發燒，當日前往就醫，16日開始喘，就醫診斷為感冒。
其餘個案病情穩定
該名女子因症狀未緩解，17日再前往急診就醫。雖然女子無旅遊史，但是醫師仍基於無法排除新冠肺炎感染風險而通報，採檢後確診，目前衛生單位仍在詢問女子發病前的接觸史，釐清感染源中。
根據統計，台灣昨日新增884例疑似案例，目前累計1萬8812例，其中1萬7793例排除、100例確診。確診個案中維持1名死亡，22名解除隔離、其餘個案病況穩定，持續住院隔離中。</t>
  </si>
  <si>
    <t>大甲媽遶境首度遇上疫情攪局，輿論多建議停辦，鎮瀾宮臉書粉絲頁也湧入網友留言一面倒支持停辦。媒體對此詢問顏清標，他四兩撥千金回應「你們自己討論就好了，不要政治化，媽祖是大家的，不是董監事的，不要一竿子打翻一船人。」他也大嘆，有的友宮已經遶境，我們還有24天起駕，還沒辦就被罵得要死。
媒體問到大甲媽取消三大慶典，是否會降低信眾追隨意願？顏清標說，這是一定會的，因此我們將節省下來的3千萬捐給流行疫情指揮中心，用於添購防疫設備。進香沿路不認識的人都會花大錢準備豐盛餐食，並恭迎大甲媽鑾轎，這也會被罵，安全起見，改為提供便當。
針對遶境取消「摸鑾轎、稜轎腳」，顏清標說，這是為了安全起見，專家罵成這樣，不能摸人家也會罵，這不是我們董監事開會討論而已，「我等會也要下南部向友宮陪不是，不是幾句話講講這麼簡單而已，人很難為啦！」
顏清標強調，進香遶境活動都配合政府政策，政府怎麼指示，我們怎麼做；在疫情尚未控制住、未滅之前，慢一點舉辦也沒關係啊！有的友宮已經遶境，我們距離起駕還有24天，還沒舉辦就被罵得要死了。
顏清標感嘆「我們要愛惜自己，也要尊重別人啦！」</t>
  </si>
  <si>
    <t>新北市長侯友宜今（6日）主持防疫會議記者會表示，端午節將至，上周起即要求自治會配合管控所，至6月5日已開出325張稽查單，動員3600人次端午節前加強稽查。
侯友宜說，今天看起來確診個案有下降，但沒有大幅下降，還是跟病毒對抗，沒有壓到大幅下降，不能掉以輕心，要繼續低度活動，有效控制傳播鏈。
此外，剛好遇到端午節將至，侯友宜說，動員市府市場處、區公所、警察3600人次稽查傳統市場，強力要求再要求，目前有10個自主休市，還有一個停業、16處觀察中，大家一定要做到。
自治會可以提供不一樣的做法，依據地形這很重要，不僅QR掃描，還有戴口罩、維持社交距離外，每個人要有一個觀念，一次買一周不要每天買，攤商除了戴口罩還戴面罩這是對的保護自己保護別人。
侯友宜說，今天去水流公市場，很多市場管理不是只有單一方式，感謝公務員請不要返鄉拜託堅守崗位，市民要低度活動，不要再回故鄉了。</t>
  </si>
  <si>
    <t>展開新的一天，中時新聞網帶您看看，世界發生了哪5件大事：
【1】雖然死亡人數續增，但美國多州已迫不及待解封，放寬社交距離限制，而據權威模式估算，美國的死亡人數將倍增。
【2】由於新冠肺炎疫情肆虐，全球反陸情緒達1989年天安門事件以來最高。而美國緊咬大陸不放，認為中方隱瞞，導致全球疫情一發不可收拾，而北京則加以駁斥。除了新冠爭議外，雙方在政經軍事上持續較勁，緊張不斷升高。據北京內部文件顯示，美中可能爆發武裝衝突。
【3】雖然中國大陸受到新冠肺炎疫情衝擊，但美國總統川普仍堅持，要北京履行向美國採購2000億美元（近6兆台幣）商品的承諾，否則將再打關稅戰。
【4】「鑽石公主」號郵輪爆發群聚感染，一度成為各方關注的焦點，專家經過調查後發現，病毒原來藏在這些地方。
【5】前好萊塢女星梅根和夫婿哈利王子震撼脫英後，依然是各方關注的焦點。他們從加拿大遷居美國加州後動作不斷，如今已訂8月11日將出王室內幕自傳，可能又將掀起另一波新話題。</t>
  </si>
  <si>
    <t>新竹市政府繼新竹國軍醫院設立篩檢站之後，第二個篩檢站將設在新竹科學園區，26日下午市府偕同竹科管理局及醫院代表前往竹科會勘，尋找適宜的設立地點，竹科管理局也證實選定地點後，會在一、兩周內盡速搭建完畢，後續將提供廠商申請給有需要的員工及家屬前來採檢。
新竹市跟科學園區在產業、生活、防疫上緊密聯繫，市長林智堅日前也表示雙方成立防疫聯絡窗口，與竹科會共同築起防疫高牆，守護護國神山群，雙方達成設立篩檢站共識後，26日下午進行場地會勘。
據了解，竹科篩檢站選址盡可能選在空曠、通風及交通良好之處，屆時也要考量人流管制，市府的角色為協助科管局建制，將新竹國軍醫院的範例挪制竹科園區使用，希望採用高規格的方式替園區企業員工採檢。目前仍在選址，包括篩檢能量、醫事人員進駐都還在規畫中。
竹科管理局副局長陳淑珠表示，園區員工大部分在新竹縣市居住，若竹科提供篩檢站，可讓園區廠商就近篩檢，規畫以企業為單位申請，除了員工之外更擴大讓家屬也能來篩檢，26日若選定位置後，快在一兩周內盡速搭建完成，所有程序都會按照市府以及CDC相關規範來做。</t>
  </si>
  <si>
    <t>義大利佛羅倫斯大學分析43名30到60歲罹患過新冠肺炎男性精液樣本，研究顯示康復後有25%男性的精子數量較低，20%是「空包彈」的無精症，高於全球男子無精症的比例，對此指揮中心表示，染疫後身心壓力的確會影響生理功能，但該研究樣本數少，也沒有染疫前的精子數量做對照，待後續更多資料再來分析才能證實。
中央流行疫情指揮中心醫療應變組副組長羅一鈞指出，去年5月大陸研究就有指出男性精液中可以驗得到新冠病毒，但目前還沒有報告證實會透過性行為傳染，因此在精液中驗到新冠病毒就像在尿液、糞便中會驗到病毒一樣，會在部分體液中出現。
對男性生殖系統的影響部分，羅一鈞表示，這篇報告提供些新線索，有可能會影響到男性的精子數目，不過感染到新冠病毒這樣嚴重的流行性傳染疾病會帶給染疫者很大的生理壓力，尤其像呼吸系統，身體會自動移轉其他如生殖系統等能量來維繫，因為生命延續功能在當下可能沒有那麼重要，因此身心壓力的確可能影響生理功能，但該研究樣本數少、沒有對照組，也沒有43名男子染疫前的精子數量資訊，還需要更多資料分析才能證實。</t>
  </si>
  <si>
    <t>西班牙加泰隆尼亞自治區政府主席托拉（Quim Torra）今天表示，自己對2019冠狀病毒疾病（武漢肺炎）檢驗結果呈陽性，他會在一棟政府大樓內自主隔離。
路透社報導，加泰隆尼亞政府副主席阿拉岡尼斯（Pere Aragones）昨天宣布自己檢驗結果也是陽性。
西班牙交通部長阿巴洛斯（Jose Luis Abalos）今天接受西班牙國家廣播電台（RNE）訪問時說，西班牙現行限制疫情擴散的措施，「顯然」必須延長到原訂的15天期限以後。</t>
  </si>
  <si>
    <t xml:space="preserve">目前台北、桃園、台中、台南、高雄等五都已公布今年2月份買賣移轉資料，由於今年春節在1月份，2月的工作天數相對多，因此今年2月與去年同期相比皆大幅增加，台北年增64.7%、桃園年增72.2%、台中年增70.9%、台南年增46.3%、高雄年增33.4%；但若統計今年1~2月買賣移轉棟數，並與去年同期相比，則五都各有增減，台北市年增14.6%、桃園年增23.8%、台中年增9.2%、台南年減1.2%、高雄年減10.4%。大家房屋企劃研究室主任郎美囡分析，今年初受肺炎疫情之故，看屋量多少受影響，不過去升溫的買氣依然延續至今年，尤其具有建設議題的區域吸引自用買盤進駐，故各區域1~2月的交易表現有所差異。
住商不動產企劃研究室經理徐佳馨指出，受惠台商回台布局及自用買氣升溫，部分區域的房市交易持續維持熱度，但新冠肺炎疫情尚未減緩，近期市場走向充滿變數，今年首季的市場交易仍具挑戰。
綜觀各都買賣移轉情況，今年2月份因工作天數較多，單月份表現突出，台北月增22.3%、年增64.7%，桃園月增2.6%、年增72.2%，台中月增34.6%、年增70.9%，台南月增13.0%、年增46.3%，高雄月增15.3%、年增33.4%。不過以1~2月合計買賣移轉棟數與去年同期比較，五都的交易表現有明顯落差，台北年增14.6%、桃園市年增23.8%、台中年增9.2%，反觀南台灣交易則明顯降溫，台南年減1.2%、高雄年減10.4%。
郎美囡表示，台南市、高雄市在去年初市場交易熱絡，比較基期高，故今年1~2月交易相比量減，尤其高雄市受選舉議題影響，反應較為明顯。而台北、桃園、台中雖然也因疫情干擾看屋量，但自用買盤撐場，機能佳或具有增值潛力的區域備受矚目，另一方面，台商回流、資金回台布局等因素讓市場游資充沛，故部分高端買方選擇高價位的物件入手，且有些民眾依據SARS經驗欲於此時逢低進場，因此若賣方或建商願意讓價，有助於推升交易量。
</t>
  </si>
  <si>
    <t>從上周五開始武漢、湖北解禁，不再採包機形式返台，改成自行搭機，返台後集中檢疫14天。中央流行疫情指揮中心今指出，目前已有12名台商返台。
指揮中心表示，12名台商中有1位是5月9日返台、昨天有11位，分別送往南、北的檢疫所進行隔離。
指揮中心表示，最快1個月內可解除對武漢台商的註記。但還是要觀察武漢當地的疫情狀況，以及接下來返台的台商中，是否還會有確診者出現。</t>
  </si>
  <si>
    <t xml:space="preserve">新冠肺炎疫情嚴峻，桃園市社會局宣布，除關懷據點已於本周一停辦，老人會春遊及參訪觀摩活動、長青學苑也暫緩，身心障礙證明到期可依法展延60天，人民團體如任期屆滿需改選，可依法申請延期3個月，避免成染疫破口。
社會局指出，考量老人會活動參與者多為中高齡者，且活動參與因長時間且近距離接觸，具有較高傳播風險，由區公所辦理或市政府補助辦理的長青學苑課程，已全面研擬暫緩辦理，也呼籲各老人會一同加入防疫行動，參訪觀摩等群聚活動延期調整至疫情緩解後辦理。
疫情也讓各醫院祭出探病須登記、限制時段人數等多項禁令，社會局考量市民恐因疫情影響，無法至醫院辦理鑑定，為維護身心障礙者權益，將依身心障礙者權益保障法第14條，主動辦理展延60天，並發文通知民眾相關權益注意事項。
依規定人民團體會員大會每年須召開1次，因應疫情防治，社會局也彈性調整，授權團體自行評估延期，今年底前召開大會即可，若團體今年涉及改選，可向社會局提出申請延後召開，延長時間以不超過3個月為限，也呼籲團體近期若有召開會議的必要，務必遵照中央流行疫情指揮中心公告的集會相關防護措施辦理。志工訓練也建議採線上及影片教學方式辦理。
有關老人會、長青學苑問題，請電洽3322101分機6411-6418；身障證明展延問題，請電洽368-4368；人民團體改選問題，請電洽338-2981或336-2956；志工訓練問題，請電洽3322101分機6312-6314或桃園市志願服務推廣中心426-2881。
</t>
  </si>
  <si>
    <t>我國在今年5月中旬爆發多起新冠肺炎群聚案，因為當時醫療量能不足，指揮中心當時決議，無症狀或輕症確診個案解除隔離治療後，要再進行數日的居家隔離，但有不少勞資雙方詢問此期間有假可請嗎？或是要用自己的假？勞動部表示，經詢問指揮中心，確認此段期間可依「嚴重特殊傳染性肺炎防治及紓困振興特別條例」請防疫隔離假，至於是否可請領津貼則由指揮中心決定。
我國在5月中旬時爆出多起群聚案，至今已累積超過萬例確診個案，為了減少醫院負擔，指揮中心放寬解隔離標準，但也要求解隔離後應在家中居家隔離數日。
勞動部條件司司長黃維琛表示，如果經認定是職業上原因致感染嚴重特殊傳染性肺炎，雇主應給予公傷病假，並給付相當於原領工資之工資補償；勞工如非因職業上原因感染嚴重特殊傳染性肺炎，隔離治療期間得請普通傷病假、特別休假或事假。
黃維琛說，但近期有勞工及雇主詢問解隔離後，指揮中心要求在家隔離，此時可以請什麼假？經詢問指揮中心後，認為為特別條例中的「防疫隔離假」，並且可以追溯，意謂如果勞工當時是請「病假」、「事假」或「特別休假」，「防疫隔離假」，「防疫隔離假」的給薪方式則依勞資協議，如果不給薪是否可請領防疫補償則待指揮中心決議。</t>
  </si>
  <si>
    <t xml:space="preserve">南韓人氣女團TWICE台灣成員周子瑜，日前和隊友視訊分享近況，才知道她已低調返台，目前正在居家檢疫中，而她的媽媽也證實子瑜3日就回來了，既然配合政府防疫，就把隔離14天當休息，並透露她在家的行程。
因為新冠肺炎疫情影響，TWICE不少行程被迫取消，近日TWICE開直播和粉絲互動，子瑜卻缺席，後來她透過和成員視訊，才知道原來她已悄悄回台，但為了配合政府防疫政策，需居家檢疫14天，據《自由時報》報導，子瑜媽媽證實她3日返台，預計要到18日才可出關。
雖然不能出門有點悶，但子瑜會在家看電影、做適度運動健身，至於何時回韓國？子瑜媽媽也表示，要看TWICE之後的行程，如果活動再延期，她回去時間也可能延後。而之前為了疫情，子瑜分別捐出5千萬韓元、30萬人民幣給中韓兩地，媽媽也證實「這是女兒的心意」，並說她是自掏腰包的。
</t>
  </si>
  <si>
    <t>中國重慶智飛生物製劑公司27日宣布，他們所研發的重組蛋白新冠肺炎疫苗，經第3期臨床試驗顯示，對預防新冠肺炎的保護力達81.76％，對Delta變種病毒株也有77％的保護力。
具體實驗數據方面，澎湃新聞報導，公告稱智飛疫苗自2020年12月12日開始，陸續在烏茲別克、印尼、巴基斯坦和厄瓜多等國家進行第3期臨床試驗，18歲以上受試者共計2萬9000人，按照0、1、2月的免疫程序共接種3劑疫苗。
截至本次數據分析日，對於任何嚴重程度的新冠肺炎的保護效力為81.76％，達到WHO要求的新冠疫苗有效性標準。其中，對於新冠肺炎重症及以上病例、死亡病例的保護效力均為100％。
安全性數據結果，總體不良反應發生率，疫苗組與安慰劑組無顯著差異，顯示安全性良好。智飛強調，他們是目前全球唯一對野生株和主要變異株完成完整第3期臨床試驗的疫苗。
對於新冠病毒變異株的保護效率，此前智飛生物公司副董事長蔣凌峰公開表示「值得期待」。初步分析結果顯示，對Alpha變異株的保護效力為92.93％，對Delta變異株的保護效力為77.54％。
中國目前使用的國產新冠疫苗計有科興（Sinovac，減毒疫苗）、國藥（Sinopharm，減毒疫苗）、康希諾（CanSino，病毒載體疫苗）等，智飛是首款重組蛋白疫苗，今年3月被納入緊急使用，是大陸第4款獲批緊急使用的新冠病毒疫苗。截至26日，全大陸累計接種疫苗20億劑次、近9億人已打完2針。</t>
  </si>
  <si>
    <t>不畏新冠肺炎（COVID-19）疫情，經濟部加工出口區管理處挺就業，每月徵才服務不間斷，高雄及台中園區將分別在14日、以及29日，舉辦現場徵才活動，共釋出242個職缺，此次徵才廠商包括華新科技、台虹科技、光頡科技、台灣三井高科技、組弘科技、億力光電及聲遠精密光學等7家知名企業。
加工處12日表示，14日登場的高雄園區徵才活動，參加廠商包括華新科技、光頡科技、台灣三井高科技、組弘科技、以及台虹科技等5家公司，提供職缺項目包括設備保修助理工程師、品管／品保工程師、測包助理工程師、生產助理技術員、倉管技術員及操作工等，總計212個職缺。
台中園區徵才則在29日接棒，共有億力光電、以及聲遠精密光學等2家廠商參與徵才，釋出共30個職缺，設備工程師薪資上看45K。</t>
  </si>
  <si>
    <t>本周星座運勢星座專家許睿光老師提醒，太陽落在雙魚座，海王星是雙魚座的守護星，所以這周很有可能會有新冠肺炎的好消息。水星在持續逆行的時間，老師也提醒可以繼續處理過往沒有處理好的事情，比如帳單。這周也有可能會有一些報仇的機會，或是吵架的衝突。
運勢大旺：
●雙魚 ♓️ 充滿理想 貴人扶持
●魔羯 ♑️ 努力執行 意見領袖
●天蠍 ♏️ 開心愉快 桃花朵朵
●金牛 ♉️ 偏財運旺 意外好運
運勢平穩：
●牡羊 ♈️ 正財走旺 長官加持
●天秤 ♎️ 照顧身心 工作績效佳
●射手 ♐️ 家運走旺 努力進財
●處女 ♍️ 職場合作 績效傲人
要注意：
●巨蟹 ♋️ 貴人撐腰 擊退不安
●雙子 ♊️ 人際運旺 職場須謹慎
●水瓶 ♒️ 正財走旺 避開人際紛爭
●獅子 ♌️ 多方資源 笑看他人閒言
➤加碼
財運最旺：水瓶 ♒️
桃花最旺：金牛 ♉️
事業最旺：雙魚 ♓️</t>
  </si>
  <si>
    <t>因應新冠肺炎傳播社區化，並提升檢驗案件數，疫情指揮中心規畫，近日將在各縣市設立167家採檢院所，主要為一般、中度級急救及非急救醫院，或經地方衛生局指定醫院或衛生所，以便診所醫師將疑似病患轉至採檢所進行進一步的採檢，另民眾有國外旅遊史、出現發燒或呼吸道症狀，也可自行前往採檢。
目前新冠肺炎病毒檢驗機構計有30家，疫情指揮中心社區防疫組副組長莊人祥表示，昨日新增預醫所、台美醫事檢驗所、新竹馬偕醫院及嘉義基督教醫院4家指定檢驗機構，家數由30家增加至34家，自今日起，國內檢驗量能，將由一天3000件提升至3200件。
轉診安置有待細化
莊人祥指出，新冠肺炎歐美疫情嚴峻，已是全球流行，為因應傳播社區化及預防大型醫院院內感染，指揮中心將在各縣市設立採檢院所，診所醫師若研判病患為新冠肺炎疑似病例，可轉至採檢所進行採檢，以補強現有診所沒有快篩工具無法進行篩檢的問題，另採檢院所也開放讓民眾前往，如果14天內有國外旅遊史，且出現發燒或呼吸道症狀，民眾可逕至採檢院所，由採檢院所醫師研判是否需要採檢。
南台科大生技系講座教授蘇益仁表示，設立採檢所牽涉的問題不是只有採檢而已，還有很多的環節，包括診所所認定的疑似病例，要在如何的防護之下轉至採檢院所，在等待採檢結果出來之前，病患要先安置在哪裡，這是個複雜體系的運作，一定要先演練過一次，不是只有設立採檢地方就好了。
高齡、糖尿病應列優先
蘇益仁指出，依目前一天3000件來看，167家採檢院所計算，平均一家大約只能篩18件左右，這個量並不多，國內約有1萬多家診所，每家轉來一位，量就爆了，目前國內的篩檢量應要再提升，依目前規畫的篩檢量來看，無法完全應付診所轉來的疑似病患，篩檢能量要留給真正需要的人，例如本身還有糖尿病或是年齡高的長者，這些都是新冠肺炎重症高危險族群，應考慮予以優先採檢。</t>
  </si>
  <si>
    <t>新冠肺炎疫情爆發至今，新北宣布因染疫確診往生者的市民，發放慰問金10萬元給往生者家屬，多名北市議員力促市府跟進，近期也傳出跟進消息，總計有247人受惠，北市副市長蔡炳坤證實，昨日民間捐款委員會已通過此決定，未來會由社會局主動發放。
針對是否發放家屬慰問金，柯文哲態度轉變多次，先是認為「法」要有一致性，倘若因新冠死亡就要賠償，那以後流感、腸病毒、水痘、皰疹要不要賠？又因議員質疑北市募款已近4億，沒理由不跟進慰問金發放，柯文哲則說有剩下就可以，但要委員會討論。
近期北市社會局公布，凡設籍北市、因新冠肺炎往生者，家屬將會獲得10萬慰問金，共計247人，包括去年5月的2人，都會一併發放，以繼承人為第一順位，外界好奇為何市府會通過發放？何時能夠領到錢？
對此，北市副市長蔡炳坤說，每位確診者家庭都需要市府關懷，昨日的民間捐款委員會，也通過家屬慰問金10萬的提案，社會局會主動發放，對家屬提供相關慰問和協助。</t>
  </si>
  <si>
    <t>華新（1605）2019年因認列投資寶德損失16.8億元、鎳避險損失10億元等，2019年EPS為0.95元，創近四年新低，27日董事會決議每股配發現金股利0.5元。華新大陸南京華新城D地塊第三期住宅已獲南京市政府列為優先取得銷售許可證名單，因疫情影響，預計下半年銷售，可望貢獻2020年營運。
此外，華新因應大陸及印尼不鏽鋼業者掌控鎳生鐵原料，低價競爭的威脅，農曆年前董事會決議在印尼青山園區設廠，生產鎳生鐵，總投資金額超過5億美元，華新先出資五千萬美元，取得一半股權，預計2021年第三季完工試車，年產3.6萬噸純鎳，產能全開估算，預計五年投資可回收。
為了充實營運資金，華新計畫2020年發行公司債1.79億美元，建廠需要3.5億美元資金，計畫向銀行辦理專案融資。
華新27日董事會承認2019年財報，2019年合併營收1,348.04億元，營業利益40.59億元，淨利歸屬母公司業主31.5億元，EPS降為0.95元。董事會也決議，每股配現金股利0.5元，以27日收盤價13.95元計算，現金殖利率3.58％，並通過5月29日召開股東會。
華新27召開線上法說會表示，2019年不鏽鋼部門雖受中美貿易戰影響，但前三季不鏽鋼銷量平穩，不過第四季因大陸對手用鎳生鐵生產不銹鋼，造成產品價格與國際鎳市場價格脫鉤，華新獲利受影響。為此，華新年初董事會決議到印尼青山建鎳生鐵廠，以確保原料供應穩定，希望下半年逐步回到穩定獲利狀態。
華新指出，電線電纜部門獲利穩定，其中建築用線及基礎設施用線獲利穩定，風電、太陽能及港機電纜市場成長佳，離岸風電也洽談合作，太陽能及港機電纜獲國際訂單。
華新商貿地產部門在南京開設「華采天地」商場，2019年中開幕，目前人流及營業狀況穩定，南京華新城D地塊「璟園」第三期獲南京市政府列銷售許可證優先名單，因疫情還無法銷售。AB地塊辦公樓採分期開發銷售模式，6號樓預計2020年第三季開始出租，1號樓興建中，預計2021年底完工。
華新表示，大陸各廠區受新冠肺炎影響延後開工，目前均復工，到崗比例從40％～81％不等，預計3月下旬會恢復正常運作，將影響2、3月合併營收，3月受影響程度沒有2月多。</t>
  </si>
  <si>
    <t>台灣基進立委「3Q哥」陳柏惟今（24）日在立院質詢行政院長蘇貞昌時指出，我們邀請香港人來台灣當兵，有三個好處：第一，他比我們年輕；第二，他比我們更討厭大陸；第三，可以增加我們勞工人數。可否考慮這件事情？
陳柏惟表示，「今日香港，明日台灣」，聲援香港不是說說而已，有一個實際上可以做的，我們邀請香港人來台灣當兵，是當兵不是當官喔，不是當軍官。
陳柏惟分析，當兵有3好處，第一，他比我們年輕；第二，他比我們更討厭大陸；第三，可以增加我們勞工人數。可否考慮這件事情？
蘇貞昌回答指出，這個我看，可能要慎重！
網友在「3Q陳柏惟立委網路後援會」留言，「這是？？？」「真心公三小？」、「你欠思考喔」、「請3Q不要把自己當作藝人搞笑！莫忘初衷，選民都用顯微鏡監督您一人」、「沒啥可說嗎？高知名度更要謹言慎行！」「是在開玩笑嗎？」、「 以後發言要更謹慎！！！」
另外，陳柏惟此也被PTT網友噓到爆，「看破手腳」、「對民生息息相關的國土法裝死」、「最好認真一點，否則沒下一任了！」、「這真的扣很多分」、「菸粉一致認為有料的立委」、「3Q先叫覺青簽志願吧」、「誰選出來的？這素質」、「沒下屆了，幫QQ」、「台中呂孫綾」、「內交部已經很...這次直接突破天際」、「別這樣，綠媒狂捧的基進黨唯一香火」、「這麼快就就爆了」、「要台獨卻不敢當兵？笑死」、「可憐哪」、「當初應該蓋廢票才對」、「笑死，還好只有一席」。
陳柏惟在「3Q陳柏惟立委網路後援會」臉書回應，「我收到大家的意見了，今天是內政質詢，這是因應中華民國憲政能引渡香港人的一種方法，因為投資移民、婚姻移民、學生簽證不能解決香港來台問題，議題上不妥就再修正，這樣的發言我也要承受後果，再次謝謝大家的意見我其實講了15分鐘，很可惜聚焦在這個點，我會再調整，很抱歉讓大家費心」。
「3Q陳柏惟立委網路後援會」隨即關閉留言功能。</t>
  </si>
  <si>
    <t>高雄市左營某藥局遭檢舉對外以每片10元高價銷售醫用及外科口罩，1個月就賣出21萬多片，獲利數十萬，疑涉哄抬價格及囤積防疫物資。調查局日前約談藥局負責人林姓藥師，已依違反《傳染病防治法》、《嚴重特殊傳染性肺炎防治及紓困振興特別條例》、《刑法》妨害農工商罪等罪嫌移送橋頭地檢署偵辦。
調查局強調，本案是新冠肺炎行政院徵用全國66家口罩製造廠商後，偵破囤積、哄抬價格與數量最高的防疫口罩案件。
高雄市調處接獲情資，指左營某大藥局以每10元價格，對民眾銷售「益江拋棄式醫用口罩（未滅菌）」疑哄抬價格及囤積防疫物資。
上月13日，檢調會同衛生局及消保官前往藥局稽查，查出藥局負責人林姓藥師，自1月31日行政院公告「一般醫用口罩及外科手術口罩」為防疫物資後，即以每片6元價格向供應商大量進貨囤積「益江拋棄式醫用口罩（未滅菌）」。
檢調發現，該藥局趁疫情蔓延，且醫用口罩不足之際，將售價調漲至每片10元販售；自2月3日至3月3日止，已售出21萬5350片。林到案坦承不諱，遭移送法辦。
此外，海洋委員會主委李仲威昨在立法院內政委員會答詢表示，海巡署今年已查獲超量出口口罩2案，合計逾7萬片，未來會持續加強管控邊境防疫、防止非洲豬瘟、新冠肺炎疫情入境。</t>
  </si>
  <si>
    <t xml:space="preserve">先前一口氣宣告包含杜蘭特在內4名球員確診新冠肺炎的籃網，至今相當「詭異」尚未公布其他3名確診籃網球員姓名，連帶害到籃網球員飽受外界歧視了嗎？籃網前鋒威爾森錢德勒就在19日發推控訴，自己遭到大樓管理員擋在門外的無奈遭遇。
「一位大樓管理員在門口叫住了我，更告訴我，她看到籃網球員感染新冠肺炎新聞，他們想知道我的情況，假如可以的話，請我待在大廳外面，因為他們不想承擔失去工作的風險，」錢德勒表示，「她不僅沒問我好嗎？甚至連我是陽性或陰性都沒問，我要回家了！」
其實這名大樓管理員的做法，也出自人之常情，畢竟籃網並未公布除了杜蘭特以外，其餘3名確認感染新冠肺炎的球員名字，儘管錢德勒應該不可能那麼白目，在確診之後仍然四處走動，可是為了保險起見，不肯讓錢德勒進入大樓也算相當合理的行為。
</t>
  </si>
  <si>
    <t>新冠肺炎疫情在歐洲大爆發，阿聯酋航空今天宣布，台北往返杜拜的航線明天起暫時停飛，正密切觀察情勢發展，期待盡早恢復航班。
阿聯酋航空發言人表示，因應台灣疾管署頒佈的入境檢疫規定，阿聯酋航空將自3月16日起暫時停飛台北往返杜拜的航線，恢復營運日期將另行通知。阿聯酋航空將密切關注相關情勢發展，期望能儘早恢復航班營運及旅客服務。行程受影響之旅客，請洽詢訂票旅行社、阿聯酋航空票務中心或阿聯酋航空客服中心更改機票。</t>
  </si>
  <si>
    <t xml:space="preserve">新冠病毒不斷變種，讓各國急於提高疫苗保護效力，包括追打第三劑或混打不同廠牌疫苗，精神科醫師沈政男綜合各國研究及實驗結果，揭露疫苗保護力最強組合，第一名是AZ混打莫德納，第二名為兩劑莫德納，第三名是AZ混打BNT，第四名兩為劑BNT，最後一名是打兩劑AZ。
沈政男在臉書發文指出，自己打的是AZ混打莫德納，當今最強疫苗組合，同時透露疫苗保護力最強組合排名是AZ+莫德納，其次是兩劑莫德納，第三名是AZ+BNT，第四名兩劑BNT，最後才是兩碗陽春麵，也就是打兩劑AZ。
但他也提醒民眾，不要故意去混打，醫護是因為當時疫苗短缺，現在疫苗量已充足，第一選擇還是兩劑莫德納，兩劑BNT也很好，畢竟混打還沒有夠多的研究佐證，證據效力比不上打兩劑同品牌疫苗。
至於想等第三劑再混打，沈政男說只有老人家、醫護有機會，一般民眾有得等，但如果疫苗夠多的話，屆時愛怎麼打就怎麼打。
對於民眾害怕打第二劑莫德納副作用強不敢打，沈政男怎表示，當然要打第二劑，副作用頂多手臂舉不起來幾天，上年紀的人幾乎不會有心肌炎。
對於國內兩劑疫苗覆蓋率僅22%，指揮中心力拚年底達到6成，沈政男表示，必須很拚，甚至永遠達不到，因為台灣民眾施打意願太低，75歲以上至今第一劑只有7成1覆蓋率，遠遠低於國外，若台灣能達到兩劑6成覆蓋率，「與病毒共存」也絕對不可行，因為覆蓋率太低仍舊會有許多新增案例，不可能放任病毒載浮載沉，這就是台灣的防疫大勢。
</t>
  </si>
  <si>
    <t xml:space="preserve">美國總統川普與世界衛生組織之間的糾葛逐漸加深，自WHO秘書長反嗆川普將公衛問題政治化後，川普10日再次重批WHO以大陸為中心並在下周對WHO做出宣布，暗示川普政府將大砍其援助經費。而外媒也透露除了砍經費之外，川普政府內部正討論如何改革WHO，其中包括扶持現有國際組織來取之。
據《福斯新聞網》報導，在白宮的防疫記者會上再次對WHO問題表示，「美國每年提供世衛約5億美元資金，而我們將在下周討論這一問題，我們有很多話要說的」。他同時痛批WHO以大陸為中心，「我們每年提供3億至5億美元，但大陸每年提供4千萬不到，美國附的比大陸還要高10倍」，但「WHO總看起來像是替大陸說好話，這我不喜歡，對美國民眾也不公平」，並已向中國大陸國家主席習近平以及譚德塞表達不滿。
關於將在下周對WHO宣布何事，川普說將在下周討論「大量細節」，但不想在耶穌受難日（Good Friday）的今天或復活節前夕談論這件事，在掌握所有真相前他也不想討論此事。
另外，據美媒《Politico》透露，川普政府的官員們已正草擬信函，將宣布暫停美國對WHO以及與其相關的泛美衛生組織的經費。這封信函也向國務院官員、美國國際開發署以及其他機構官員表示，必須將暫停WHO的經費轉移至其他國際組織。
至於川普對付WHO的下一步，美媒《Politico》指出川普團隊內官員們正在討論，有人提到藉由先存的法律以及政治機制改革聯合國體系，有人考慮如何降低WHO的作用；該報導也引述兩名知情人士指出，有幕僚們討論在聯合國愛滋病規劃署（UNAIDS）為基礎模式上取代WHO，該機構為1990年建立，致力於消除愛滋病的聯合國下的國際組織。
不過報導也指出，一旦美中斷WHO經費，很可能遭到包括美國盟友的國際反擊，並且反而增強了大陸在國際組織的影響力。至於將UNAIDS取代WHO的想法，報導也指出仍不清楚UNAIDS內部組成為何會特別吸引川普政府幕僚，部分專家也對此想法表示困惑。美國知名智庫「戰略與國際研究中心」（CSIS）全球衛生專家莫里斯（Stephen Morrison）表示，「WHO在成立25年內確實有些汙點，但它仍是指導緊急應對，以及建立規範與標準的中央實體機構」。
</t>
  </si>
  <si>
    <t>高端疫苗二度加開預約已於今（24）日下午6時截止收單，根據中央流行疫情指揮中心統計，兩天共有15萬2871人完成預約，佔符合預約資格人數73.24%，剩下5萬多名額沒人打。
第六輪高端疫苗於8/23、8/24兩日增開8/16以後新登記或加選高端疫苗者預約，符合預約資格共有20萬8735人，昨天（23日）下午5點就有11萬4635人完成預約，達符合預約資格人數54.92%。
不過今早傳出馬來西亞籍陸姓作家疑接種高端疫苗後死亡，雖尚未證實是否與施打疫苗有關，似乎也影響到高端疫苗預約數，二度加開預約截至今天下午6時，今天淨增加人數只有3萬8236人，比昨天11萬人少了一半以上。
二度加開完成預約人數為15萬2871人，佔符合預約人數的73.24%，預約仍未額滿。加上第六輪首波預約59.9萬人，第六輪總計有75.1萬人要打高端疫苗。
而疾管署昨日表示，實際驗收的高端疫苗有11批共86萬7464劑，意謂還有11萬劑高端可供施打。
指揮中心今（24）日公布最新疫苗統計，昨日共有17.9萬人接種疫苗，其中接種高端的有16萬7268劑；統計截至目前為止，累計接種10246977劑，疫苗接種人口涵蓋率40.32%，劑次人口比43.66(劑/每百人)。</t>
  </si>
  <si>
    <t xml:space="preserve">新冠疫情衝擊，位在「海嘯第一排」的旅遊業哀鴻遍野，今年國外旅遊市場較無機會發展，業者轉而搶攻國旅市場，隨著疫情趨緩，高雄旅行社與航空公司、飯店合作，將人往花蓮、澎湖送，民眾詢問度高，但未能彌補雪崩式的業績缺口。
為搶救國旅市場，統茂旅館集團、華信航空與捷利旅行社聯合宣布「2人輕鬆遊花蓮」幸福專案，平日2人成行、每人3999元。另外，華信航空也攜手旅遊業，推出高雄、台中、台北三地飛航澎湖，即日起至6月推出超值專案二天一夜平日出發每人1999起。
高市旅行公會理事長吳盈良指出，因疫情關係，旅行社收入幾乎是零，尤以中大型旅行社，又有龐大管銷等成本，部分公司乾脆裁員或放無薪假因應，當前旅行社只能推動國內旅遊，但坦白說，量體及業績還是無法與國外旅遊相提並論。
吳盈良表示，近日國內新冠肺炎持續0確診，國旅的詢問度非常踴躍，但尚未完全反應在訂單上，顯見消費者需要時間及信心，但國旅的復甦是可以預期的，目前非都會區的澎湖、花蓮、金門，比較會受到民眾青睞。
針對旅行社主動出擊推出套裝促銷方案，吳盈良表示，不少客人都是採自由行，而沒有透過旅行社，如此旅行社也無收入，他向政府喊話，應該加大力度在旅行業上，屆時若防疫旅遊補助方案出爐後，可望帶動一波國人出遊潮。
吳盈良認為，目前不少客人還抱持觀望態度，但假設未來一直沒有新的疫情爆發，會催出鄰里長自強活動、公司行號員工旅遊等，屆時量體自然會變大，推算大概7月中旬會漸漸有起色，可望讓低靡的旅行業再現生機。
</t>
  </si>
  <si>
    <t xml:space="preserve">蘋果代工大廠和碩集團昨天（16日）接到衛生單位通知，一名員工無症狀感染，採檢陽性，還在釐清是陽性還是偽陽性，尚未確診，正遵照醫囑隔離，據了解該名員工是為了出差去採檢，若確認染疫，將是繼科技大廠大立光、印刷電路板工廠敬鵬、富邦金控後第4家有員工染疫的上市公司。
《經濟日報》報導，和碩昨天接獲通知一名員工採撿陽性，目前無症狀，由於是微弱陽性反應，尚在釐清是否確診。和碩表示該員工住在郊區，通勤至關渡公司上班，交通路線及生活都單純，關渡總部辦公室共分成4棟獨立建築，以及其他獨立租屋建築，該員工是在較小的獨立建築中工作。
和碩表示，接獲通知後已展開大消毒，嚴格執行員工分流上班，其他則會遵守主關機關規定執行。
</t>
  </si>
  <si>
    <t xml:space="preserve">新冠肺炎疫情逐漸趨緩，中央流行疫情指揮中心表示，國內昨無新增病例，已經連續第4天沒有新增病例，29天沒有本土病例，另確診個案新增1例死亡(國內第7例死亡)。對此，捧紅不少大明星的名經紀人夏春湧表示，真正的考驗是在0確診之後。他認為，也許現在因為疫情，有些國家為台灣助陣，萬一有天台灣經濟陷入困境，會有幾個國家跳出來聲援？他說若將來大部分台灣人面臨0經濟、0就業、0收入這種慘况時，民進黨政府還會沉醉在0確診的小確幸裡？
夏春湧在臉書指出，0確診已經成為民進黨政府的逆天護身符！只要在電視上聽到0確診，就覺得政府好棒，台灣人從此就可以過著安和樂利的好日子，全世界就都以台灣為榮，台灣就可以理直氣壯的要求加入世界各種組織，「真是這樣嗎？」
夏春湧說真正的考驗是在0確診之後，那個時候就不只是要求加入WHO這麼簡單了，等全世界0確診之後還能這麼大聲嗎？夏春湧表示，WHO只是聯合國附屬下的一個小機構，就像衛福部一樣，沒有任何傳染病大流行的時候，沒有幾個人知道他們是幹什麼的？
夏春湧認為，讓世界不停循環的是「經濟」，經濟的復甦才是全世界目前迫在眉睫的生死課題。他說政府因為防疫得當，被喜悅沖昏了頭，誰都敢罵誰都敢反，但他說台灣沒有本錢罵，因為罵完之後要承擔的後果，絕對不會像新冠病毒的0確診，更不會像要求加入WHO這種小兒科的遊戲。
夏春湧說也許現在很多歐美國家在罵中國，可是一旦攸關國家經濟命脈的議題出現，誰還敢罵？面對一個世界第二大經濟體和全世界最大的市場，誰會和自己的國家經濟過不去？他說也許現在因為疫情有些國家為台灣助陣，萬一有一天台灣經濟陷入困境，還會有幾個國家跳出來聲援？他說如果將來大部分台灣人面臨O經濟、O就業、O收入這種慘況時，不知道民進黨政府是不是還會沉醉在0確診這個小確幸裡？
</t>
  </si>
  <si>
    <t xml:space="preserve">
新冠肺炎（COVID-19）疫情肆虐全球，美國在第二波疫情爆發後十分慘烈，目前已有5萬多例確診，名列全球第3。但一名男子卻因為在享受森林裡享受與世隔絕的生活，而完全不知道新冠肺炎的存在，甚至連NBA傳奇球星過世消息也一無所知，直到警察上門才知道疫情的存在。他回憶這一切彷彿就像是《陰屍路》的場景上演。
一名叫做Marcus的網友在Twitter上透露一則奇人奇事，表示他的經理在今年1月25日和其妻子展開了為期8周的度假，在北卡州（North Carolina）的森林內的小木屋內享受沒有手機等通訊軟體，與世隔絕的生活。
也因此，在這8周內經理對外頭所發生的事情一無所知，甚至當他在3月中結束度假後，原PO和他提到NBA傳奇球星柯比（Kobe Bryant）不幸過世的消息時，表現出難以置信的樣子。
更別說新冠肺炎疫情於3月初在美國大爆發，這位經理完全不知道病毒的可怕。當他得知這件消息時，是在某日的凌晨4點鐘，有3名帶著面罩警察正敲打他的門，那時他們正在對居民進行新冠肺炎的檢驗。也是在那時候，經理才得知，小木屋的屋主已被確診。
經理更向原PO透露，最嚇人的是當他回憶起當初踏入北卡州租借小木屋時，小鎮內的人們正快活地工作著，但是當疫情爆發後，他與妻子離開時的畫面讓他印象深刻，彷彿見到了影集《陰屍路》裡的場景，小鎮的生氣蕩然無存，更直白地說，一個人影都見不到。
My manager went on a 8 week sabbatical on Jan 25th and him and his wife rented a cabin in the North Carolina woods and didn’t bring no type of technology with them so they could enjoy each other company. Nigga finna come back to pure hell. He don’t even know Kobe gone
</t>
  </si>
  <si>
    <t xml:space="preserve">
新冠肺炎（COVID-19）疫情持續延燒，台灣7日公布凌晨0時起港澳來台旅客需要居家檢疫14天的防疫措施。一名台灣網友表示，和妻子從芬蘭度完蜜月要回台灣，因為要在香港轉機，所以需要居家檢疫14天，25日正好是第14天，他也分享居家檢疫的心得，慶幸終於到隔離最後一天了。
原PO在PTT論壇發文，透露自己和妻子到芬蘭度蜜月，原先預計2月10號在香港轉機回台，不料台灣政府在7日公布有中港澳旅遊史者來台須居家檢疫14天的措施，可活動範圍就只有居住場所，若趴趴走會被處以1到15萬的罰款。原PO原先想乾脆用飯店電話取消班機，結果「芬蘭航空要嘛不是不接，就是說再問主管」，只能硬著頭皮到香港轉機，事後還發現電話費居然還要5000台幣。
原PO表示到香港轉機時，飛機上的空服員都會發居家檢疫通知書，下飛機後再交給防疫人員，會說需要隔離多久，「可以感受防疫人員的辛苦，唯一可惜的是，沒有防疫配合的返家工具，防疫人員也僅說不建議搭乘大眾運輸工具，但實際上還是有不少人是搭捷運公車回家的」。
到家後便開始漫長的隔離期，原PO提到區公所每天都會打電話關心他們的狀況，甚至提供一支手機號碼，有異常狀況隨時都可聯絡，甚至連「倒垃圾」都可以跟區公所的人講，他們會派人在門口收取垃圾，如果有其他需求也都可以跟他們講。
至於吃飯，食材都是父母放在房門口後離開，自己在家煮飯，認為要吃的健康，免疫力才會好。而隔離的14天就是在家裡忙忙工作，玩玩遊戲，朋友還借他Switch健身環運動。他坦言「不能出門還真的是很悶，但為了防疫，只能悶14天囉！很慶幸今天是我們最後一天，這14天是很悶很累，但保障了其他人的安全，我們都覺得很值得！各層級的防疫人員也真的很辛苦。有需求也願意幫我們處理。真的很感謝！」
網友看完PO文紛紛留言表示「恭喜健康無事」、「手藝看起來不錯」、「這叫不會做菜的人怎麼辦......好會煮！」、「隔離瘋狂做菜，喜獲防疫寶寶」、「恭喜，兒子射手座」、「瘋狂做菜 那有瘋狂做人嗎? XD」、「區公所幫忙倒垃圾，服務真好」、「謝謝你們保護臺灣！」、「感謝你配合了14天，沒有偷跑出去」、「新婚在家隔離，剛好培養感情！」
</t>
  </si>
  <si>
    <t>大陸國家衛健委新聞發言人米鋒24日在國務院聯防聯控機制新聞發布會上表示，當前，國外疫情持續蔓延，加上季節因素，容易引發疫情傳播擴散。10月17日以來，大陸出現多點散發本土疫情，呈快速發展態勢，一周之內已波及11個省。感染者大多有跨地區旅遊活動，疫情進一步擴散風險仍在加大。
國家衛生健康委疾控局副局長吳良有表示，本次疫情波及範圍廣、傳染性強。目前發現的跨地區感染者絕大多數與旅遊團或自駕的遊客有關，潛在風險人員的跨地區流動性大，涉及到的省較多。
吳良有指出，本起疫情的病毒為德爾塔（Delta）變異株，部分病例的呼吸道樣本病毒核酸載量高，提示病例排毒量大，傳播力強，在暴露人群中引起續發傳播的風險較高。
自陝西省西安市發現2例遊客核酸檢測陽性以來，截至10月23日，本輪大陸本土疫情已波及陝西、內蒙古、寧夏、甘肅、湖南、北京、貴州、河北、湖北、青海等多個省區市，有明確關聯的新冠病毒陽性病例已超80人。呈現感染來源尚不明確，蔓延速度快的特點。</t>
  </si>
  <si>
    <t>全球疫情嚴峻，台灣努力防堵，無奈就是有居家檢疫或隔離民眾不顧罰緩，硬是違反規定出門趴趴走，令全台深陷恐慌之中。更可惡的是，法務部執行署日前調查發現，一名蔡姓女子遲未繳清10萬元罰金，執行署人員登門催繳時才得知她人早已於年初潛逃中國，於是趕緊依法將其台北千萬豪宅查封。
根據《三立新聞網》報導，一位蔡姓女屋主因違反居家檢疫規定遭罰10萬元，可後來她卻大搞失蹤、躲避罰金催繳，直至執行署人員上門堵人才知道，蔡姓女屋主早已在今（2021）年2月14日逃至中國，遂趕緊查封其價值1800萬的天母房產。
對此法務部強調，民眾若執意賴帳，不顧居檢、隔離罰鍰，不僅房屋恐被查封，就連愛車也可能遭查扣，千萬別以身試法。為展現大刀闊斧的決心，昨（20）日第3波催繳行動，法務部執行署動員近400人進行，此次共計查封12筆土地、13間建築和3台汽車，並限制17人出境。
★中時新聞網提醒您：
防範新冠肺炎，肥皂勤洗手、必要時戴口罩、避免食用生肉及生蛋、少去人多的場所、避免接觸禽畜類動物！
回國若身體不適請主動通報，14天內出現疑似症狀請先撥打防疫專線，並戴上口罩儘速就醫，務必告知醫師旅遊史。
※ 免付費防疫專線：1922、0800-001922</t>
  </si>
  <si>
    <t>幾個月前，資本市場最關注的焦點無非是中國與美國之間的貿易摩擦。沒想到現在全球的焦點都放在新冠肺炎疫情，鮮少有人會再提起中美貿易戰這個議題。
防疫講究「超前部署」，那麼對於積極型與風險承受能力比較高的投資人來說，是不是也該趁著資本市場大幅修正之際，思考投資面的「超前部署」呢？就像投資大師巴菲特說的一樣：「眾人恐懼時，我貪婪；眾人貪婪時，我恐懼」。
沒有人能預測疫情何時結束，也沒有人能精準判斷市場是否已經落底。但聯博在這個時候已經看到兩大長期投資機會，一個在中國，一個在美國。
本波疫情首先在中國爆發，當然中國的資本市場也是第一個受到衝擊，滬深300指數在農曆假期後的首個交易日，也就是2月3日就重挫7.9％。但中國也首先啟動防疫措施，而好消息是從官方數據來看，疫情在中國有趨緩的跡象。
中國股票市場也反映了疫情的發展，當全球股市自2020年2月12日高點開始下跌時，中國A股反而相對抗跌，2月12日至3月30日滬深300指數僅下跌7.8％（人民幣計價），同期間MSCI世界指數則下跌23.2％（美元計價）。
除了疫情轉趨和緩外，從評價面來看，中國A股長期投資價值的確已經浮現。以滬深300指數為例，目前的預估本益比僅約10.4倍，不但低於長期平均的13.2倍，甚至已經低於平均值的一個標準差以下。此外，聯博也預期中國政府將持續釋放刺激政策，包括：持續的貨幣寬鬆、財政政策、基礎建設刺激方案及鬆綁房地產政策等。
因此，此時投資人應留意一些被市場錯殺的投資機會。例如：科技族群中的5G概念股、可望受惠基礎建設刺激的工業類股，例如工程機械設備商等、高品質的房地產開發商，以及被疫情壓抑而正在蓄積能量的消費類股等。
除中國外，另一個投資機會或許在美國。雖然美國的新冠肺炎確診人數仍在上升，但救市力道比起中國有過之而無不及。首先，聯準會這波的降息幅度居G20國家之冠。其次，川普的2兆美元刺激方案總金額，不但高過歐巴馬在2009年約8千億美元的刺激措施，更占美國GDP的9.9％，這個比例也高於所有G20國家。這些措施雖然不一定立即見效，但後續威力不容小覷。
此外，美國股市擁有許多創新成長企業，不但在這波疫情當中突顯出優勢，更有機會受惠後防疫時代的成長趨勢。這些成長型企業主要集中在科技、醫療及消費領域。例如：遠端辦公相關的科技軟體及IT服務公司、正在研發新冠肺炎藥物的生技公司，以及因疫情而線上購物量大增的電商等。更不用說AI人工智慧、精準醫療及體驗消費這些相對不受疫情影響的長線趨勢。
最後，二戰時領導英國的首相邱吉爾曾說過：「永遠不要浪費一場危機（Never Waste a Good Crisis）」，相信這次的疫情會讓全世界學到更多經驗，讓全球的醫療及公衛體系與時俱進。
與此同時，我們認為市場波動仍將持續一段時間，著眼短期的反彈機會可能因錯估時點而面臨損失，建議投資人放眼長期投資趨勢，在此波修正中伺機擇優布局，以掌握市場回歸常態後的長期投資機會。</t>
  </si>
  <si>
    <t xml:space="preserve">「秋冬防疫專案」今12月1日起正式上路，進入8大類高感染傳播風險場所需強制戴口罩，未戴口罩經勸導不聽者，將開罰3千至1萬5千元。此外，防疫期間違規亂丟口罩者，第一次遭北市環保局查獲，罰鍰將加重為3600元，再犯者最重可處罰6000元及環境講習。
中央流行疫情指揮中心表示，8大類場所包含醫療照護、大眾運輸、生活消費、教育學習、觀展觀賽、休閒娛樂、宗教祭祀及洽公，未依規定佩戴口罩，經勸導不聽者，將依違反《傳染病防治法》第37條第1項第6款規定，由地方政府裁罰3000元以上1萬5000元以下罰款。
值得注意的是，8大類場所包括KTV、健身房、三溫暖、室內游泳池、超商、圖書館等都要戴口罩。指揮中心指揮官陳時中解釋，上述這些場所因具有不易保持社交距離，或會近距離接觸不特定對象的特性，有較高的感染與傳播風險，因此要求進入該類場所活動的民眾佩戴口罩，但室外不戴會先勸導，不會一看到沒戴就罰。
為保障民眾戶外活動安全，北市環保局已持續加強人潮易聚集的交通場站、商圈市集、百貨旅館等周邊環境消毒，包括捷運站、公車調度站、計程車休息站、交通樞紐、機關、夜市、商圈、百貨公司、防疫旅館共240處。
此外，環保局也提醒，防疫期間違規亂丟口罩者，第一次查獲罰款將加重為3600元，再犯者最重可處罰6000元及環境講習，民眾切勿心存僥倖任意亂丟，以免荷包失血又變成防疫公敵。
</t>
  </si>
  <si>
    <t>歐洲聯盟執行委員會主席范德賴恩(Ursula von der Leyen)5日在推特上宣布，由於其日前(9月29日)出席的一場會議中，與會者有人確診感染新冠肺炎。根據現行防疫法規，其將自主隔離至6日早晨。這是繼歐洲理事會主席米歇爾9月底因特勤人員染疫而宣布隔離後，又一宣布自我隔離的歐盟官員。
范德賴恩表示，日前與其一同出席會議的人士中，有人於10月4日確診新冠肺炎。儘管范德賴恩1日採檢的結果為陰性；但基於安全考量與防疫規範，將於5日再次採檢。
I’ve been informed that I participated in a meeting last Tuesday attended by a person who yesterday tested positive for COVID-19. In accordance with regulations in force, I’m therefore self-isolating until tomorrow morning. I’ve tested negative on Thursday &amp; am tested again today
事實上，這不是首位歐盟官員因與染疫者接觸而自我隔離。歐洲理事會主席米歇爾日前才因隨扈檢測結果呈現陽性，而宣布自我隔離，也讓歐盟27個會員國領導人峰會延期。無獨有偶，德國外長馬斯9月也因為隨扈染疫而宣布隔離，所幸馬斯最終採檢結果為陰性。
隨著歐洲第2波新冠肺炎疫情持續擴散，歐洲各國相繼頒布新的限制與封鎖措施。捷克宣布緊急狀態已長達30天，試圖遏制確診人數快速地上升，並減輕醫療體系的壓力。目前捷克4日新增確診病例高達1841例。
在英國，光4日單日的疫情確診數便高達22961起病例，幾乎為先前單日病例數的2倍。在波蘭，3日新增病例數達2367人，創下連續3天以來的歷史新高。</t>
  </si>
  <si>
    <t xml:space="preserve">自巴西出現新冠肺炎病例後，成為南美洲首起確診病例，引起高度關注。而在巴西和英國的研究人員研究下，已完成首例病例的病毒基因定序，發現與最初在大陸武漢發現的病毒株基因密碼，已經有三處不同點。
根據已存有關於新型冠狀病毒基因組序列的分析網站virological.org，在巴西權威病理化驗所阿多佛魯茲（Adolfo Lutz）與聖保羅大學醫學院熱帶醫學研究所和英國牛津大學合作，29日完成巴西暨拉丁美洲首例新冠肺炎確診病例病毒基因定序。
聖保羅州研究支援基金會（Fapesp）指出，這名來自聖保羅的61歲男性確診病曾經於9日至21日有義大利北部旅遊史，在返回巴西後才開始出現發燒、乾咳與喉嚨痛等呼吸道症狀，患者目前情況穩定，僅有乾咳的輕微症狀，在家隔離。。
但研究人員發現，巴西首起病例的新冠病毒基因序列，只有一處與義大利的相同，而義大利新冠病毒是從一名來自到訪羅馬的湖北省旅客，但不代表因此造成在該城市區域傳染。
初步基因研究顯示，巴西首起病例的病毒基因排序與武漢發現的新冠病毒相比，已有三處相異，其中兩變異處與德國的病例最相近，因此推論不止一個人在歐洲傳播疾病。
研究人員之一薩比諾（Ester Cerdeira Sabino）稱，必須對RNA的變化進行測序和研究，以了解這種變化是否對疾病的傳播有影響，比如伊朗呈現較高的死亡率，是否與病毒基因突變有關。
</t>
  </si>
  <si>
    <t xml:space="preserve">新冠肺炎疫情持續延燒，金門縣府今（25）日成立計程車、遊覽車消毒站，目標是防疫做到「零死角」滴水不漏，嚴防交通工具成為移動傳染源。
副縣長黃怡凱專程赴機場訪視計程車、遊覽車消毒站消毒作業，提醒業者及司機要戴口罩、量體溫，在接送乘客後切實針對重點區域如旅客接觸頻繁的車內椅背、把手、安全帶扣環及門把加強消毒，以維護搭車環境及旅客健康安全，讓公共運輸安全防護再升級。另也呼籲乘客做好個人防護措施，避免出現相互感染情況。
縣府提醒計程車、遊覽車業者如需進行車體消毒，可於2月25日起至3月31日止，上班日（不含國定假日）上午9點至11點及下午2點至4點，至「尚義機場旁遊覽車停車場」及「烈嶼鄉習山湖停車場」2個地點，一起做好防疫工作。
</t>
  </si>
  <si>
    <t>自 2019 年底在中國大陸武漢爆發，而至今疫情持續升溫的新冠肺炎(NCP)疫情，重挫全球航空、旅遊等產業；不僅如此，也因為多品牌的供應鏈都位於中國大陸境內，受疫情影響延後年節後復工時間，牽一髮動全身，影響了包含任天堂(Nintendo)Switch以及健身環周邊、蘋果 iPhone 以及 AirPods 耳機等火紅產品的供貨時程。為了能趕上預計在 2020 年上半年發表(很有可能是春季)的 iPhone SE 2 (暫定名稱，也有一說是 iPhone 9)發表與出貨計畫，據傳供應鏈正加緊趕工，生產 iPhone SE 2。但因受疫情影響，預定在下半年推出的 iPhone 12(暫定名稱)系列，生產計畫也因此受到延誤，很可能對於發表或上市時間帶來新挑戰。
《DigiTimes》(電子時報)報導指出，因受疫情影響，為了趕上發表時程，蘋果供應鏈現正加緊趕工，生產 iPhone SE 2。不過，在 iPhone SE 2 的生產似乎逐漸上軌道之際，iPhone 12 的生產計劃卻將此此受到延誤。整體而言，上下半年預計發表的兩波新 iPhone，生產時程延後預估都是受到新冠肺炎所影響。
報導指出，因為疫情，不僅中國大陸境內的許多產業受到衝擊，不少品牌、國家也都限制旗下員工、該國民眾前往中國大陸出差，或是拉高旅遊警示層級。其中，蘋果也限制員工前往中國大陸出差。對此，他們已中止派遣工程師前往中國大陸協助 iPhone 12 系列工程驗證階測試段(Engineering Validation Test, EVT)的工作。因此，他們預測 iPhone 12 系列很難在 6 月份投產，iPhone 12 原定生產時間框架可能被迫改變，讓設備供貨也比以往緊張。不過即便供貨上可能出現挑戰，《DigiTimes》推測蘋果仍將按照原訂規畫在秋季發表 iPhone 12 系列。
相對於上半年將更新的 iPhone SE 2 是鎖定中階市場，將以價格取勝。搭載更多新技術、更高規，以往都在秋季發表的新 iPhone(iPhone 12)系列，更受矚目！預計全系列搭載 A14 處理器，支援 5G，且可能一次推出四款機種，在螢幕尺寸上有全新的選擇(5.4吋、6.1吋(兩款)、6.7吋)。因為重新與高通合作，將採用高通供應的 5G 數據機晶片(baseband)，在連網速度上的表現將比前三、四代有明顯提升。
根據外媒報導，蘋果在中國大陸北京的5家 Apple Store 在 2 月 14 日起重新營業，但是每日營業時間僅從 11:00 ~ 18:00，其餘地區的 Apple Store(蘋果在中國大陸共有 40 家 Apple Store)並沒有宣布何時重新開始營業。因為新冠肺炎疫情，原本蘋果宣布中國大陸境內 Apple Store 要在農曆年後 2 月 9 日重新營業，目前已延後到 2 月 19 日，但各地 Apple Store 重新開張的時間點仍須等候蘋果確認。而部分蘋果供應鏈也在陸續復工中。</t>
  </si>
  <si>
    <t>新冠肺炎疫情持續升溫，但不只新冠肺炎值得擔心，台南市政府衛生局11日宣布新增1例境外移入登革熱病例，截至目前已累計4例，4例均為本國人士到東南亞旅遊、工作後，返國發病，衛生局呼籲民眾務必要落實環境孳清，避免登革熱疫情一觸即發。
今年開春面對新冠肺炎來勢洶洶，境外移入登革熱今年以來累計4例。衛生局指出，去年東南亞登革熱疫情嚴峻，連帶台灣境外移入病例創下10年新高，去年台南同期有10例、今年4例，鑒於去年本土登革熱一度拉警報，衛生局呼籲，居家環境孳清、巡倒清刷，不能有絲毫鬆懈。
今年境外移入首例是1月8日的下營20餘歲女性，該民眾到印尼旅遊被蚊子叮咬，回國後發病；第2例是鹽水區30多歲男性，赴柬埔寨旅遊後發病；第3例是永康區20餘歲男性、派駐菲律賓工作，1月24日出現發燒、頭痛等症狀，於菲律賓當地就醫，服藥後未改善仍持續出現眼窩痛、肌肉關節痛等症狀，入境台灣無發燒，直接至北榮桃園分院急診，目前3人都已康復。
新增第4例為佳里區20餘歲女性，個案1月15日至斯里蘭卡工作，24日出現發燒、頭痛等症狀，於斯里蘭卡當地醫院就醫，施打點滴治療，2月7日返台後因眼疾問題於永康奇美醫院就醫，11日確診。因病毒血症期已過並配合居家隔離，無須進行戶內外化學防治，會加強居住地孳清。</t>
  </si>
  <si>
    <t>新冠肺炎流行已逾一年，不僅感染人數攀升，重症患者的再住院率和死亡率也是怵目驚心。英國萊斯特大學與英國國家統計局，針對47,780位第一波出院的新冠肺炎患者追蹤後發現，其中29.4%的患者再度入院就醫，而有12.3%病人死亡，與糖尿病、心臟病、慢性肝腎等併發症風險相關。
重症醫療醫師黃軒受訪指出，迄今不少研究發現，新冠肺炎患者有所謂「新冠肺炎症候群」，如疲憊、睡眠障礙、呼吸道症狀與神經症狀，且並非只出現在重症患者身上，輕症病患也可能發生。如果患者免疫力無法恢復正常，就可能面臨再度感染，甚至多重器官衰竭等嚴重後果。
黃軒醫師表示，國外統計發現，約三分之一的重症患者，出院後4-6月仍有呼吸症狀。由於歐美各國醫療崩潰，住院者經2次PCR檢測陰性後，就可能被要求出院，因此再感染和再入院的情形更為頻繁，與台灣的重症患者能住院到確定無症狀才出院，狀況相去甚遠。
黃軒醫師解釋，新冠病毒進入身體後，最容易在咽喉、肺部造成症狀。病毒會尋找微血管豐富的部位進行複製，因此肺泡、睾丸、腎臟、腸系膜、腦部，這些部位微血管密度高，ACE2接受體分佈的密度也高，最容易變成感染後的重災區，導致患者會發生排尿異常、拉肚子、便祕、腸胃部不適等症狀，也有1/4患者出院後發生記憶力衰退、睡眠障礙、神識不清等神經症狀。
●肺泡、腎臟、腦部　微血管豐富部位成重災區
黃軒醫師指出，新冠肺炎重症患者在急性期時，就可能已受到多重器官傷害，即便將病毒殺死，但身體裡被破壞的微組織和微循環無法立即恢復，約須經過6-8個月才會完全修復。若再加上本身有不利條件，例如慢性病或是癌症患者，就可能在感染後，引發多重器官衰竭等後續問題。
「好比你天花板破了，來不及修好天花板，其他的病菌已經跟著殺到！」黃軒醫師說明，病人本身如果有慢性疾病如糖尿病、心臟病，或是正在接受化療、標靶的癌症患者，免疫系統的條件因感染變得更不利，導致其他的病菌更容易入侵身體，因此再感染率也特別高，發生併發症的機率也會增加。
●隱藏式加無症狀　新冠病毒適應環境傳播強
黃軒醫師指出，新冠病毒逐漸演變成「隱藏式」和「無症狀」的感染，更容易隱藏在人體內且更容易傳播。新冠病毒會因為環境改變，尋隙就縫在人體內大量複製。所以有些個案回國之前的PCR檢測陰性，卻在集中檢疫時才驗出陽性，而不少人會向檢疫人員表示自己只是鼻子過敏，原因就在環境改變、溼度改變、PM2.5改變後，體內病毒開始大量複製，這時才被檢測出陽性。
全球感染人數持續增加，顯示新冠病毒愈來愈能適應環境，台灣的防疫考驗恐更為嚴峻。黃軒醫師指出，目前8大類病毒之中，台灣除了E類病毒，其他種類都有。隨著各地國人往返，新冠病毒有無數次攻擊台灣的機會。黃軒醫師強調，面對這樣的疫情，即便發生社區感染、院內感染，只要在可控制範圍內控制下來，就是防疫成功。
「很多人以為國外的PCR檢測不準，不是的，問題是在這個病毒變成以隱藏式、無症狀為主！」黃軒強調，新冠肺炎的基因變種得很好，非常能夠適應當前的環境，等於每個地球上的人類都有風險。要防範病毒，戴口罩、勤洗手仍不可偏廢，估計未來一年整體態勢依舊，病毒也不會馬上消失。
●新冠病毒恐變慢性病　疫苗效力僅4-6個月
黃軒醫師認為，新冠病毒的特性使其相當有可能變成一種慢性病式的感染，未來每隔一段時間，就可能帶走一大批人的生命。再加上新冠病毒的死亡率是流感的2-3倍，又不像流感一樣有明確的季節性。經過一年以上的觀察，幾可確定新冠病毒沒有季節化的現象，一年四季都有良好傳播能力。
疫苗會是終結新冠病毒的解方嗎？黃軒醫師指出，依據目前研究顯示，新冠肺炎的疫苗約可維持4-6月，預計新冠病毒不會像SARS般突然消失。施打疫苗的目的之一，是避免病毒大量傳播給高風險族群，減少醫療崩潰、醫護人員被感染隔離，而使院內死亡率急遽上升的情況出現。
醫師呼籲，新冠病毒的走向趨勢仍不明朗，在疫苗普及之前，慢性病患可先施打肺炎與流感疫苗，平日戴口罩、勤洗手，仍是防疫重中之重。(編輯梁惠明)</t>
  </si>
  <si>
    <t>台灣疫情迅速擴大，金門防疫全面超前部署，縣府今天再敲定5大因應措施，進一步強化校園防疫，即起持續進行至6月8日，確保師生的健康。
縣府教育處擬訂的5大防疫措施如下：
一、禁止校外人士進入校園（含周間與周末），洽公人員由學校造冊、量體溫、戴口罩，家長接送以至校門口為原則。
二、縣立各級學校室內體育場館及游泳池不對外開放。
三、全面禁止學校各項赴臺活動、競賽。
四、暫停台灣相關學校團體來金進行校際交流。
五、各校畢業典禮縮小規模、避免群聚，遵守防疫規範，如疫情持續擴大，將改採線上辦理。</t>
  </si>
  <si>
    <t>基隆市今天新增1例死亡個案，是逸嘉養護中心住民，目前累計308例、27人死亡，據以計算致死率達8.76％。
中央流行疫情指揮中心公布，今日新增1例死亡個案，案13852為80多歲男性，是逸嘉養護中心住民，有慢性病，因與其他確診者有接觸史，6月17日安排採檢，篩檢陽性、無症狀，同日收治住院，7月9日解除隔離，7月17日因其他原因死亡。
基隆市政府表示，目前已有270例個案完成治療，16例住院治療，70人居家隔離、60人居家檢疫，27例死亡，其中2例是解隔離後因其他原因死亡。
基隆累計27名確診者死亡，據統計，基隆養護機構占15名，包括仁愛護理之家1人、安泰護理之家7人、逸嘉老人照顧中心7人，另外12人為一般社區人士。</t>
  </si>
  <si>
    <t xml:space="preserve">雖然宅在家、減少出門最能達到防疫效果，但是天氣不錯的時候，總還是會想要出門走走。到戶外空曠處騎單車、跑步，總比在街上走路好多了吧？一項非正式研究提出觀察看法，建議民眾在運動時，也該保持適當的安全距離，但是這個距離遠遠大於1～2公尺；另外，同方向跑步和騎車時，到底該保持前後還是並排比較安全？
新冠肺炎（COVID-19，一稱武漢肺炎）疫情延燒，傳播途徑以近距離接觸帶有病毒的飛沫或分泌物為主。目前大眾以配戴口罩、拉出1～2公尺社交安全距離，並且勤洗手為防範之道。根據由比利時魯汶大學（KU Leuven）與荷蘭埃因霍溫理工大學（TU Eindhoven）所做的一份研究指出，以騎自行車、健走和慢跑時的安全距離和安全位置來看，1～2公尺並不足夠，並排位置比前後走要來得安全些。
研究指出，在一般情況下，與人保持1～2公尺的社交距離，可以有效防止吸進飛沫，但是在運動期間，如果前方有人正在健走、跑步或騎車，又剛好打了噴嚏或咳嗽時，就會透過所謂的滑流（slip-stream）作用，讓飛沫飄散向後方的人。
研究學者Bert Blocken解釋，除了打噴嚏或咳嗽的人會以更大的力量散佈飛沫外，如同飛機或車輛高速通過時會帶起滑流的原理，當人往前跑步，走路或騎單車，一定也會產生對流風速，將飛沫向後飛散。
圖a、b，站在直線後方又未保持較長距離的人，最容易被滑流飛沫沾染。
圖c、d，並排與斜後方位置，比較不受滑流飛沫衝擊影響。
根據模擬結果，建議民眾在步行或慢跑時，若是同個方向前進，儘量不要前後緊貼，最好保持4～5公尺；慢速騎自行車的話，距離該拉長到10公尺左右；速度較快的騎士，更要拉長到20公尺為佳。同時，左右並排或前後斜位，是相對較安全的範圍。
</t>
  </si>
  <si>
    <t>英國首相強生確診感染新冠肺炎10天後，已證實於5日（周日）住院，唐寧街發言人強調這是「預防措施」，因首相仍有持續症狀。此外，由於新冠肺炎疫情爆發，使得投資人在3月自英國基金撤離數十億英鎊，失血規模遠超出近四年前英國脫歐公投的程度。
首相辦公室發言人表示，首相是遵循醫師建議住院檢查，因為他仍有發燒等症狀，但強調他仍能視事。發言人稱，「首相感謝國民保健署（NHS）人員所完成的所有傑出且艱辛的工作，並且呼籲持續遵循政府建議待在家中，保護NHS同時保護生命。」
現年55歲的強生為全球首位新冠肺炎確診的執政領袖，他在3月27日確診後在唐寧街首相官邸自行隔離，當時提及自己有高燒和咳嗽。
強生的懷孕未婚妻席孟斯（Carrie Symonds）上周六在推特表示，她過去一周也出現新冠肺炎的症狀，但未曾篩檢過。32歲的她並稱在自家休息七天後，「感覺自己好多了且在恢復中」。
英國女王伊莉莎白二世周日則罕見地發布電視演說，呼籲人民要以決心和團結對抗疫情。
英國目前確診人數突破4萬人，包括現年71歲的王儲查爾斯親王，他兩周前宣布感染新冠肺炎。英國先前也因缺乏公共新冠肺炎篩檢能力，同樣確診的衛生部長韓考克（Matt Hancock）表示，目標英國4月底達到每日檢測10萬人的能力。
另據Calastone資料顯示，3月英國基金淨流出31億英鎊，幾乎是2016年6月贖回規模的近三倍。
上月股市因疫情而出現狂跌走勢，英國債券基金也承受重擊。
Calastone指出，固定收益基金在3月出現最大失血潮，投資人資金淨流出37億英鎊，是2019年1月締造單月最大流出紀錄的13倍，繳回過去八個月累積流入的資金。固定收益基金大規模贖回，歸因於投資人擔憂公債和企業債市場的信用品質。</t>
  </si>
  <si>
    <t xml:space="preserve">原訂3月28日舉行的2020 美利達.瑪吉斯盃彰化經典百K單車自我挑戰活動，因應新冠病毒的防疫考量而決定延期至10月24日舉辦。
主辦單位公告說明活動延期的相關配套措施如下：延期後的活動內容維持不變，活動會場、騎乘路線、補給站、交維計畫等等仍舊依照大會既有規劃進行。
選手報名物資(含活動紀念衣、晶片貼、手冊等)也將依照活動原規劃於10月24日活動前2周寄出。因延期不克參賽之車友，大會可受理取消報名，部份退費，預定9 日至22 日受理退費申請，請登入原報名網站辦理: https://reurl.cc/rxd28y 。
此次活動仍舊依照原訂的 5000 人報名上限規劃，所以因取消報名而釋出的名額將擇期再受理報名，開放日期暫定今年6月1日。詳細完整的活動延期配套措施內容可參考美利達自行車網站(www.merida.tw)，或本活動報名網，或洽本活動服務專線：02-8772-1035(中華民國健康運動銀行促進協會)，服務時間 09:30-12:00/13:30-18:00，感謝各位車友的繼續支持！1
</t>
  </si>
  <si>
    <t>新冠肺炎疫情延燒歐美，33歲英國男星勞勃派廷森（Robert Pattinson）接棒班艾佛列克（Ben Affleck）出任新一代的《蝙蝠俠》宣布停拍，震撼好萊塢。該片從1月開始在倫敦籌拍，並計畫至利物浦拍攝，如今不敵疫情局勢，所屬片商華納兄弟表示，劇組停工2周，並密切監控情況。
除了《蝙蝠俠》停拍之外，華納兄弟旗下的其他新片目前如期拍攝中，外媒透露，基努李維（Keanu Reeves）主演的《駭客任務4》結束了美國舊金山的拍攝，正要前往德國柏林取景；威爾史密斯（Will Smith）主演的《國王理查德》則在洛杉磯拍攝中；《怪獸與牠們的產地3》將於下周一在英國倫敦開拍，不過上述3部片也有可能因險峻的疫情而隨時喊停。
《紅色通緝令》照付報酬
因為疫情喊卡的還有由蓋兒加朵（Gal Gadot）、巨石強森（Dwayne Johnson）、萊恩雷諾斯（Ryan Reynolds）主演的Netflix動作片《紅色通緝令》，該片投入60億台幣的高額預算，1月才開拍。Netflix表示，暫定停拍2周，期間會照常支付演員和劇組人員報酬。
巨石強森則對劇組信心喊話：「我們很感謝這陣子大家的付出和耐心，現在最重要的是把每個人送回家，送到他們那些憂心忡忡的家人身邊，得保護我們的孩子、伴侶、所愛的人和年長者。希望每個人都健康、警覺、安全，讓我們保護彼此、同在一起。」
另外，Disney+影音平台的漫威影業3部影集《獵鷹與酷寒戰士》、《汪達與幻視》和《洛基》目前全數停拍，其中《獵鷹與酷寒戰士》日前已在捷克停拍後，目前劇組全數返回美國亞特蘭大，將停拍到3月底；《洛基》則尚未確認停拍至何時。不過Disney+山不轉路轉，原訂6月上線的超夯動畫《冰雪奇緣2》提前本周末上架，迪士尼表示：「該片堅持不懈和重視家庭的精神，對於此刻來說格外有意義。」而《星際大戰：天行者的崛起》也把上線時間提前，吸引民眾在家也能安全享受視聽娛樂。</t>
  </si>
  <si>
    <t xml:space="preserve">新冠肺炎疫情肆虐，許多國家宣布停課防疫，臉書粉專「空屋筆記-免費的自由」分享，在全球英文老師社團的留言來看，全世界僅剩6國還沒停課，台灣也在其中，引發網友熱議，台灣學生應該也不敢相信，自己竟是全球唯六還要上課的國家。
「空屋筆記-免費的自由」在臉書發文分享，有人在各國英文老師的社團發問「哪些國家現在還在上課？」竟發現留言區一片closed（關閉），像是，巴西、印度、馬來西亞、祕魯、瓜地馬拉、墨西哥、巴基斯坦、蒙古、葡萄牙、捷克、希臘、奈及利亞等國，與俄羅斯公立學校和美國多數學校都因疫情停課。
原PO指出，連利比亞、黎巴嫩、厄瓜多、納米比亞、喬治亞、馬爾地夫和烏克蘭等離病毒超遠的國家也停課。從留言處來看，截至發文兩小時，僅剩6國仍舊沒有停課，分別是，澳洲、新加坡、瑞典、古巴、塔吉克，還有.....台灣。
貼文曝光後，引發網友熱議，「現在這個時候，應該連火星跟月球都停課了吧」、「台灣學生應該也不敢相信，自己居然是全球六個還要上課的國家之一」、「在台灣超幸福」、「可以出門上班上課，買手搖杯、買雞排，幸福啊！！」
</t>
  </si>
  <si>
    <t xml:space="preserve">韓國疾病管理本部周二上午宣布，新型冠狀病毒感染確診病例新增131人，累計確診病例達7,513例。死亡病例新增3人，累計死亡病例達54人。此外，完全康復並解除隔離的人數增加81人，迄今治癒總人數為247人。
</t>
  </si>
  <si>
    <t xml:space="preserve">大陸網紅「蛇精男」劉梓晨多次進廠維修，以大眼、挺鼻、錐子臉誇張五官走紅，不過近來微博更新停留在12月9日，未料神隱31天後再度發文，竟是透露自己罹患新冠肺炎，讓他無奈表示：「不知道做錯了什麼」。
蛇精男透露這段期間神隱，主要是臉部毀容才選擇消失，不過許多粉絲發現他不見蹤影後，紛紛私訊關切近況，讓他直呼相當感動，接下來自曝之前因為身體不適，便到醫院作檢查，沒想到竟確診新冠肺炎，讓他難過表示：「我真的好難過，不知道做错了什麼，要這樣對無辜的我，太難過了好無助」，最後更表示打完這段話眼淚又不自覺的流下來。
稍早他再度於微博發文，呼籲所有人：「你們一定要照顧好自己，戴好口罩 不要讓自己生病照顧好自己，一定要好好的」，還附上許多哭臉表情符號，足以見得他心情相當低落。
而他今年5月在微博寫下：「我沒死，謝謝」，更曬出毀容照片，只見臉上紅點疤痕一堆，與以往白皙肌膚大不相同，令愛美的他幾乎心碎，更強調不知該如何面對以後生活，如今又確診新冠肺炎，只能說是禍不單行。
</t>
  </si>
  <si>
    <t xml:space="preserve">指揮中心指揮官陳時中自從新冠肺炎疫情爆發以來，已有4個多月沒休息，19日總統蔡英文親自拜訪衛福部，並意外曝光陳時中的辦公室，沒想到，不少網友看到後心疼表示，「看到這張立刻泛淚」。
蔡英文今前往衛福部送上「英雄麵」，替所有防疫人員加油打氣，另外也拜訪了陳時中的辦公室。蔡英文在臉書上貼出照片並留言指出，「今天我看到阿中部長的『小窩』，真的很佩服，也很感動」。
從照片中可以看見，陳時中的辦公桌後方還有一張小小的床，蔡英文也說，「指揮中心的防疫夥伴們不眠不休，尤其是阿中部長，就算有睡，也睡得很少，或是直接在指揮中心小睡」。
底下網友看到照片也忍不住直呼，「辦公桌後面是ㄧ張床？部長謝謝您辛苦的付出，也要照顧好自己身體」、「已眼眶泛淚⋯」、「睡在這樣小小的地方 真令人心疼 也真的謝謝你們」、「辦公室居然有床！太辛苦了！」、「看到這張我都要哭了」。
</t>
  </si>
  <si>
    <t>中央流行疫情指揮中心公布昨新增2例接種後死亡事件，分別為接種莫德納和高端疫苗。另外，歐盟將急性多發性神經炎增列為AZ疫苗接種後「極罕見不良反應」，指揮中心發言人莊人祥表示，目前國內不分疫苗廠牌約有10個案例，其中AZ佔多數。
據外電報導，歐盟藥品管理局（EMA）近期將急性多發性神經炎增列為AZ疫苗極罕見不良反應。莊人祥表示，急性多發性神經炎英文縮寫為GBS，也就是格林巴利症候群。
莊人祥指出，目前國內有10例GBS個案，其中9例為接種AZ後發生，1例為接種莫德納後發生；目前AZ和GBS之間的關聯，還無法證實或排除，指揮中心會持續關注。
根據指揮中心最新疫苗接種後不良事件通報，昨（8日）新增2例疫苗接種後死亡事件，其中1名為68歲男性，接種莫德納疫苗後46日發生，另一名為46歲男性，接種高端疫苗後15日發生。
昨疫苗接種人次10萬6595劑，目前國內累計接種1166萬683劑，疫苗人口涵蓋率45.39％，劑次人口比49.68％。</t>
  </si>
  <si>
    <t xml:space="preserve">
新冠肺炎本土疫情未歇，中央流行疫情指揮中心今公布最新檢驗量能，指揮官陳時中表示，平日檢驗的量能可以達到4萬7848件，若量能全開，一天可檢驗8萬件，比起以前最大的量能2萬7600多，已經擴大很多。
根據統計，目前住院中的確診者有2542人，其中1486人住在中央的集中檢疫所，1786人住在地方的加強版防疫旅館。陳時中表示，目前北部的中央集中檢疫所空房數已經增加，全國也是在減少，原因是苗栗的個案往中南部送。
陳時中表示，北部的量能已經漸漸平衡，可以很好地緩解，緩衝區可以因應的比較好。目前解除隔離的人有2482人，滿10天轉為居家隔離的有則有1260人。現在雙北新確診的居家隔離者都已經送到加強版防疫旅館，不會有新確診的居隔者留在家裡，不過每天需要安置的人有100多人，速度有比較加快了。</t>
  </si>
  <si>
    <t>近一個多月來，新冠肺炎（COVID-19）疫情在全球擴散，造成金融市場動盪不安。除了主要股市跌聲連連外，債市亦明顯波動，外匯市場也無法置身事外。隨著疫情與主要國家財政與貨幣政策的動態發展，市場的風險偏好狀態亦在風險追逐（Risk On）及風險規避（Risk Off）間快速切換，主要貨幣相應呈現起伏變化。
以美元對主要貨幣的匯率走勢來說，當疫情尚以中國為主要流行區域時，美元指數自1月20日的97.606緩慢升至2月20日的99.865。其後，韓國、義大利和伊朗確診病例激增，疫情開始走向全球化，越來越多與中國無明顯接觸的病例增加，市場緊張情緒大幅升溫，各國股市普遍重挫，美元指數則走低至3月9日的94.895。而當日國際油價遽跌近30％，加以3月13日道瓊指數崩跌近3千點，更顯示市場對疫情可能重創全球經濟的憂心，對風險的態度明顯呈現Risk Off，也促使美元資金需求急速增加，令美元指數反向升值至3月23日的102.487，升幅達8％。
即使聯準會在3月23日宣布、被市場將解讀為「無限量QE」的措施──按所需要規模買入美國國債和機構抵押貸款支持證券（MBS），美元指數也僅是略見回落，再次證實當前美元指數主要受市場風險態度牽動，助長了強勁的美元需求，就連「無限量QE」也難攖其鋒。同一期間，亞洲各國貨幣對美元大致呈現貶值態勢，惟新台幣對美元匯率相對有撐，顯示新台幣較亞洲其他國家貨幣相對穩健。
那麼，在全球疫情未見緩解，促使美、台及其他國家央行不斷推出降息、信貸融通等寬鬆貨幣政策下，要解析新台幣後續走勢須從4個面向切入。首先，從利差因素觀察，今年3月聯準會兩次緊急降息，將聯邦基金利率降至0～0.25％的區間後，理應對美元造成貶值壓力。惟從過去經驗得知，聯準會降息並不必然會壓低美元指數。舉例來說，聯準會於2019年3度降息，各次降息一週後與降息一個月後的美元指數變動率，升貶表現不一，而台灣央行2015年至2016年期間三度降息的情形亦然。再從美元一年期的指標利率（以LIBOR美元12個月拆借利率為參考指標）與美元指數的走勢加以觀察，發現2018年初兩者走勢亦步亦趨，但2019年後，卻呈現反向走勢，尤以今年3月9日以後更為顯著。因此，從美、台降息後的歷史經驗及美元一年期指標利率與美元指數的相關性來看，利差因素並未影響近期美元或新台幣匯率走勢。
再從經濟基本面觀之，台灣屬於小型開放經濟體，全球經濟走勢變化對台灣經濟影響甚鉅，從2018年台灣出口占GDP比達66.75％，同年出口至美、中、日、韓、香港及歐洲主要國家金額占全年總出口額達71.27％，即可得證。因此，當這些國家經濟因疫情受創，將連帶傷害我國對其出口。同時，在各國政府紛紛祭出關閉國境政策後，自然也會對台灣觀光等產業造成打擊。由此可知，當疫情遲遲不退，出口導向的台灣經濟勢將受到衝擊，並對新台幣對美元匯率帶來走貶壓力。
第三是資金面，由於疫情在全球各處蔓延，供應鏈中斷加以需求下降，使金融市場動盪不安，變現壓力增強，全球股市相應重挫，台灣也無法倖免。台灣證券交易所資料顯示，自2月20日至3月25日間，外資共賣超台股新台幣4,728億元，今年2月淨匯出金額達38.97億美元（新台幣1,167億元），終止自去年9月以來連續5個月淨匯入的現象，外資持續匯出資金將不利新台幣對美元匯率。所幸，台灣依舊保持經常帳順差且政府預算亦有盈餘，使新台幣相對抗跌，加以台股殖利率高達4.72％（以2月25日為準），與美國S&amp;P 500殖利率僅2.44％相較，仍具吸引力，亦將為新台幣匯率帶來支撐。
第四是台灣央行政策態度，隨著全球疫情升溫，近年來從不輕啟降息的央行，於3月19日調降重貼現率1碼至1.125％，創下史上新低。而在新台幣名目有效匯率指數甚少過度偏離36個月移動平均線值下，3月23日時新台幣收盤價為30.405，已相當接近名目有效匯率指數上緣數值，代表新台幣對一籃子貨幣可能有過強之虞，央行或有調整新台幣對美元匯率走貶的考量。惟美國發布匯率操縱國報告在即，且2019年台灣對美貿易順差230億美元，經常帳順差占GDP比達10.5％，已符合美國匯率操縱國三大要件中的兩項，如何避免被美方列入匯率操縱國，也必然是央行懸掛於心之事。
要言之，新冠肺炎疫情乃是當前台灣及全球經濟表現，以及國際股、債、匯市走勢的主導者，新台幣亦難逃脫這樣的格局。從經濟基本面、資金面及央行政策態度三大面向的綜合考量亦可知，只要疫情不退，未來新台幣對美元匯率將呈現走貶趨勢。值得安慰的是，台灣經濟體質相對尚佳，預料新台幣貶值幅度應不至太大。</t>
  </si>
  <si>
    <t>中央流行疫情指揮中心今（27日）宣布重開公費疫苗預約系統，但不少「莫粉」仍期盼莫德納疫苗再度開打，至於第五輪有沒有機會開放莫德納疫苗，指揮官陳時中回應，進貨量難以掌握，如果問有沒有可能，當然是有可能，但坦言數量比較少。
先前指揮中心估計8月底前預計1000萬劑疫苗到位，若加上今天到貨的58.2萬劑AZ疫苗，目前全台已有948.4萬劑，是否有可能調整預估到貨劑量？陳時中回應，我們當然希望越多越好、越快越好。
目前國內莫德納疫苗接種數已將近300萬，陳時中說明，我們與原廠簽約505萬劑、加購100萬劑，加上美國贈送給我們的250萬劑，如果不考量混打，整體來講可以分配給400多萬人施打兩劑。他也坦言，莫德納疫苗可以提供大家的數量比較少。</t>
  </si>
  <si>
    <t xml:space="preserve">
大聯盟因新冠肺炎疫情全部停擺，洋基是首支確定全員留在春訓基地的球隊，15日球員展開首日非正式春訓，多半進行守備及內野訓練、室內投打練習，雖然不開放媒體及球迷進場，不過美媒仍訪問到洋基板凳教練門多薩（Carlos Mendoza），他直言感覺超怪。
根據《紐約郵報》報導，門多薩在經過首日非正式訓練後受訪說，「這真的很怪，現在是艱難的局面，但我們仍竭盡所能做該做的事。」
記者在球場外看見拉瑪修(DJ LeMahieu)、塞弗瑞諾（Luis Severino）、厄薛拉(Gio Urshela)、弗雷塞(Clint Frazier)等人現身，門多薩也笑說，在這第一天訓練，時間一到突然一大群球員就一起現身了。
「我們能進行守備訓練、內野訓練，大夥也在室內進行投、打練習，我們會持續這樣進行。」門多薩在受訪時說，「我們持續為球員提供幫助，這是我們的工作，現在疫情每天都在變化，誰知道接下來會發生什麼，但至少到現在為止，我們為了球員留在這。」
不過洋基還是不反對球員回家，本周末可能會有一些選手決定離開，不過大多數球員在春訓期間都會與家人相聚，其他球隊也有不少球員選擇回家，因此推測大聯盟會在正式開季之前，進行第二次較短的春訓，來提升球員的身體素質。
</t>
  </si>
  <si>
    <t>民進黨立委羅致政今日表示，不論是COVID-19的中文翻譯要如何稱呼，都是個別的說法，不需要因為行政院長蘇貞昌都講武漢肺炎而過度解讀，雖上月蘇揆不滿意度民調高過滿意度，但長期以來滿意度都在4成以上，且都高過滿意度，民調起起伏伏，平常心看待即可。
有媒體指出，蔡總統近期任命邱太三接任陸委會主委，目的是為了向中國釋出善意，且自去年國慶演說起，已不再說「武漢肺炎」，改口「新冠肺炎」，但蘇揆仍持續以「武漢肺炎」稱呼，是操作反中情緒，想選2024總統，也會破壞蔡總統的兩岸談判空間。
羅致政表示，民進黨對中國一直持續釋出善意，但對岸對我方一向強硬，從共機持續擾台一事即可見端倪。至於蘇揆對於COVID-19的中文稱呼上，採用了什麼說法，也不需要太過度解釋。
針對昨晚流出一份民進黨內部民調，直指蘇揆1月份不滿意度高於滿意度。羅致政說，先不去談民調流出的動機，就所掌握的最新民調，蘇揆的滿意度仍是高於不滿意度，外界不需要過度看待。</t>
  </si>
  <si>
    <t xml:space="preserve">日本新冠肺炎感染患者出院5週後仍聞不出尿布的臭味。1名37歲的女患者向媒體披露自己在治療期間的經歷，出現症狀起2周後的4月10日，她在日記上寫著，一度從醫院轉往輕症患者下榻的飯店，才經過不到半天，就被醫師宣判，「症狀恐怕會惡化」，而再度被送回醫院，出院後仍留下後遺症。
《朝日新聞》報導，這名患者說，她兩次住院都是住4人房，第2次住院後首次發燒至37至38度左右，醫師告訴她，因為身體要對抗病毒，發燒是有必要的，故暫時不給退燒藥。第1次發病時的倦怠感在第2次發病時又出現了，連看手機、起身吃飯都很痛苦，不過已開始一點點地嚐出醫院餐點的味道。
住院患者只要連續兩天發燒在37.5度以下且沒有出現症状的話，可再接受1次PCR病毒篩檢，隔一段規定的時間後，再接受第2次病毒篩檢，兩次都呈陰性即可出院。
她於第2次住院後的第5天接受病毒篩檢為陰性，若再次篩檢呈陰性就可以出院，但沒想到又突然發燒近38度，接受第2次篩檢後醫師竟說，第1次的結果可能是假陰性，故還需再住院。
但再經兩天的靜養後，因兩次病毒檢測都是陰性，也沒再發燒，醫師因而批准可以出院。她兩次住院共15天，從出現症狀在家隔離算起則共經過24天，所幸家人的健康都沒問題。
這名女患者5月中旬和先生一起到民間的醫院自費做抗體檢查，結果還是呈陽性。她表示，出院的頭1週，雖然有時覺得頭痛、身體無力，但已能慢慢聞出咖啡的味道，甜味、苦味也陸續可以嚐出來，第2週感覺身體逐漸復原，但出院後過了5週，仍聞不出來1歲小兒子的便便的味道，看到兒子在哭，自己卻沒發現時，會懷疑自己真的是陰性嗎？看來與新冠病毒的抗爭還要持續下去。
</t>
  </si>
  <si>
    <t>新冠肺炎疫情爆發過後，全球近30個城市展開血清抗體篩檢，彰化縣是全國第一個大規模篩檢，縣府和台大公共衛生學院、彰基等合作，針對確診個案及接觸者、居家檢疫、防疫人員、居家關懷、長照據點長者及工作人員等，展開萬人調查，作為研發疫苗和治療的參考。
臺大公衛學院院長詹長權表示，全球遭受新冠肺炎病毒危害時，彰化是臺灣早先接觸到病毒，在衛生局團隊努力下，防疫相當成功，病毒何時來襲無法預測，做過大規模篩檢，防疫可更精準，彰化Ｃ型肝炎檢測是全台第一，新冠病毒檢測也跑第一，彰化人為台灣人健康，走在前面，把數據做出來貢獻給政府。
縣長王惠美表示，篩檢目的在了解社區新冠肺炎「過去感染」狀態，評估不同暴露條件下感染風險，能為新冠肺炎疫苗和治療方法提供更精準的建議。
傳染病醫療網中區指揮官黃高彬指出，17年前SARS台灣死亡率21.1％，這次降到1.2％，仍需花時間瞭解病毒。彰化縣醫師公會理事長連哲震說，彰化歷年都進行萬人健檢，促使臺大公衛學院願意與彰化縣合作，希望讓臺灣防疫檢測及疫苗研發成功。
彰化基督教醫院長陳穆寬說，彰基實驗室及防護裝備都已備妥，新冠肺炎病毒還有很多未知數，希望能用最好的準備，迎接病毒無法預測的挑戰。
秀傳紀念醫院院長楊基滐說，期許透過血清抗體研究調查，更瞭解疾病面貌，讓民眾面臨疫情不再恐懼。
彰化縣衛生局簡報，這次計畫由臺灣大學公衛學院提供瑞士國際大藥廠的試劑，已於美國、英國、新加坡等國家大規模使用。檢驗原理 為電化學發光免疫分析，與早期ELISA類似，透過冷光呈色較ELISA靈敏度高。經廠商研究測試，該試劑特異性為99.81％、於患者 PCR確認陽性後14天靈敏度為100％。
彰化縣衛生局長葉彥伯表示，將對符合此次受檢資格民眾進行通知及採檢說明，確認採檢時間、地點後簽署同意書並採檢、送驗，預計9月底完成。</t>
  </si>
  <si>
    <t>確診者屢傳失去嗅覺和味覺，截至昨日，目前台灣已有32例個案有此症狀，前和平醫院急診室主任張裕泰表示，當年護理師感染SARS康復後卻失去嗅覺，至今都未恢復。指揮中心也將此症狀列入通報條件。
截至昨日台灣有32例確診有嗅、味覺異常的狀況，約佔全部確診的11%左右，中央流行疫情指揮中心專家諮詢小組召集人張上淳解釋，此症狀可能是病毒吸附在腦神經授體而導致，但目前尚不清楚症狀多久才會消失。
根據《ETtoday》報導，前和平醫院急診室主任張裕泰指出，17年前SARS期間，有位年僅25歲的護理師染疫，康復後卻喪失嗅覺，至今都沒恢復。張裕泰的妻子透露，原因為何她本人也不清楚，但多年過去都沒恢復，才發現傷害是不可逆的。
至於為何會嗅覺、味覺失靈，張上淳表示，目前比較清楚的是，在神經細胞裡面有病毒授體，第一對腦神經下來到鼻腔頂部的地方，這個部位是嗅覺比較豐富的地方，不排除病毒吸附到那邊，進而導致嗅覺異常。</t>
  </si>
  <si>
    <t>新冠肺炎疫情在全球來勢洶洶，有潔癖且自稱患有「細菌恐懼症」的美國總統川普提供私藏防疫祕方，他說只要像他一樣，拚命洗手，沒事別碰扶手，聽到有人打噴嚏就逃走，就可決戰病毒於體外。他還抱怨，外界過於誇大新冠肺炎的可怕，「如果得到了，把它當流感就好了。」
綜合外電報導，疫情重擊美股，一片慘綠。美東時間26日，川普率領有關官員舉行記者會，談及個人防疫，他先神氣地對記者說：「你們可能聽過，我常洗手。」記者笑成一片，他接著表示，洗手並保持乾淨，非必要不要抓扶手。至於碰到打噴嚏的人，他會逃之夭夭。川普還分享親身經驗，他說約一周前有朋友拜訪他，兩人許久不見，相互問候並擁抱後，朋友說得了重感冒，川普一聽大驚，「我立即說請恕我失陪，然後跑去洗手。」
川普的潔癖舉世聞名
川普的潔癖舉世聞名，美國新聞網站《Politico》曾刊文報導，在川普身邊工作過的人都知道他有潔癖，對於工作環境的衛生要求近乎苛求。參與群眾活動後，川普上車的第一件事，就是叫助理把乾洗手液拿來。白宮橢圓型辦公室外面，也放了一瓶乾洗手，讓他可以隨時洗手。曾有記者問川普，你一天洗幾次手？他回答越多次越好。川普的前保安也曾表示，不能隨便握川普的手，否則他會出面阻止。
因為有「細菌恐懼症」，川普非常害怕碰到病人，或不乾淨的人。訪客到白宮，在進入橢圓型辦公室前，要先到隔壁的洗手間洗手，曾有一名助理在空軍一號上咳嗽，川普立即指示軍醫處理。「如果你咳嗽或打噴嚏，或者看起來像生病，川普會眉頭緊皺，舉手示意你離遠點。」一名川普競選團隊成員透露。
指派副總統負責防疫
白宮的官員們現今也都非常有經驗，知道自己如果生病、喉嚨沙啞或感冒，就千萬別見到川普，否則必有排頭吃。白宮代理幕僚長米克．穆爾瓦尼（Mick Mulvaney）先前在川普辦公室開會只不過咳嗽，就讓川普不滿，他對ABC News抱怨說，穆爾瓦尼在回答他的提問時咳嗽，他不喜歡這樣，你知道。「如果你要咳嗽，請先離開。」
對於川普的細菌恐懼症，曾有美國媒體報導，這其實十分諷刺，對一位這麼愛吃速食，喝這麼多可樂的人來說，唯一堅持的原則竟然是洗手。
針對美國疫情，川普在記者會上強調，美國感染風險仍低，但疫情如果擴散，也已準備好因應，他並說如果國會撥款超過25億美元抗疫，他會接受。他同時讚揚大陸國家主席習近平非常努力對抗疫情。他當場指派副總統彭斯負責指揮防疫，並直接向他報告。
美國目前總確診人數達到60人：國內確診15起；鑽石公主號返美確診42人；武漢包機感染3人。
控訴兩媒體煽動恐慌
據了解，美國疾病管制與預防中心（CDC）美東時間25日表示，新冠肺炎可能全球大流行，在美國大爆發只是時間問題，讓美股殺至當日低點。美股連跌兩天讓川普十分不滿，認為CDC嚇壞投資人。川普還推文抱怨美國全國廣播公司NBC分支、MSNBC和CNN，控訴這兩家媒體收視率低和造假新聞，盡可能讓疫情看來糟糕，包括煽動市場恐慌，至於民主黨員都是空談誤國、無所作為。事實上美國狀態很好！
川普特別在記者會上說，美國民眾不必太過恐慌，他會加強美國的邊境與機場管制，務必決戰病毒於境外。把它當流感就好。</t>
  </si>
  <si>
    <t xml:space="preserve">新冠肺炎疫情日益嚴重，全球如臨大敵，尤其熱門旅遊國家，在防堵疫情與自由開放度之間拔河，例如日本，即使官方表現得自信輕鬆，然在地民眾的反應卻是相當真實的，女星林韋君上周到日本關西一帶旅遊，就親眼見識到這個反差，讓她大傻眼，之後不太敢說中文。
日本確診案例與日俱增，當地居民態度如何？據《自由時報》報導，女星林韋君上週趁空檔，飛到日本關西滑雪，有聽聞「排華」的消息，但她並沒有遇到這種對待，然某天到壽司店用餐，她使用著手機中文翻譯以及用語音通訊app，被一旁的日本女生聽到了使用中文，對方竟馬上戴著口罩默默離開。
林韋君當下感到非常尷尬，也表示當時使用中文被日本人聽到的話，馬上會被注目，她只好在日本出遊期間少用中文，至於當地口罩的供應狀態，林韋君透露有被朋友交代幫忙買口罩，但她走遍每一間遇到的藥妝店，完全沒貨，一個都沒買到。
</t>
  </si>
  <si>
    <t>新冠肺炎來勢洶洶，由於開學日不同於以往增加防疫的工作，平鎮警分局執行「護童專案」，即時增派警力至各校門口協助校方測量體溫時的交通秩序，以確保學童的安全，平鎮國中校長羅新炎表示，大家都很關心疫情，這次開學連家長都到校協助測量體溫。
平鎮警分局分局長李建民表示，根據過去開學日的經驗，上午7時20分至7時40分，是家長接送學童上課的尖峰時段，而這次開學日又有別以往，師生入校前都要先測量體溫，警方勢必加強校園周邊的交通疏導。
羅新炎說，校方在師生進入校園前即噴灑酒精及測量體溫，在警民合作下，開學非常順利，除一名學生在濟州島尚未到校，預計於今（25）日晚間回台，並已向該學生通知歸國後需自主健康管理，其餘學生皆已安全到校。
平鎮警分局指出，平鎮學區分布特別，多所學校校門口緊鄰車流量大的道路或狹窄巷弄，警方強調將會與校方共同檢視校園周遭交通，並提高見警率，讓駕駛人放慢車速，得以留意過馬路的學童。</t>
  </si>
  <si>
    <t>雲林縣北港工藝坊4日舉辦鼠年特展「人喜盛世，心有所鼠」，25名工藝師以鼠年為主題創作木雕、紙塑等作品，主辦單位希望藉由各領域工藝師齊聚一堂打造鼠年氛圍，同時邀民眾抗疫期間欣賞藝術創作「賞藝抗疫」。
新冠肺炎疫情讓民眾減少出門，不少人悶在家裡心情大受影響，北港工藝坊4日特別推出「人喜盛世，心有所鼠」鼠年特展，邀請民眾來北港朝天宮參拜媽祖祈求平安後，順道來距朝天宮約500公尺的北港工藝坊放鬆心情。
10餘名工藝師4日在展場介紹自己的作品，包括木雕陳明洲、林朝金、高基培、蕭源松、粉線雕丁宗華、紙雕劉庭翰、纏花林佩瑩、紙塑蔡爾容、陶繪李朝雄、十字繡莊素月、紙粘土楊絮茹、油畫曾良美等人，同時交流創作理念。
北港工藝坊負責人蔡享潤表示，工藝坊每年元宵節後的生肖工藝聯展，是雲林縣內的工藝盛事，不同領域的藝師「輸人不輸陣」，拿出絕活利用各種媒材創作個人代表作，現場爭奇鬥豔，讓來賓置身1場精彩的藝術饗宴。
民眾指出，為了防疫，大部分時間都待在家裡看書、聽音樂、與親友聚餐，得知北港工藝坊舉辦鼠年特展，特地前來欣賞工藝師們的心血結晶，藉由藝術來放鬆心情，效果不錯，現場並提供防疫消毒水、進行防疫宣導，讓人更安心。</t>
  </si>
  <si>
    <t xml:space="preserve">敦睦艦隊磐石艦確診24名新冠肺炎，國防部副部長張哲平今天在司法法制委員會答詢時證實，磐石艦有337位軍士官兵，其中70人看診71次，且其中有5人發燒。中央疫情指揮中心下午記者會表示，發燒5人中經過三個實驗室進行抗體檢測，抽血檢驗有3人存有抗體，但有抗體代表曾感染過，這是否意味著其中3人曾在上船前就染過，對疫情調查很有幫助。
民進黨立委趙天麟質詢，根據軍醫局提供的資料，磐石艦有337位軍士官兵，其中竟70人看診71次，且其中有五人發燒。張哲平回應，在敦睦整個航行過程中，到達帛琉前後「確有5人發燒。」
但張哲平也強調，艦上醫官將患者隔離到一般病房作診治後，「大約4到6天這些症狀也就沒有了」。不過這5位發燒病患經疫調人員抽血檢驗，其中有3名竟然存有肺炎抗體，其實就意味著極有可能這3人極可能為無症狀感染，事後自行康復後帶有病毒，但真實狀況仍有待調查。
</t>
  </si>
  <si>
    <t>疫情嚴峻，台中市長盧秀燕7日宣布，從9日開始，市府就會要求市民朋友或者是遊客，搭乘大眾運輸系統的時候，要強制戴口罩；乘客如果不戴口罩，會先行勸導，勸導不聽，即開罰3000元到1萬5000元。
盧秀燕今日上午在市政會議表示，面對疫情上緊發條，防疫作業的挑戰更重，台中市政府會有許多新的防疫措施開始實施，如洽公實名制，或者台中市的公務同仁，在清明連假當中有去中央流行疫情指揮中心公布的11個旅遊警示景點，希望大家能夠申報，並且自主健康管理。
盧秀燕說，中央流行疫情指揮中心上周已宣布，未來搭乘大眾運輸系統，包括像台北的捷運，及各地的公車、計程車等等，乘客必須要戴口罩。
她指出，目前台中市還在宣導期，以柔性勸導為主，但是從9日開始，配合中央防疫作業，中央配發口罩從2周變成9片，即1周有4.5片，大概可以勉強滿足上班上學的需要。
所以從9日開始，台中市政府就會要求市民朋友們，或者是遊客，搭乘大眾運輸系統要強制戴口罩，如果不戴口罩，市府會先勸導，勸導還不戴口罩，就會開罰3000元到1萬5000元，提醒大家，這兩天因為口罩還不足，仍以柔性勸導。
盧秀燕強調，4月9日開始口罩配發2周9片，希望大家強制要戴口罩，為了防疫杜絕破口，籲請大家配合搭大眾運輸務必戴口罩。</t>
  </si>
  <si>
    <t>新冠肺炎疫情讓全球體育賽事停擺，但台灣體壇這個周末很熱鬧，從學生聯賽到職業賽事都有比賽讓運動迷熱血一下，昨天全球唯一開打的職棒中華職棒31年例行賽相當受到矚目，國內外投注網站都熱鬧滾滾。
昨在台中洲際棒球場進行的統一獅作客中信兄弟準時開打，台灣運彩過去曾在中華職棒總冠軍賽提供「單場投注」，今年因為新冠肺炎疫情嚴峻，比賽能夠開打很不容易，因此台彩為了支持國內賽事，首度在中職開幕戰提供「單場投注」，未來更計畫繼超級籃球聯賽（SBL）之後推出「場中投注」。
昨天順利開打的「象獅大戰」，台彩開兄弟讓1.5分、賠率1.75，單場總分10.5分，總分大的賠率是1.70、總分小的賠率為1.80，總分加起來單數的賠率是1.50，雙數的賠率則是2.05。
大陸投注網站1xbet的玩法相當多元，彩迷可以投注主隊贏或客隊贏之外，一樣也有讓分盤、兩隊得分加總為單數或雙數等，還有客隊總得分、6局或7局之後領先隊伍，以及兩隊每隊得分為2分到7分或更多，每一種賠率都不同，並隨著比賽情況隨時變動。
英國兩家知名博彩公司威廉希爾和bet365同樣也針對中職開盤，其中bet365開兄弟讓1.5分、賠率2.00，總分11.5分，大的賠率是1.86、小的賠率是1.80。
新冠肺炎疫情何時能被有效控制、讓國際體育賽事全面恢復仍是未知數，台灣運彩思考多種可能擬定相關計畫，例如6月底以後主要運動賽事恢復的話，屆時會加開更多單場及場中投注，希望在下半年可以補足上半年因為疫情下滑的銷售額。</t>
  </si>
  <si>
    <t>台股多頭明燈台積電（2330）不但守穩季線也即將收復30日跳空缺口，帶動台股11日大漲89.97點，漲幅0.78％，收在11,664點，新冠肺炎最恐慌的衝擊已經過去，11日共有219檔11日股價已經超越20日收盤價，跨過新冠肺炎缺口，包括有友達（2409）、國巨（2327）等重量級「強者恆強股」。
美國科技股持續走揚，消彌了新冠肺炎的對資本市場的恐慌情緒，加上大陸官方陸續實施「維穩」政策，台股多方護盤的台積電僅差1.5元將完全收復30日跳空缺口，11日收在331.5元，上漲4元，20日豬年最後一個交易日收在333元。
康和證券投資總監廖繼弘認為，新冠肺炎疫情爆發至今，台積電一直是台股多頭觀察的最重要指標，因此只要台積電守穩季線，投資人不必殺低持股，尤其台積電即將補缺口，台積電走勢強過於大盤，更凸顯多方的企圖心。
事實上，11日台股共有219檔個股的股價已經超越20日收盤價，盤面交易熱絡，依據近期三大法人買超有友達、技嘉、穩懋、原相、國巨、精材、華新科、博智、華擎、旭富、宏捷科、復盛應用、宜鼎、牧德、仲琦等個股。
台新投顧副總黃文清認為，法人買進的強者恆強股其背後的產業基本面能見度高，包括有面板、被動元件、PCB、主機板等。砷化鎵大廠穩懋1月營收年增60.47％，月減11.97％，股價收復季線，外資11日買超2,688張，投信及自營商也站在買超。
被動元件大廠國巨1月營收33億元，年減30.85％，月增1.28％。外資11日買超國巨2,476張，投信買超國巨力道相當積極，已經連續第八日買超。
AOI檢測設備大廠牧德1月營收2.1億元，年增2.27％，月增49.27％。牧德2019年EPS為20.01元，公司看好今年訂單將擴增產能、興建廠房，計畫辦理現增籌措資金。牧德技術面屬於強者恆強股，11日僅跌破5日線，守穩短中長期均線。</t>
  </si>
  <si>
    <t xml:space="preserve">加州州長紐森周二將宣布加速解除防疫封鎖，在開放零售、製造、物流與休閒公共場所後，再新增餐廳開放現場用餐。已長時間封鎖的民眾開始逐步恢復正常生活，洛杉磯民眾更早於周末就按耐不住湧上街頭，表達對自由嚮往。海灘上有上千未戴口罩民眾聚集示威，聲稱居家禁令違憲，要求政府加速重啟經濟，美媒稱其為「用生命博自由」。
據《美國之音》報導，州長紐森日前宣佈，加州進入重開經濟的第二階段後，悶在家中許久的民眾在母親節的周末湧上街頭，許多商店與公共場所開始出現人潮，洛杉磯部分公園、高爾夫球場、散步小徑等都在開放中，政府要求各行業營運時仍需遵守衛生部門的規定。預計周二紐林再加速開放餐廳現場供餐營業，將會有更多民眾前往消費。
報導說，公園裡民眾依然嚴守社交距離規定，三三兩兩步行或跑步、遛狗，即便在周末的母親節也未舉行群聚慶祝活動。
不過據《福斯新聞》報導，母親節當天，洛杉磯市中心販賣鮮花的商店人滿為患。人們爭相搶購鮮花，也顧不上社交距離的規定，群聚現象對民眾健康帶來的潛在威脅。
《美國廣播公司》(ABC第7頻道)則報導，周末有約一千多人聚集在洛杉磯縣漢丁頓海灘(Huntington Beach) 的碼頭附近，強烈要求重啟加州經濟。示威現場許多人沒有戴口罩，也沒有遵守六英尺(1.83公尺)社交距離的規定。有人拿擴音器演說稱「居家令」是「絕對違反憲法的」。市長居所外也有團體進行抗議，要求准許更多商家開門營業。
報導說，洛杉磯在周五重啟部分經濟活動後，星期六新增病例超過千人，約為全加州新增確診人數(2244人)的一半。
洛杉磯海灘將於周三開放，已有分析警告說，隨著全美各地對疫情的逐步解封，人口流動變得更加頻繁，這將使得防禦新冠病毒的傳播變得更加困難。
</t>
  </si>
  <si>
    <t xml:space="preserve">昨天才宣布零個案，中央流行疫情指揮中心指揮官陳時中今宣布，國內新增2例新冠肺炎境外移入病例，分別為60多歲女性(案394)及20多歲女性(案395)，均自美國返國。
指揮中心指出，案394於1月22日至美國探親，3月30日搭乘華航CI011毒班機返國，由於同班機旅客已有11人確診，因此由居家檢疫對象改列為居家隔離對象。個案於4月6日、7日陸續出現全身痠痛、胃痛、嘔吐、胸悶及發燒症狀，分別於8日及10日由衛生單位安排採檢，於今日確診；該班機截至目前共12人確診。
至於案395於1月23日去美國就學，4月4日出現咳嗽、鼻塞、流鼻水及嗅覺喪失情形，4月13日返國入境時主動申報有前述症狀，由機場採檢通報後，今日確診。指揮中心發言人莊仁祥說，航空公司有詢問，是否有呼吸困難的等症狀，該名個案，目前匡列11位接觸者，前後2排乘客10位與1位機組員。陳時中補充，不是有這個症狀就是確診，但呼籲大家要誠實說明自己的症狀等等，讓專業的醫師來判斷。
</t>
  </si>
  <si>
    <t>韓國疾病管理本部周五上午宣布，新型冠狀病毒感染確診病例新增518人，累計確診病例達6,284例。死亡病例新增7人，累計死亡病例達42人。
由於國內疫情持續快速升高，防護型口罩嚴重短缺，為了確保口罩穩定供應與平均分配，南韓政府周四緊急宣布幾項口罩控管措施，包括將全面禁止口罩出口，並擴大國內口罩產量。
此外，為了防止重複購買行為，南韓也將採納類似台灣的實名限購制，民眾自下周起按個人出生年份可在周間指定時間購買口罩，但每人每周僅限購買2片。</t>
  </si>
  <si>
    <t xml:space="preserve">華裔女星白靈在《墮胎師》中深刻詮釋遊走法律邊緣的「墮胎手」，以此片入圍第57屆金馬獎最佳女主角獎，定居洛杉磯的她將出席金馬頒獎典禮盛會，因此早早來台，要先挺過隔離這一關，對個性活潑大膽愛熱鬧的白靈來說，被關住是頗辛苦的事情，因此她開始在社群更新隔離日記，如今已進入第4天，只能說天天都是活色生香，堪稱最好看的隔離日記。
白靈為參加本屆金馬獎頒獎典禮，先行來台接受隔離，如今已是第4天，但她表示已完全不清楚到了第幾天，因為已完全失去時間概念，「很快地我就忘了我叫什麼名字了吧，或是忘了我為什麼在這家酒店待這麼久的時間」。
她隨文附上今天的照片，穿著桃紅色半截小背心搭配同色系印花瑜珈褲的她，在大大的落地窗前或盤腿或擺pose，享受晴朗的陽光，但比起豔陽，她胸前激凸大洩春光，反倒吸睛，白靈說今天非常美好，因此分享三張自己從房間俯瞰台北市的美麗照片，「我在21樓，幾乎能看到整個城市，車水馬龍，交通相當繁忙」。
但白靈覺得如果日日夜夜看著這景致，也會變得一般，如今覺得又熱又缺乏新鮮空氣，台北仍處於夏天，「如果我能跳出窗外，乘著空氣去擁擠的北市美食廣場吃點台灣小吃就太美好了，可惜玻璃太厚，我也不想打破啦！從窗台往下看，還是很嚇人的」。
不能出門的白靈，只能想像自己到沙灘踏浪、呼吸新鮮空氣，很想開開窗戶，「好想週末走在台北當地小巷弄吃小吃，而不是獨自待在飯店房間」，還說警察每天都會打給她，但她又不能見到對方，也見不到問她體溫、送餐的這些每天跟她交談的人，而平時的週末，她大多會跟朋友出門吃飯或看場電影，如今只能撒嬌跟粉絲說：「今天是週末，你能來帶我出去走走嗎？」，而本日隔離日記最後，白靈分享了內心感受：「生活是個禮物，可能的話，盡情享受它吧，因為失去它時，你會很想念。沒什麼比自由行走與呼吸新鮮空氣來得重要了」。
</t>
  </si>
  <si>
    <t xml:space="preserve">食藥署今天核發26萬劑高端疫苗封緘證明書，讓指揮中心現在共有61.4萬劑高端疫苗可放入第六輪公費疫苗預約平台進行使用。衛福部長陳時中表示，高端疫苗今起開放預約後，已有24萬人完成預約，約佔整體符合資格60萬名對象的40％，同時將高端定位為年輕族群疫苗，確定可下放施打年齡至36歲，「希望能讓更多年輕人打到」。
食藥署今天放行四批高端疫苗，總數為26萬1766劑，若加上8月2日、4日通過的五批疫苗，目前共有61萬4204劑高端可供使用。陳時中表示，60萬劑只是當初專家推估能至少擁有的數量，若接下來的檢驗一切順利，近期不排除還會再增加更多劑量，「希望盡量在這一波，可讓更多年輕人打到（高端）」。
今天上午10點一到，預約接種高端疫苗的民眾一度癱瘓預約平台，指揮中心發言人莊人祥表示，2分鐘內就有4.2萬人湧入登記，由於預約高端疫苗的瞬間流量比較大，因此平台啟動流量管制，但後來都恢復正常，截至下午1點時，已有24萬人完成預約，相信未來不會有太大問題。
至於總統蔡英文已表示要打高端疫苗，陳時中說，總統在這次施打疫苗也是跟一般民眾一樣，都要先上網做意願登記，今早已有40％的人完成預約，我不知道總統來預約了沒？但如果有預約成功，當然國安團隊會做最適當的接種安排。
</t>
  </si>
  <si>
    <t xml:space="preserve">友訊經營權之爭，公司派對上市場派，上周更延燒到明泰董座大位，明泰大股東佳世達也宣布，擬以每股30元收購明泰，收購明泰最多10.3萬張股，即19%的明泰股權，屆時佳世達持有明泰股將上看42.8%，明泰(3380)今以24.35元開盤跳空漲停，大股東友訊(2332)亦大漲逾7%，與明泰有策略聯盟的仲琦也大漲8.5%，佳世達(2352)則下挫約2%，另外，明泰也公布第一季財報，單季每股虧損0.24元。
友訊經營權之爭，延燒到明泰董座大位，明泰大股東佳世達宣布，擬在不晚於5月12日起，以每股30元收購明泰，擬收購最多10.3萬張股，即19%的明泰股權、屆時佳世達持有明泰股將上看42.8%，坐穩最大股東位置。
佳世達目前已是明泰最大股東，集團綜合持股明泰共23.8%，佳世達期望透過此次公開收購希望達到綜合持股28.8%至42.8%，以加速5G的布局和經營。
明泰第一季的合併營收為49.84億元，主因明泰交換器、數位多媒體產品出貨成長，及無線寬頻產品線合併仲琦營收挹注，第一季營收較去年同期增加約55.0%，因合併仲琦(2419)效益，營業毛利額約成長60.0%至8.45億元，毛利率亦提升0.6個百分點至17.0%，單季營業費用為9.30億元，營業損失為8500萬元，營業利益率為-1.7%，稅後淨損為1.38億元，相當於每股損失為0.24元。
明泰第一季各產品線的營收比重，區域/都會網路產品(LAN/MAN)佔43%，無線寬頻網路產品(Wireless Broadband)佔37%，數位多媒體產品(Digital Multimedia)佔13%，其他網路相關產品(Others)佔7%。
明泰表示，雖然第一季整體營收及獲利受到新冠肺炎疫情影響，期望第二季營收表現因訂單達交情況改善而有所提升。
</t>
  </si>
  <si>
    <t xml:space="preserve">因應嚴重特殊傳染性肺炎疫情加溫，新北市政府農業局輔導轄內取得許可登記證的休閒農場，皆配合強化三級防疫政策自主停業，後續農業局將協助休閒農場業者向中央爭取紓困補助措施。
由於嚴重特殊傳染性肺炎(COVID-19)疫情警戒，行政院農業委員會函知休閒農場業者如有維持營運需求，須確實落實中央流行疫情指揮中心所提防疫指引各項措施。
為確保防疫網絡無缺漏，新北市政府農業局輔導轄內14家休閒農場業者，掌握決戰新冠肺炎3關鍵之一的「低度活動」，配合新北市防疫政策自主停業。農業局表示，休閒農業是新北市非常重要的產業，每處都各有特色，農業局會跟新北休閒農業站在一起，積極向中央爭取將休閒農業產業納入紓困方案。
</t>
  </si>
  <si>
    <t xml:space="preserve">新冠肺炎全球持續延燒，台灣疫情今（17日）卻再度傳出佳績，不但國內新增確診案例連2日「+0」，更是單周內第3度零確診，讓累積確診數維持在395例。不過前衛生署長楊志良卻感到擔心，表示台灣人體內普遍沒有抗體，加上大陸即將崛起，台灣未來走向很不樂觀。
楊志良16日參加「POP搶先爆」電台節目時，他針對全球情勢表示，目前疫情控制得最好的就是大陸。楊志良指出，不談大陸可能存在「黑數」爭議，大陸疫情較其他國家恢復地更好，甚至，在相較之下，台灣疫情反而更危險。
儘管楊志良肯定台灣防疫做得好，但他認為，台灣因感染人數不多，所以大部分民眾體內不存在新冠肺炎抗體，尤其疫苗還沒研發成功，單就藥物是無法阻止疫情傳播的。
另外，由於大陸疫情率先穩定控制，國內陸陸續續也恢復生產，經濟恢復最快；而歐美國家疫情甚至還再持續，且防疫物資仍匱乏。因此楊志良預估，大陸今年GDP有望成為全球第一。
然而，當大陸搖身成為超強國家時，台灣就要小心了。楊志良呼籲，國安會要趕快想盡辦法，怎麼因應後新冠時期（Post coronavirus era）全球的變化。楊志良表示，台灣0確診，社區沒爆發群聚感染值得肯定，但面對大陸恐變成強國，台灣未來的走向很不樂觀。
</t>
  </si>
  <si>
    <t>中央流行疫情指揮中心昨天宣布，國內新冠肺炎零確診。根據統計，上次零確診發生在1月25日，至今已相隔18天，也是農曆牛年來第一次+0。
截至目前，國內共累計937名確診案例，分別是821例境外移入、77例本土病例、36例敦睦艦隊、2例航空器感染及1例比利時工程師；另1例江蘇台商（案530）移除為空號。
衛福部立桃園醫院，大年初二傳來好消息！桃園市政府召開年節以來首場防疫會議，衛生局長王文彥表示，桃市目前仍維持3天前的確診人數，但居家隔離人數則從20人降至15人，是喜事一樁，桃園市長鄭文燦在會上發600元小紅包，勉勵春節堅守崗位的市府人員。
王文彥指出，截至12日止桃園維持3天前數據，共有134例確診，3200例排除、97例尚待研判結果，居家隔離數從20人降至15人，目前追蹤除境外移入接觸者4人，其餘則為案908、909、924、934的接觸者。
「防疫醫院聯防會議真的有效！」王文彥表示，經確認全市各醫院狀況，目前負壓病床有32個、新冠肺炎專責病房也有93個空位，呼吸器則有499台未使用，ICU加護病房還有112床可用，桃市9家急救責任醫院也填補桃醫空缺，病房數相當充足。
由於春節期間人潮出籠，廟宇擠滿祈福民眾，鄭文燦昨也前往中壢仁海宮、龍潭龍元宮視察防疫作為，確保民眾「罩」樣參拜，維持社交距離，他也順道向神明祈求疫情早日退散，桃園醫院能盡早真正解除危機，「守住桃園，等於守住台灣」。
台中市長盧秀燕關昨天也至衛生局向市民宣導防疫重點，接著前往消防局119救災救護指揮中心、第六救災救護大隊暨南屯分隊，並頒贈新春小紅包慰勉第一線執勤人員。她向打火兄弟深深一鞠躬，感謝農曆春節期間堅守崗位，守護城市安全。
新北市長侯友宜則是到九份老街視察，走訪各店家確認沿街攤販、遊客是否有做戴口罩、停止試吃等防疫措施。不過，台北市長柯文哲今年因新冠肺炎疫情影響，乾脆取消所有拜廟行程。</t>
  </si>
  <si>
    <t xml:space="preserve">對於台灣新冠疫情延燒，而目前疫苗卻只有71萬劑AZ疫苗，以及明天到貨的15萬劑莫德納疫苗，引發民眾怒火，前氣象主播李富城也在臉書怒稱，「還要死多少台灣同胞，政府才會給我們疫苗？」
台灣今天本土疫情再創新高，過去16天以來，國內累積4822例本土個案，34死。中央流行疫情指揮中心今天再度公布，指揮中心公布新增401例本土、4例境外移入COVID-19個案，另有266例校正回歸個案，確診個案中新增13例死亡，至今國內累積5489例本土個案。
國民黨立委林為洲26日質疑，編足115億餘元給中央流行疫情指揮中心買疫苗，可以買2000萬劑（均價），為何1年半以來，至今只買到71萬劑？
時力立委邱顯智今（27）日更說，台灣到目前還拿不到BNT疫苗，結果疫情指揮中心竟然說氏藥廠沒向台灣申請，「是我們國人為了生命需要疫苗，講這什麼話，這是負責任的機關該有的態度嗎！」
前氣象主播李富城也發出怒火，在臉書砲轟，「還要死多少台灣同胞，政府才會給我們疫苗？」
</t>
  </si>
  <si>
    <t xml:space="preserve">大立光(3008)公布2月合併營收為36.72億元，月減10.66%，為108年2月以來單月新低，但亦是歷年同月新高，大立光表示，由於新冠肺炎疫情市場變化較大，目前看起來3月拉貨動能會比2月好，但客戶訂單是否修正仍待觀察。
大陸地區因新冠肺炎疫情延後復工，致使2月工作天數較少，加上淡季效應，讓大立光2月合併營收下滑至1年低點，2月合併營收為36.72億元，月減10.66%，年增44.72%，為去年2月以後新低，但仍是歷年同月新高，累計前2月合併營收為77.77億元，年成長31.88%。
就產品比重來看，20M(百萬畫素)以上產品佔大立光2月合併營收比重20%到30%，10M以上產品佔50%到60%，8M產品佔營收比重10%到20%，其他產品約佔0%到10%。
儘管大陸地區因新冠肺炎疫情逐漸獲得控制，各地加速復工，但大陸以外地區新冠肺炎疫情快速蔓延，為市場增添不少變數，大立光表示，目前看起來3月拉貨動能會比2月好，但因新冠肺炎疫情市場變化較大，客戶訂單是否修正仍待觀察。
大立光日前公告台中工業區4200坪用地發包動土興建，預計2023年完工量產，2019年購進的7400坪用地現仍在容積審查中，預訂今年下半年動工，餘下的3500坪用地因有租約在身，移交日期稍晚，預訂明年著手興建，大立光表示，新廠建置將如計畫進行。
目前大立光在台灣共有13個廠區，9個為自有，4個為承租，在新廠完工量產須到2023年下，大立光執行長林恩平表示，公司除提升生產良率及效率，亦將從現有的空間面積下手，希望在樓板面積及設備擠出更多空間，在產能吃緊下，公司接單以高階機種及重要客戶優先，若客戶信用良好且有需求，公司亦會在產能較不吃緊的時候預做生產，以因應客戶訂單需求。
</t>
  </si>
  <si>
    <t>小編精選《中國時報》5件不可不知大事，帶讀者掌握今天（12日）新聞重點。
【1】境外移入確診產子 醫護如臨大敵
中央流行疫情指揮中心昨天公布國內新增2例自菲律賓境外移入新冠肺炎病例，其中一名菲律賓籍30多歲女性（案497），是國內首起確診者生產案例，讓國內醫護如臨大敵，不但生產全程防護包緊緊，就連寶寶也被安排單獨嬰兒室隔離，成為國內年紀最小的隔離者，醫院昨天也對寶寶檢驗，結果今天出爐。據國際研究統計，母子垂直感染機率僅3％。
【2】日本駐陸大使 友台垂秀夫接任
日本政府在11日內閣會議上正式決定，由垂秀夫（59歲）接替橫井裕（65歲）擔任日本駐華大使。垂秀夫在大陸擁有豐沛人脈，資訊搜集能力倍受肯定。2013年曾一度捲入「間諜疑雲」遭驅逐。他也曾派駐台灣，擔任日台交流協會總務部長，期間與不少台灣政界人物建立起深厚友誼，並與台媒交流甚深。
【3】海峽論壇 李乾龍考慮取消隨團
前立法院長王金平將率國民黨代表團參加海峽論壇，被大陸央視主持人解讀為「台海兵凶戰危，這人要來大陸求和」，加上共軍頻密軍演，國民黨高層透露，正在評估是否調整代表團名單，擔任副團長的祕書長李乾龍不排除取消隨團。黨主席江啟臣也強硬表態，表示「完全無法接受」，要求相關當事人應公開向王院長與國民黨道歉。
【4】李恆隆千萬交保 比噓守3禁令
史上最大立委貪瀆案，被控為爭奪SOGO百貨經營權，涉嫌行賄多名立委，企圖以「借貸說」隔空串證，遭羈押禁見38天的太平洋流通前負責人李恆隆，經檢方密集提訊，部分認罪後，提出須進行高風險手術的診斷證明，聲請具保停押。台北地方法院開庭後，11日裁准1000萬元交保，限制住居及出境、出海，及遵守「封口令」3項附帶條件，若違反其一可羈押回籠。
【5】女童全身傷不治 母疑施虐羈押
桃園市1名1歲10個月大龍鳳胎女童，疑因為哭鬧遭廖姓母親虐打，8月19日送醫急救後因器官衰竭，10日家屬忍痛拔管。由於醫院發現女童身上多處瘀傷通報家暴，廖女雖否認施虐，仍遭檢方聲押獲准，生父則以5萬元交保。</t>
  </si>
  <si>
    <t>幾番論辯再幾番互踢皮球，大甲鎮瀾宮終於決定延期舉行媽祖遶境進香活動，就防疫角度看，這是應當之舉，相信媽祖也不希望信徒冒生命危險進香，並且把危險散播給更多人。問題是，如此簡單明白的一件事，蔡政府卻不敢出面作決定，背後的政治算計斧鑿斑斑，帶著這種心態做防疫，恐將令人民健康蒙受不必要的風險。
萬事莫如防疫急，新冠肺炎燎原之勢已兵臨城下，實質上可以視同已進入緊急狀態，政府及早禁止口罩出口、延長寒假、大幅減少中港澳航班、禁止中港澳韓旅客來台等等，比起日本至今仍容許湖北、浙江以外的陸客訪日，台灣諸多措施可謂超前國際；限制醫護人員出國更是嚴厲到獨步全球。民眾理解政府的決策都是為了替大家的安全提供更多保障，因此雖然醫護人員反彈，旅遊餐飲業叫苦連天，絕大多數的民眾仍然支持並信賴政府的決定，陳時中民意支持度超過8成，蔡總統與蘇揆也沾光不少。
綠營媽祖不怕肺炎
但防疫措施雷厲風行的蔡政府，對一年一度的大甲媽遶境盛事，卻一反常態地龜縮了起來，一面把作決定的責任推給鎮瀾宮，一面又以停辦總統就職典禮等動作來「彰顯此時不宜舉辦大型聚會」，衛福部長陳時中更意有所指地說「媽祖慈悲」、「不要讓媽祖憂心」，內政部長徐國勇也出面勸說其他宮廟配合。一次遶境牽涉到許多宮廟，相關人士早已投入大量人力經費，原本也預期會製造相當商機，如今全要停擺，鎮瀾宮會直接遭遇各方反彈壓力。因此鎮瀾宮希望政府作個明確的決定，但蔡政府卻不願出頭當這個惡人，以免得罪廣大媽祖信徒和這些宮廟的椿腳。
明明就防疫來說，避免人潮聚集根本只是常識，萬金石馬拉松宣布停辦，許多藝人也取消演唱會，蔡政府禁止醫護人員出國、取消畢業旅行時硬得很，遇到大甲媽就堅持躲在決策第二線，敬畏媽祖是假，政治算計才是真。否則民進黨籍的桃園縣長鄭文燦親自捧場參加桃園龍德宮四媽祖南巡遶境，蔡政府或疫情中心有替媽祖代言表示憂心嗎？難道一個媽祖可以各自表述，綠的媽祖廟就不怕新冠肺炎？
政府決定將中央疫情指揮中心提升到「一級開設」，按理說指揮官層級應隨之拉高，但卻仍由陳時中擔任指揮官，這一方面是為免陣前換將，二方面也是蔡政府想繼續得到陳時中光環的拉抬與保護，因為陳時中的高人氣無人能擋，已成了最受民眾信任的防疫英雄，連台北市長柯文哲也因為和他唱反調而被網友罵翻。
但是，雖然台灣至今的防疫表現傲視全球，但也不是所有決策都是對的。回顧過去，就有不少決策明顯是政治凌駕了專業，甚至人道。蔡政府藉疫情全球肆虐證明反中有理，對歧視陸配及其子女的措施絲毫沒有人道上的不安；在另一方面，又一味迎合被煽動起來的反中民粹情緒。例如陸委會前一天宣布放寬陸配子女來台，還以「小明」做例子，結果網友一反彈，次日立即由陳時中來出面改口，說不選我國國籍就要「自己承擔」。這種政治決策，交由一個防疫指揮官來傳達，既是把陳時中當成政治傳聲筒，也是想藉著陳時中的高人氣抹白蔡政府陰暗的政治手段。
政治算計先於防疫
又如台商包機自第一架之後停擺至今，兩岸為此政治角力你來我往，但如果真是把武漢台胞的安危放在第一位，其他事能彈性就彈性，恐怕也未必會至今不曾再接回台商。對蔡政府而言，到底是台胞健康重要，還是兩岸角力重要？大家心裡都有所評量。這個政治決策不是由陳時中做的，他也沒那個層級。但被推到第一線的他，卻要承擔防疫以外的許多政治決定，這對他是一種糟蹋與濫用，既不公平，也有礙防疫在完全基於專業考量下進行。
對抗新冠肺炎是一場保護所有人民生命健康的戰役，不容許任何疏忽錯誤，政治算計如果先於防疫，必然會干擾防疫工作的進行，無益於人民的健康安全。蔡政府如果真心想打好防疫戰，就不要再把陳時中當政治工具了。</t>
  </si>
  <si>
    <t>我國採購新冠疫苗有譜，最快明年第一季就能取得至少460萬劑的疫苗，每劑訂金10.5美元（約新台幣300元），疾管署副署長莊人祥今天證實，我國已向COVAX支付訂金，依照COVAX的採購規則最少能取得該國人口10％的疫苗，因此衛福部長陳時中口中的有一部分落入口袋的疫苗數量，約460萬劑。
莊人祥表示，COVAX允許參與國採購該國人口10％～50％的疫苗數量，按照莊的說法，以新冠疫苗需接種2劑的方式計算，我國2300萬人口至少可得460萬劑疫苗，至多則可採購2300萬劑疫苗，不過我國實際採購的疫苗數量，莊人祥則不願透露。
疫苗價格部分，莊人祥說，COVAX日前公告的訂金價格為每劑10.5美元，但實際採購價格仍會視當地疫情狀況而定，且各家疫苗廠的定價也不同，以台灣疫情平穩的狀況來說，採購價格將會高於平均價一些，但仍有藥廠採公道價的定價方式，給予各國採購的費用均相同。
衛福部長陳時中昨在立院曾透露，目前加入COVAX平台的疫苗廠共有三家，分別是AZ、BNT、賽諾菲，莊人祥指出，我國對這三家疫苗都不排斥，言下之意就是指這三家品牌的疫苗都可能會採購。
至於最快何時能夠取得新冠疫苗，莊人祥表示，COVAX平台目前尚未公告疫苗發貨邏輯，也未通知何時能夠取得疫苗，但樂觀的話最快明年第一季就能取得，若要保守估計的話，則可能要算到明年中。</t>
  </si>
  <si>
    <t xml:space="preserve">美國、歐洲新冠肺炎疫情趨緩，不過隨著復工，各國紛紛警告，第二波疫情勢不可擋，英美專家更表示，伴隨流感季來臨，今年冬季的新冠肺炎疫情將更加兇險。
路透社報導，美國疾病管制暨預防中心主任芮斐德（Robert Redfield）昨（21）日示警，今年冬季美國恐遭遇第2波新冠肺炎疫情，尤其伴隨流感季復發，第2波疫情將更加嚴重。
芮斐德說，美國將同時爆發流感及新冠肺炎，屆時將對美國醫療體系造成更大壓力。
無獨有偶，英國專家昨日也示警，英國將「無法避免」面臨第2波疫情。英國《太陽報》（The Sun）報導，倫敦帝國學院（Imperial College London）醫學院傳染科黏膜感染和免疫部主任夏塔克（Robin Shattock）接受倫敦《泰晤士報》（The Times）專訪時表示，最大的威脅是今年冬天英國也有這麼多新冠肺炎病例，同時還伴隨流感季節，這將對英國的醫療系統造成雙重打擊。
不過夏塔克也表示，科學家目前還在了解新冠病毒，還不知道冬天病毒會不會再復發或是有季節性復發的情形，不過他認為，隨著人們回歸正常生活，病例數會再擴大。
不少科學家也將新冠肺炎疫情和20世紀初的西班牙流感疫情作比較，當時第1波疫情發生在1918年春季，第2波發生在同年9月，次年春天再出現第3波，西班牙流感第2波疫情中出現變種病毒，因此死亡率也比第1波來得高。
此外《韓國前鋒日報》（Korea Herald）報導，防疫有成的韓國周二也宣布，第2波疫情無可避免，當局將盡全力準備應對。
根據美國約翰霍普金斯大學（Johns Hopkins University）全球疫情統計，截至22日中午12時，全球一共有256萬4,190人感染新冠肺炎，美國染疫人數高達82.5萬人，位居第一，其次是西班牙20.4萬人，三、四、五名分別是義大利18.3萬人、法國15.9萬人、德國14.8萬人；此外，全球逾17.7萬人喪命，美國佔了約4.48萬人。
</t>
  </si>
  <si>
    <t>考量國內疫情已趨緩並且穩定控制，經與相關單位溝通討論及評估後，疫情指揮中心4日宣布，10月5日至10月18日維持疫情警戒標準為第二級，調整相關規定及原則說明如下：
一、符合主管機關防疫管理規定得開放，請遵循相關規範或指引：
1.電子遊戲場所、資訊休閒場所、錄影節目帶播映場所（MTV）、視聽歌唱場所（自助式KTV及電話亭式KTV）、桌遊、麻將休閒館營業場所。
2.宗教祭祀：（1）有條件開放進香團、餐會活動。（2）宗教祭祀場所入座，不限梅花座。
3.餐飲：內用不限隔板或1.5公尺間距；宴席開放離桌進行敬酒（茶）等社交互動；放寬桌菜、自助式餐廳取菜方式。
4.超商：茶葉蛋、關東煮等熟食不限由工作人員服務方式販售。
5.電視主播製播新聞如能與其他工作人員均保持適當社交距離，得於正式拍攝時不戴口罩。
二、10月5日起，開放以下情形者，得於戶外免戴口罩：
1.農林漁牧工作者於空曠處（如：田間、魚塭、山林）工作，無須戴口罩，惟應隨身攜帶口罩，並應與他人均保持社交距離。
2.於山林（含森林遊樂區）、海濱活動，無須戴口罩，惟應隨身攜帶口罩，並應與他人均保持社交距離。
3.上述情形如有人潮聚集或與他人共同工作、活動等無法保持社交距離之場合，仍應戴口罩。
4.主管機關另有規定者，依其規定辦理。
三、仍須關閉之場所：歌廳、舞廳、夜總會、俱樂部、酒家、酒吧、酒店（廊）、理容院（觀光理髮、視聽理容）。
指揮中心提醒，除上述例外情形外，外出仍應全程佩戴口罩、實聯制、保持安全社交距離；營業場所及公共場域仍應執行人流控管或總量管制；集會活動人數上限亦維持原有規定。</t>
  </si>
  <si>
    <t>俄羅斯媒體11日晚報導，韓國名導金基德因新冠肺炎引起併發症，已在拉脫維亞一家醫院病逝，享年59歲，震驚外界。韓國媒體隨後指出，金的友人向金基德家人確認後，證實死訊，並稱「家屬也是11日才接到他死亡的消息」。
據悉，金基德11月20日抵達拉脫維亞，12月5日突然聯絡不上、失去音訊，如今傳出噩耗，令人不勝唏噓。
金基德是韓國唯一在威尼斯、坎城、柏林世界三大影展都曾獲獎的導演，在國際間具高知名度，他的電影最大特點是「飢餓精神」，用最低的預算在短時間「戰鬥式」拍攝，韓國商業電影平均製作費為40億韓元（約1.1億台幣），金基德2012年榮獲第69屆威尼斯影展金獅獎的《聖殤》，僅花1億多韓元（約280多萬台幣）、拍10天就完成的作品，該片也同時獲頒韓國青龍獎最佳影片。
金基德曾捲入性騷擾風暴，遭多名女性指控利用職務特權，對她們伸狼爪，像是女演員A曾指控金基德在拍攝《莫比烏斯》時，強逼她拍攝劇本上沒有的床戲，更將她帶到自己的住處陪睡等。據韓媒報導，金基德近年住在俄羅斯與愛沙尼亞，並在哈薩克拍攝以俄語發音的電影，未料傳出憾事。</t>
  </si>
  <si>
    <t>2020年1月15日，中美兩國簽署第一階段貿易協議，讓雙方持續兩年的緊張關係獲得緩和。正當外界以為中美關係即將好轉，新冠肺炎疫情卻改變了這一切，「港版國安法」更進一步讓中美關係跌至冰點，「新冷戰」儼然成形，成為當前兩強角力的代名詞。
中美是否已進入「新冷戰」，學界尚無定論，但中國外交部長王毅近期在今年「兩會」（人大、政協會議）的記者會上表示，美國一些政治勢力正將中美關係推向「新冷戰」。這也是中國政府高層首度公開表示，中美之間或有「新冷戰」的苗頭。
政治大學國際關係研究中心主任寇健文表示，從當前國際局勢來看，新冠肺炎疫情加劇了中美對立情況，即使雙方稍早簽署貿易協議，並未對雙方合作帶來更多改變。
寇健文認為，中美雙方正爭奪「霸主」地位，在外交、軍事、經貿、金融、科技全面開打，雙方的爭端不只局限於貿易問題，一旦中國對美國這些領域的霸主地位造成威脅，美國就會反制。
自疫情蔓延至全球後，供應鏈斷鏈、反全球化的危機已漸漸浮上檯面，美國總統川普的「退群」行為，已逐漸瓦解國際體系，單邊主義已竄起成為當前國際局勢的發展。
台灣大學政治學系教授張登及認為，美蘇「冷戰」時期，雙方在經濟上並沒有往來，但目前中美經濟相互依存，若雙方要做切割、斷鏈、脫鉤，會引起很多糾紛，中美的競爭與利益夾雜在一起，若爆發「新冷戰」，問題會更加複雜。
不過，中美對立的局勢，可能會因年底美國總統大選結果而出現變化。政大國關中心美歐研究所研究員嚴震生指出，如果川普在美國總統大選中勝選，會進一步衝擊國際社會組織架構，如果是拜登當選，美國未來會比較注重多邊主義，國際秩序可能才有辦法恢復。</t>
  </si>
  <si>
    <t>金門縣府在尚義機場建置的快篩站，昨天因中央撤銷「快篩令」公告遭到拆除，但縣府今天下午馬上架設全國機場首座可自動對到站旅客量測額溫和全面性消殺病菌的「智慧安全防疫門」（清消門）。楊鎮浯縣長強調，防疫工作分秒必爭，才能確保金門這塊淨土。
楊鎮浯下午勘查清消門作業，特別感謝金門航空站配合選址，提供旅客多一層的保障，也讓鄉親更多一層的安心。他強調，台灣本島全部淪陷，目前僅餘金馬澎3離島維持零確診，在疫情天天有變化，日益嚴峻的情況下，縣府的態度很簡單，只要對鄉親有幫助，就是義無反顧，「做就對了!」，不但要做而且一刻也不能等。
至於昨天遭拆除的快篩站，楊鎮浯也表示，他接到很多鄉親的關心電話，都認為無論從地方制度法精神或傳染病防治法，甚至憲法的保障，均有商討的空間，可積極尋求法律程序救濟。但縣府將防疫擺在第一，把握時間檢視改善，才是當務之急，目前尚未採取法律救濟程序。
縣府昨天已再度行文中央疫情指揮中心申設快篩站，並在今天上午全國防疫會議中提議，希望仍在機場設置，若中央堅持不准，也可改在縣府可主導的地方設置，但全案仍待中央疫情指揮中心回應。縣府強調目前已與金門縣醫師公會對接，獲得醫護人力的支援，防疫旅管、集中檢疫所也有完整配套。
縣府觀光處表示，在縣府陸續限制來金門旅遊人流量，並建議中央鼓勵旅行社延期出團、暫停公務赴台與呼籲鄉親返金做好14日健康監測等措施，同時協調航空公司大幅減班後，24日單日到站人數已減至235人次，離站也僅有154人次，來回均已減少9成以上人次，多為鄉親往返基本需求。
楊鎮浯感謝第一線防疫人員的辛勞，強調無論中央或地防不分彼此，一起抗疫防疫，隨著疫情變化，工作量持續增加，大家同心協力打贏金門保衛戰。</t>
  </si>
  <si>
    <t>新型冠狀肺炎疫情升溫，南投縣政府公告「自助選物販賣機店」（夾娃娃機）暫停營業至5月28日，仍有許多業者繼續插電營業，南投警分局配合防疫政策，查獲7家，埔里警分局查獲1家，依《傳染病防治法》移交主管機關裁罰。
南投警分局轄內共有自助選物販賣機店（夾娃娃機）105家，警方加強稽查，發現7家業者仍照常營業，經現場蒐證、拍照並聯繫負責人後，除勸導業者配合政策停業，也將移交主管機關裁罰。
南投警分局長鄭有益表示，警方全力配合查察縣府公告禁止營業的場所，同時呼籲業者配合防疫政策，切勿心存僥倖，也建議民眾於防疫期間減少外出，不要涉足公告8大類場域，若發現業者違規營業，將依法蒐證後移交主管機關裁罰，民眾若發現業者違法營業，也可向警察機關或主管機關檢舉，共同度過疫情難關。
埔里警分局為防止業者暗中營業，成為防疫破口，要求各派出所利用巡邏勤務，密集清查相關暫時停業業者，分局也成立聯合複查小組，連續編排聯合稽查勤務，由分局長方秋梅親自帶隊，針對轄內各類8大場所及46間娃娃機店查察，在埔里鎮東榮路查獲1家自助選物販賣機店，店內50多台娃娃機仍然插電營業中，警方現場蒐證、拍攝照片並聯繫負責人，然後移交主管機關裁罰。
方秋梅表示，疫情嚴峻，警方不容許業者有暗中經營業，也呼籲業者配合政府防疫措施，勿心僥倖以身試法，違規未停業者，蒐證後將依《傳染病防治法》移交主管機關裁罰，最高可處30萬元罰款。</t>
  </si>
  <si>
    <t xml:space="preserve">
「如果老人不想打疫苗就不要擋路，請指揮中心盡快開放讓年輕人打。」北市聯醫忠孝院區主治醫師陳昶宇罕見說出重話，坦言目前國內疫苗施打速度太慢，不少人對疫苗的心態又在挑三揀四，這讓陳昶宇忍不住直呼，病毒可不會等人，「老人不想打就給年輕人打吧。」
陳昶宇今（9日）在臉書上直言，「很少說重話，但真的是被氣到要講難聽的話了。」他表示，目前台灣疫苗到貨總計 702 萬，只打掉 290 萬劑，接種年齡分布為：75歲以上長者55.7％，65-74歲13.1％，依照目前施打速度，要超過30天才打得完。
陳昶宇進一步指出，由於網路上一堆污名化AZ的謠言，莫德納打完換AZ施打速度還會更慢，「甚至還有人連莫德納都不要，想等BNT的。」陳昶宇說，這種挑三揀四選疫苗心態還來談什麼解封，「我也是笑了，老人不想打就給年輕人打吧，人可以等疫苗但病毒可不會等人，都說了這麼多AZ的好處，講殘酷點，最終還是得交給自然法則來做族群淘汰。」
陳昶宇公布7月8日COVID-19疫苗接種資料，當日施打 208564 人次，其中 AZ疫苗接種 5814 人次；Moderna（莫德納）疫苗接種 202750 人次。截至目前為止，國內累計接種 3121081 人次，AZ接種 1986497 人次；Moderna接種 1134584人次，人口疫苗覆蓋率約13.03％。
</t>
  </si>
  <si>
    <t>作為一位成就非凡的女性領導者，同時還必須扮演好母親、妻子、女兒與媳婦等角色，電通行銷傳播集團台灣執行長唐心慧（Jennifer Tang），在出版了《人生，我選擇以上皆是》的第一本暢銷書之後，最新著作《人生有所謂，決斷無所畏》正式問世，新書甫上市一周，即榮登博客來暢銷排行榜第一名，也讓她又多了個暢銷作家的身分。
唐心慧年僅14歲就帶著弟弟出國讀書，回台後，憑藉著對品牌、行銷創意的專業與熱情，唐心慧選擇從外商公司最基層的AE做起，37歲就成為國際級廣告公司最年輕的董事總經理，目前在電通行銷傳播集團擔任台灣執行長，帶領10間公司、1千多位夥伴，時常需要她在關鍵時刻發揮決斷力。唐心慧相信，決斷力影響人生發展，練就決斷力，就能指引出方向，而教導她擁有決斷力的人，正是她的父親。
對於唐心慧來說，父親是影響她一生最大的人。她在新書中回憶起小時候家中遭逢變故，母親因幫人作保背負龐大債務時，父親讓她見識到甚麼是說到做到、頂天立地的氣魄。唐心慧說，父親敢於承擔、直接面對挑戰的態度，正是所謂「決斷的力量」，是她從父親身上學習最深之處。
再次總結自己的成功經驗，透過出書分享給更多人，也是出自父親的緣故。父親感嘆於現今社會價值觀扭曲，加上新冠肺炎壟罩全球帶來的動盪不安，讓很多人對於人生與未來都感到迷惘，正是需要指引的時候，因此鼓勵她再次出書，好好告訴大家：「怎麼做好決定，告別糾結人生」。
唐心慧認為，決斷力就像許多技能，是一種熟能生巧的訓練結果，當你願意正面學習、鍛鍊、內化，就有機會掌握它的力量。因此，她除了在新書中歸納出決斷力的養成心法，書末還特別附上「練出決斷力」的引導式筆記，由唐心慧親自設計問題，幫助讀者透過問答思考人生，勇敢為自己做決定。</t>
  </si>
  <si>
    <t xml:space="preserve">東京奧運再兩天就要正式開幕，目前世界各國的好手們都陸續抵達了日本東京，準備迎接這盛大的體育賽事，而本次奧運因為正逢新冠肺炎肆虐，整體辦起來提心吊膽，雖然國際奧會和日本方面都還是有信心，但難保疫情不會影響這次盛會的進行。
#ENVIVO | Fernanda Aguirre quedó fuera de los JJ.OO por COVID-19. #24HorasCentral 🏅#Tokyo2020EnTVN📡 Sigue la señal en vivo #24Play ➡ https://t.co/mi3yDUstrf pic.twitter.com/vhyZ369H2O
而不好的消息就在今天傳出了，智利跆拳道女子選手阿吉雷(Fernada Aguirre)因兩次新冠肺炎檢測都呈陽性，必須被迫退賽，她也成為本屆東京奧運首位因確診退賽的選手。這對智利以及日本主辦國方面都是個痛心的事情，畢竟阿吉雷在出發前往東京前檢測都還是呈陰性。
阿吉雷是智利代表團唯一的跆拳道選手，她參加57公斤級比賽，目前因確診退賽，智利代表團就完全沒有跆拳道選手了，相當令人惋惜，而這個缺額將由大陸選手周俐君遞補出賽。智利奧會對此事表示：「她從烏茲別克轉機到東京，出發前PCR檢測為陰性，如今兩次檢測都呈陽性，幸好屬無症狀，而她的教練是陰性，但還是得進行隔離。」
阿吉雷今年才21歲，身高172公分，體重57公斤，畢業於智利美洲大學，正值運動員在生涯衝刺的大好時機，她曾獲得2018年泛美跆拳道錦標賽女子57公斤級銅牌，及2019年泛美運動會跆拳道比賽女子57公斤級銅牌，同年也摘下世界大學運動會57公斤級的銅牌，相信這次也是抱著奪牌希望前來，可惜因確診被迫退出。
</t>
  </si>
  <si>
    <t>日前爆發多位醫護人員遭患者砍成重傷；副總統賴清德今表示，他感謝醫護人員，用生命拯救生命；也拜託大家給醫護同仁多一點溫暖和鼓勵，不要讓彼此成為敵人。
賴清德今在臉書指出，吞下壓力、辛苦與疲倦，依循繁複的SOP，一次又一次穿上厚重的防護裝備。這是疫情期間，前線醫療人員的抗疫日常。
他說，昨日新北雙和醫院，有患者持刀砍傷醫護，造成一人氣胸、一人腹部受傷，更有一名年輕的護理師，韌帶及神經都被砍斷，未來工作及生活都可能受到影響。
他指出，聽到這樣的消息，萬般不捨。世界醫師會（WMA）日內瓦宣言說：「我鄭重地保證將奉獻一切為人類服務。」前線醫療人員壓力巨大，懇請社會各界體諒，也拜託大家給醫護同仁多一點溫暖和鼓勵，不要讓彼此成為敵人。
他表示，這兩天的資料顯示，疫情未再大幅擴散，但仍無法太過樂觀及鬆懈。謝謝醫護人員用生命拯救生命，我相信，黑暗過後，終會迎來光明。</t>
  </si>
  <si>
    <t>新北市16日新增6例確診個案，因有3例是永和，外界擔心是否跟先前永和某社區大樓5例確診有關，新北市衛生局長陳潤秋表示，根據疫調沒關聯，這次主要家族8名人員跟2名朋友到花蓮旅遊，他們自己開車入住民宿，有同車、同住、同飲，所以會有家戶傳染疑慮。
又新北市確診個案遭爆料在石牌某銀行上班，陳潤秋說，今天確診個案職場都在北市，第一時間已經通知北市，北市也已立刻做了相關處置。
★《中時新聞網》提醒您：因應新冠肺炎疫情，疾管署持續加強疫情監測與邊境管制措施， 如有疑似症狀，請撥打：1922專線，或 0800-001922， 並依指示配戴口罩儘速就醫，同時主動告知醫師旅遊史及接觸史，以利及時診斷及通報。</t>
  </si>
  <si>
    <t>蔡英文今日在官邸接見包括工總理事長王文淵、三三會理事長許勝雄、工商協進會理事長林伯豐、台灣商業聯合總會理事長張平沼、商總主席賴正鎰、工業區廠商聯合總會榮譽理事長秦嘉鴻等工商團體負責人就疫苗、紓困以及缺電等議題進行意見交流，與會人士對蔡總統之關心咸表感謝。
蔡總統表示，政府有誠心與企業界溝通並解決目前面臨的各項問題。有關缺電部分，政府會積極進行解決；新冠疫苗接種部分，6月份將有國外包括日本疫苗進口，會加快施打的速度和擴大施打範圍。至於紓困方面，行政院院會今日通過紓困特別預算2,600億元，將採從寬、從速、從優原則辦理紓困。
工商團體感謝蔡總統撥冗傾聽企業界的心聲，惟工商界普遍認為台灣目前疫情嚴峻，近期內若不能對疫情有效掌控，勢必對台灣經濟產生嚴重影響。工商界籲請政府儘速進口疫苗，並協助有意願進口疫苗的團體及企業，縮短申請及審查流程，以順利取得國外疫苗。</t>
  </si>
  <si>
    <t>本土疫情趨於嚴峻，生策會21日表示，防疫首重阻斷傳播鏈，目前而所面臨的挑戰包括篩檢量需求大幅增加，及醫療體系面臨防護設備短缺等迫切問題，生策會提出三大因應方向，希望在政府的高效率防疫政策及國人的高度配合下，能很快得到控制。
生策會認為， 當前要務在減緩醫護壓力、減少國人恐慌，三大因應方向建議為：
1. 整合佈署「準確」、「快速」和「量大」的核酸檢測篩檢站
隨疫情擴散與確診驟增，如何推動高效率篩檢及阻斷傳播途徑為當前遏止疫情擴散的首要任務。由於目前抗原與抗體快篩，面臨偽陽性與偽陰性的問題，最終仍需採用核酸檢測PCR，過程耗時、增加醫院負荷。而解決快篩困境的關鍵，應在於第一時間就要導入精準、快速且有效的檢驗！
核酸檢測技術已多有創新，甚至導入 AI 並能在5分鐘內從唾液檢測病毒的存在。目前國內已有核酸快速檢測科技與高通量量能、亦有數家取得緊急專案許可，政府可快速整合國內 ICT 和精密機械與生醫團隊既有產品、技術，籌組國家隊，建置可移動式大量快速精準核酸檢測（PCR），最好於1小時內完成檢測、並呈現 CT 值，有利判斷傳染力，並優先設置於疫情需要地和出入境。除可更有效、精準掌握此波染疫族群外，更重要的是阻絕下一波可能的境外移入感染。
2. 盤點當前醫療最迫切與缺乏的物資、公告與動員業界配合供給：
讓產業協力醫療體系度過挑戰！針對醫療體系因應當前與下一階段緊急應變所需重要前線物資即時公告，以讓產業各界掌握需求優先提供、並加速產製與供應量能。目前各醫院迫切需求包括(1)篩檢：檢疫站設施與裝備、快篩與 PCR 試劑；(2)第一線醫護防護裝備：包括 N95 口罩、護目鏡、防水防護衣與全套隔離衣等紅區裝備；(3)遠距醫療：輕症者在家遠距醫療所需之生理監測設備。
3. 整合國內防疫科技產品研發進度與上市狀況、供大眾查詢
自去年疫情爆發以來，國內各研究機構與企業積極投入防疫科技開發，政府亦投入龐大經費補助加速研發步伐，媒體並爭相報導各種防疫研發成果，國人隨之趨之若鶩、甚至造成搶購恐慌！為避免大眾資訊落差，除當前TFDA定期公告醫材專案緊急授權核准項目外，建議彙整相關防疫藥品、疫苗等研發進度與上市狀況，以利大眾查詢與了解。</t>
  </si>
  <si>
    <t>雖然美國眾議院議長裴洛西上周與財長穆努欽密集談判，力爭新紓困案能早日通過。但鑒於近來已有三名共和黨參議員確診，參議院多數黨領袖麥康納（Mitch McConnell）上周末已宣布參議院將暫停立法工作直到19日，這也意味新紓困案短期在參議院過關的希望渺茫。
隨著美國第一輪紓困案即將到期，外界期盼國會能盡快通過第二輪紓困案，以為復甦動能趨疲的美國經濟再添新的柴火。但由於總統川普與其他三名共和黨參議員相繼確診感染新冠肺炎，導致新紓困案再陷停擺，必須等到19日參議院恢復運作，才能繼續討論。
由於新紓困案遲遲未決，川普3日在特里德國家軍事醫學中心接受治療時，也疾呼國會快點通過新紓困案。他推文說「我們偉大的美國想要、並且也需要刺激，大家一起努力完成它！」。
裴洛西周日（4日）在接受媒體訪問時坦承，儘管來自總統對紓困案的公開施壓，不過目前與白宮的協商仍未達成共識。眼見不到一個月就是美國總統投票日，該案在這之前通過的希望也逐漸渺茫。
民主黨佔多數的眾議院已率先在上周通過他們力推的2.2兆美元紓困案，在同時裴洛西與穆努欽也加緊對新紓困案進行協商。據了解，白宮與共和議員之所以不同意民主黨的提案，除了擔憂開支問題外，新紓困案規模過大也令他們不願為此案背書。
不過在上周獲知總統川普感染新冠肺炎後，當時裴洛西曾語帶樂觀，認為這項發展可能改變整個談判氣氛，加快白宮與民主黨就新一輪紓困達成共識的腳步。</t>
  </si>
  <si>
    <t>新北市新店警分局獲報，新店區安豐路某老舊三合院內藏有職業賭場，警方跟監多時於今（14日）凌晨1時許前往取締，當場逮捕61歲張姓負責人及44歲周姓發牌員、賭客共33人，查獲抽頭金3800元、賭資44萬2600元等證物，警訊後依賭博罪嫌將張嫌、周嫌移送法辦。
據悉，張嫌承租新店區安豐路某老舊三合院經營職業賭場，以麻將作為賭具，進行俗稱「推筒子」的賭博方式。新店警分局於7月初獲報，連日蒐證及監控，發現該處夜間人員出入頻繁。
警方於13日向台北地院聲請搜索票獲准，今（14日）凌晨1時許由偵查隊長曾柏仲率22名帶隊前往取締，查獲張嫌、周嫌及31名賭客，現場查扣麻將牌4付、骰子數顆、籌碼數組、監視器一組、抽頭金3800元，賭資44萬2600元等證物。
警方訊後依賭博罪嫌將張嫌、周嫌移送法辦，其餘賭客則依違反《社會秩序維護法》裁罰。曾柏仲表示，新冠肺炎疫情趨緩，防疫期間無法律假期，對於違法案件警方一定會主動偵辦。</t>
  </si>
  <si>
    <t>新冠肺炎疫情延燒，華南銀行也火速清查債權部位，主動出擊、協助廠商。
華南金控暨華南銀行董事長張雲鵬指出，華銀已全面清查相關產業的曝險情形，依國發會列出受疫情影響較為嚴重的產業，如觀光、旅遊、航運、餐飲業等，曝險合計約400多億元，華銀再增列水上及陸路運輸業，授信餘額合計約600多億元，占華銀目前總計1.7兆元的放款部位約3％，已指示各分行主動出面了解客戶的營運受衝擊狀況，予以必要的紓困協助。
華銀日前已提出40億元的防疫融資專案貸款，以最低1.85％的利率、每戶100萬元為上限、搭配信保基金成數最高9.5成給予客戶資金援助，也特別採「簡易徵信作業」來辦理以爭取時效，三天內就能完成撥款。
對於一般民眾，華銀不僅給予展延舊案的本金還款，也提出新的信貸融資專案提出申請，期間最長五年、最高200萬元。
尤為特別之處，是華銀還結合了壽險公司作保。張雲鵬表示，華銀跟法國巴黎人壽合作提出「一年期人身團體壽險」，由華銀來作要保人，保費由華銀支付，讓借款人一旦身故、殘廢或暫時失能時，也不會債留家人。
因應新冠肺炎疫情，華銀也全面展開防疫大作戰，以確保「營運不中斷」，除了包括大陸、香港、新加坡等海外分行已全面採取輪班制，國內營運的異地備援也已作好準備。
張雲鵬指出，目前已挑選包括行訓中心、長安東路大樓，以及AMC在內湖購置的大樓作為異地備援的辦公處所，一旦不得已啟動異地備援機制時，資金操作、資訊單位以及其他涉及營運不中斷的部門之部分人員，將移入備援辦公處所，以分散風險。
華銀目前已對大陸、香港、新加坡等分行安排輪班制，張雲鵬指出，除了香港分行近80人為全體海外分行人數之冠，因而分為五班制，每位行員每周一天在家上班，其他都採取兩班制。</t>
  </si>
  <si>
    <t xml:space="preserve">一名男性乘客14日搭乘美國聯合航空班機時突然停止呼吸、猝死，最終證實他感染新冠肺炎，事件引發外界譁然，一名男性乘客後續在網路上描述當下搶救過程，指出自己為男子進行了約45分鐘心肺復甦術（CPR），全身流滿汗，還沾染患者尿液。
英國《每日郵報》《Daily Mail）報導，14日一名男子在一架從佛州奧蘭多（Orlando）飛往加州洛杉磯的美國聯合航空（United Airlines）班機上猝死，乘客指出他在飛機起飛前就不斷發抖、盜汗、呼吸困難，男子的妻子也悄聲透露，丈夫已經出現新冠症狀一周，失去嗅覺及味覺。
飛機起飛後，男子的狀況急速惡化，機長臨時決定緊急降落紐澳良，以讓男子接受治療。不過在班機降落前，男子已停止呼吸，此時距離飛機起飛已經1個小時。
機組員緊急詢問機上是否有乘客是醫生，尋求他們的協助，為男子進行CPR，幾名乘客起身幫忙。有乘客描述，進行CPR時，可以聽到男子骨頭裂開的聲音。
阿爾達帕（Tony Aldapa）也是當天進行CPR的乘客之一，他發布推文回憶自己主動起身表明會CPR，可以幫忙。接著他與另外2名乘客接手為男子進行了約45分鐘CPR，直到飛機降落、消防人員上機送患者就醫。
阿爾達帕強調，全程沒有進行口對口人工呼吸，他們負責壓胸，為男子罩上人工復甦器吹氣。
他透露，事前就知道對潛在新冠患者施行CPR會有風險，但他仍決定上前幫忙。
他說在搶救時曾向男子的妻子詢問病史，不過對方都沒有提到確診一事，只表示他們原定要在洛杉磯進行病毒檢測。
I spent the remainder of the flight covered in my own sweat and in that man's urine. I have since become symptomatic myself and am awaiting the results of my second test. I have not been contacted by the airline or by @CDCgov as of this time.
男子下機送醫後，班機繼續飛往目的地，阿爾帕達表示，他身上及衣服都被自己的汗水和男子的尿液浸濕了，他就這樣子度過接下來的航程。
班機轉降紐奧良後，男子被送往當地醫院，到院時醫院宣判死亡。事後美國疾病管制暨預防中心（CDC）通知聯合航空該名男子確診新冠肺炎。
阿爾帕達說自己目前已經出現症狀，正在等待病毒檢測結果。即便可能中鏢，他仍強調，就算重來一次，他還是會做出一樣的決定。
</t>
  </si>
  <si>
    <t xml:space="preserve">疫情升溫，更見善心！台中市政府警察局第四分局黎明警友站長陳蓀裕，亦是目前惠蓀開發建設及小王子教育事業等公司負責人，有感於警察人員身處防疫最前線，為守護全民杜絕疫情傳播，堅守著第一道防線。除須打擊犯罪、維護交通安全及為民服務等勤務工作，同時還要配合政府推行防疫措施。
陳蓀裕站長特別購買防護面罩400個贈予分局，由第四分局分局長代表接受。力挺基層員警提升「防護設備」降低染疫風險，讓執勤更加有保障。新冠疫情持續延燒，台中市今年迄今累計共154例本土確診案例，其中不乏有員警染疫確診個案。
第四分局黎明警友站長陳蓀裕說，員警於疫情期間執行各項勤業務，總是站在最前線，致使員警都暴露在染疫高風險的工作環境中。員警的辛苦與壓力更甚一般民眾，為防護員警執勤安全及感佩警察同仁，在警政工作上無私奉獻與全力付出。
希望於防疫工作上，也能盡一點棉薄之力拋磚引玉，特購置防護面罩致贈第一線員警執勤使用，協助員警提升「防護設備」，現場還親自指導同仁如何穿戴使用。讓員警為市民服務同時也能兼顧防疫安全措施，讓所有員警不禁讚賞「有你真好」。
警方表示，警友站長陳蓀裕不僅為防疫，無私盡心力付出。眼見現下民生問題，水情吃緊亮紅燈，也鼎力配合政府政策，提供旗下由惠蓀與惠田建設共同投資開發的新建案。位於南區新華街與學府路147巷口「惠田上書房」建築工地，設置緊急自來水處理設施。
每日計有4200噸的供水量，無償分享水資源供全台中市民次級用水使用，提供有效水資源循環，減少民間鑿井取水降低環境衝擊，為紓解水荒盡一份心力。此等人飢己飢、人溺己溺的義行善舉，值得大力讚揚。
第四分局分局長表示，感謝警友站長陳蓀裕平日對警方全力支持與關照，疫情嚴峻期間也不忘以實際行動，力挺贊助防疫裝備，提升第一線員警防疫能量。同時呼籲民眾要共體時艱，防疫絕不能掉以輕心，務必作好自身防護措施及防疫衛生習慣，外出時應全程配戴口罩、勤洗手，停止室內5人以上、室外10人以上之群聚活動，保持安全社交距離，主動積極配合各項防疫措施，齊心防堵疫情。
</t>
  </si>
  <si>
    <t>疫情蔓延全世界，各國積極研究相關治療方法，台灣中醫界也不落人後，嘉義長庚醫院中醫科主任吳清源帶領的研究團隊，從台灣茶葉萃取出一種多酚羥基茶駢酚酮結構的物質「Theaflavin」可結合於新冠肺炎的2019新型冠狀病毒上，此項國內中醫界創新研究已獲國際SCI醫學期刊接受刊登，提供各國科學家參考，盼對疫情能有幫助。
吳清源帶領研究團隊與醫學研究部龍志浩博士、藥劑部主任林育昰、健康資料加值中心主任楊曜旭、高雄長庚醫院醫師周煜倫等人合作，運用電腦高速運算模式，尋找台灣本土植物可能有用的抗病毒藥物，經由深入研究後，發現本土茶葉中有一種多酚羥基茶駢酚酮結構的物質「Theaflavin」，可結合2019新型冠狀病毒。
吳清源指出，「Theaflavin」可結合在控制病毒增生的重要蛋白酶，抑制此蛋白酶活性，進而可能抑制2019新型冠狀病毒增生，此外，這個蛋白酶同時也是新冠肺炎藥物瑞德西韋（remdesivir）所攻擊的主要目標，他們發現的「Theaflavin」也與瑞德西韋（remdesivir）具有類似效果。但此項研究目前僅為電腦運算結果，仍需要進一步的實驗來驗證。
吳清源表示，這項在國內中醫界創新的研究結果，已獲國際SCI醫學期刊醫學病毒雜誌（Journal of medical virology）接受並刊登，研究團隊期望這項研究成果，能開啟更深入的醫學研究，對於疫情能有助益。</t>
  </si>
  <si>
    <t>新一批合計41萬劑的AZ疫苗今抵達台灣；民進黨前立委林濁水今在臉書表示，加上先前的30萬劑，70萬劑中，自己買到的只有11萬，其餘都是COVAX平台分配的，這樣的採購能力太令人驚嚇了！
林濁水說，又有40萬劑AZ了。真是謝天謝地。然而，包括先前的30萬劑，縱使全部施種完畢，接種率也不過3％，真是低得恐怖。
他說，如今70萬劑中，自己買到的只有11萬，其餘都是COVAX平台分配的，這樣的採購能力太令人驚嚇了！
他表示，5日，他還po文慶幸疫情雖然擋住了，但沒有疫苗畢竟令人提心吊膽，結果沒幾天疫情就大爆炸，真是慶幸不得，沒有僥倖的餘地。</t>
  </si>
  <si>
    <t>國內疫情因中研院案再起波瀾，加上春節返台人潮多，台北市決定展開疫苗第3劑施打計畫，副市長蔡炳坤15日指出，目前符合第3劑施打資格的多為第1類醫事人員，醫院方會盡快在明年1月達95％的目標，診所則會與工會合作，透過方式去媒合接種。
北市府下午舉行防疫記者會，媒體詢問北市施打疫苗第3劑是否有造冊人數、初步規畫，是否會大規模施打？蔡炳坤回應，目前為止，在台北市接種第1劑的民眾達89.3％，第2劑達74.4％；若以戶籍地來看，第1劑接種率為75.1％、第2劑64％，希望年底前能讓市民打滿2劑。
蔡炳坤說，北市第3劑已開始接種，只要施打完第2劑疫苗後有間隔5個月即符合資格，目前符合的對象只有第1類醫事人員，其中又分醫院和診所，台北市共有33家大型醫院，現已請各醫院做好第3劑規畫，每半個月會詢問是否有工作人員達標，北市設定的目標是打到95％。
蔡炳坤舉聯合醫院為例，到明年1月底，可以達成95％施打第3劑的目標，北市各大醫院的狀況也都差不多；至於診所則會與工會合作，透過合約診所造冊方式去媒合，需要的疫苗市府都會提供，原則上醫護人員為優先，警消人員則會陸續造冊，只要符合資格就會盡快接種。</t>
  </si>
  <si>
    <t>新冠肺炎疫情在歐洲急遽升溫，其中義大利確診人數追上南韓，成為僅次於大陸，疫情最嚴重國家，法國也累積1412人確診，文化部長里斯特更被感染，目前在台灣學中文的法籍YouTuber路易，這陣子收到很多親友關心，不少台灣人也好奇法國目前狀況，所以他特地拍攝影片， 希望讓更多人看見台灣政府積極處理的方式和態度，「讓台灣被國際看見！」
路易表示「在台灣，連我自己都很驚訝於台灣政府的效率」，不僅是取消與大陸來往的班機，並建議企業、店家使用電子體溫計，提倡民眾戴口罩、酒精消毒，規定從疫區回來的民眾，都須遵守居家檢疫等，讓鄰近大陸的台灣，本應該病毒會傳播很快，卻能有效的控制。
另外，他也提到法國最大的新聞報紙《世界報》，以斗大標題報導「台灣是處理新冠狀病毒危機最棒的案例」，讓他備受感動，「就算法國離台灣有10000公里遠，但法國人都看到台灣怎麼做到有效的管控，並開始向台灣學習」。
現在法國政府也積極處理，取消5千人以上的活動、不少公司允許在家工作、也積極宣導防疫觀念，路易更打電話給正在巴黎的友人詢問目前情況，友人坦言幾天前大家都不把疫情放在眼裡，沒想到卻開始蔓延，有少部分人很擔心，還去超市搶購東西，但目前大家生活與過去沒什麼差別，只是比較注重衛生，像是勤洗手、避免握手，法國衛生部長也呼籲減少「臉頰親吻」打招呼方式，這對法國人來說是巨大變化，且難做到。
而目前法國街上也沒人戴口罩，因為政府規定，要有醫生處方箋才拿得到口罩，最後友人補充說，最近法國人不斷談論起台灣，報章雜誌也認同台灣處理很好。路易也說真的很欣慰自己住在台灣，希望大家保持健康，也盼疫情能早日結束。</t>
  </si>
  <si>
    <t>新冠肺炎疫情蔓延全球，新北市政府14日上午9時舉辦亞洲城市首場「新冠肺炎社區感染大規模防疫演習」，模擬社區爆發大量感染時的應變策略及緊急措施，中央流行疫情指揮中心指揮官陳時中全程指導，新北市長侯友宜建議，應啟動縣市區域聯防機制，合力防堵疫情。
北北基宜桃 資源互助
演習動員市府各局處、轄內醫院、國軍部隊及社區志工等共450人，實際模擬4大階段防疫應變策略，由侯友宜擔任指揮官，邀請陳時中、衛福部傳染病防治醫療網台北區指揮官張上淳、國軍代表等指導。
陳時中致詞時表示，新北市完整設想所有狀況，將民間團體、醫院、民政、社政、衛政各體系連結起來，上次見到新北市成立居家檢疫關懷中心，感覺新北市府是有計畫、有步驟、還有溫暖，如今是有超前、有落實，未來面臨疫情還是要非常謹慎面對，中央會與地方一起努力。
侯友宜建議，下階段中央應該考慮，不是單一個新北市來面對疫情單一作戰，台灣很小，所以必須要整個防疫的資源互相調配，北北基宜一個區塊，甚至可以把桃園納進來要開始採取區域聯防，「單一新北市的實兵演練是不夠的，要以區塊的方式開始做兵推，然後以全國的方式來面對疫情的作戰，它是有層次劃分的作戰方式。」
新北覓妥隔離收治點
侯友宜指出，台灣目前確診個案與各國相比算很少，可說是擋住了第1波疫情，但歐美的案例逐漸擴增，第2波擋不擋得住還不知道，這次演習設定新北市出現超過3000例大規模感染時的因應對策。
他也表示，目前新北市府已覓妥隔離收治中心地點，可容納2000人，急救醫院可達到1000床，一旦發生社區大規模感染狀況，會將輕症病患送至隔離收治中心安置，重症病患則分流至市轄的17家責任醫院治療。</t>
  </si>
  <si>
    <t>韓國新冠病毒疫情急速蔓延，確診病例飆破2,000大關，為紓解疫情擴散對經濟的衝擊，首爾當局計畫挹注16兆韓元（逾130億美元）的緊急資金，以減稅及補助方式替企業與個人紓困。
韓國財長洪楠基（Hong Nam-ki）28日宣布，政府擬支出16兆韓元，提供稅務優惠與財務援助，協助受疫情波及的企業或個人紓困，此外還將提出6.2兆韓元補充預算支撐內需。
韓國為緩和新冠肺炎對經濟活動的衝擊，將減稅幅度擴大1倍，包括從今年3月到6月，信用卡消費稅扣抵比率由15％拉高至30％；傳統市場與大眾運輸的減稅比率，從40％倍增至80％。
韓國政府預估，如此一來可望幫韓國民眾省下2,200億韓元。
同段期間購車消費稅率由原先的5％降至1.5％，降幅達七成。減稅措施也擴及受新冠病毒疫情重創的小型企業及個別員工。
此外托嬰中心和幼稚園因疫情關閉，父母被迫請假在家照顧幼兒的家庭，可獲50萬韓元的津貼補助。
財長洪楠基同時透露，政府預定下周向國會提交補充預算案，金額與2015年爆發MERS疫情當時所提的6.2兆韓元相當。
韓國當局28日公布最新統計，當天新冠病毒確診病例暴增571例，創下單日最大增幅，總數達2,337例。
韓國疫情迅速延燒重擊金融市場，韓股Kospi指數周五收跌3.3％，以1,987.01點作收，該指數亦寫下2011年以來最慘周跌幅。
外資大舉出逃韓國股市，本周共出脫2.8兆韓元（23億美元）韓股，創近九年來最大單周外資淨流出。
韓國龍頭車廠現代汽車，因蔚山市工廠一名員工確診感染新冠肺炎，宣布暫停生產，現代股價受此消息影響暴跌逾5％。
韓國天團「防彈少年團」（BTS）也礙於疫情升溫，宣布取消4月的首爾演唱會。</t>
  </si>
  <si>
    <t xml:space="preserve">
防疫零缺口，澎湖縣率先全國於機場及港口裝設紅外線體溫測量儀，深獲醫界高度肯定；20日縣府再創全國先例成立「居家檢疫報到站」，避免防疫漏洞空窗期。
驚爆新冠肺炎疫情，澎湖縣府會共識新購2部紅外線體溫測量儀，分別裝設在澎湖機場及馬公商港，監測所有入境澎湖旅客體溫，一旦發現有發燒、呼吸道症狀群者，立即送醫採檢送驗，並自主健康管理。
鑒於中央提供居家檢疫資料太慢，20日澎湖防疫會議決議即日起在機場及港口設立居家檢疫報到站 ，即時掌握入境動向。
縣府表示，凡從大陸港澳入境持有居家檢疫通知書者，轉搭國內線、臺華輪入境澎湖，縣府將協請航空及船務公司廣播通知，乘客必須至報到站登記，不配合者將依傳染病防治法處3000元至1萬5000元罰鍰。
縣府指出，經實際查訪發現須居家檢疫者已
返家2、3天後才收到內政部提供的居家檢疫名單，無疑造成防疫大漏洞。
成立居家檢疫報到站適時彌補空窗期，入境澎湖持有居家檢疫通知書者必須先至居家檢疫報到站登記，核對居住地、電話，並立即通知里長、村里幹事啟動健康關懷，監控在家自主管理居及限制外出至檢疫解除。
同時落實「新住民查核系統」每日追蹤尚未返澎的69名陸配及家屬動向，務必先期掌握返國時間加強追蹤，防疫零缺口。
新冠肺炎,新冠肺炎NCP,台灣,澎湖</t>
  </si>
  <si>
    <t xml:space="preserve">中央流行疫情指揮中心今(10)日公布國內新增2例境外移入COVID-19(新冠肺炎)病例(案580、581)，均為來臺工作之30多歲印尼籍女性。
指揮中心表示，案580、581分別於今(2020)年10月26日及27日自印尼搭機來臺工作，入境迄今均無疑似症狀，2人分別於11月8日及9日進行檢疫期滿前採檢，並於今日確診。
指揮中心指出，由於2名個案來臺至今均無症狀，且於集中檢疫所檢疫期間均未與他人接觸，因此無須匡列接觸者。
莊人祥表示，印尼和菲律賓兩國都是入境檢出風險較高的國家，已經針對社福類移工要求他們都要住進集中檢疫所，且檢疫期滿前再次採檢，其中印尼籍移工有八成都是社福類移工，所以可以說是入境後都會採檢。
指揮中心統計，截⾄⽬前國內累計104,380例新型冠狀病毒肺炎相關通報(含102,711例排除)，其中580例確診，分別為488例境外移入，55例本⼟病例，36例敦睦艦隊及1例不明；另1例(案530)移除為空號。確診個案中7人死亡、528人解除隔離、45人住院隔離中。
</t>
  </si>
  <si>
    <t xml:space="preserve">川普政府為了對陸通過港版國安法強硬表態，宣布一連串對陸打擊措施，作為挺香港姿態；不過正當非裔人民遭白人警員不當執法致死，引起全國示威，但川普不停地在推特上「火上加油」，多次聲稱要用暴民動用軍隊平亂，讓外媒認為，川普對示威的反應，不僅毀了先前美國對要保護香港的力道，更對大陸而言是「天上掉下來的禮物」，讓其有了宣傳大好機會。
美國有線電視新聞網指出，為了反制北京通過港版國安法，川普政府上月29日祭出取消港特殊貿易地位與對部分官員制裁等一連串手段，藉此展現美國在去年「反送中」支持香港追求民主、支持人民上街示威的權力。
不過一名非裔佛洛伊德在毫無抵抗情況下，遭警員勒頸約束而窒息身亡，引起全國示威動盪，但川普不停地在推特上發表意見，稱示威群眾是「暴徒」，是有組織、有計畫的暴力行為，除了譴責媒體鼓舞騷動，並要求軍隊部屬到位，甚至嗆在動亂後面藏有國內恐怖主義份子。
然而川普對於美國示威的反應，讓許多大陸官媒與官員藉此大作文章，他們不僅樂見美國面臨前所未見的動亂，更諷刺的表態要與示威者站在一起，藉此指控美方的虛偽。報導以大陸外交部發言人華春瑩為例，她在轉貼美國務院發言人對於美國祭出對陸反制的貼文時，僅回覆「我不能呼吸」，這句話也是佛洛伊德遭警壓迫時一直說的話，她的貼文也獲得俄官媒《今日俄羅斯》的轉貼。
"I can't breathe." pic.twitter.com/UXHgXMT0lk
而先前指控華府支持「香港獨立勢力與暴力激進份子」的陸外交部發言人趙立堅，以及環球時報總編胡錫進，也在其推特上轉貼全美示威新聞，並註解這些由美國政客定義的「最美麗風景」終於從香港擴散至美國，他們甚至可以從窗口就可看得到。
Did Beijing publicly support US protests and give aid to radical left-wing forces, like the political infiltration Washington has done to China? You spoke as if destroying the US ideas, US democracy and US values is a piece of cake. You are humiliating the US and the West. pic.twitter.com/bmJ7ylCNby
The 'beautiful sight' difined by US politicians has eventually extended from Hong Kong to the US. Now they can witness it by their home windows. I want to ask Speaker Pelosi and Secretary Pompeo: Should Beijing support protests in the US, like you glorified rioters in Hong Kong? pic.twitter.com/tvg0kyK8j0
報導也稱，美國示威也讓許多香港反送中示威者陷入尷尬局面，稱他們雖然與在美國抗議的示威者們感覺團結一致，但華府正對示威者採取強硬姿態，讓他們感覺與華府之間，可能有被撕裂的感受。報導最後指出，華府要影響北京對港施壓的姿態，正在嚴重受限制中。川普政府對於示威的反應，恐怕將進一步傷害自身地位。
</t>
  </si>
  <si>
    <t>韓國疾病管理本部周二下午宣布，新型冠狀病毒感染確診病例新增374人，累計確診病例達5,186例。單日新增確診病例達974人。
由於南韓境內新冠肺炎確診人數仍持續大幅增加，截至周二為止，全世界總計有89個國家或地區將對來自南韓的旅客實施入境禁令或祭出隔離措施。
周二上午南韓公布新冠病毒感染確診病例新增600人，累計達到4,812人；確診死亡病例新增3人，累計死亡病例達34人。而根據上午公布的數據，首都首爾市的確診病例接近破百，已經達到98人。此外，南韓軍方下午公布另有三名軍人檢測為陽性，使累計確診的士官兵人數達到31人。</t>
  </si>
  <si>
    <t>新冠肺炎疫情讓壽險行銷受阻，但影響最大的還是專作境外客戶的國際保險業務分公司（OIU）。據保險局統計，今年前5月壽險OIU僅賣出16張保單，新契約保費僅876.7萬美元（約新台幣2.6億元），且今年僅剩下五家壽險公司還有OIU保單進帳，當初「專責」的OIU人員多已被解編轉往其他業務。
先前因為新冠肺炎，各國都進行邊境管制措施，境外人士不得入境，OIU更是無生意可作，很多去年底或今年初已談好的大保單，近來都因為無法親自處理保單等相關契約，因此無法完成投保、入帳。台灣對境外人士的境管措施6月下旬雖有鬆綁，但仍然嚴格，恐還難對OIU業績有助益。
保險局統計，目前只有五家壽險公司還有OIU保單的新契約保費進帳，即國泰人壽、富邦人壽、新光人壽、台灣人壽與全球人壽，到5月五家公司共16張保單，比去年同期的87張保單衰退81.6％，保費則因今年有大保單進帳，16張共876.73萬美元，但仍比去年同期衰退48％以上。
前五月OIU業績，以新光人壽有五張保單、新契約保費731萬美元，在件數及金額上都居第一，但花了極大的力氣，也只拿到約新台幣2億元左右的業績，新壽強調，這是全金控式的服務，有些客戶也會在新光銀行OBU開戶，進行資金調度或理財，有些則是外銀轉介的VIP客戶，就是看好台灣保單利率略高，作資產配置。
第二名是富邦人壽的三張保單、新契約保費94萬美元左右；第三名是國泰人壽有兩張保單、25萬美元；全球人壽及台灣人壽也各有三張保單，但保費各以19萬美元與7萬美元，排名第四與第五。
當初敲鑼打鼓十多家壽險公司都要進軍OIU業務，但目前各公司紛紛解編OIU人員，有些不再推出保單，即今年就沒有OIU新契約保費入帳，就連現在的五家壽險公司，很多OIU人員也都歸建各單位，先去忙今年的保單大改款。</t>
  </si>
  <si>
    <t>中國疾控中心流行病學首席科學家曾光12日上午在個人微博發文，預測這次新冠肺炎疫情下降的轉折點已經出現，但還潛藏著上升的轉折點。他提醒，各界不可低估多達1.6億人口流動返程潮對疫情的負面影響，首當其衝的就是珠三角、長三角和京津冀地區。
「大陸依據新型冠狀病毒肺炎的防控形勢的不同，可以分為武漢市／湖北省的戰場，以及湖北以外的省、直轄市、自治區的戰場。」曾光指出，其中，湖北以外的省市區每日確診病例數已連續下降6天，下降的拐點在2月5日左右。
曾光表示，這是按確診病例數統計出的拐點，由於在每個患者確診前，都要經過「暴露-感染-潛伏期-發病-就診-確診」的過程，實際拐點的出現應該比確診時間早得多。
曾光曾經長達17年負責全大陸傳染病疫情報告監測和統計分析工作，通過對冠狀病毒肺炎疫情的分析，他提前預測了湖北以外的省市區確診病例數的拐點在「武漢封城」後5至10天後出現，又提出農曆正月十五見分曉，看來是預測對了。
不過，曾光同時提醒，「在下降拐點之後，還難以避免又出現一個疫情上升的拐點。理由是，切不可以低估多達1.6億人口流動返程潮對疫情的負面影響，首當其衝的是對珠三角、長三角、京津冀地區的衝擊作用。」
「上述流動大軍無論乘坐火車、長途汽車還是飛機返程，都處在密閉的環境中，容易導致病毒傳播。」曾光解釋，「返城後能否平安度過一個最長潛伏期，需要做大量艱苦細緻的工作。」</t>
  </si>
  <si>
    <t xml:space="preserve">新冠肺炎疫情延燒，清明連假後一周，雖然國內確診案例沒有明顯激增，不過中央流行疫情指揮中心指揮官陳時中仍保守表示，需再觀察一周。陽明醫學博士胸腔重症醫師蘇一峰也指出，連假後觀察期只過一半，並指出常看到民眾戴口罩的NG行為，提醒大家千萬要注意！
蘇一峰在臉書發文表示，常見到有呼吸道症狀戴口罩的人，一咳嗽或打噴嚏時，會特地把口罩拉下來，造成飛沫噴射，他非常不建議這樣的NG行為，並提醒疫情期間戴口罩是為了保護自己也保護別人。
此外，對於國人關心，清明連假後是否還會掀疫情高峰？蘇一峰說，疫情觀察期只到一半，目前失分少雖讓人開心，但「驕兵必敗」，還要繼續謹慎防守，如果這次守住，要感謝一直守在第一線的醫護人員與防疫人員。對於清明連假後是否守住疫情，陳時中表示，連假後第一階段沒有出現大量確診，但以疾病潛伏期14天而言，還要再觀察一周。
</t>
  </si>
  <si>
    <t>水神次氯酸抗菌液終於來了！旺旺水神公司在鹿港鎮公所後方倉庫設置水神生成機，鹿港鎮長許志宏8日在臉書宣布消息後，9日上午一開放領取就大排長龍，公所趕緊宣布在平日上午、下午之外，再增加傍晚第三個時段，方便民眾領取。
新冠肺炎疫情延燒，全民防疫成為長期大作戰，勤洗手、勤擦拭家具進行環境消毒，酒精、次氯酸水都成為熱門搶手防疫物資，目前旺旺水神在彰化縣政府七個局處捐借設置水神抗菌液製造機，讓民眾免費領取。
許志宏表示，在縣府和公所積極爭取下，旺旺水神公司同意免費再增設一台機台，公所已選擇在後方9號倉庫內完成機台裝設，還加裝水龍頭到戶外方便民眾自備不透光空瓶容器盛裝。
許志宏表示，旺旺水神共免費提供4瓶水神專用電解液，約可產生8公噸微酸性電解次氯酸水，民眾領取後，不需稀釋即可使用在清潔環境及擦拭傢俱，是最佳抗疫清潔用品。
公所指出，每日每人限領1公升，上午因索取太踴躍，兩小時不到250公升迅速用完。除原本周一至周五上午9時30分、下午2點30分，各提供250公升，另再追加傍晚5點45分、120公升，領完為止。</t>
  </si>
  <si>
    <t>因應農曆春節返鄉潮，嘉義市防疫旅館自9日起已從50間增加到66間，不過需求量相當大，明年1月1日至24日已全數訂全滿，25日至31日訂房率也達9成，雖市府希望更多業者能加入春節防疫旅館行列，因交通部國旅券補助到明年4月底，加上國旅出遊商機已湧現，造成排擠效應，市府已向中央反映，建議釋出部分集中檢疫所，以因應春節短期防疫需求。
嘉義市政府觀光新聞處觀光旅遊科科長林志榮表示，之前就觀察到春節防疫旅館訂房需求大增，提前協調業者把房間數從既有50間增加到60間，還是無法滿足返鄉國人防疫住宿需求，詢問度居高不下，雖曾向旅宿業者協調，盼更多旅宿業加入春節防疫旅館行列，但過程並不順利。
根據旅宿業者說法，交通部觀光局的國旅券補助是從即日起到明年4月底，同時觀光局也規定，申請防疫旅館者，不得申請國旅補助，業者從經營角度評估，當然會爭取為期較長的國旅商機，而不是僅有春節1個月的防疫旅館需求，加上國旅大爆發，即使沒有國旅券，嘉義市訂房率也已回溫。
在此衝突下，觀光新聞處強調仍會努力與業者溝通，衛生局也向衛生福利部醫福會反應，請其釋出集中檢疫所，多管齊下增加防疫量能。</t>
  </si>
  <si>
    <t>本土疫情持續升溫，台灣面臨嚴重疫苗荒。針對衛福部的優先名單第二類，「維持防疫體系運作之中央及地方政府重要官員」名單有誰，引起外界質疑。中央流行疫情指揮中心副指揮官陳宗彥16日搬出《個資法》第6條規定，指個資無法公布姓名，迴避面對問題。港媒評論直言，此事讓台灣民眾有強烈被剝奪感，民進黨恐無法輕易迴避，執政聲望將受到空前挑戰。
媒體人陳文茜日前質疑，有些非高風險的行政機關及總統府人員混在優先名單中，呼籲指揮中心公開第二類接種名單。陳宗彥16日回應稱，疫苗注射屬於醫療行為，必須依《個資法》規定，相關醫療、身體健康資料屬特種個資，因此名單不可公開。
根據香港媒體《中評社》今日（18）評論指出，台北市某診所先前爆出「偷打疫苗」事件，讓綠營及親綠人士「撿到槍」，群起圍剿台北市市長柯文哲；不僅如此，民進黨立委蘇治芬也指控國民黨籍雲林縣長張麗善胞兄張榮味、姪女張嘉郡插隊打疫苗，亦有綠委質疑國民黨前主席連戰特權插隊打疫苗。在野黨面對攻勢，踢爆行政院院長蘇貞昌愛將政院顧問丁怡銘已打疫苗，藉此質疑衛福部「維持防疫體系運作之中央及地方政府重要官員」名單裡到底有誰？衛福部部長陳時中17日朝野協商面對民眾黨、國民黨立委砲轟，卻強硬拒絕提供相關資訊供社會檢視。
評論分析，在長者接種AZ疫苗陸續傳出猝死消息後，老百姓看到高官擅用特權搶打一針難求的美國莫德納疫苗，必然會產生強烈被剝奪感，在野黨猛打此議題理所當然，執政黨拒絕公布相關名單只會讓外界更加質疑，莫非是名單內有什麼不可告人的事，生怕難以服眾故不敢公開；民進黨不可能輕易迴避此議題，執政聲望也恐遭受空前挑戰與衝擊。</t>
  </si>
  <si>
    <t xml:space="preserve">有竹聯幫黑道背景的朱姓男子，涉嫌在疫情期間，假借「新冠肺炎」話術，假冒檢警，向大陸民眾詐騙，初估3月至今已有近百人受騙，不法獲利約1000萬台幣。刑事局日前至朱嫌位於桃園的話務機房攻堅，逮捕朱等6嫌，依組織犯罪、詐欺等罪嫌送辦。
警方調查，39歲朱嫌等人，在桃園市民宅設立跨境電信話務機房，向大陸民眾誆稱對方採檢「新冠肺炎」確診，若對方一頭霧水，就把話題帶到其個資外洩等，需立即報案，藉機假冒公安詐騙。
專案小組上周持搜索票，至朱嫌機房攻堅，現場逮捕朱嫌等人，現場查獲詐欺用筆記型電腦4部、工作機20支、人頭電話卡19張、WIFI分享器2臺、平板電腦1部、監視器鏡頭3組、租賃契約2份、金融帳簿10本、AP手錶1支、新台幣216萬5000元整、白色保時捷休旅車1部、黑色賓士休旅車1部等證物。
警方估計，朱嫌的AP表要價449萬，加上保時捷與賓士，光是名車、名表，市值就超過千萬。朱嫌否認詐欺，並拒絕提供被害人資料，複訊後遭法官裁定羈押禁見，警方將從查扣證物，循線追查被害人與該集團的洗錢流向，擴大偵辦。
</t>
  </si>
  <si>
    <t>台北市公布1例確診個案足跡，案15874在8月6日確診，初判可能感染源尚待釐清，而該確診者為虎林市場的攤商，8月3至5日早上6點到11點都在虎林市場擺攤，個案工作場域已做清消，8月7日至9日封攤3天。
北市衛生局確診足跡公布顯示，案15874在8月4日上午11點30分至40分曾到松山區虎林街台北府城隍廟，目前也已做清消，7日停止對外開放1天。</t>
  </si>
  <si>
    <t>本土疫情爆發，每天動輒上百人確診，根據指揮中心統計，國內這波流行的主要是英國變異株，然而近期在爆發的印度變異株傳染力更甚一籌，媒體問到，疫情指揮中心是否在國內有驗出印度變異株？中央流行疫情指揮中心發言人莊人祥表示，國內除了先前有驗出3例印度變異株的境外移入個案，本土目前還沒有驗出印度變異株。
莊人祥表示，除了4到5月有驗出3例印度變異株的境外移入個案外，本土目前還沒有出現印度變異株的傳播，目前社區流行的主要還是英國變異株，英國衛生部在6月11日、6月14日公布疫苗對英國變異株和印度變異株的保護力比較，AZ施打一劑或兩劑都有保護作用，住院保護力方面，施打AZ疫苗一劑的保護力上，英國變異株為76%，印度變異株為71%，施打兩劑的話，英國變異株的保護力則上升到86%，印度變異株則為92%。
莊人祥指出，英國在施打疫苗後覆蓋率已達6成，曾經降到一天確診者3000到4000，近期微幅上升到1天7000多例確診，有學者預測，若英國疫情7月還沒有控制下來，就可能還會有另一波疫情爆發，是否因為這樣英國規劃要縮短施打第二劑的間隔，讓人民盡快施打疫苗，會針對這個議題請ACIP專家討論，台灣也會根據疫苗進貨量以及流行病毒株來做調整。
中央流行疫情指揮中心指揮官陳時中說，英國施打第一批是希望疫苗含蓋率變高，也因為英國第一劑涵蓋率已經到了一個高點，希望第二劑涵蓋率也能提高，相信各國都會根據疫情以及人民反映來調整整體的公共衛生政策。
至於現在很多國家因為印度變種病毒導致疫情升高，國內疫苗覆蓋率又不夠的情況下，是否規劃入境14天檢疫期滿，且一律採檢陰性才放行？陳時中表示，上述做法目前也在專家會議裡有很大的爭辯，我想大家會提出相關科學證據，做進一步驗證，會尊重專家委員會的觀點。</t>
  </si>
  <si>
    <t>新冠肺炎疫情致使中國大陸復工進度緩慢，鴻海精密（2317）對此坦言對全年營收確有負面影響，但海外廠區營運持續滿載，部分擴產計畫亦正常進行中。鴻海今（20）日開高後翻黑，最低下跌1.55％，終場下跌1.19％、收於82.8元，成交量增加37.4％至3.5萬張。
鴻海約75％產能位於中國大陸，雖然各主要廠區自10日起逐漸恢復生產，但投顧法人認為，由於零組件物流及勞動力流通受限，預期最快3月初才能全面生產，預期鴻海首季淡季營收恐季減約45％，甚至可能跌破兆元關卡。
對此，鴻海發布重訊表示，公司一向不評論市場對集團營運的評估報告，也未曾對外發布季度財測。不過，受新冠肺炎疫情影響，在保護員工安全為第一優先、復工流程合法合規原則下，中國大陸主要廠區復工進度較為謹慎，坦言對全年營收確有負面影響。
不過，鴻海表示，包括越南、印度、墨西哥等地的海外廠區營運持續滿載，部分擴產計畫正常進行中，整體詳細狀況將待情況明朗後再對外說明。投顧法人則認為，鴻海的內部零組件製造與物流支持，有助於集團在疫情趨穩時展現更好的恢復力。</t>
  </si>
  <si>
    <t>造紙大廠正隆（1904）因應新冠病毒疫情持續延燒，主要生產家庭用紙的竹北廠為照顧鄰近居民需求，宣布今（24）日起免費提供附近居民次氯酸鈉水，鼓勵居民做好環境消毒、維護安全空間，為疫情防護貢獻心力。
正隆造紙事業部副總張清標表示，防疫期間的環境清潔相當重要，為鼓勵鄰近居民在經常接觸之處消毒，特別動員竹北廠內化研中心同仁，參照衛服部公告方式，將次氯酸鈉原液稀釋100倍後調製成消毒用水（500ppm），並自24日起免費提供。
正隆表示，民眾只要自備不透光容器，可在每天上午9點至下午4點間，在竹北廠區門口自行取用。不過，正龍也指出，稀釋後的消毒水在24小時後殺菌效果將降低，希望民眾不要囤積，並儘可能在有效期間內使用完畢。
正隆表示，可使用消毒水對門把、桌面、電源開關、水龍頭、樓梯扶手等經常接觸處進行消毒，並印製說明卡呼籲民眾勤洗手，並提醒使用消毒水時須注意避免接觸眼睛、皮膚，使用時需配戴口罩和手套，並保持環境通風等。
因應國高中及國小等各級學校明（25）日開學，正隆表示，竹北廠將配合當地里長，持續提供免費消毒水，以守護附近居民和學生學習環境與健康，平安健康的度過此次新冠肺炎疫情難關。
正隆竹北廠成立於1973年，主要生產家庭用紙及塗布卡紙，包括春風、情人、雪柔、蒲公英品牌等衛生紙、面紙、紙巾產品。集團規畫3年內斥資15億元，於該廠增設1座90噸生質能CFB熱電系統，以提升替代燃料率、減少用煤量，預計2021年第四季商轉。</t>
  </si>
  <si>
    <t>雲林縣17日無新增確診個案，但有外縣市確診至本縣足跡案1例（案13619），為男性21歲，平時於雲林縣麥寮鄉六輕工業區上班，11日返回桃園住家，曾與確診個案足跡重疊，15日前往醫院採檢結果陽性，16日確診，目前由桃園市安排前往集中檢疫所隔離治療。
雲林縣政府表示，案13619在本月2至4日、7至11日的活動範圍，均在六輕工業區內，早上到福利大樓拿早餐後前往上班地點，晚上到福利大樓拿便當後回宿舍，9日曾到醫務室求診，均是步行移動、有戴口罩。
另外，案13619在桃園的同住家人有相關症狀，15日檢驗為陽性，目前匡列居家隔離26人。
縣政府指出，目前掌握地點皆已通知相關單位進行清消，確診者的足跡是透過疫情調查詢問確診者，由確診者回溯這段期間的活動地點、停留時間等，可能會有回溯上的偏差，會持續調查更新。</t>
  </si>
  <si>
    <t>衛生福利部去（2020）年公告徵求高端疫苗臨床實驗受試者時，曾明確備註5類人不建議參加，現有專家質疑，高端開打這5類人並未被排除，且說明中也沒有特別註明。中央流行疫情指揮中心指揮官陳時中回應，做臨床試驗時，為將控制將風險降到最低，實驗才能夠正確，因此會有排除對象，「不會去醫院裡找身體不好的做實驗」。
今（26）日於疫情記者會時，有媒體問及，有專家質疑高端當初在臨床試驗時，排除5類對象，包括包括病情控制不穩的慢性病患、免疫功能低下或免疫系統疾病者、一個月內曾接受重大手術、癌症正在療程中或即將接受治療者，及嘗試受孕、懷孕或餵母乳的女性，但現在施打後這5類人卻未被排除？
對此，陳時中回應，有關被排除的對象，我想是不同類的專家，相對是在做臨床試驗的專家都明白，在做人體實驗的時候，有些對象是被排除掉，基本上就是疫苗本身在做臨床試驗，將控制的風險降到最低，實驗才能夠正確。
陳時中說，所以在做臨床實驗，才會有排除的對象，不會去醫院裡找身體不好的，這都會增加疫苗的變數，這些在國際上都有規則可依循，待這些比較健康的人做完一定的比例，就可以開放給更多人來打，持續觀察安全性及有效性。
另外，有媒體問高端疫苗有5類人在試驗時就被排除，之後是否有考慮在接種單上加註5對象接種時，要多加諮詢？陳時中表示，我們在說明上，一部分的疫苗臨床試驗裡，都會有一些排除的對象，但跟醫師諮詢的對象可能又更廣，所以大家覺得自己有些慢性病、不穩定，或是有些免疫不足的情況，都需要跟醫生做諮詢。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疫情嚴重衝擊台灣觀光產業，靜宜大學觀光系教授黃正聰指出，新冠肺炎規模遠大於SARS，影響產值約為SARS的4倍，建議政府未來除擴大國旅補助外，包括產業資產利息補貼，規費及遊覽車燃料稅、營所稅等減免，將危機化為轉機才能有效振興台灣觀光產業。
受到新冠肺炎疫情的影響，桃園機場2月起旅運量如雪崩式下滑，由平均每天約近13萬左右入出境人次（含過境轉機），掉到現今每日只剩6、7萬人次，17日更已掉到只剩5萬9692人次，創10年來新低；18日預估旅運量更只有5萬4000人次，再創新低。
根據移民署統計，今年1月至2月15日為止，入出境旅客共計311萬1186人次，相較去年同期719萬9864人次，大幅減少56％，顯現今年國內外入出境旅客人數，受到新冠肺炎疫情持續升高，確實受到影響。
民航局統計，目前兩岸及港澳航班取消都已超過7成，和去年12月平均值相比，旅客量掉逾8成。
黃正聰指出，去年同期每月國內旅遊高達1666萬人次，疫情爆發後每月只剩833萬人次，直接砍半；觀光產值從去年同期每月333億元，減少到每月約167億元，3個月減少約500億元，旅宿業、餐飲業等全面受到衝擊。
黃正聰認為，新冠肺炎目前僅大陸失控，研判疫情6月結束，8月各國逐漸恢復來台旅遊、陸客限縮解禁，政府應先擴大國旅補助，每月補助觀光產業10億元，刺激消費帶動每月60億元產值，持續半年需60億元，配合觀光發展基金挹注等，多管齊下，方能重振台灣觀光產業。</t>
  </si>
  <si>
    <t xml:space="preserve">3日，湖北省人民政府副省長楊雲彥在發布會上表示，目前湖北省各地市危重症床位配置已基本能滿足重症病人的救治需求，武漢市通過加快建設重症救治床位，由「人等床」轉變為「床等人」
截至3月2日，同濟光谷、協和醫院等10家危重症救治定點醫院共開放危重症床位7286張，共收治危重症、重症患者3728名，武漢市新冠肺炎患者病亡率正逐漸下降。
</t>
  </si>
  <si>
    <t xml:space="preserve">
日本22日新增15例新冠肺炎確診，其中，名古屋公布4人感染確診，其中一名60多歲男性是高速公路收費站的職員，和他密集接觸的52名收費員，也被要求在家隔離，名古屋高速公路更決定封閉6個入口。
根據《日本媒體》報導，日本名古屋市在22日公布4名的新型冠狀病毒的確診病例，其中一名是40多歲的婦女，另外3名是60多歲的中年男女，但因其中有一人是高速公路收費站的員工，雖然收費站沒有直接和駕駛有直接接觸，但他有可能傳染負責收費的52位同事，所以這52名收費員必須在家隔離觀察。
這突如其來的狀況造成收費站人手不足，名古屋高速公路因此重新調配，盡可能選擇車輛較少的收費站關閉，包括ETC收費車道，名古屋高速公路22日已封閉5處收費車道，23日再封閉東海新寶收費亭。
根據日媒報導，名古屋高速公路全部共9條路線，總長81.2公里，目前已封閉六番北、六番南、木場、船見、東海新寶和鳥森這6個收費站，估計平均一天約有1萬1000輛左右的車輛通過，若要等到這52名收費員回來上班，至少要等到3月上旬。
更多 CTWANT 報導
</t>
  </si>
  <si>
    <t>指揮中心今天表示，日前屏東2名自秘魯入境的祖孫，經基因定序確定為印度病毒株（Delta）。藍委賴士葆表示，Delta變種病毒來勢洶洶，全世界都嚴陣以待，很多國家都因為這個新的病毒侵襲重啟警戒防疫措施，採購疫苗、施打疫苗，是所有國家目前最優先的政策，蔡英文總統聽到沒？
賴士葆表示，姑且不論很多先進國家採購疫苗數量都是人口的幾倍，鄰近的菲律賓日前與輝瑞簽約購買4千萬劑疫苗，越南自購3100萬劑疫苗7月要陸續交貨，他感嘆，台灣的經濟實力在世界排名15左右，防疫紓困特別預算編列340多億元採購疫苗，從去年迄今採購到貨的只有6億元左右，採購績效讓人欲哭無淚。
賴士葆指出，感謝最近美國捐贈250萬劑莫德納疫苗、日本先前捐贈的124萬劑及現在加送的100萬劑AZ疫苗，對防疫絕對有很大幫助，然而面對疫情指揮中心採購無能的表現，駐美代表蕭美琴應該請美方協助下訂的500多萬劑莫德納疫苗能夠早點交貨完畢，甚至於加購幾百萬劑疫苗；駐日代表謝長廷也應向日本政府表達我們願意購買國際認證的疫苗且能加速到貨？
賴士葆說，政府各個有關單位應窮其一切力量向國外買進疫苗，以及對於地方政府、企業、民間團體要捐贈疫苗的申請，應該盡速幫忙開綠燈、除路障，使台灣能夠增加疫苗供給量，以提高整體防護能力，如此才能夠對得起因新冠肺炎而死亡的600多條寶貴的生命。
「當病毒不斷地變種，施打疫苗是唯一的解方」，賴士葆認為，疫情指揮中心將所有疫苗採購的過程都黑箱作業，立法院衛環委員會成立的疫苗採購調閱小組，也在執政黨的刻意杯葛下，形同虛設，因此人民無從知道、也無從監督，難怪一年多了，指揮中心交不出起碼的成績單。</t>
  </si>
  <si>
    <t>今日世界肺炎日，李慶雲兒童感染暨疫苗發展醫學文教基金會攜手中華民國糖尿病學會、台灣家庭醫學醫學會、財團法人中華民國心臟基金會，及財團法人腎臟病防治基金會現場共同呼籲，應積極採取保護措施，控制自身慢性病的同時更要主動接種肺炎鏈球菌疫苗，以加強自我保護力，遠離肺炎致死威脅。
全球每年肺炎會奪走250萬名生命，而肺炎鏈球菌感染是肺炎最常見的致病菌！慢性病患一旦感染肺炎，會增加治療難度，連帶提高重症、致死風險。以糖尿病患者為例，肺炎死亡的人數在近年增加5倍；心臟血管疾病患者感染肺炎鏈球菌的機率則為一般人的6倍以上；腎臟病友肺炎死亡率更較一般人高出14至16倍；更有近1／4高血壓患者因肺炎死亡，顯示慢性病患者更應重視肺炎感染的危機。
新冠肺炎恐合併肺炎鏈球菌感染 多重慢性病者罹病風險增
根據美國疾病管制與預防中心最新統計，新冠肺炎常合併肺炎鏈球菌感染，且以高血壓(21.5％)，糖尿病(16.4％)、心臟病(11.4％)患者為多。李慶雲兒童感染暨疫苗發展醫學文教基金會執行長呂俊毅表示，肺炎鏈球菌感染是肺炎最常見的致病菌，慢性病患一旦感染肺炎，會增加治療難度，連帶提高重症、致死風險。以糖尿病患者為例，肺炎死亡的人數在近年增加5倍；心臟血管疾病患者感染肺炎鏈球菌的機率則為一般人的6倍以上；腎臟病友肺炎死亡率更較一般人高出14至16倍；更有近1／4高血壓患者因肺炎死亡，顯示慢性病患者更應重視肺炎感染的危機。
為提醒慢性病患者、一般大眾提高警覺，李慶雲兒童感染暨疫苗發展醫學文教基金會於世界肺炎日攜手社團法人中華民國糖尿病學會、台灣家庭醫學醫學會、財團法人中華民國心臟基金會，及財團法人腎臟病防治基金會共同呼籲，應積極採取保護措施，在控制自身慢性病的同時更要主動接種肺炎鏈球菌疫苗，以加強自我保護力，遠離肺炎致死威脅。
7成肺炎患者為多重慢性疾病 罹患肺炎後重症比率高、治療棘手、器官易衰竭
肺炎已連續四年高居國人十大死因第3位，每年奪走1萬5千名以上國人性命，108年死亡人數更較107年增加13％，感染肺炎造成的影響不容小覷。呂執行長表示，慢性病患、抽菸者染病風險為一般人的3倍以上；而肺炎鏈球菌感染症患者中更高達7成同時合併兩種以上慢性病，證實慢性病患者的罹病風險是遠高於想像。
呂俊毅進一步指出，在台灣約5-10％成人鼻腔中帶有肺炎鏈球菌，當人體免疫力低下時，病菌則會從呼吸道或血液入侵，引發肺炎。然而，當帶菌者為慢病患者時，一旦罹患肺炎，病情容易快速惡化，除了治療難度較高外，也可能加重原先病情，併發其他重症，例如菌血症、多重器官衰竭等，故提醒慢性病患應立刻採取行動，除了接種流感疫苗外，可主動與醫師討論施打肺炎鏈球菌疫苗的必要性。
糖友肺炎死亡人數增5倍 血糖控制和肺炎預防要雙管齊下
長期高血糖導致身體免疫力下降，免疫細胞殺菌能力減弱，使人體成為利於細菌生長繁殖的環境。社團法人中華民國糖尿病學會監事葉振聲指出，糖尿病引起的各種感染疾病中，有四分之一與肺炎有關，近年來糖友死於肺炎的人數更增加5倍，可見糖友易輕忽肺炎威脅。
葉振聲醫師解釋，糖尿病患普遍有高共病特性，根據2019年糖尿病年鑑，糖尿病共病比例前三名為高血壓、血脂異常、心血管疾病，可說是集侵襲性肺炎感染風險因子於一身，且感染後更容易併發菌血症。而新冠肺炎期間美國疾病管制與預防中心也建議，糖尿病患應該要主動和醫師討論，及時將接種疫苗納入疾病管理的一部分，加強保護。葉醫師提醒，糖友務必控制好血糖、血壓、血脂，保持充足睡眠並積極採取預防肺炎的措施，才能降低肺炎的威脅。
心臟血管疾病染疫高6倍 對心臟損傷大 接種疫苗可降低死亡率
心、肺常有共病發生，因此心臟血管病患因抵抗力和肺功能不佳，感染肺炎鏈球菌的機率是一般人6倍以上。財團法人中華民國心臟基金會代表陳文鍾醫師提醒，心臟血管疾病患者因血管病變，導致心臟難以輸送足夠血液和養分到身體其他部位，若同時肺部感染，會增加心臟肌肉耗氧量，容易誘發心臟衰竭。
根據研究，罹患肺炎會有21％的人出現心臟衰竭，10％會出現心律不整；超過50％的心臟併發發生在感染肺炎後24小時之內，顯示肺炎會立即對心臟會造成極大的損傷。新冠肺炎疫情凸顯心臟血管疾病接種疫苗、預防肺部感染的必要性，歐洲心臟學會年會中最新研究證實，接種流感和肺炎鏈球菌疫苗可降低心衰竭患者住院死亡率。陳醫師建議，心臟血管疾病患者平時除了要與醫師持續控制病情外，可以主動詢問疫苗接種建議。
腎友患肺炎死亡率高16倍 恐加快洗腎機率 患者需落實疫苗評估
根據調查，台灣因肺炎住院的患者中，有36.8％為慢性腎臟病病友。財團法人腎臟病防治基金會執行長林裕峯醫師提醒，感染是慢性腎臟病患、透析和腎臟移植患者發病率和死亡率的主要原因。腎臟病友罹患肺炎死亡率較一般人高14至16倍，且慢性腎臟病患者一旦感染肺炎鏈球菌，會提高急性腎損傷風險，加快腎臟病的進程，甚至有可能急需進行透析治療。
美國腎臟基金會建議，腎臟疾病者應接種肺炎鏈球菌疫苗，且根據研究，早期慢性腎臟病患者具有較好的血清轉化率，建議在透析或移植開始之前就先接種疫苗，可以獲得更好的免疫保護。林執行長建議，腎友須加強對於呼吸道感染的預防意識，透析病患在透析前，可詢問醫師進行各項疫苗接種狀態評估，降低肺炎鏈球菌肺炎感染症對健康威脅。
近1／4高血壓患者因肺炎死亡 醫師 ： 有菸癮、肥胖者、健康成人都要接種疫苗
台灣家庭醫學醫學會理事長黃信彰醫師則提醒，除慢性病患外，高血壓、肥胖者也是肺炎高危族群。血壓升高已被證實會降低肺部功能、增加肺炎感染的風險 ，且研究發現，24.8％的高血壓患者因肺炎而死亡，使肺炎成為高血壓患者的重大威脅。黃理事長表示，肥胖者罹患肺炎的風險為1.4-2.0倍；吸菸者感染肺炎鏈球菌機率較非吸菸者高出1.5倍，而且一旦感染續發肺炎鏈球菌感染，恐加速病程，提升後續重症機率，增加死亡風險。
黃信彰表示，積極戒菸、控制血壓、減輕體重、減少肺炎感染，為高危族群預防肺炎的首要任務，但黃理事長也提醒，新冠肺炎期間，為減少肺炎合併感染的發生，建議健康成人也要參考台灣家庭醫學醫學會所建議的「成人預防接種建議時程表」進行疫苗接種，平時就可以積極預防肺炎鏈球菌感染的發生。
世界肺炎日 醫界籲慢性病患者超前部署 持續疾病控制、主動詢問疫苗接種建議
全球每年肺炎會奪走250萬名生命，而今年因新冠肺炎恐會有440萬人死於肺炎感染。根據美國疾病管制與預防中心截至5月底數據顯示，罹患新冠肺炎的人有32％有心血管疾病、30％有糖尿病，而慢性病患住院率高出6倍，死亡人數更高出12倍，讓慢病病友處於極大的肺炎感染風險中。呂俊毅執行長提醒，台灣慢性病及多重慢性病人口非常多，慢病患者要先做好預防肺炎的準備，雖然新冠肺炎尚未有疫苗可以接種，但可以先接種肺炎鏈球菌疫苗進行預防，根據研究顯示，接種肺炎鏈球菌疫苗對降低併發肺炎鏈球菌感染具有保護作用。
呂俊毅醫師表示，現今肺炎鏈球菌疫苗針對肺炎鏈球菌感染症有效率達75％，且疫苗接種費用僅肺炎鏈球菌疾病治療費用的1／10，建議慢性病患應積極預防肺炎的發生。醫界五大團體特別在世界肺炎日共同呼籲高危險族群，除了定期回診、做好疾病管理以及接種流感疫苗外，更應主動與醫師討論施打肺炎鏈球菌疫苗的必要性，加強自我保護力，終結肺炎的威脅！</t>
  </si>
  <si>
    <t>第六輪高端疫苗接種即將在下周一（16日）開放預約，中央流行疫情指揮中心今天公布，第六輪有3類對象符合預約資格，預計提供60多萬劑高端疫苗供第六輪接種。
指揮官陳時中表示，目前先準備60幾萬劑的高端疫苗，符合預約資格的對象是65歲以上長者、64歲至20歲第九類對象，以及64至36歲民眾。不過他也提到，由於距離第六輪開放預約還有一點時間，如果還有疫苗封緘檢驗完畢，不排除增加接種的劑次。
指揮中心表示，「COVID-19公費疫苗預約平台」( https://1922.gov.tw/ )將自8月16日上午10時至8月18日中午12時止開放預約，此期可接種疫苗為高端疫苗，符合預約資格對象如下：
一、65歲以上(含)[即1956年12月31日(含)以前出生]長者
二、64歲至20歲(含)[即2001年8月23日(含)以前出生]第九類對象
三、64歲至36歲(含)[即1985年12月31日(含)以前出生]民眾
上述符合預約資格者，即得於開放預約期間進行預約，亦將於開放預約後，陸續收到提醒簡訊，請記得進行預約。此期預約預定於8月23日至8月29日施打，並視疫苗供應期程調整接種場次，籲請民眾屆時準時前往接種。
目前高端疫苗僅35萬多劑完成食藥署封緘檢驗程序，包括8月2日通過第1到4批高端疫苗，共26萬5528劑，以及4日再通過的第5批8萬6910劑，另外尚有9批檢驗中、8批待廠商補件。</t>
  </si>
  <si>
    <t>依據中央流行疫情指揮中心公布，新竹市28日新增1名確診個案，新增的案7307為1歲多男童，為23日公布的30多歲男性案4235同住家人。男童22日匡列居家隔離、23日第一次採檢陰性，27日出現發燒症狀進行二次採檢，28日PCR陽性確診。因案7307為案4235匡列接觸者31人之一，因此無另外匡列接觸者，也無新增足跡。
林智堅市長表示，23日公布的案4235曾赴萬華，確診後匡列31人居家隔離，後同住家人30多歲女性案5073、30多歲男性案5074以及30多歲男性案5075，為25日公布確診個案。
案7307為案5073與案5074的孩子，平時由媽媽照顧，23日第一次採檢結果為陰性，但27日出現發燒症狀，進行第二次採檢，結果為PCR陽性確診。
此外，市長林智堅也在直播中公布成立全台首座專責疫苗接種站，地點選在空曠通風的動物園第二停車場，將可加快疫苗接種效率，建構更強大防疫網，並減少民眾出入醫院，分攤5大醫院負擔。
林智堅指出，新竹市28日獲配的2800劑疫苗將優先都給一線醫護、防疫工作相關人員施打，1900劑給竹市專責醫院醫護人員，其餘900劑則是基層診所醫事人員、警察及消防同仁、民政人員等等施打。</t>
  </si>
  <si>
    <t>新冠肺炎疫情延燒，台灣出現首例死亡病例，台北市長柯文哲17日表示，即使是社區感染也有程度的不同，他提醒大家「社區感染遲早會發生」，但重點是就算發生要維持在「零星個案」，這是上策。
台灣出現新冠肺炎死亡首例，中央疫情指揮中心認為只是零星個案，還沒到社區感染。
柯文哲今出席錦州社會住宅新建工程開工典禮時對此指出，第一點這是不是社區感染還不一定，因為該死亡司機載過中港澳乘客，所以還要確定，第二點社區感染分很多種，有零星案例、還是群聚或散開來了，所以即使是社區感染也有程度的不同，要依照不同程度，制定不同應對方案。
不過，柯文哲提醒大家，社區感染遲早會發生，不要認為台北市一定不會發生社區感染，但重點是就算發生要維持在「零星案例」，這是上策，不要像是武漢那種失控局面，大概政府的處理目標是這樣子。</t>
  </si>
  <si>
    <t xml:space="preserve">時序秋冬，新冠肺炎（COVID-19）疫情持續上升，多國的確診者數字再創新高，南韓也不例外，爆發第三波感染潮，24歲男星李燦元（이찬원）不經意檢測卻中鏢，嚇得網刷一片「好恐怖」！
李燦元所屬的經紀公司NEW ERA PROJECT發出聲明，證實他3日凌晨確診新冠肺炎，知道的當下馬上自主隔離，靜待防疫局進一步的指示，身邊的工作人員也都接受檢驗及居家檢疫，未來的工作都會先全部喊卡。
根據韓媒報導，李燦元完全沒有症狀，也沒收到確診者動線重疊的通知，身邊的親朋好友也都平安無事，會突然去做篩檢的動機，是看到同為歌謠界的藝人UP10TION成員BIT-TO和高潔、EVERGLOW成員怡人和施賢確診後，想說以防萬一去做個檢測，未料結果出爐是陽性。
李燦元沒有症狀卻感染病毒的消息傳遍韓網，令許多網友震驚不已，紛紛表示這種情形是最可怕的，「無形中傳染變嚴重的吧」。
</t>
  </si>
  <si>
    <t>行政院長蘇貞昌修正「3＋11決策過程」專案報告，從原先讚嘆台灣防疫有成，軟化為向死者道歉。對此轉變，蘇貞昌今赴立院報告前表示，他的期望只有希望政府不要空轉，人民納稅錢不要浪費。
行政院長蘇貞昌上周五赴立院進行3＋11專案報告，他在書面報告指出，台灣能從每日確診6、700人降為零確診，一次又一次化險為夷，「守住疫情讓世界讚嘆！」面對蘇揆自我盛讚，文中未對逾800名染疫死亡者有表示歉意，氣得藍委直斥冷血，撕毀報告灑向蘇貞昌，要求退回重寫，揚言不退回就會在總質詢無限期杯葛。
面對僵局，蘇貞昌今再度赴立法院針對「國籍航空機組員隔離『3＋11』決策過程」進行專案報告，內容已明確修改為對疫情而受苦、甚至死亡者，「我都深感遺憾與抱歉」。
對此，蘇貞昌進入議場前簡短表示，我們對於立法院的議程安排，我們都尊重，「我只有期望政府不要空轉，人民納稅錢不要浪費。」</t>
  </si>
  <si>
    <t>截至目前為止，NBA共有14人確診新冠肺炎，其中只有戈貝爾、米契爾、伍德、杜蘭特與斯馬特公布確診，剩下9人皆因保護隱私權而未公布，但連NBA總裁席爾佛都坦承，NBA球員等同超級傳播者，確診名單到底要不要公布呢？
其實公布確診名單與否，確實相當兩難，因為美國向來重視隱私權，絕對不希望確診名單外流，造成民眾一定程度恐慌，所以才讓《ESPN》記者沃納洛斯基、《The Athletic》記者查拉尼亞兩大「爆料天王」也都不再曝光中鏢者姓名。
如此一來，反而造成謠言四起危機，像是只有杜蘭特跳出來承認確診的籃網，一度謠傳另3人是厄文、丁維迪與利佛特等主力，讓籃網只能透過官方微博澄清，湖人中鋒麥基也面臨同樣處境，迫使他的妹妹也發推強調哥哥檢測陰性。
如同席爾佛所說，NBA球星等同超級傳播者，因為他們先前都在上萬球迷面前比賽，也跟球迷面對面接觸或簽名合照，只要外界不清楚到底是誰中鏢，難免引起先前曾跟這些球員接觸過的球迷相當恐慌，甚至開始有人亂放假消息造謠。
或許更加惡劣的是，像是籃網、湖人、爵士、塞爾提克、活塞等隊都直接坦承球員確診，反觀七六人與金塊卻只公布球團人員中鏢，讓當地民眾恐慌心態更加嚴重，畢竟所謂球團人員範圍很廣，搞不好球場收票員就是確診名單之一。
既然不管公布與否都會製造恐慌，NBA各隊為何不乾脆一點直接公布確診名單，還是反正美國的防疫觀念本來就很薄弱，知不知道確診名單根本也沒差別，就怕再繼續隱瞞下去，美國的新冠疫情只會越來越嚴重，也越來越找不到源頭！</t>
  </si>
  <si>
    <t>大陸31省市29日總計新增31例新冠肺炎確診，其中30例為境外輸入，新增死亡4例均在湖北。
大陸國家衛健委30日數據顯示，29日大陸新增確診31例中，本土病例1例位於甘肅，其餘30例過為境外輸入，新增死亡病例4例均在湖北。
截至3月29日24時，大陸累計確診病例81,470例，累計治癒出院病例75,770例，累計死亡病例3,304例，累計追蹤到密切接觸者704,190人，尚在醫學觀察的密切接觸者19,235人。</t>
  </si>
  <si>
    <t>台灣一旦新冠肺炎疫情擴散，下一步很可能社區傳播，民眾該如何防範？醫師表示，勤洗手、落實個人衛生習慣，是不二法門；家族儘量減少聚餐；勿與不認識的人親密交談，若無法避免交談，最安全的距離是3公尺，避免飛沫傳染；且最大雷區是學校及一般住戶大樓，要少碰電梯。
台灣感染症醫學會理事長黃立民說，新冠肺炎若進入社區傳播，由於主要經飛沫傳染，民眾更要確實勤洗手，雙手儘量不要觸口鼻及揉眼，每一環節確實做好，避開傳染風險。
中國附醫兒童感染科主任黃高彬表示，由於新冠肺炎經口沫傳染，家庭聚餐感染風險更大，如計畫家庭聚餐，應先了解家人健康狀況。若要避免交談時飛沫傳染，最安全距離是3公尺，建議勿與不認識者近距離交談。
黃高彬說，面對新冠肺炎，民眾最重要是養成正確衛生習慣，建議家長藉機教導小孩，出門在外勿到處亂摸，返家後應先洗手。外出時在不影響他人自尊情況下，保持2公尺以上距離。
曾有長輩擔心搭電梯接觸到病毒，在line上分享以原子筆去芯後，將筆蓋掀起，用筆按電梯按鈕的小撇步。黃高彬表示，搭電梯不需這麼麻煩，防範病毒最重要原則是密閉空間戴口罩、勤洗手；若真不想親手按按鈕，可持衛生紙按按鈕，出電梯後丟棄即可。
疫情指揮中心則呼籲，民眾應落實肥皂勤洗手、避免觸摸眼鼻口，做好咳嗽禮節，若有必要參加聚會活動時，應做好防範措施，有呼吸道症狀者應避免參加並在家休息。</t>
  </si>
  <si>
    <t>未來品牌指數（FutureBrand Index）2021年全球最受尊崇企業排行榜出爐，荷蘭半導體設備大廠艾司摩爾（ASML）擠下蘋果掄元，台積電躍升至第六，三星電子大跌十名，降至第13名。
新冠肺炎疫情爆發後，全球企業排名大洗牌，台積電等半導體業者、能源與醫療保健公司排名大躍進，三星電子、耐吉與網飛的名次則大幅下滑。
最新報告顯示，艾司摩爾擠下2020年的龍頭蘋果，排名由2020年的第八躍升至第一，蘋果本次排名降至第二，南非科技投資公司Prosus名列第三，美國醫療與工業儀器製造商丹納赫集團（Danaher）位居第四，美國新紀元能源公司（NextEra Energy）排行第五。
值得一提的是，2021年排行榜由科技企業獨大，前五名有三家企業來自科技業。
未來品牌指數以資誠會計師事務所（PwC）的全球百大市值企業為基礎，邀請3,000位專家依據創新等多項評選標準，為百大企業重新排名。
新冠肺炎疫情為全球掀起驚天巨變，半導體與醫療保健業者在2021年排行榜寫下佳績。台積電的排名一口氣上升19個名次，居第六名，研發新冠肺炎疫苗的嬌生上升八個位置至第19名。
除了嬌生之外，進入前20名的醫療保健業者包括第四名的丹納赫集團、第16名的醫療設備公司美敦力（Medtronic），以及第17名的製藥公司艾伯維（AbbVie）。
2021年排行榜出現比往常更大的變化，部分全球知名企業跌出前十名，例如在2020年名列前十名的耐吉與網飛，2021年各下滑27與24名，分別降至第33與第34名。
此外，消費者品牌萊雅（L’Oreal）與星巴克2020年排在第20～30名間，2021年皆跌出40名外。三星電子由2020年的第三名陡降至第13名。</t>
  </si>
  <si>
    <t xml:space="preserve">智邦(2345)5月營收雙增，苗栗疫情嚴峻，智邦目前有12位員工確診，都已安排接受醫療隔離照顧，其中已有1位員工出院休養，智邦已備妥後續篩檢資源，也會擴及提供給同仁的家人，實施定期滾動式篩檢，智邦目前生產出貨仍維持正常運作。
智邦5月合併營收為49.11億元，月成長6.18%、年增加約30.49%；累計前5月合併營收為227.34億元，較109年同期增加約16.23%。
截止6月7日為止，根據中央流行疫情指揮中心發布資料，智邦有12位員工確診，都已安排接受醫療隔離照顧，目前狀況大致穩定，其中已有1位員工出院休養。
智邦表示，面對有公司員工不幸受波及確診，智邦除了將全力協助後續醫療與生活相關需求，讓員工能夠安心休養外，也將主動擴大預防性防疫措施，這其中包括將在6月初第一階段全面篩檢完成後，隨即啟動定期全面篩檢計畫，確保所有員工能夠在安全且安心的環境下工作。
自5月初桃園諾富特旅館相關疫情發生後，智邦即全面提升公司防疫規範，5月下旬，智邦更提前與醫療機構簽約合作展開全面篩檢作業，並已在6月4日啟動，將在6月10日完成竹南廠1500人篩檢作業，而今(7)日將先完成全體外籍員工篩檢，同時啟動宿舍與工廠統一分流分艙作業，並另行擴增外籍員工宿舍，降低外籍員工宿舍共居人數。而在新竹本廠部份，也已申請參與竹科園區篩檢作業，智邦本廠員工將在6月9日完成篩檢，另外，智邦也已備妥後續篩檢資源，將持續與醫療院所合作，在智邦整體廠區實施定期滾動式篩檢。
智邦強調，由於目前疫情仍在變化中，智邦也將以保護員工健康安全為第一要務，持續調整防疫應變措施，而在生產出貨部份，目前則仍維持正常運作。
</t>
  </si>
  <si>
    <t xml:space="preserve">新冠肺炎疫情持續惡化，坊間「全面禁食野味」的呼聲愈來愈高，福建省18日通過全面禁食野味規定，任何單位和個人不得生產、經營使用禁食的野生動物及其製品製作的食品。
《東網》報導，福建省十三屆人大常委會第十六次會議通了《關於革除濫食野生動物陋習、切實保障人民群眾生命健康安全的決定》（下稱《決定》），對禁止食用野生動物及其製品的範圍、相關違法行為、有關部門職責和法律責任作出明確規定，並由即日起實施。
《決定》從四方面明確了禁止食用的野生動物及其製品的範圍，包括國家重點保護的野生動物，該省重點保護的野生動物，國務院動保主管部門公布的有重要生態、科學、社會價值的陸生野生動物和在野外環境中自然生長繁殖的其他陸生野生動物，以及法律、法規和國家、省有關規定禁止食用的其他野生動物。
《決定》同時明確了該省依法對野生動物食用實行「名錄管理制度」，由林業主管部門會同漁業、市監等主管部門制定，報福建省政府批准後公布實施。
另外，《決定》強調要監管「野味產業」，明確規定任何單位和個人不得生產、經營使用禁食的野生動物及其製品製作的食品，不得以食用或生產、經營食品為目的，獵捕、買賣、儲存、運輸禁止食用的野生動物及其製品。
報導說，包括網絡平台在內、所有交易、餐飲、運輸、倉儲、快遞等經營者不得為相關交易提供服務；餐飲業不得以禁止食用的野生動物及其製品的名稱、別稱、圖案等製作廣告、招牌、菜譜等招攬、誘導顧客。
為打擊食用野味等違法行為，《決定》明確規定，構成違反治安管理行為的，由公安機關處罰；構成犯罪的，追究刑事責任。同時違反《決定》受到行政處罰的，將查處的違法訊息納入信用信息平台，依法實施聯合懲戒。
</t>
  </si>
  <si>
    <t xml:space="preserve">新冠肺炎蔓延，義大利成為重災區，大陸因而捐了一批口罩給義大利，但沒想到因為品質惡劣而登上國際新聞，今有媒體起底做這批口罩的公司背景，赫然發現竟有台資背景！讓陸網友不平表示，害大陸背黑鍋！
據《法廣》報導，因為品質不良問題，許多國家相繼退貨來自大陸的防疫用品，這讓大陸感到非常難堪。對此，中國商務部13日深夜公告停止北京啟迪區塊鏈科技發展有限公司、愛寶達科技（深圳）有限公司兩家公司防疫用品出口。
不過，陸媒查詢大陸國家企業信用資訊公示官網系統，赫然發現其中一間愛寶達科技公司竟有台資企背景，據《新浪香港》報導，愛寶達科技（深圳）有限公司成立於2016年11月，註冊資本為1000萬元，公司執行董事、總經理為自然人黃子芸。公司人數少於50人。類型是台港澳法人獨資。
據工商基本信息表示，該公司一般經營項目是：電子產品、電器產品、音視頻電子設備、電子白板的設計、開發和批發；還有口罩、消毒水、防護衣、防護眼鏡、一次性手套、額溫槍，滅火毯、警用器材、治安器材、刑事技術器材、保安器材、道路交通安全器材、消防安全器材、安全防護產品的批發與零售。
</t>
  </si>
  <si>
    <t xml:space="preserve">民進黨立委高嘉瑜今天在立法院總質詢呼籲政府公布每日生產口罩的流向，不然民眾只知道生產量增加但還是買不到，會產生疑慮。行政院長蘇貞昌對此表示，口罩產能才來到每日1200萬片，市面上不可能偷賣或藏匿口罩，只要有人囤積，政府馬上查辦。
高嘉瑜表示，現在國內口罩產能已經提升，但開放民眾買的量還是不夠，政府應該進一步說明每天配發給第一線醫護人員口罩的量有多少，配發給民眾購買的量又有多少，不然一直會有假消息出來，對行政團隊也是重傷。
蘇貞昌回應指出，口罩產能才來到每日1200萬片，但是我們有2300萬人。口罩一開始就管制出口，市面上也不可能偷賣或藏匿口罩，「現在誰還囤積，外界馬上知道，我們也馬上查辦。」
高嘉瑜又詢問國產防護衣、隔離衣的產能？經濟部長沈榮津表示，國產防護衣材料，經測試後效果不輸給國外，國內已經在生產100萬件隔離衣、10萬件防護衣，預計3月底、4月會分兩批出貨。
民進黨立委何欣純則是質詢指出兒童口罩無法網購，很多年輕父母也沒時間去藥局排隊，能否開放由學校配給兒童口罩？蘇貞昌回應說，全國學校大小人數不一，又涉及到有些家長不想讓孩子收錢，要買兒童口罩藥局都還有剩。
</t>
  </si>
  <si>
    <t xml:space="preserve">知名作家九把刀（柯景騰）今（11日）透過臉書證實岳母接種完AZ疫苗4天後辭世，坦言很難不跟疫苗聯想在一起，因為岳母有運動習慣，3月健康檢查僅有膽固醇及低密度脂蛋白膽固醇超標，為了求真相只能忍痛解剖。有網友認為死因會不會是主動脈剝離造成休克，對此九把刀回應了。
九把刀表示岳母擔心請假太久會丟工作，只好每天往返台北與桃園，因接觸太多陌生人而不能常常見孫女，因此到處打聽疫苗相關消息，好不容易輪到她接種，打完當下沒任何不適，未料4天後岳母傳line：「好恐怖AZ發作痛到背部抽痛，從背部往頸部開始劇痛陣痛一陣一陣痛吐完了，休息一下又開始陣痛，痛起來會要命啊，劇烈疼痛起來根本無法動」過了4個多小時被丈夫發現失去呼吸，送達醫院前撒手人寰，享年57歲。
九把刀坦言岳母生前擅打羽毛球和桌球，3月底健康報告數字一切正常，只有膽固醇和低密度脂蛋白膽固醇超標，「為了給媽媽，也給我們自己一個清楚明白的答案，儘管深受打擊，我們還是忍痛將媽媽的大體送交司法解剖完畢，正等待後續報告出爐。」九把刀並在岳母離世3天後依照計畫打AZ疫苗。
有網友留言詢問是否跟主動脈血管壁剝離有關，九把刀親回：「是的，希望解剖後得到真相」。
事實上，藝人小鬼（黃鴻升）去年突逝震撼演藝圈，經過解剖後，經紀人證實死因是主動脈剝離造成血管阻塞。台北立巿聯合醫院陽明院區心臟血管科主任江碩儒指出，導致主動脈剝離等心血管疾病的主要危險因子是三高，包括高血壓、高血糖、高血脂，另外家族病史也是重要因素；近年隨著飲食西化、作息改變，罹患心血管疾病的年齡層大幅下降，20年前臨床判斷心血管疾病的年齡平均是50到55歲，如今已降至40歲，甚至30幾歲心肌梗塞也並不少見。
★《中時新聞網》提醒您：因應新冠肺炎疫情，疾管署持續加強疫情監測與邊境管制措施， 如有疑似症狀，請撥打：1922專線，或 0800-001922， 並依指示配戴口罩儘速就醫，同時主動告知醫師旅遊史及接觸史，以利及時診斷及通報。
</t>
  </si>
  <si>
    <t>新冠肺炎帶來的口罩供需失衡，在實名制限量的政策方向下，藉著過往良好的健保藥局體系，包括資訊體系及開放資料，在公民協力運作下，快速建立起物流及資訊流，讓政策可具體全面執行，且將訊息直接連結民眾需求。這些，其實是政策作法數位轉型的新興趨勢！
根據OECD近年的觀察，源於許多新興數位工具的出現，除傳統政府服務的數位化外，導入新興數位工具的政策執行作法，增進政府效能，也成為這波政府數位轉型的新興趨勢。
應用數位工具推動政策的新興趨勢，包括一般常見的利用數位工具協助強化既有政策作法效能，如監測違法行為；累積資料以預測風險與防止危機；透過資料蒐集，為不同族群客製化更為有效政策作法，以及直接與民眾建立互動機制，蒐集了解民眾需求，讓民眾透明了解政策作法，甚至參與議題的解決等。不過，各國導入數位工具的新興推動政策作法，多數仍在非常早期開始嘗試的階段。
綜合各國經驗，OECD的觀察結論發現：導入數位工具確實有助提升政策執行的效能或有效性，在政策作法設計、實施及落實上，依然有相當多的挑戰，而建立蒐集資料機制，持續結合數位工具試行是現階段最重要的議題。
試想，如果在20年前發生口罩供需失衡，當時的健保藥局體系、數位網路基礎建設、開放資料及網路應用普及情形，其實不太可能如此快速有效地因應全台的需求！而這次新冠肺炎所帶來的口罩供需失衡危機，在政策方向定案後，就能夠在兩天內完成佈建，其實仰賴的就是過去幾年各種努力所打下的基礎，特別是開放資料及民間所累積的開發應用實力，公民協力共同努力的成果。
事實上，近年政府除了開放資料平台外，也積極嘗試推動2030台灣普拉思、民生公共物聯網、社會創新平台等連結民眾社群了解需求、應用數位工具協助解題的政策推動作法。
以社會創新平台（si.taiwan.gov.tw）為例，其基本想法就是在台灣各地已有許多在地社群嘗試解決社經議題的努力，有些已經有初步的成果，有些則是正在尋求解方及資源的投入；透過社會創新平台，從總體角度盤點社會創新發展地圖，呈現各縣市的社經議題特性、有初步成績的社會創新案例，接著也設置「去提議」專案募集區，提供正在尋求解方與資源者提案，同時自主透明的揭露專案進展，讓公、私（特別是CSR）能有信心及意願挹注資源。這平台仍在起步階段，需再多些平台經營資源投入，才能真正發揮媒合與介接解社會議題資源供需的理想。
總統盃黑客松更是一個從總統高度出發，促進跨政府機關、跨領域及公私協力共創，鼓勵公務人員、數位資訊專家、領域專家一同針對公民提昇生活品質的願望，引進黑客文化共同解題的競賽。在農曆新年前已經開放「公民許願池」讓全民許願；在3月2日起將開放由各界，包括中央、地方政府、企業、創業、資料科學家、領域專家組隊一同參與解題。2020總統盃黑客松最大特色，在於獲勝團隊將可獲得政府資源支持落實，協助公民實現願望！民間部門的參與，除可展現解題的實力外，更可落實企業社會責任、帶動政府服務再造。
口罩app的出現得以即時化解市場資訊落差，係奠基於過往健保、開放資料及民間數位應用能量的累積，顯現出資料累積、資料開放及解題等面向公私協力的長期重要性。面向未來，除了類似的黑天鵝事件，需要公私協力共同解決外，也有許多議題可在政策規劃、執行落實上，可引進數位工具進行強化，更深度的解決問題。只是，這需要政府進一步在「政策創新作法」上提供更大的彈性與發揮空間！</t>
  </si>
  <si>
    <t xml:space="preserve">
自國內爆發大型社區感染疫情以來，已連續13天本土確診數破百，死亡人數也快速增加，已累計78人染疫身亡，這波疫情也讓不少人表現出對疫苗的迫切需求。對此，前副總統陳建仁坦言，夫妻2人已接受國產「高端疫苗」人體試驗，且施打完畢後並未感受到不適，相信國產疫苗在未來大量生產不是問題。
陳建仁接受《民視新聞》專訪，他透露自己與太太有接受國產「高端疫苗」二期人體實驗，其中有7分之1的人施打「對照組」，另外7分之6的人則施打疫苗，雖然不知道自己是不是施打對照組，但2人施打後都沒有不適的感受。
陳建仁肯定台灣在過去這一年，靠著國人配合正確的防疫措施，建立良好的觀念，加上第一線醫護的努力，成功防堵疫情。考量目前國內對於疫苗的需求迫切，陳建仁認為，「人類與傳染病的戰爭是永不止息的」，除了採買國外疫苗，也應重視國內自製疫苗產能，以對抗未來新冠肺炎「流感化」的情形。
國產疫苗預計能在7月上路，陳建仁解釋，疫苗是「慈悲與智慧的產物」，由於蛋白質次單元疫苗和mRNA疫苗相比製程較長，也是台灣晚進入臨床實驗的主因。但他強調，食藥署對疫苗要求相當嚴格，會確保出產疫苗的品質符合國際水準。以國內廠商的生產量能來說，未來要自行生產1000萬至2000萬劑應不是問題。
</t>
  </si>
  <si>
    <t xml:space="preserve">明知故犯！紐西蘭上月底宣布為期1個月的全境封鎖，要民眾盡量待在家裡。但衛生部克拉克竟然帶頭違規，無視於政府要求的，即使運動也要在住家附近的規定，駕車到2公里外的空曠公園騎越野車。沒想到他停在公園的廂型車，2日被一位路過民眾拍下並向媒體爆料，灰頭土臉的克拉克當天稍後向總理阿爾登道歉。
被拍下的那輛廂型車，外觀有克拉克的名字和照片，想賴也賴不掉。阿爾登今天發布聲明，表示克拉克坦承開車出門運動，並向她道歉。
阿爾登強調，她對內閣部長的期許是，訂下標準並要求民眾遵守。民眾如有必要，可以出門呼吸新鮮空氣，開短程到附近。「但我們要求民眾必須避免高風險或可能受傷的活動，即使部長也應該遵循這些準則。」
克拉克則在聲明中解釋，那是自己在白天唯一的運動時間，而且車道並不難騎，他很清楚此時不該進行高風險運動。他不希望外界認為，自己沒把規定當回事。克拉克強調，此事提醒他在進行最適合的運動時，要更加謹慎。
儘管克拉克的舉動，引發要他辭職的聲浪，但財政部長羅伯森認為，道歉已足夠。
</t>
  </si>
  <si>
    <t xml:space="preserve">菲律賓衛生部日前批評大陸贈送的新冠病毒試劑準確度太低，僅40%，已經丟棄不用，隨後遭陸駐菲使館嚴正抗議，菲律賓已在昨（29）日公開道歉。
菲律賓衛生部助理部長維赫利（Maria Rosario Vergeire）28日在記者會上公開表示，大陸送來的新冠病毒檢測試劑準確度太低，只有40%，因此菲國當局棄之不用。
此話一出，立刻引來大陸官方抗議。大陸駐菲律賓大使館昨日發布聲明稿，強調大陸官方贈與菲國的10.2萬份試劑盒品質都非常好，經菲律賓熱帶醫學研究所（Research Institute for Tropical Medicine，RITM）評估過，「不存在任何準確度問題，完全符合世界衛生組織相關國際標準」，並且已經投入使用，為菲律賓的防疫行動發揮作用。
聲明稿也澄清，維赫利口中準確度低的試劑並非由大陸官方捐贈，批評菲國當局發言不負責任。
針對大陸抗議，菲律賓衛生部周日當天火速道歉。綜合菲律賓媒體《每日詢問者報》（newsinfo.inquirer.net）、香港《南華早報》報導，衛生部助理部長維赫利昨日召開記者會，承認稱大陸試劑準確度低的說法是錯誤的。
維赫利表示，北京先前捐贈的10.2萬份病毒試劑盒，包含2,000份華大基因試劑盒以及10萬份聖湘核酸檢測試劑盒都有經過菲律賓熱帶醫學研究所檢驗，符合WHO規範標準。
菲律賓衛生部對於先前發言造成的困擾深表歉意，並且澄清，先前提到品質不佳的試劑盒是一家私人基金會捐贈的另一個牌子的試劑，不過菲國衛生部並未透露是哪個牌子或是哪一間基金會。
除此之外，在大陸抗議之後，菲律賓衛生部長杜克（Francisco Duque III）也傳訊陸駐菲大使黃溪連，澄清大陸官方贈與的試劑品質非常好，符合世衛標準，也有通過RITM認證。
大陸一共捐贈2批病毒試劑給菲律賓，第一批是由北京華大基因生產的2,000份試劑，於16日送達；第二份是由湖南聖湘生物科技生產的10萬份試劑，於21日送達。
</t>
  </si>
  <si>
    <t>新北市今新增13名確診，其中新莊區新增6人最多，市府也公布相關足跡，三重國際通百貨廣場、三峽全聯超市7、8日分別有確診者足跡。
新北市長侯友宜今表示，今新增新莊6例、中和2例、板橋、三重、新店、林口、三峽各1人，其中7人住院、6人住在集中檢疫中心，這13個人都不是居隔期間確診，都是新增的個案。
衛生局也公布相關確診足跡，案15304在8日下午8時至8時15分去過三重區中央北路的國際通百貨廣場，以及案15305在7日下午1時45分至2時也有去三峽區光明路全聯超市。</t>
  </si>
  <si>
    <t xml:space="preserve">紐西蘭為防止新冠肺炎疫情擴散，台北時間14日公布全球最嚴的邊境管制措施，要求所有入境旅客，包括其本國公民，自周日（15日）凌晨起，自我隔離14天，所有郵輪6月30日前都不得停靠紐西蘭港口。
目前紐西蘭已有6例新冠肺炎確診，雖然還沒有死亡病例，但總理傑辛達·阿爾登認為，如果缺乏有效防疫措施，確診病例數一定會提高。
路透社報導，傑辛達‧阿爾登強調，為防範疫情在紐西蘭擴散，有必要採取極端措施：「除了以色列和少數已有效關閉邊界的太平洋島嶼，此一決定，代表紐西蘭將擁有比全球任何國家範圍最廣，最嚴格的邊境管制……我們必須盡一切努力保護紐西蘭人的健康！」
</t>
  </si>
  <si>
    <t>中央流行疫情指揮中心31日公布高雄新增1例本土確診個案，該確診者案8530與鳳山賭場群聚案互有關聯，她是曾到瑞竹路牌間打麻將的案5888按摩師家人，目前鳳山賭場傳播鏈已有15人確診，總共匡列702位接觸者，由於按摩師確診後，案8530立即遭到隔離，因此並無相關足跡公布。
根據高市府衛生局疫調顯示，案8530是60多歲女性，無特殊病史，為日前確診按摩師的家人，由於平常與按摩師的父母親同住，在按摩師及其父母相繼確診之後，她24日被衛生局列為密切接觸者，並開始居家隔離，25日PCR採檢結果為陰性反應，但30日開始出現流鼻水、咳嗽症狀，經送醫採檢後確診，也是該家庭第4位染疫人員，因此研判是家庭群聚案件，因為案8530發病前3日正在居家隔離，所以無高雄公共場所的活動史。
此外，高市府也公布澎湖確診者案8433在高雄的活動足跡，案8433是50多歲女性，15日在澎湖馬公工作後，搭乘飛機到台北，18日再搭高鐵667車次南下高雄，隨後轉乘計程車返回住家，20日下午再從小港機場搭機回到澎湖，她在高雄有染疫風險的活動足跡不多，曾在20日上午9時29分到9時46分曾到合作金庫九如分行ATM，20日到小港機場國內航廈。</t>
  </si>
  <si>
    <t>校園接種BNT將在9月23日開打，各縣市近期回收學生接種意願書，台北市教育局統計9成以上家長同意接種，但台中市考量許多家長仍在猶豫，決定延至16日回收意願書。中央流行疫情指揮中心指揮官陳時中表示，目前收到教育單位的回報，要打的意願比例都蠻高的，這兩天就會有完整的報告。
陳時中表示，有人講說是不是台中市施打意願低，其實這很多的因素，我想不要做這樣的一個猜測，結果出來就很明確，那最多是兩天。
另外，新北市政府宣布校園接種疫苗後，全校採線上授課2天，其他縣市暫不跟進。陳時中表示，這個是地方政府決定，也和教育單位有關，只要學習上沒有造成妨害，當然他們可以做最適當的安排。
至於第八輪AZ疫苗今天開打，陳時中表示，由於昨（14日）未有大規模施打，接種人次僅1萬3927，目前全國疫苗人口涵蓋率48.79％，劑次人口比53.32％。
截至目前為止，國內累計接種1250萬4662劑，其中AZ接種799萬1608劑、莫德納接種379萬3887劑，高端接種71萬9167劑。</t>
  </si>
  <si>
    <t>行政院今天舉行臨時院會，正式通過紓特別條例修正案，政院並說明整體1兆500億紓困方案。政務委員龔明鑫表示，第2波方案特別針對就業，將以千億穩住192萬人就業，自營業者將協助100萬人，每人每月1萬元，可獲3個月補助。
蘇揆上午在臨時院會拍板通過「嚴重特殊傳染性肺炎防治及紓困振興特別條例」修正案，上限調整為2100億元。政院也就整體紓困提出說明。
主計長朱澤民說，特別預算原編列600億元，其中舉債300億元，移用前年度歲計賸餘300億，追加預算1500億，其中分配109年度舉債1000億元，110年度500億元，會完全符合公共債務法、財政紀律法規定。移緩濟急的1000億元，原規劃為400億元，再擴充1000億元，包括公務預算及非營業基金的移緩濟急，及公營事業及非營業基金增加投資及採購，另外，貸款協助原規劃3500億元，這次加碼3500億元，其中含央行的專案融資等項目，總財源1兆500億元，占109年度預計GDP的5.4％，若扣掉融資7000億元，所餘3500億元也占109年度名目GDP的1.8％。
蘇揆也說，整體1兆500億方案，最高奮鬥目標就是「企業不能倒、就業不能失、物流不能停、金流不能斷」。
龔明鑫表示，千億挺就業部分，其中經濟部服務及製造業協助66萬人，經費396億，交通部協助14萬人，經費84億，這些艱困企業將補助4成薪，另外遊覽車及計程車司機將補助12萬人，經費36億，補助自營業者協助 100萬人，經費300億，希望穩住192萬人就業，佔就業人數的16.67％。
龔明鑫表示，自營業者由於難以認定，將比照計程車業者補助，每人每月1萬元，為期3個月。</t>
  </si>
  <si>
    <t>高端疫苗23日開打，台北市長柯文哲日前曾說，這些人是替高端做大規模第三期人體試驗，而衛福部長陳時中今日回應表示，這是高端緊急授權（EUA）上市後的「市場監測」；對此，柯文哲諷刺，陳時中的說法聽起來很像是藥廠業務代表。
台北市今舉辦防疫記者會，被問到陳時中說，高端已通過EUA是屬於上市後市場監測；柯文哲不滿表示，不接受他的說法，柯解釋，後市場的監測，是要做完臨床1、2、3期上市後，再去做市場上的副作用，甚至有人稱為是臨床四期。
柯文哲痛批，高端臨床三期都還沒做，也還沒拿到認證，這樣的做法是目前地球上最大規模的新冠肺炎第三期臨床試驗，柯文哲諷刺，陳時中講法就像是藥廠的業務代表。</t>
  </si>
  <si>
    <t>台南市永康探索公園昨天傳有長者聚集且未配戴口罩，為免防疫出現破口，管轄的永康警分局除先行派員勸導，請現場民眾確實戴好口罩外，市府得知此事也相當重視，責成永康警分局永康派出所員警，17日配合永康區公所副區長陳必成，再度前往永康探索公園加強宣導。
因應疫情升溫，市府也於15日宣布進入準三級防疫狀態，永康警分局配合市府相關防疫作為，已全面清查轄內公告易接觸傳染的營業公共場所是否配合停業，嚴防不肖業者私下營業造成防疫破口。
至於其他未限制的場所，警方表示，除採取實聯制、分流控管外，最重要的是民眾自身也應遵守戴口罩、量體溫及保持社交距離等規定，以降低飛沫傳染與疫病傳播的機會。
警方說，民眾如有發現未戴口罩違規者，可撥打疫情通報專線1922，或向衛生局電話06-2679751檢舉，經勸導不聽者，將依傳染病防治法第70條第1項第3款規定，處新台幣3000元以上1萬5000元以下罰鍰。
永康警分局長呂世明表示，疫情當前，現在是國人齊心合作的非常時刻，請大家務必戴好口罩，維持社交安全距離，嚴守社區防線，共同守護你我健康安全。</t>
  </si>
  <si>
    <t xml:space="preserve">因應新冠肺炎疫情，英國已經封城一個多月，這段期間學校關閉、學生在家自學。英國王室也不例外，喬治王子（Prince George）與夏綠蒂公主（Princess Charlotte）在家學習，媽媽凱特王妃爆料，小喬治會對妹妹吃醋，因為夏綠蒂的作業比較好玩。
英國《每日郵報》（Daily Mail）報導，凱特王妃7日用視訊方式接受英國獨立電視台（ITV）「今晨」（This Morning）節目專訪，分享自己近期的新計劃以及防疫期間家人的近況。
她在節目中大爆料，指出2個孩子在家自學期間，6歲的小喬治會「嫉妒」5歲的夏綠蒂，因為妹妹的回家作業比較好玩。「喬治會非常生氣，因為他想要做所有夏綠蒂的作業，蜘蛛三明治比讀寫功課酷多了。」
凱特也提到，封城期間他們一家使用視訊的機會比以前多更多了，她透露現在幾乎每天都會和家族成員視訊，聊聊最新近況，因此現在家人間比以前更常聯絡了。
</t>
  </si>
  <si>
    <t>香港連續第三日新冠肺炎「零確診」，恆生指數兩日累計上漲744點後，29日上午創七周來新高。恆生指數29日高開210點，報24,786點，重返50天線（約24,600點），一度上漲279點至24,855點，創3月11日以來新高，隨後漲幅收窄，截至上午11時5分，報24,658點，上漲0.34％。
截至29日上午11時5分，國企指數報10,043點，上漲0.6％
香港信報報導，科技股29日上午走軟，個股方面，騰訊跌0.1％，報416.6港元；阿里巴巴跌1％。另一方面，香港復甦概念股表現亮眼，九倉置業現漲3.4％，暫為表現最佳藍籌股；領展也漲近2％；新世界漲近1％。</t>
  </si>
  <si>
    <t>國民黨立委洪孟楷從英國返台後，目前仍在7天自主健康管理期，今卻到立法院參與記者會，挨批防疫破口，對此，洪孟楷強調，根據衛福部防疫指引，自主管理期無症狀可正常生活，皆依循防疫規定嚴格要求。
洪孟楷表示，經過隔離期滿十四天，並三次PCR皆為陰性，依衛福部防疫指引，後續七天自主管理，如無症狀可「正常生活」，唯需全程配戴醫療口罩、並保持社交距離。但禁止參與聚餐、聚會，是以這七天自主管理期間也暫停出席地方活動邀約及行程。
他指出，另針對公務開會需求，衛福部也在提供回文，需出席重要公務會議，應遵守易主健康管理事項，落實全程配戴醫用口罩，與他人保持社交距離。今日於立法院工作場合，也全程遵守辦理，並且落實量體溫、自主快篩檢驗，皆確認無任何異狀。以最嚴格的標準要求，一切合乎相關規定。
洪孟楷強調，身為區域民意代表，要為民眾發聲、監督，而開會更是立法委員的職責所在；然而防疫相關規範仍會確實遵守，不需扭曲也無需栽贓。尤其在檢疫所十四天感受到第一線護理、公務人員的辛勞，充分配合相關規定，為防疫共同努力。</t>
  </si>
  <si>
    <t>台北市今日公布確診個案足跡，其中案15891在8月8日確診，初判可能感染源尚待釐清，個案8月5日下午1點20分曾到過天母的義麵屋停留1小時，8日已完成清消，8／9-8／11停業；6日早上9點50分至10點30分曾到過北投區仟人活力早餐店8／9已完成清消，8／9-8／11停業。
另一名個案15892在8日確診，初判可能感染源尚待釐清，個案曾在8月4日上午4點半到7點到過北市大安區國聯大飯店，9日已完成清消。</t>
  </si>
  <si>
    <t>高雄市茄萣興達港觀光魚市上周假日擠滿人潮，兩天湧入7000名遊客，網友質疑，難道是已自行微解封，擔心成為防疫破口。對此，主管機關高市府經發局今（12）日勒令即日起休市並全面清消，並進行防疫管制計畫檢討改善，完成後提報市府審核通過始得復業。
興達港魚市昨天擠爆採買人潮，排隊人龍從管制入口綿延近200公尺，令攤商相當意外也開心，不過此現象也令不少人質疑集體群聚，根本無法維持防疫社交距離。
對此，經發局指出，因應人潮湧現，已會同興達港攤集場管委會、警方執行人流管制、落實實聯制、保持社交距離等相關防疫措施執行及宣導作業，全場僅開放1個入口及3個出口，以便進行場內人流控管及疏散，惟湧入的消費者人潮不斷，造成入場排隊人龍。
經發局強調，鑑於現行管制計畫無法落實防疫，因此要求興達港攤集場自即日進行休市全面清消，並進行防疫管制計畫檢討改善。同時也將協同轄區湖內警分局督導管委會重新擬定防疫管制計畫，包含檢討場內容留人數、改善人流動線，擴大管制車流動線等。如場內已達容留人數，擬進一步管控車流進入興達平面停車場，避免造成遊客排隊入場人龍。
經發局長廖泰翔呼籲，興達港觀光魚市是茄萣區當地最有人氣的攤集場，但目前疫情尚未完全緩解，籲請市民朋友減少出門群聚，多利用平日分流採買，並牢記「少多快」口訣一次購足一週份量，共同守護咱們的家園。</t>
  </si>
  <si>
    <t xml:space="preserve">新冠肺炎確診病例再增一例，中央流行疫情指揮中心今天日公布國內第45例確診病例，為一名50多歲女性，其為先前引發醫院院內感染案34確診前同病房、不同病室，但已出院病人，後又追回採檢呈陽性反應，現住進負壓隔離病房。
疫情指揮中心指揮官陳時中表示，案45近期無國內外旅遊史，2月14日因其他疾病收治住院，與案34同病房不同病室，於2月20日出院；3月1日衛生單位進行案34相關風險對象追蹤採檢時，因檢體顯示異常，於3月5日再次採檢，於今日確診，目前收治負壓隔離病房。
指揮中心表示，已針對案45相關接觸者進行調查追蹤；本起群聚截至目前已掌握接觸者共417人，並採檢346人，其中7人陽性(案35至38及案41、42、45)、330人陰性、其餘檢驗中。
</t>
  </si>
  <si>
    <t>27歲英國創作才子山姆史密斯（Sam Smith）19日才在女神卡卡（Lady Gaga）策劃的防疫慈善演唱會上大秀歌藝，不料隔天他卻自爆曾罹患新冠肺炎。山姆接受Apple Music的Zane Lowe訪問表示，在上月23日英國封城的前2周，他即出現新冠肺炎病徵，雖稱自己沒辦法接受篩檢，但觀察自己症狀後認為自己百分之百絕對染疫。
他表示自己發病後，他的姊妹也出現了相同症狀，為了顧及其他家人的安全，加上奶奶年事已高，他們決定自我隔離3周，所幸目前身體已經好轉。
讓人虛驚一場的還有《哈利波特》系列小說作者J.K.羅琳（J.K.Rowling），她在本月初自揭曾出現新冠肺炎症狀卻沒檢測，而是遵循醫師老公的祕方來舒緩呼吸道症狀，更強調身體已經完全康復。但這種沒有醫學根據的消息曝光後，在疫情敏感時期引來外界撻伐。</t>
  </si>
  <si>
    <t>行政院副院長陳其邁晚間在臉書分享，口罩下周起單日產增將達千萬片以上。他也與政務委員唐鳳研議「口罩實名制2.0」政策，讓民眾更方便買到口罩。
陳其邁表示，截至昨天，口罩單日生產960萬片。3月9日新增的60台機組都到位後，就能單日生產達1000萬片；4月初再增加30台機組，還可以再提升到每日1300萬片以上。
口罩產量持續提升，所以除了今天起，買實名制成人、兒童口罩都多一片外，他也和唐鳳討論「口罩實名制2.0」政策，思考口罩實名制再精進的方法，讓有需要的國人取得口罩更方便。  陳其邁說，面對疫情，今日院會中也提出幾項政策及建議，包括清明節祭祖返鄉人潮分流，更需提前做好準備；校園開始上課，傳染途徑除飛沫感染，還有接觸感染。地方、學校要多宣導洗手重要性，學童勤洗手效果會比用酒精、乾洗手更加徹底。
另外，居家檢疫、隔離的國人，為了防疫被限縮行動自由，並非自願，我們也要多給他們一些支持、鼓勵。但違反防疫規定、趴趴走的民眾，除了地方政府應從重開罰外，疫情指揮中心 也將訂定裁罰指引，中央、地方攜手合作。 . 院會後，他與衛福部長陳時中繼續討論強化基層診所、藥師投入防疫的能量。並再與相關單位開會督促情形，持續加速快篩試劑生產。疫情漸趨嚴峻，感謝每位台灣人在自己位置盡心盡力，才能讓台灣展現實力，成為近期國際矚目防疫範例。</t>
  </si>
  <si>
    <t>新冠肺炎疫情延燒，雙北防疫工作也成注目焦點，媒體詢問，新北市防疫做得很好，外界認為台北市長柯文哲一直想要追上新北腳步，雙北市長是否有心結？侯友宜回應，別人怎麼做我都尊重，新北市一定要走在最前面。
侯友宜表示，新北市第一時間阻絕於境外管控，境內做好超前部署，重申「防疫只有過，沒有不及」，不要等事後在出來的時候才說，早知道我覺得多做，絕對沒有錯，而且更嚴格的管控能夠確保國人的健康安全。
「生命是無法取代，在現階段只有防疫優先」侯友宜說，嚴格管控預期能夠舒緩，才是我應盡的責任，別人怎麼做我都尊重，最重要的是，我們新北市一定要坐在最前面，不然要做到最到位，一步一腳印跟第一線夥伴站在一起，才知道他們的落實程度不能程度，底下沒有落實也是白講。</t>
  </si>
  <si>
    <t>國內新冠疫苗擴大施打中，不少人關心疫苗混打可能性。疫情指揮中心指揮官陳時中表示，目前還是以AZ混打mRNA的疫苗（莫德納及輝瑞/BNT）為主，其他的可能性也會持續討論中，但仍要看疫苗的進貨情況才能決定，他也鬆口「11月混打的可能性增高」。
針對近期不少專家、學者提出的混打呼籲，陳時中指出，相關意見都會尊重，不過許多名嘴、專家引述的資料不一定有可比較性，還是要請專家再研議，目前國內也已開放AZ可混打mRNA的疫苗，也就是可適度混打莫德納或BNT。
陳時中強調，國內大規模進行疫苗混打，還是要取決於疫苗進貨的情形，目前專家也在討論中，11月最有可能進行開放。
至於國外研究指出，打完兩劑BNT過半年後保護力大幅下降，陳時中則回應，這些國外經驗指揮中心都會參考，對於開放第三劑接種，仍需要持續觀察，因此目前還沒有定案，不過已做好萬全準備，第三劑的疫苗已經先買起來。</t>
  </si>
  <si>
    <t xml:space="preserve">新冠肺炎疫情全球蔓延，許多人嚇得不敢出國，觀光業大受影響，不過有網友好奇，為何疫情肆虐，部分飯店仍不降價？在網路上引起熱烈討論，有內行人揭露背後原因，直呼「這2大關鍵反而讓飯店業者爽死」。
原PO在PTT以「為什麼現在飯店業這麼慘，房價沒便宜啊？」為題發文指出，看了各家旅館，價位跟疫情之前一樣貴，根本沒有因為疫情變便宜，詢問大家，難得想要花錢在台灣玩，有沒有房價一樣貴的八卦？
PO文一出，馬上有內行人點出2大關鍵：「不能出國、只能玩國內」，而且「政府有補助」。網友紛紛回應「不能出國都玩國內」、「外面一樣很多人」、「國內業者爽死」、「不趁現在撈怎麼說得過去」，認為因為各國疫情升溫，現在大家不敢出國，都改玩國內，國內旅遊的人反而變多；而且政府有補助，部分飯店根本無需主動降價。
</t>
  </si>
  <si>
    <t>過去海峽論壇通常都在每年6月份舉辦，今年因為以新冠疫情防疫為優先考量，本屆論壇推遲到12月才舉辦。持續舉辦海峽論壇不中斷，主辦單位表示，這充分彰顯了兩岸同胞希望兩岸關係和平發展、積極探索融合發展的主流民意。
第十三屆海峽論壇的會前記者會今天（9日）下午舉行。有台媒提問：一、往屆海峽論壇通常都在6月份舉辦，本屆論壇推遲到12月才舉辦，主要出於什麼樣考慮？二、繼續舉辦海峽論壇能為兩岸帶來什麼訊息？
海峽論壇組委會辦公室副主任、福建省政府台港澳事務辦公室副主任鍾志剛表示，在籌劃今年海峽論壇的過程中，主辦單位始終把民眾的生命安全和身體健康放在首位，始終把疫情防控放在優先考慮的位置。
鍾志剛表示，今年以來，面對複雜嚴峻的疫情防控形勢，福建省認真貫徹黨中央國務院決策部署，堅持依法防控、科學防控、精準防控，慎終如始、毫不放鬆地做好「外防輸入、內防反彈」工作，積極團結在閩台胞台企做好防疫的各項工作，堅決打好打贏抗擊疫情的福建戰役。各級台港澳辦深入各地台協會、台企、台青基地一線，做好政策諮詢，引導台企做好疫情防控和生產管理。
鍾志剛表示，在閩的廣大台胞台企迅速行動，積極響應，踴躍捐款捐物，爭當志願者，製作抗疫歌曲，慰問一線防疫工作人員，與當地民眾同舟共濟，同心抗疫。截至目前，福建省新冠疫情防控有序有效，在閩台胞台企未發生新冠肺炎疫情感染情況。這是主辦單位決定在12月舉辦本屆海峽論壇的主要考慮。
在這種情況下繼續舉辦海峽論壇帶來什麼樣的訊息？鍾志剛表示，有一句老話「好飯不怕晚」。本屆論壇的舉辦時間雖然推遲了，但這是在中共建黨百年大背景下、黨的十九屆六中全會召開後，在當前疫情防控常態化形勢下舉辦的今年最大規模的兩岸民間交流活動，兩岸各界對舉辦本屆海峽論壇依然充滿期待、熱情不減，充分彰顯了兩岸同胞希望兩岸關係和平發展、積極探索融合發展的主流民意。
鍾志剛表示，不論遇到什麼困難和干擾，海峽論壇這個兩岸民間溝通、交流的重要平台都將繼續發揮助推兩岸交流合作、弘揚中華文化、促進兩岸同胞心靈契合等獨特作用。人生所貴在知己，四海相逢骨肉親。海峽論壇的持續舉辦充分彰顯了兩岸同胞是命運與共的一家人，充分彰顯了大陸願意以最大誠意、盡最大努力，繼續推動兩岸關係和平發展、融合發展的信心、決心和能力。</t>
  </si>
  <si>
    <t>新冠肺炎讓觀光業奄奄一息，政府給了紓困的續命丸後，再撐3個月應該不難。問題在於，未來這幾個月，不該是啃著政府給的饅頭過日子，觀光產業同樣要有「超前部署」的自覺，否則過了這村，未必有店。
年輕人對「國旅」有種莫名的排斥，原因很簡單，就是性價比太低。平心而論，國旅還真的不便宜，交通加上住宿，隨隨便便就破萬，難怪有「去墾丁不如去沖繩」的說法。
這回新冠肺炎，各國下達鎖國令，短期內出不了國，過往對國旅不屑一顧，但這回想出去透透氣，只剩國旅可以選，卻也給了國旅能翻身的絕佳機會。
畢竟，當全台飯店都「打到骨折」，不是買一送一、半價優惠，就是可抵餐飲，這樣的價位慢慢貼近國人認為「國旅應該有的價值」，國人也就願意掏錢、需求應運而生。
對業者來說，要活下去，終歸要靠自己。要有客人、要有營收、要有現金流，短期促銷就像秋冬補助一樣，補助一沒了，衝著便宜來的人就少了，如果外國觀光客補不上，到頭來還是沒輒。
未來這3個月是危機，卻也是轉機。如同抗疫一樣，在面對威力強大的「經濟病毒」時，不管是人才精進，或是設備的汰舊換新，都要超前部署，才有機會重生。否則3個月過去，當政府的「插管」拔了，終究只能躺在加護病房內等死，等於白救。</t>
  </si>
  <si>
    <t>大陸國家衛生健康委員會3月6日公布，3月5日全大陸31個省和新疆生產建設兵團報告新冠肺炎新增確診病例143例，新增死亡病例30例（湖北29例，海南1例），新增疑似病例102例，新增治癒出院病例1,681例。
截至3月5日，全大陸31個省和新疆生產建設兵團累計報告，新冠肺炎現有確診病例23,784例（其中重症病例5,737例），累計治癒出院病例53,726例，累計死亡病例3,042例，累計報告確診病例80,552例，現有疑似病例482例。</t>
  </si>
  <si>
    <t>蔡英文總統今天上午以錄影方式為「110年國際護師節聯合慶祝大會」致詞，感謝護理師過去一年多來，全力投入防疫工作。現在疫情還沒有結束，不能有任何鬆懈，她拜託護理師們持續與政府一起守住疫情、守護台灣。
每年5月12日為國際護師節，今年受疫情影響，慶祝大會改至10月12日舉行。希望藉由大會的舉辦，勉勵疫情期間不畏艱辛，守護民眾健康的護理人員。
蔡英文在致詞時，首先恭喜所有得獎者，以及接受表揚的護理師。「謝謝大家的付出，讓民眾享受高品質的健康照護」。也要藉著這個機會，再次感謝護理師。
她說，護理師過去一年多來，全力投入防疫工作，無論是戶外炎熱的篩檢站、收治病患的醫療院所，還是繁忙的疫苗施打站。到處都看見護理師的專業奉獻，也讓我們再次度過疫情的考驗，「大家都辛苦了！」
蔡英文指出，現在，疫情還沒有結束，不能有任何鬆懈，還要拜託大家，跟政府一起守住疫情、守護台灣。政府也會持續提升護理職場環境，保障大家的執業安全。「再次感謝各位的貢獻和辛勞，也請大家別忘了要照顧好自己還有家人」。</t>
  </si>
  <si>
    <t>最新資料顯示，在新冠肺炎疫情爆發期間，詐騙份子反倒更加活躍，包括釣魚攻擊等信用卡詐欺案件大增，這令飽受疫情重創的消費者與銀行面臨另一個虧損風險。
根據美國富達國民資訊服務（Fidelity National Information Services，FIS）資料，新冠肺炎使今年稍早美國經濟幾近停擺，信用卡和簽帳金融卡（Debit Card）的詐騙案件卻大幅躍升，4月以美元為計的試圖詐欺交易規模比去年同期勁揚35％，此趨勢顯然延續至5月。FIS協助美國約3,200家銀行監視詐欺活動。
FIS指出，多數詐騙交易在持卡人帳號受到影響之前就已被發覺，但試圖詐欺案件激增，也凸顯消費者與銀行面臨的挑戰。
過去兩個月信用卡購物縮減，數百萬失業的持卡者已停止支付每月款項。此時詐騙成功案例躍升，可能導致信用卡發行商損失擴大，最終消費者面臨的成本也提高。
為信用卡發行商提供資安建議的Javelin Strategy &amp; Research支付部門主管泰德（Krista Tedder）表示：「這勢必對所有人造成很大的打擊。」
詐騙一直是銀行長久面臨的問題。根據Javelin調查，包括信用卡和簽帳金融卡在內的詐騙案件對銀行、商家、持卡人造成的損失，在2019年上看169億美元，比前一年多出15％，同時創2013年以來最高。
研究顧問公司Aite Group指出，銀行業已調升2020年詐騙損失預估值。消息人士稱，因旅遊和實體店面消費金額大幅萎縮，使得詐騙行動多數轉移至網路，尤其鎖定富國銀行、美銀和Synchrony Financial等大型信用卡發卡商。
FIS詐欺研究部門副總裁克勞斯表示，詐騙人士會利用駭客竊取的信用卡號碼購物，也會採「網路釣魚攻擊」（Phishing attack）手法，透過手機、電郵或簡訊誘使客戶交出個資。</t>
  </si>
  <si>
    <t xml:space="preserve">印度是全球仿製藥生產大國，有「世界藥房」的美譽，印度總理莫迪（Narendra Modi）去年才說，印度將製造足夠的疫苗「幫助全人類」，幾個月不到，印度卻落得新冠疫情失控、國內疫苗不夠的窘境，美媒分析，印度陷入窘境的原因包括過份自信、缺乏計劃等。
美聯社分析，第一個原因在於印度官員在好幾個事項方面都措手不及，例如批准疫苗緊急使用授權的速度，印度官方一直假定直到2021年中才有可能接種疫苗。
同一時間，印度也對其他國家亮綠燈，承諾盡快提供疫苗，迫使印度面臨內外壓力，除了滿足國內所需，也要對其他國家履行承諾。
印度政府原本計畫8月前讓14億人口中的3億人接種疫苗，不過印度獲得的疫苗從來就不曾接近這個數字，政府只是假定能夠生產足夠的疫苗應付國內外所需。
印度第一波疫情控制得當，莫迪1月在世界經濟論壇（World Economic Forum）的線上會議中向全世界宣布印度擊敗新冠肺炎，高調指出「印度的成功將能幫助全世界」，那時印度才剛開始讓醫護接種疫苗，莫迪說，短短12天就讓超過230萬醫護施打疫苗，明顯沉浸在疫苗外交的初期成功之中，
不過專家指出，事後看來印度政府當時做了「危險的失算」，境內疫情即將爆發。
印度科學教育與研究所（Indian Institute of Science Education and Research）免疫系統專家巴爾（Vineeta Bal）指出，比起慶祝擊敗病毒，政府當時更應該為未來作規畫，「我不知道為什麼沒有人想到，沒有人計算印度到底需要多少劑疫苗？」
即便後來開始趕工製造疫苗，印度又碰上生產問題。印度目前有2座主要的疫苗生產商，包括印度血清研究所（Serum Institute of India）及巴拉特生物科技國際公司（Bharat Biotech），前者主要製造AZ疫苗，後者生產自主研發的COVAXIN疫苗。
事實上在印度批准疫苗的緊急使用授權前，這2家生產商早在去年就開始生產疫苗，不過在擴大生產規模時，2家公司都面臨瓶頸，印度血清研究所執行長普納瓦拉（Adar Poonawalla）指出，1月疫苗工廠發生大火，加上美國對疫苗原物料出口實施禁運都造成供應受阻，他說原物料供應中斷最長可能造成6個月供應延遲。
印度血清研究所原本計畫每個月生產1億劑疫苗，不過目前頂多只能生產6,000萬劑疫苗，巴拉特生物科技國際公司原本稱2021年能夠生產7億劑疫苗，不過目前每個月最多只能生產1,000萬劑。
為了壓制疫情，印度政府加速疫苗施打計畫，1日開放所有成年人接種疫苗，目前印度一共獲得1.96億劑疫苗，其中1,000萬劑由全球取得機制（COVAX）提供，印度更進一步批准俄羅斯衛星-V疫苗（Sputnik V）的緊急使用授權，20萬劑Sputnik V疫苗已在上周抵印，政府預估，8月至12月將會再取得20億劑疫苗，包括7.5億劑由印度血清研究所生產的AZ疫苗、5.5億劑COVAXIN疫苗、以及1.56億劑俄羅斯疫苗。
目前印度約有4,100萬人完整接種疫苗，另外1.04億人已經接種1劑疫苗。
</t>
  </si>
  <si>
    <t xml:space="preserve">譜瑞-KY(4966)去年受惠疫情帶動的居家辦公、遠距教學，PC、NB等需求大好，全年每股大賺44.86元，展望第一季，也預計將淡季不淡，董事長趙捷表示，目前需求均維持在高檔，但晶圓產能確實很吃緊，會是譜瑞-KY的挑戰。
譜瑞-KY去年第四季合併營收為美金1.48億元，季減少1.24%，年增加54.18%，單季營業毛利為美金6456萬元，季減少2.29%，年增加52.76%，單季稅後淨利為美金3329萬元，每股稅後盈餘美金0.42元、折合新台幣12.12元。
譜瑞-KY累計2020年合併營收為美金5.18億元，年增加35.67%，營業毛利為美金2.28億元，營業利益則為美金1.25億元，全年稅後淨利為美金1.18億元，每股稅後盈餘為美金1.52元、折合新台幣44.86元。
趙捷表示，因為疫情關係，現在看到居家辦公、遠距教學等應用持續強勁，帶動PC、NB以及平板需求維持高檔，現階段市場需求維持健康。
面對目前晶圓產能吃緊，趙捷表示，現階段目前產能確實吃緊，譜瑞-KY會和客戶一起解決問題，面對產能不足、供給吃緊問題，如何滿足供應商，會是譜瑞-KY的挑戰。
以譜瑞-KY第一季財測來說，預估單季合併營收美金1.39~1.53億元，季減6%至季增3.4%，呈現淡季不淡，單季合併毛利率41.5%~ 44.5%，合併營業費用為美金2800~2900萬。
</t>
  </si>
  <si>
    <t>台北市一名孕婦日前因預約第2劑莫德納疫苗，意外發現自己在預約平台上遭誤植已混打高端，經中央流行疫情指揮中心清查，發言人莊人祥說明，共有3075筆資料有誤，其中實際在本期預約受影響約110人，受影響的民眾可透過國泰醫院協助第2劑接種。
莊人祥表示，受影響的民眾皆為今年8、9月在國泰醫院接種，各疫苗廠牌皆有；該院將該清冊於10月份上傳，由於經過人工刪修造成格式錯誤，有3075筆資料有誤，因此今天上午10點半已由疾管署刪除，後續再由醫院重新上傳正確的資料。
莊人祥指出，根據目前評估，這3075筆資料中，真正影響到這一期預約的僅110人，如果有受此影響，本署已責成國泰醫院，或透過衛生局來協助接種。
國泰醫院回應，經查後發現資料庫登錄內容皆正確，但上周六上傳一批資料過程中，發生部分資料誤登，已與疾管署完成資料比對，並完成更正，將協助受影響民衆完成疫苗預約，對於造成民眾不便，深感抱歉。</t>
  </si>
  <si>
    <t>工商時報與南僑集團及太田水素工坊生技（股）公司暨歐立得科技有限公司和社團法人台灣醫務管理學會將於7月24日下午1：30（1：00入場）在中華經濟研究院國際廳隆重舉辦新冠肺炎（covid-19）高峰論壇，邀請衛福部疾病管制署長周志浩到場致詞，即日起開放報名，一律網路報名，報名網址https://bit.ly/2020covid-19。
本案活動分專題報告與座談二階段實施，第一階段為專題報告，由亞洲川崎症專家、台灣氫分子醫療促進協會創會理事長郭和昌醫師／教授報告綜觀氫氧應用於新冠病毒防疫治療提升免疫力與抗發炎範例；歐立德科技有限公司總經理侯玉報告防治致命的空氣及改善室內與環境新鮮空氣品質－小粒徑負離子。
座談由財團法人商業發展研究院商業發展與策略研究所長黃兆仁博士主持，邀請前衛生署長楊志良，前國民健康署長邱淑媞，國立陽明大學醫學院國際副院長黃心苑，中山醫學大學附設醫院執行長李英雄，歐立德科技有限公司董事長侯玉，友荃科技實業（股）公司董事長林文章，社團法人台灣醫務管理學會謝武吉等人擔任與談人，討論主題為新冠肺炎（COVID-19）事件對全球衛生健康的未來啟示與反思，分別就全球人類如何面對未來新型流行病的挑戰與預防、我國生技及醫藥產業如何發揮知識與技術能力，發展出具國際競爭力與成品，提供國際社會需求、產官學研如何建立新平台跨界跨域合作機制為國內外社會健康衛生與流行病治理做出最佳貢獻及找到最適合作模式，一併做出討論。
受到新冠病毒疾病疫情影響，奪走最多人關注的就是氣候變化和全球變暖等環保議題。自從疫情爆發之後，各國政府和非政府組織一股腦地投入了抗擊疫情的戰鬥之中，相比之下沒有那麼迫切需要緊急應付的氣候變化問題，自然就受到人們的忽略了。
但是很多人主張，和氣候變化相比，新冠病毒疫情其實更容易解決，而且只是時間問題，而解決氣候變化所需的努力卻是無法估計無法確定的。</t>
  </si>
  <si>
    <t>大陸國家衛生健康委員會3月1日公布，2月29日全大陸31個省和新疆生產建設兵團報告新冠肺炎新增確診病例573例，新增死亡病例35例（湖北34例，河南1例），新增疑似病例132例，新增治癒出院病例2,623例。
截至2月29日，全大陸31個省和新疆生產建設兵團累計報告，新冠肺炎現有確診病例35,329例（其中重症病例7,365例），累計治癒出院病例41,625例，累計死亡病例2,870例，累計報告確診病例79,824例，現有疑似病例851例。
北京青年報3月1日報導，2月29日，大陸著名肺移植專家陳靜瑜團隊在無錫成功進行全球首例新冠肺炎雙肺移植手術。患者為59歲男性，確診新冠肺炎後，經過插管＋ECMO及藥物治療後，連續核酸檢測呈陰性，但雙肺功能已嚴重受損且不可逆。患者術後狀態平穩。報導援引業內專家認為，此例新冠肺炎危重症病例肺移植救治手段對降低死亡率有較大意義。</t>
  </si>
  <si>
    <t xml:space="preserve">今年大概是比利時一間養老院最悲慘的聖誕節，月初一名感染新冠病毒卻無症狀的聖誕老人來訪後，至今一共有18名長者喪命。
英國《太陽報》（The Sun）報導，比利時北部莫爾市（Mol）的一間養老院歷經了相當悲慘的聖誕節，12月稍早，養老院邀請一名聖誕老人和他的助理來訪、歡慶佳節，以提振養老院老人們的士氣，不料這名聖誕老人其實是一名無症狀的新冠患者，在聖誕老公公來訪後，養老院內的新冠肺炎死亡人數就快速攀升，至今已有18名長者喪命，當中5人是在平安夜及聖誕節當天過世。
根據比利時當地法蘭德斯廣播電視台（VRT News）報導，聖誕老人來訪後，養老院疫情大爆發，一共有121名住戶、36名員工染疫。
養老院疫情大爆炸，染疫聖誕老公公被指是超級傳播者，據信他來訪前沒有出現任何不適症狀，他本人也不知道自己染上病毒。
莫爾市當地官員表示，聖誕老人來訪時拜訪了養老院內好幾個公共空間，強調他全程戴上口罩，和住戶保持社交距離，住戶們也都有戴上口罩。不過根據法蘭德斯廣播電視台取得的畫面，養老院住戶幾乎都沒有戴口罩，聖誕老公公和住戶也靠得很近。
養老院甚至指出，聖誕老人和他的助理實際上是治療師，因此平常也會進到住戶的房間。
莫爾市市長凱耶斯（Wim Caeyers）表示，目前實驗室仍在確定養老院疫情真正的感染來源，因此無法斷定聖誕老人是否就是超級傳播者，不過他也坦言，接下來10天將會非常艱難，指出原本立意良好的活動最後走調，是養老院非常黑暗的一日。
不過比利時病毒學家范朗斯特（Marc Van Ranst）懷疑聖誕老人能夠一次感染這麼多人，認為養老院的空調系統才是疫情大爆發的主因，「就算是超級傳播者，這個一次也太多感染病例了。」但他也承認，讓聖誕老人來訪確實是個很蠢的提議。
</t>
  </si>
  <si>
    <t>香港北角「福慧精舍」爆疫未停，衛生防護中心驗出佛堂兩個環境樣本對病毒呈陽性，包括水龍頭手柄樣本，以及參拜位置樣本，後者樣本源自經書及跪墊等。北角佛堂確診群組至昨天增至7人，昨新增者是55歲肯德基（KFC）女員工，她於本月初連續6日到佛堂，病發後仍上班，其24歲兒子無去過佛堂亦確診，令佛堂「第二代」傳播增至兩人。
據港媒報導，北角「福慧精舍」本月19日首現確診，其後曾清潔，但衛生防護中心2月23日再到場抽取33個環境樣本化驗，仍驗出兩個樣本呈陽性，第一個樣本取自經書面、覆蓋經書的布及跪墊，另一樣本取自洗手間的水龍頭手柄。衛生防護中心傳染病處主任張竹君說，兩個陽性樣本未必是一個活病毒，公共衛生化驗服務處會嘗試培植，看病毒基因與之前個案有無關係。
截至昨日中午，該中心已收到153人報稱曾到佛堂，當中22人會安排檢疫，另有百多人接受醫學監測；另7人稱有病徵，當中二人已確診，其餘測試呈陰性。張稱，暫時確診個案與佛堂有關，暫未需要隔離美輪大廈住戶，但會密切留意。食環署稱一名在金鐘政府合署45樓工作的員工曾在2月中到佛堂，現正隔離，與該員工在同一辦公室工作的其他員工則在家辦公。</t>
  </si>
  <si>
    <t>南韓中央防疫對策本部9月1日表示，今日較昨日新增235件新冠肺炎病例，累計確診人數已突破2萬。新症連續3天維持在300人以下，但重症患者案例數量明顯飆升，較2周前增加11倍之多。
新增病例以本地感染佔絕大多數，多數位於首都圈，包括首爾、京畿道、仁川。另外，2周內有逾百名患者情況危急，累計死亡病例共324人。
疾病管理本部稱，過去2周內，逾3成確診患者都超過60歲，且感染源頭不明的個案持續攀升，情況令人擔憂。</t>
  </si>
  <si>
    <t>38歲南韓「長腿男神」趙寅成驚傳入院治療，由於現在新冠肺炎疫情緊張，讓大批粉絲相當擔心，所屬經紀公司2日立即出面回應病因。
趙寅成爆出住院後，經紀公司IOKCompany就發聲表示：「趙寅成2月底完成電影《摩加迪休》（暫譯）的拍攝後，突然感到膝蓋疼痛，目前住院接受治療中」，並透露他僅接受簡單的小手術，預計近日就會出院。
另外，外界猜測趙寅成是否因為拍電影才受的傷，《摩加迪休》方面就回應電影已經順利拍完，澄清「趙寅成膝蓋手術和電影沒任何關係」。</t>
  </si>
  <si>
    <t xml:space="preserve">智邦(2345)去年合併營收544.63億元，每股獲利9.07元，獲利創下歷史新高，董事會決議擬配發現金股利每股6.5元，若以昨日收盤價262.5元算，現金殖利率2.5%，展望今年，智邦執行長馬思睿(Edgar Masri)表示，儘管今年訂單能見度優於去年，但零組件料況與匯率波動將是最大不確定因素，智邦除提前因應準備外，對於後續變化也將審慎以對。
智邦第四季合併營收157.14億元，年增加11.98%、季增加9.13%；營業毛利32.68億元，年增加18.06%、季減少3.83%；合併營業利益18.68億元，年增加29.24%、季減少8.10%；合併稅前淨利為16.75億元，年增加26.59%、季減少9.39%；合併稅後獲利為13.61億元，單季稅後淨利年增26.2%、季減少9.27%，單季每股稅後淨利2.45元。
智邦全年合併營收544.63億元，年減少1.69%；全年合併營業毛利115.54億元，年增加5.05%；合併營業利益64.03億元，年增6%；全年合併稅前淨利62.13億元，年增加1.36%；合併稅後淨利50.48億元，年增加1.98%，全年每股稅後淨利9.07元。
智邦執行長馬思睿(Edgar Masri)表示，智邦持續擴大與全球雲端服務、電信服務、企業客戶合作，其中400G交換器將於110年上半年量產，而因應新型態電信網路建置需求，5G 基地台回傳路由器(Cell Site Router)等電信產品也已量產出貨。除了傳統交換器，智邦也已跨入人工智慧、邊緣計算、共構封裝光學元件等新興技術領域。
馬思睿進一步表示，全球地緣政治情勢的改變，以及後疫情時代的不確定性，讓智邦更加重視提升營運效率，因此，智邦已全面導入生命周期管理(Lifecycle Management；LCM)，以加快產品開發速度；另外智邦內部成立專責工程任務團隊，並同時著手規畫供應鏈與製造基地多元化布局，降低客戶受零組件短缺影響的風險。
展望今年，馬思睿則表示，儘管今年訂單能見度優於去年，但零組件料況與匯率波動將是最大的不確定因素，智邦除了提前因應準備外，對於後續變化也將審慎以對。
</t>
  </si>
  <si>
    <t>為加強防疫減少感染機會，東吳大學從3月17日開始，中午11點到12點半的用餐尖峰時間，暫停同學在兩校區的學生餐廳內用餐，現場會有工讀生高舉「防疫期間，為疏散人流，請儘量外帶」的立牌，希望學生多在空氣流通的室外用餐，初春天氣怡人也降低感染風險。
今年適逢東吳大學建校120年，無奈新冠肺炎肆虐，為了降低群聚風險，學校延後系列校慶活動，3月16日校慶當天則在安素堂舉辦祈禱會，出席的師長依「棋盤」間格入座，成為疫情下的另類風景！現場還送出「蘋安桔利祈福袋」，裡面裝有蘋果和橘子等水果，象徵疫情早日平息，全球平安吉利。
目前東吳大學人在國外的交換生約60人，在歐洲的交換學生已經全數聯繫上，得知有7人打算返台，學生回台後將不會直接進入校園，按政府規定在家進行14天的居家檢疫，除了鄰里長關懷之外，東吳大學的護理師每天也將了解關心同學的體溫和身體狀況，教務處同仁則會協助註冊及選課工作，待確認同學身體無虞之後，才會同學進入校園！</t>
  </si>
  <si>
    <t>因應新冠肺炎疫情需要，衛福部健保署今年初開放隔離檢疫、自主健康管理者使用視訊診療，5月進一步擴大開放至門診病人。近期新冠肺炎疫情趨緩，視訊診療的使用人次也有所下降，根據健保署統計，視訊診療的使用人次已從6月的高峰7萬人降至9月的1萬人。健保署已在搜集意見，討論疫後如何留住視訊診療。
健保署副署長蔡淑鈴今出席「全民健保『通訊診療』 政策的經驗與展望」研討會，分享視訊診療、遠距醫療的執行現況及未來方向。新冠肺炎疫情在2020年爆發，帶動了0接觸醫療需求，OECD國家以視訊診療取代面對面看診，而基層診所便在其中扮演重要角色。
蔡淑鈴表示，OECD國家推動視訊診療，有許多阻礙必須克服，包括文化上能不能接受、法律只不支持、保險是否支付、配備是否到位，以及民眾的數位落差、城鄉差距及隱私保護。
美國一項近期出版的研究收錄了2020年初至6月期間，疫情最嚴峻24周的分析，發現當時總門診量大幅下降，而視訊診療取代了很大部分面對面的門診，但各州仍因疫情不同、保險人口、數位落差等因素而有所差距。該研究也發現，民眾延緩疾病治療，將導致疾病嚴重度上升，尤其是慢性病，而這些疾病在疫後導致疾病發生率、死亡率上升。
台灣因山地離島多，人口分散而無法享有就醫平權，健保署為此，在2018年發布「通訊診察治療辦法」，允許山地、離島、偏僻地區民眾透過遠距醫療進行偵察。今年因應新冠肺炎疫情，也開放隔離檢疫、自主健康管理者使用視訊診療，並在5月進一步開放至門診病人，最高峰的使用量為7萬人次／月。
以北榮為例，在5月疫情最嚴峻時開放視訊診療門診，以通話、Line視訊2種方式，允許病情穩定的慢性病患使用。北榮心臟內科主治醫師李慶威表示，為避免民眾被詐騙，以醫院App繳費，兒女若在國外也可協助繳費。試用期間，有近9成民眾準時繳費，而8成以上對北榮的通話、視訊診療非常滿意。
根據健保署統計，視訊診療門診的使用人次已隨疫情趨緩而下降，從6月的7萬降至7月的5萬、8月的3萬，以及9月的1萬。蔡淑鈴表示，未來的疫情無法掌控，而視訊診療仍然會保留，在關鍵時刻都可拿出來用，但是疫情之後要如何留住這項途徑還需要研究，至於偏鄉的遠距醫療則是進行式，今年的預算為1億元，明年將提高。健保署也搜集各界意見，包括未來視訊診療是否延續、是否可推動電子處方簽，以及遠距醫療如何擴大等，若有需要也會修法因應。</t>
  </si>
  <si>
    <t xml:space="preserve">彰化縣衛生局篩檢居家檢疫無症狀者，結果篩出一名確診，由於做法不符中央規範，中央流行疫情指揮中心要求政風調查，引發外界爭議。對此，資深媒體人陳東豪表示，彰化縣當然可以反時中，但要有2個前題，一是國民健康與安全因此增加，二是要保護第一線醫護人員安全。
一名自美國返台探親的少年，8月5日入境及在彰化縣防疫旅館都沒有出現症狀，依中央現行規定不用採檢，彰化縣衛生局在少年居家檢疫第11天進行採檢，並於8月16日證實為確診案例，成為國內無症狀居檢被驗出陽性首例（案485）。
不過，地方衛生局檢出確診個案，不但沒有獲得肯定或鼓勵，卻成為衛福部政風處調查的對象。期中報告將於25日公布，指揮中心大動作引起地方譁然，更質疑中央刻意打壓地方衛生局，影響基層防疫士氣。
但是，卻有一名彰化居家檢疫者爆料，他在回台隔離的三天時被衛生局採檢，是自行前往醫院沒有專車，許多在彰化隔離的網友也有同樣情形發生。而今天陳時中接受訪問，更表示，居家檢疫者不可以外出，除非有就醫必要才會安排，而且既然該案檢疫時無症狀，又怎麼會前往就醫？且病患也曾表示，兩天前就有咳嗽情形發生，這句話後果非常嚴重，將牽扯這是無症狀還有症狀感染。
對此，陳東豪在臉書發文表示，彰化縣的作法註定要吵翻天了，有許多不同的層面可以探討。不要說逆時中了，彰化縣可不可以反時中？當然可以，但有前題：1.國民健康與安全因此增加。2.保護第一線醫護人員安全。
陳東豪更表示，這事還沒完，不要急，慢慢看下去。台灣最大的好處，不是大聲就會贏，我們這個社會可以容忍不同意見。
</t>
  </si>
  <si>
    <t>本報本月13日、16日兩度報導中華郵政人員雖被列入第7類施打對象，但隨著預約平台出現後，郵局窗口人員卻被要求自行去預約，等同「被放生」。不料台鐵也發生一模一樣的情況，台鐵產業工會今（23）日向本報表示，第一線工作人員若運氣好被納入第1批，就打到今日為止，第2批以後就沒消沒息。有郵局員工自嘲：「第7類基層可能自動被消滅吧！根本是安慰獎。」
新冠疫情以來，郵局窗口人員負責三倍券、紓困金及孩童防疫補貼等繁重工作，加上原本就有的郵政匯兌儲金業務，與民眾高密度接觸；台鐵工作人員更不待言，是南來北往交通樞紐，且隨著微解封，車站人潮勢必增加。兩者都急需被列入公費疫苗造冊清單。
行政院長蘇貞昌6月22日主持擴大防疫會議，同日中央流行疫情指揮中心將第一線郵務處理人員、台鐵員工納入「國家關鍵基礎設施及高風險接種人員等專案對象」，並由主管機管造冊新冠疫苗施打對象。
不料之後傳出郵局窗口人員等無疫苗，7月中旬中華郵政一邊向媒體表示「郵局窗口人員已在造冊中」、「正在跟交通部爭取將郵局窗口排入第7類施打對象」，20日卻發下一紙公文要求郵局同仁去預約平台踴躍接種，且公文並表示根據的是14日行政院秘書長會議裁示及中華郵政總公司指示辦理。
台鐵情況一模一樣，第一線人員還在苦等。台鐵產業工會表示，本月12日、16日兩度發函台鐵局，第一，盡速造冊；第二，工會已接獲消息，被納入第1批的人員就打到今日為止，台鐵應該盡速確認還沒打疫苗同仁的施打期程。但卻都無下文。
台鐵產工理事長魏豫綾表示，當初第1批有造冊，包括乘務人員、車站月台、清潔人員都有，但問題是有的有列、有的沒列，像售票員有的納入第1批，有的納入第2批。
有郵局窗口人員怒批，整個第7類並沒有全部獲得施打，「根本是安慰獎！」第2類的官員倒是愈來愈多，「隨著疫苗接種平台的預約，第7類可能自動被消滅吧。」
台鐵運安處回應表示，台鐵局首批獲配疫苗約1.2萬劑，已於7月22日全數施打完畢，施打對象包含司機員、列車長、剪收票員、售票員、月台嚮導、防疫天使、清潔人員及維持關鍵基礎設施維護人員等，以維鐵路正常營運及旅客安全。
另依據中央流行疫情指揮中心開放18歲（含）以上民眾於「疫苗施打意願登記與預約系統」進行意願登記，台鐵局亦鼓勵尚未施打同仁上網登記，俾利透過多方管道加速疫苗接種。</t>
  </si>
  <si>
    <t>日本贈送我國的124萬劑AZ疫苗開打，長照機構住民、照顧者及75歲以上長者都在優先施打對象中。但AZ疫苗在歐洲屢傳血栓副作用，讓許多有心血管疾病、服用抗凝血藥物的長者對接種AZ疫苗有疑慮。醫師表示，有心血管疾病的族群更需要疫苗保護，如果有機會打疫苗，「放心打、趕快打」。
「黃教授，我有在吃抗凝血藥，可以打AZ疫苗嗎？」心臟血管權威、台大醫院雲林分院院長暨台大醫學院內科教授黃瑞仁近來常接到病友詢問可以打AZ疫苗嗎？「我第一句話都跟他們講，放心去打，能打趕快打。」高雄宇平診所院長、心臟內科醫師劉中平也曾一天遇到8個心臟病患詢問能不能打新冠肺炎疫苗，他的回答都是：「當然可以。」
●心血管疾病、吃抗凝血劑及抗血小板藥物、高血壓 打AZ都沒問題
這一波本土新冠肺炎疫情高齡病患死亡率高，指揮中心因而將75歲以上長者納入優先施打對象。但之前AZ疫苗在歐洲開打傳出多起血栓事件，令國內不少心血管疾病患者忐忑，打了AZ疫苗會不會發生血栓？
「患有心血管疾病、正在服用凝血劑，或有高血壓毛病，跟AZ疫苗可能發生血栓都沒有關係，這些也都不是打AZ疫苗的禁忌症，可以安心施打，」台灣疫苗推動協會理事長、長庚兒童醫院兒童感染科教授級主治醫師黃玉成指出，曾經發生血栓合併血小板低下症候群的人應該避免接種AZ疫苗，「但發生血栓合併血小板低下症候群跟心血管疾病是兩回事，不要把這兩個情況混在一起，」像國內首例施打AZ疫苗後發生嚴重血栓的案例是一名30多歲男子，本身沒有心血管疾病。
他說，依據世界衛生組織（WHO）分析歐洲藥品管理局（EMA）、英國藥品暨醫療產品監管署（MHRA）以及其他國家的最新數據，疫苗與血栓相關性似乎合理但尚未確認，發生率約百萬分之四，但接種疫苗利大於弊，仍建議民眾繼續施打。
另歐盟藥管局雖將血栓列為極罕見副作用，但也仍然強調疫苗對於新冠病毒感染的預防效益遠大於可能帶來的風險，也建議接種。另研究也顯示，新冠病毒造成罕見腦靜脈血栓CVST的機率比施打新冠疫苗高，意即感染新冠病毒造成的嚴重危害更值得擔心。
●心血管疾病患者是高危險群　能打疫苗趕快打
黃瑞仁表示，在一般疫苗接種建議裡，本來就對心血管疾病族群，尤其心肌梗塞、心房顫動的病人，強烈建議接種流感疫苗跟肺炎鏈球菌疫苗，以避免得到流感及感染肺炎鏈球菌時引起嚴重肺炎。而資料顯示年長且有心血管疾病或糖尿病、高血壓等慢性病患，感染新冠肺炎死亡率高，當然更需要接種新冠疫苗加強保護。
「有吃抗血栓藥物的病人也不必擔心打疫苗的風險，」黃瑞仁說，醫學上抗血栓藥物分兩種，一種是抗血小板藥物，常見的有伯基（成分為阿斯匹靈）、保栓通、百無凝、抑凝安等；另一種就是抗凝血劑，傳統的抗凝血劑有可邁丁（又名華法林），新一代抗凝血劑台灣市面上有4種：普栓達、拜瑞妥、艾必克凝及里先安，「無論服用抗血小板藥物還是抗凝血劑，注射AZ疫苗或其他新冠疫苗都沒有問題。」
●預防被無症狀感染者傳染　年紀愈大愈該施打新冠疫苗
黃瑞仁說，台灣現在新冠肺炎疫情的危機在於社區中存在無症狀感染者，不像得到流行性感冒會有全身倦怠無力、肌肉痠痛、發燒等明顯症狀，新冠肺炎的無症狀感染者讓染疫者本身及周遭的人都無法察覺病毒就在身邊，因此不只有心血管疾病的人，包括糖尿病、高血壓、高膽固醇血症、肥胖、長期有在服藥控制三高（高血壓、高血糖、高血脂肪）的族群也都應該接種新冠疫苗，「年紀愈大愈應該施打，有機會打疫苗就趕快打，」他再三強調「打任何廠牌的疫苗都沒有問題。」
黃瑞仁指出，AZ疫苗是肌肉注射，打疫苗時萬一針頭打到肌肉的血管，可能造成服用抗血栓藥物病患血管局部出血，「我們台灣護理師訓練有素，不必擔心這種情況，」他告訴病患「注意看我們的護理師打疫苗時，針打進肉裡第一個動作都是先回抽，回抽沒有血表示沒打到血管，這時才會真的把疫苗注射進入體內。」所以民眾即使在吃抗血小板藥物或抗凝血劑，都可以放心打新冠疫苗。
高雄宇平診所院長、心臟內科醫師劉中平也在臉書發文大聲疾呼心臟疾病患者趕快打新冠疫苗，因為心血管疾病患者一旦感染新冠肺炎病毒，病情嚴重性和死亡率都比一般人高出許多，因此心臟病病患被認為是需要特別保護的族群。歐洲心臟學會直接建議所有的心臟病患接受新冠肺炎的疫苗注射，美國心臟學會建議讓心臟疾病患者優先注射新冠肺炎疫苗，哈佛大學對病患詢問心臟疾病是否可以注射疫苗的答案只有一個字：YES。
他也提到，高血壓和糖尿病患者罹患新冠肺炎時演變為重症的機會是一般人的2倍以上，血壓和血糖控制愈不好的病人，染病後狀況越糟糕，也應該施打疫苗。
●新冠疫苗可能成為常規注射疫苗　應平常心看待
黃玉成指出，很多高齡者每年打流感疫苗，基本上如果過去打疫苗沒有發生特別狀況，應可放心打新冠疫苗。國外專家研判，新冠肺炎可能流感化，意味新冠疫苗日後可能像流感疫苗一樣成為國人每年都接種的常規疫苗，建議大眾以平常心看待新冠疫苗施打。</t>
  </si>
  <si>
    <t xml:space="preserve">為了遏阻新冠肺炎確診數激增而重啟的封鎖措施拖累需求與產出，印度製造業在7月加速衰退，使經濟萎縮惡化的機率升高。
亞洲第三大經濟體印度本財政年度料將創下自1979年以來最嚴重的經濟萎縮，最新的產業調查進一步印證印度慘淡的經濟前景。
財經數據服務公司IHS Markit周一公布，日經印度7月製造業採購經理人指數（PMI）為46.0，較6月的47.2下滑，為連續第4個月處於50榮枯分界點之下，並創下自2009年3月來維持最久的萎縮期。
IHS Markit表示，這項調查顯示主要的產出與新訂單分項指數再度加速走跌，破壞過去兩個月趨於穩定的趨勢。新訂單與產出進一步下跌，顯示儘管工廠再度調降價格，但整體需求仍然疲弱，促使企業連續第4個月減少人力。
投入與產出價格持續走跌，使整體通膨在6月升破印度央行設定之2～6%中期目標區上限後，反轉放緩的機率升高，這可能提供印度央行更多進一步寬鬆政策的空間。
為了緩解新冠肺炎疫情造成的經濟衝擊，該央行自3月以來已經調降基準利率115個基點。市場預期該央行在年底前將再降息50基點。該PMI調查顯示，在央行可能推出更多貨幣激勵政策的預期下，對未來12個月的企業信心指數創下5個月新高。
印度的新冠肺炎確診數在全球排名第三，該國政府周一公布，過去24小時新增52,972個感染病例，使累計確診數達到180萬人。周一印度新冠肺炎死亡病例增加771人，累計達38,135人死於這場疫病。
</t>
  </si>
  <si>
    <t>民進黨立委林淑芬今日於立法院內政委員會質詢時批評，政院版的國土法修正草案，竟拿出2015年就已經審議過也認為不恰當的第15條中，開啟讓民間業者投資可以彈性變更的巧門。另若真的要修法第45條，可接受內政部改為3年，不接受政院政委提出的一定期限。
行政院於今年2月20日提出國土法修法草案，其中第15條部分條文「全國國土每十年通盤檢討一次、直轄市、縣(市)每五年通盤檢討一次，並做必要變更。但必要情事時得適時檢討變更，其內容及程序予以簡化，簡化辦法由中央主管機關定之。」
政院版的國土法第45條部分條文「中央主管機關於本法施行後兩年內公告施行全國計畫，直轄市、縣(市)於公告後一定期限內，完成擬定及審議作業。而一定期限由中央主管定之。」此兩條修正條文引發外界質疑，認為將會造成空白授權的問題。
林淑芬表示，2015年時，就已和當時的國民黨立委邱文彥在議場三讀通過國土法，讓國家空間管理有最上位的指導法律。但非常訝異在短時間內又提修法版本。
林淑芬指出，內政部的國土法版本，是因中央國土計畫法提出後2年內，地方也要提出國土計畫，而地方政府反映，擔心計畫變更的期程會有所延宕，來不及。因此部送到院時提出的意見是，希望可以修法延長為3年，結果政院的政委一看，直接改為不用具體期限，只要一定期限內就可以。因此引發社會反彈。
林淑芬說，若要修法，由內政部反映地方憂慮，因此將2年改為3年的意見可以認同，但絕不接受行政院的一定期限，因為「一定期限就是永無期限」。無論是中央或地方需求，若需要彈性，現在的法律就做得到，現在是為了「民間業者的彈性需求」，而修法大開方便之門。
林淑芬指出，如果連民間業者都可以「想變就變」，那國土法等同不需存在。而當前新冠肺炎疫情嚴峻，很多國家禁止糧食輸出，台灣也要超前部署。我們絕不需要在農田中央放幾個工廠，放出對農作物有害的水，吃到我們的肚子裡面。
林淑芬表示，依個人意見，地方國土計畫和未來功能區的劃設可以延長，但不可以永無止盡的延長，必須要有具體時間的限制。</t>
  </si>
  <si>
    <t xml:space="preserve">鈺太(6679)第三季營收寫下歷史新高，今年因新冠肺炎因素，看好營運將出現大幅度成長，法人樂觀預估，鈺太2020年目標營收將成長逾20%以上，每股獲利最高有機會上看7元。
鈺太第三季營收5.17億元，季增加16.53%，寫下單季營收新高紀錄；累計鈺太前9月營收13.27億元，年增31.46%，另外，鈺太9月營收1.81億元，月增加5.9%，年增加44.23%，連續6個月寫歷史新高。
鈺太今年受惠新冠肺炎衝擊，NB需求暢旺，加上目前歐美疫情發燒，法人樂觀預估，鈺太2020年目標營收成長20%以上，甚至有機會成長30%，毛利率則提升2~3%，每股獲利最高有機會上看7元。
鈺太今年主要營收成長仍是NB，有些市佔率較高的NB供應商訂單能見度看到明年第一季，其中的最大動能來自Chromebook，因廣達(2382)在Chromebook有60-70%市佔率，鈺太原來就是廣達供應商，另外，還有其他營收成長動能來自TWS、PS5、TV等，至於毛利率方面，鈺太提升來自於品牌客戶對供貨品質、穩定度要求高及小產品規格升級，可以抵銷ASP每年小幅下滑。
</t>
  </si>
  <si>
    <t>澳門自18日零時起，將禁止除了大陸、香港和台灣及外地雇員身份認別證持有者以外的所有非本地居民進入澳門特別行政區。
據《央視》報導，澳門政府考慮到新冠肺炎疫情在全球各地不斷擴散，為防範外來感染個案的輸入，保障澳門居民的健康，作出上述批示。
批示還規定，基於公共利益，除非防治疾病、緊急救援，以及維持澳門正常運作或居民基本生活所需的例外情況，衛生當局可豁免大陸以外的非本地居民遵守禁止入境的限制。
據了解，15日和17日，澳門接連新增兩例輸入新冠肺炎確診病例，結束了之前連續40天無新增病例的良好態勢，目前，澳門已累計12例確診病例，前10例均已康復出院。</t>
  </si>
  <si>
    <t>又有台商國外染疫病重包機返台救命！中央流行疫情指揮中心昨天公布國內新增3例境外移入新冠肺炎確定病例，分別自奈及利亞（案824）、埃及（案825）及美國（案826）入境。
其中在奈及利亞經商的本國籍70多歲男性，在當地出現肺炎症狀，短短3天就病況加重，緊急申請醫療包機返台獲准。這也是台商自費包機返台就醫確診的第二例。
中央流行疫情指揮中心發言人莊人祥表示，奈及利亞台商，去年12月24日出現發燒、呼吸困難、虛弱症狀，27日因病況加重，至當地醫院就醫住院，並診斷有肺炎情形，緊急自費申請包機獲准，目前狀況穩定。
而引起國際恐慌的英國變種病毒，指揮中心日前針對12月13日起，有英國旅遊史者回溯採檢，莊人祥說，目前已經全數採檢完，除了4名已知的確診個案，其餘212人都是陰性，專案已經結束，之後不會逐案說明，有陽性才會公布。
因應農曆年節將至，春節返國潮預估上看五萬人，但各地方防疫旅館屢屢爆發搶房潮，指揮中心昨天宣布，目前全國防疫旅館共有1萬6187間房，初步將先增加2千500房。
莊人祥表示，1月初調查全台防疫旅宿房間數，目前全國各縣市分佈，以台北市為最多，共有6387房，其次是高雄市3244房、桃園1691房、台中1483房，其餘縣市都在1千間以下。
各縣市都仍續輔導業者當中，盼最快速度增加各地防疫旅館的量能。
至於指揮中心先釋出的1500間到2000間集中檢疫所房間供國人返台後隔離檢疫用，昨晚8點起開放訂房「入境檢疫系統」，每人每日新台幣2000元整，12歲以下幼童與父或母同住一室者，不另外收費。1500房有485間被訂走，等於1小時就有超過3成房間被搶走。
醫療應變組副組長王必勝表示，這些房間，最早可在1月12日開放入住，若民眾及早入住，預計1500個房間年前可以使用2輪。</t>
  </si>
  <si>
    <t>新冠肺炎病毒為2020年全球市場掀起滔天巨變，全球經濟跌進衰退深淵，往年成長迅速的新興市場經濟體也未能倖免。所幸新冠肺炎疫苗研發終於在2020年稍晚傳出振奮人心的消息，讓經濟復甦露出曙光，2021年全球經濟預估將回復成長，新興市場尤其將會率先反彈。
疫苗問世讓2021年的經濟前景轉趨明亮。摩根士丹利與高盛預估，2021年全球經濟將呈現Ｖ型復甦，新興市場將率先反彈。經濟合作暨發展組織（OECD）則預期，全球經濟可望在2021年底前回復到疫情前的水準。
摩根士丹利指出，全球經濟同步成長、新興市場國家反彈，以及通膨回溫，都將支撐2021年的Ｖ型復甦。
美元走貶將刺激資本流向新興市場，推升大宗商品價格和支撐新興市場貨幣。此外，新興市場消費者的生活水準與購買力逐漸提升，消費者支出揚升亦能帶動經濟成長。
OECD預期大陸2021年經濟加速至8％，預期印度同期經濟擴張7.9％。摩根士丹利樂觀預期大陸2021年經濟將擴張9％，估計印度2021年經濟可望強勁反彈9.8％。
大宗商品 價格看漲
進入2021年後全球經濟體預料逐漸邁向復甦，政府可望放一步推出紓困計畫，加上美元持續呈現弱勢格局，皆能夠給予商品支撐，預期2021年商品價格將呈現上升趨勢。
央行持續為市場注入流動性，並將利率大砍至歷史低點，財政刺激推升通膨預期，估計將有更多資金湧進商品市場。
大宗商品市場2021年的表現將迥異於2020年，全球經濟預料進入復甦模式，將能帶動商品需求，而且商品市場長期投資不足，供給將維持吃緊，進而推高價格。
金價後市 易漲難跌
進入2021年後，全球央行將持續為市場注入流動性、政府加碼推出振興經濟措施，加上通膨壓力上升、美元走勢看貶，以及新冠肺炎疫情依舊嚴峻，都將刺激金價進一步走高。
花旗集團（Citigroup）預估2021年金價可望站上每盎司2,100美元，英國研究機構Metals Focus對2021年的黃金展望更加樂觀，預期金價後市可望升抵每盎司2,300美元。
花旗表示，美元貶值是推動金價上漲的原因之一。2020年美元走勢一路下滑，美國進一步貨幣刺激將加重美元貶勢。由於黃金與美元呈反向關係，市場預期進入2021年後美元依舊疲軟，意味黃金將有進一步上漲空間。
油價需求 逐步回溫
石油輸出國家組織（OPEC）與俄羅斯等產油國（OPEC＋）持續減產，新冠肺炎疫苗問世協助石油需求回升，預期2021年石油庫存將逐漸下滑，為國際油價帶來明亮前景。
巴克萊銀行基於OPEC＋節制產出，與疫苗將刺激2021年下半年石油需求，預期2021年布蘭特原油均價每桶達53美元，美國西德州原油均價可望站上每桶50美元。巴克萊指出，新冠肺炎疫苗問世是石油需求的轉捩點，因為疫苗能讓經濟復甦力道維持更久。
荷蘭國際集團（ING）的預測較巴克萊樂觀，預期2021年底布蘭特原油可望升至每桶60美元，全年均價為每桶55美元，而2021年西德州原油均價將達53美元。</t>
  </si>
  <si>
    <t>因應特殊傳染性肺炎疫情，新北市轄內政府部門、學校、百貨公司業及購物中心、量販店業，自即日起可向新北環保局傳真或email申請90日內暫時提供免洗餐具。
環保局表示， 因應近日疫情嚴峻，為確保飲食安全及防止疫情擴散，新北市環保局依環保署去年5月7日訂定「嚴重特殊傳染性肺炎流行疫情期間餐飲業者得暫時提供免洗餐具核定作業原則」，同意本市轄內政府部門、學校、百貨公司業及購物中心、量販店業得向環保局提出申請，並自申請日起90日內暫時提供免洗餐具。
環保局強調，惟仍應遵守「免洗餐具限制使用對象及實施方式」公告事項規定，不得提供塑膠類杯、碗、盤、碟、餐盒、餐盒內盤盛裝食物之內盤等塑膠類免洗餐具。
環保局提醒，因應防疫，請申請業者依申請表上傳真電話或email進行申請即可，但仍請電話向承辦人員確認是否已完成申請程序，以免申請表未送達而違法受罰。
另餐飲業者清洗餐具應遵守衛生福利部食品藥物管理署「餐具清洗良好作業指引」，並定期進行環境清潔及消毒作業，以確保飲食衛生安全，也呼籲民眾自備環保餐具，以共同守護環保及飲食衛生安全。</t>
  </si>
  <si>
    <t xml:space="preserve">德國新冠反撲，專家警告此波將迎來至今最嚴重的疫情，德國衛生部長史巴恩（Jens Spahn）昨（22）日呼籲民眾趕快打疫苗，指出德國人只剩下3種命運：接種疫苗、從新冠肺炎中康復、或病死。
綜合英國廣播公司（BBC）、美國有線電視新聞網（CNN）報導，德國衛生部長史巴恩昨日在記者會上強調接種新冠疫苗的重要性，他不加修飾地提出至今最嚴厲的警告：「在冬天結束以前，所有德國人要嘛接種新冠疫苗、要嘛康復、或死亡。」
德國正面臨第4波新冠疫情，過去24小時新增3萬643人確診，比前一天多了7000人，現階段感染率在全球名列前茅。
不只新增病例快速增加，許多醫院已經人滿為患，德國收緊防疫政策，未接種疫苗的民眾禁止出入特定場所，部份地區的耶誕市集也已取消。
德國目前的新冠感染率是疫情大流行以來最高，公衛專家警告，這波恐怕會是至今最慘重的疫情，德媒「The Local」報導，柏林夏里特醫院（Charité）病毒研究所所長德羅斯登（Christian Drosten）11月中預告，由於病毒迅速傳播，德國將面臨非常艱辛的冬天，伴隨新的封鎖措施，他也警告，若再不立即採取嚴格措施，接下來將有10萬人病死，而且這還只是保守估計。
不過現階段德國的疫苗完整接種率只有68%，在西歐國家中排後段班，史巴恩強調他反對強制打疫苗，但是接種疫苗是「道德義務」，因為會影響其他人，「自由代表承擔責任。」
他說具有高度傳染力的Delta變異株誘發這波疫情，他在記者會上大力宣傳莫德納疫苗，稱它是疫苗界的勞斯萊斯（Rolls-Royce）。史巴恩會特別宣傳莫德納疫苗，是因為接下來幾個月內將有1600萬劑到期。
</t>
  </si>
  <si>
    <t xml:space="preserve">一位來自中國大陸的新冠病毒研究人員劉彬在美國遭槍殺，引發一場廣受全球矚目的陰謀論。外界猜測，劉彬因為研究項目涉及新冠病毒的起源，可能因此引起殺身之禍，不過美國警方在調查案情後回應稱，劉彬的命案是因私人感情糾紛而起，與其研究無關。
據《環球時報》報導，這位37歲來自大陸的劉彬在美國匹茨堡大學醫學院擔任助理教授，正在進行新冠病毒研究，日前被發現在家中遭槍殺死亡，頭、頸、身軀和四肢上都有明顯槍傷。兇嫌據稱是46歲的軟體工程師顧浩（Hao Gu），警方說，顧浩殺人後回到車上飲彈自盡。
案發當時警方調查人員說，兇手與死者彼此認識，沒有證據顯示謀殺案和劉的研究，或是新冠肺炎疫情有關。不過，由於美中兩國正因病毒是否人工合，與病毒是否源自於武漢實驗室而爭吵不休，媒體便聯想到有如《不可能的任務》電影情節，以劉彬研究新冠病毒「即將在研究上取得重大進展」為標題，揣測這是一件由跨國間諜進行的有關新冠病毒的謀殺案，指劉彬可能因為研究成果遭到「滅口」。
不過，案發地賓州羅斯鎮警局發表聲明稱，這起案件是「關於一名親密伴侶的長期爭端的而產生的悲劇」，與其在大學所做研究無關。警方調查指出，兇手顧浩在一家電力管理公司任職首席軟體工程師，他先在劉彬家裡槍殺了他，然後再在自己的車裡飲彈自盡。
匹茲堡大學醫學院表示，劉彬是該校的研究助理教授，他在解構新冠病毒感染的細胞機制及併發症的細胞基礎研究方面，即將取得重大發現。我們將努力完成他的研究，以對他的傑出科學表現致敬。
</t>
  </si>
  <si>
    <t>全台三級警戒延長至6/28，這波疫情嚴峻，不少民眾外出除了戴口罩之外，也會戴手套防疫，但英國國民保健署醫生拉傑近日拍影片表示，戴手套整天累積的病菌很可觀，如果沒有妥善清潔恐比常洗手的人還更髒，而國家衛生研究院感疫所副研究員郭書辰也說，戴手套不會比較乾淨，反而產生錯誤安全感，還是勤洗手為上。
英國國民保健署醫生拉傑（Karan Raj）近日拍攝抖音（TikTok）影片分享，許多以為手套可以隔絕病菌，但卻忘了自己戴著手套摸過很多地方，如果沒有清潔就觸摸自己的口鼻，甚至在脫手套的時忘記清潔手部，反而會讓細菌傳染到自己身上。
拉傑表示，當人們沒有戴手套的時候，會擔心自己摸到細菌，因此恐會提高警覺勤洗手，而這樣對防疫的效果其實很好。他解釋，整天下來摸到的東西很多、累積的病菌也非常可觀，如果都沒有妥善清潔手部，戴手套恐比常洗手的人更髒，因此其實不需要多此一舉戴手套，勤洗手就是防疫最好的辦法。
另根據《德國之聲》報導，戴手套防疫恐讓人產生欺騙性的安全感，許多人戴上手套之後，常常忘記不要觸摸自己的臉，因而使接觸傳染的風險增加，且外出長時間戴手套，手部容易出汗，而溫暖潮濕的環境恰是病菌最喜歡的地方，脫下手套後若忘記消毒，恐成為細菌聚集的地方。
另根據TVBS報導，國家衛生研究院感疫所副研究員郭書辰也說，戴手套不會比較乾淨，一般人沒戴手套摸到髒東西會立刻去洗手，但戴手套後會產生錯誤安全感，覺得手套髒了也不用管，結果手套上就沾滿病菌，然後又去摸鼻子、眼睛，不知不覺病毒全弄到自己身上了。</t>
  </si>
  <si>
    <t>美國總統川普在美東時間5日敦促中國對新型冠狀病毒的源頭保持透明，並稱美國將公佈一份詳細報告，說明新冠肺炎病毒的來源。
中美兩國近期就新冠肺炎病毒來源針鋒相對，川普更以此威脅中國，揚言要對其加徵新一輪關稅，引發市場恐慌。
美國國務卿蓬佩奧（Mike Pompeo）表示，有「大量證據」表明，病毒來自中國的一個實驗室。不過，武漢病毒研究所否認了這一指控，而其他美國官員則淡化了這一說法屬實的可能性。大多數專家認為，該病毒起源於武漢的一個野生動物市場，從動物傳染給人類。
川普在白宮外對記者說，美國將公佈一份報告，詳細說明這種新型冠狀病毒的來源，但沒有提供其他細節或時間表。他稱，「我們將在一段時間內非常明確地報告」。</t>
  </si>
  <si>
    <t xml:space="preserve">塞爾提克塔圖(Jayson Tatum)也中鏢了！塔圖在10日(美國時間周六上午)先被《The Athletic》記者傳出進入隔離名單，幾個小時之後又被《波士頓環球報》記者爆料染上新冠肺炎。根據後者報導，塔圖理所當然被隔離，塞爾提克為此取消當日練球並暫時關閉訓練場地。
綠衫軍先前已有羅伯特威廉斯(Robert Williams)染病，他的接觸者崔斯坦湯普生(Tristan Thompson)、葛蘭特威廉斯(Grant Williams)都被要求自我隔離7日。現在又賠上塔圖，他們光是因肺炎已折損4位球員。塔圖在9日對戰巫師依然生龍活虎，轟下全隊最高32分，率隊取得4連勝。
塔圖本季10戰場均26.9分、7.1籃板、3.8助攻，三分球命中率高達44%，是球隊得分王。現在塔圖缺陣，球隊核心只能由另一位猛將傑倫布朗(Jaylen Brown)扛下，他也有26.3分、6.2籃板、3.5助攻、42%外線命中率。
除此之外，主控肯巴沃克(Kemba Walker)左膝受傷，最近開始加入練球。塞爾提克開季7勝3敗戰績優異，未來兩周對戰熱火、公牛、魔術、尼克、七六人會非常吃力，但比起戰績他們更該注意的是球隊的防疫破洞，他們的陣容恐怕承受不起更多打擊了。
</t>
  </si>
  <si>
    <t xml:space="preserve">中央流行疫情指揮中心專家會議召集人張上淳的2位醫師兒近日成為全台關注焦點，只因一位被爆料在疫情期間出國、一位因網路言論痛罵禁醫護出國的政策，引爆輿論撻伐。張上淳的2位兒子22日晚間發聲明道歉，然知名音樂人許常德感嘆，如果這兩個兒子一開始有想到的話，就不會後來要道歉止血了！
對於張上淳兩個兒子的道歉聲明，許常德先於臉書發文表示，「道歉止血有限，有限也是活該，髒了團隊努力，本來就該更嚴格看待，更何況自己是醫生，無視醫療團隊辛苦，比里長出國事件，更惡劣」。許常德更直言，這樣怎麼好意思要求醫生這段時間不要出國，而且張上淳的兒子還是感染科醫師！
不過許常德這篇貼文在臉書發出幾小時後便刪文，又重發一篇文章表示，什麼叫個人做事個人擔嗎？什麼叫大人的負責呢？就是做不到不影響別人的大話。請好好再想一遍，是不是真的不會影響到他人，這個自我負責真的夠負責嗎？
許常德更表示，張上淳兒子若有第一時間想到這個，就不會出事時跟網友對嗆，就不會後來要道歉止血，可見張上淳兒已深深影響到爸爸，跟原先想的差很多很多。
</t>
  </si>
  <si>
    <t xml:space="preserve">7月12日到底能不能解封？中央流行疫情指揮中心指揮官陳時中今天表示，縣市別中，有很多縣市相對穩定，雙北熱區個案數也在減少，幾個比較熱的點經過幾次大規模篩檢與隔離，相對安全，相對7月13日後，能夠有一個好的預防措施，加上有應變的能力，在高強度的管制下，走向比較可以開放的路，是目前疫情下，所做的判斷，但最終還是要看7月12日整體疫情情況再來決定。
陳時中說，可以讓大家身心比較健康，或在怎樣的管制下，可以有相關內用外食做某種程度的放寬，是現在規劃的方向，但強調是要以疫情為重，在疫情可控制的狀況下讓生活回到正軌。
陳時中強調，疫情控制住，餐飲就開放內用，當然一定要符合距離、隔板、非共用餐具、實聯制、清消、體溫量測等基本都要做到，不能符合就退回去，這是個別的，不能做到就外帶，做得到就可以，希望大家提早準備。
</t>
  </si>
  <si>
    <t xml:space="preserve">新冠肺炎疫情持續升溫，人心惶惶的情況下，讓民眾開始囤積物資掀起搶貨潮，見到此狀況讓藝人吳鳳直搖頭，表示當世界遇到危機，人類自私一面就表露無疑，甚至不解台灣疫情控制的不錯，有需要這樣搶東西嗎？
吳鳳表示近來新冠肺炎肆虐全球，世界各地也掀起一股搶購潮，昨天去超市要買食物，發現架上所有東西都被搶購一空，這種行為也讓吳鳳怒斥自私，因為大家只在乎自己過的好不好，不太會顧慮到其他人狀況，也藉此呼籲遇到這種危機狀況，應該更需要同理心，不然每個人去搶東西，最後害到的還是自己跟生活在這片土地上的人。
對此網友也紛紛回應：「生在台灣福中不知福，讓給需要的人，台灣物資夠的」、「只買自己所需~真的不需要囤貨」、「太多人跟風向了、網路上假訊息太多了故意製造 恐慌擾亂台灣防疫」。
</t>
  </si>
  <si>
    <t>新冠肺炎疫情擴大，面對開學在即，學校都上緊發條準備防疫用品，新北市三重區先嗇宮12日上午10時慷慨捐贈2000公斤洗手乳及6000公升次氯酸水給三重、蘆洲區38所學校。新北市政府教育局督學林玉婷表示，「感謝先嗇宮拋磚引玉，為學校防疫盡心盡力！」。
新北市三重區先嗇宮12日上午10時舉行捐贈儀式，三重區長劉來通、新北市議員王威元、三蘆地區各級校方代表等人都出席參加，現場擺設數百罐洗手乳、次氯酸水，會後由校方代表帶回學校，場面盛大。
先嗇宮董事長李乾龍表示，先嗇宮侍奉神農大帝，長年協助學校對抗病毒，往年洗手乳都在暑假開學時贈送，今年因應疫情改在寒假開學前準備，另外再贈殺菌力強、殺菌範圍廣、安全性高，可作為食品消毒的次氯酸水。
「防疫物資難買，現在連桶子都買不到」李乾龍補充，次氯酸水不能夠在大太陽底下曝曬，在隱密房間存放最好，宮廟很有心買了有深色桶子分裝，希望桶子可以重複利用，此外也分送給學校檢驗紙做檢驗，物資不夠都可以來先嗇宮無限量供應。
教育局督學林玉婷表示，新北市長侯友宜非常感謝先嗇宮拋磚引玉，協助提供新北市三蘆地區各級學校防疫用品，教育局針對防疫疫情也不斷提供學校相關的防疫物資，目前酒精真的是不容易採購，感謝在短缺情況之下，先嗇宮還能夠提供給各級學校。</t>
  </si>
  <si>
    <t xml:space="preserve">國內今(29)日新增486例本土病例，確診個案中新增21死，再創單日新高。面對疫情嚴峻，許多人嚇到不敢出門，但不少大賣場還是出現搶買人潮，各地也陸續被檢舉有室內打麻將等5人以上聚會，毒理學專家招名威警告，近來確診病例年齡層有逐漸下降的趨勢，且已有3個44歲以下的死亡案例，呼籲年輕人千萬不能掉以輕心，不要以為少去公共場合就沒事，其實最危險的是群聚，不是出門。
招名威今天在臉書表示，疫情剛開始時，感染年齡層以老年人居多，但根據指揮中心公布的數據，近來確診年齡逐漸下滑，昨天還有36歲的確診者過世，他以感染英國病毒為主的英格蘭為例，無論確診者是否在確診前已帶有疾病，44歲以下的死亡率是0.5%，意思是每200個死亡案例中，就會出現一個1個44歲以下年輕人。
招名威指出，英國的狀況有下列3點跟台灣很像，值得我們參考：
第一、	都是海島型國家，不會有太多的境外移入，外在影響少。
第二、	疫情若不幸失控，短時間造成疫情快速擴散的可能會是同一種病毒。
第三、	年輕人到處趴趴走，誤以為年長者才是高危險群。
招名威說，很多年輕人都以為新冠病毒就像感冒，就算被感染，隔離一下就好了，但他估計，這波疫情的嚴重程度，已經不能與去年第一波相提並論，特別是年輕人身體反應較好，產生抗體的速度快，反應就越強，引發「免疫風暴」的機率就比較高，最終導致人體承受不了而猝死。
全國三級警戒已延長至6月14日，不過招名威表示，擔心再關幾天，大家就會開始沒耐性，加上年輕人誤信之前的數據，覺得自己身體好不用怕，就會開始趴趴走。雖然指揮中心不斷呼籲，減少不必要的外出與群聚，但各大賣場仍不時出現購買人潮，尤其假日更為明顯，還有朋友相聚打麻將、八大行業偷偷營業等等。
招名威警告，現在才剛開始而已，大家覺得少去公共場合就沒事，但其實最危險的是群聚、不是出門，包括去朋友家喝茶、打牌、看電影、「人與人的連結」等等，這些才是感染風險最大、也是最難控制的不定數。
</t>
  </si>
  <si>
    <t xml:space="preserve">隨著美國疫情似有捲土重來之勢，部分地區政府已強制執行口罩令，或建議民眾在公共場所戴口罩。不過，中北部的俄亥俄州不在此範圍內。在俄州首府哥倫布的州議會大廈前，數百名反口罩的示威者，18日發起名為「為美國挺身而出」的運動，抗議州內部分地區強制命令民眾戴口罩。
除了反口罩人士，這項集會也吸引了反政府控制的組織，他們認為，政府只是想藉著強迫他們戴口罩，控制民眾的人身自由。數百人當然都沒戴口罩，且還有大批武裝民兵，團團保護他們。
這群示威者有的手持國旗及力挺川普的標語，批評地方政府強制戴口罩命令太超過，也表達對封鎖措施的不滿。
男子迪克曼高舉標語，上頭寫著「戴口罩會減少進入大腦的氧氣量、會阻礙溝通、且沒證據顯示有效（防疫）」。另一群女孩的標語寫著，「口罩跟我們州長一樣沒用」「恐懼才是真正的病毒」「到底是病毒還是想控制我們？」
一名女子強調，他們「不需要口罩，我們是自由的」，「我相信自己，我就是科學」。
抗議活動的插曲是，支持「黑人的命也是命」運動的團體，也在同地點發動反種族主義集會。為避免雙方擦槍走火，警方疲於奔命，還得把雙方分開。
</t>
  </si>
  <si>
    <t>牛津經濟研究院3日指出，新冠肺炎疫情對經濟造成的破壞比原先想像更大、更廣泛、更持久，除了亞洲旅遊業受到沉重打擊，大陸以外地區的擴散，更加劇全球供應鏈的破壞，該院再次調降大陸今年第一季GDP年增預測至2.3％，僅是2020年初假設6％的三分之一，同時估測大陸全年GDP僅會成長4.8％，成為首家預測大陸今年GDP年增連5％都不到的國際機構。
牛津經濟研究院表示，新冠疫情帶來的經濟風險必須更密切追蹤，研究團隊最新決定，本周起每星期發布一次新冠肺炎對經濟的衝擊報告，而不是先前不定時或間隔許久才發布相關報告。
牛津經濟研究院亞洲經濟研究團隊表示，病毒帶來的下行風險居高不下，目前不能排除會發生大流行，對全球經濟造成更嚴重影響，但從大陸的經驗和抗疫成效來看，大陸已努力遏制疫情，只是後勤方面的重重限制，民眾擔心消費支出的負擔增加，或仍潛在有新的病毒恐會再爆發，讓經濟活動需要更長的時間才能恢復正常。
該團隊估測，大陸官方努力復工下，未來幾個月經濟將穩步改善，並在今年剩餘時間內看到強勁的連續增長，但這並不能彌補年初以來失去的經濟動能。對大陸堅持2020經濟成長年增長目標約5.6％，「坦白說，這將非常難以實現」。
渣打集團至今也已二度下調全球與大陸今年度的經濟成長預期，大陸GDP成長預測由5.8％下修至5.5％。該集團經濟研究部門指出，疫情對第一季的經濟受衝擊幅度恐超過預期，但由於預期大陸官方在貨幣跟財政措施的多方面支持，應能部份彌補疫情帶來的經濟衝擊，加上消費需求仍將保持強勁，扮演支撐經濟活動的力道。
瑞士寶盛亞洲區研究部主管馬修斯（Mark Matthews）3日則指出，影響大陸第一季經濟表現因素，在於春節假期過後企業復工進度延遲，導致生產力難以發現，現在官方力拚復工，但平均來說，復工率可能尚未到50％。</t>
  </si>
  <si>
    <t>新冠肺炎疫情引發全球股市上沖下洗，國內市櫃公司紛紛實施庫藏股自救。金管會證期局副局長張振山3月31日公布，上市櫃公司最新實施庫藏股情況，今年以來至3月30日，庫藏股已實施的達19.29億元、預計實施的還有592.54億元，合計達611.83億元。
張振山表示，截至3月30日止，庫藏股已實施的17件、金額為19.29億元；進行中的有213件，金額為592.54億元。
據證期局統計，實施庫藏股的上市櫃公司，前三大產業為：電子零組件33件、半導體21件、其他電子類20件；至於金融業則有八件。
美股在3月12日跌停融斷後，全球股災一觸即發，為穩定台股，金管會射出第一箭：鼓勵上市櫃公司參與業績發表會、法說會及實施庫藏股。距上一次金管會實施第一階段穩定股市措施是在2018年10月，主因為中美貿易戰導致台股跌破萬點，此次在新冠肺炎衝擊下，上市櫃公司也相當積極響應「自家的股票自己救」實施庫藏股。
張振山3月31日也同步公布，受到新冠肺炎影響，大陸多處封城，也影響到上市櫃查帳。目前有七家上市櫃公司申請延長財報公告時間，其中，光麗KY、太設、勝悅、如興、東森、大略KY申請展延一個月已核准，但LED封裝廠東貝光電因目前沒有會計師出具相關展延文件，未獲核准，4月1日就須暫停交易。
張振山表示，光麗KY、太設、勝悅、如興、東森、大略KY等六家公司因為受大陸封城影響，會計師出具文件表示無法替代查核，這六家公司將採與大陸會計師事務所聯盟所的方式，請大陸的會計師事務所合作幫忙查核，其中，太設、勝悅、如興、東森、大略KY等五家公司表示4月30日可完成去年財報，而光麗KY則是4月24日就可完成。</t>
  </si>
  <si>
    <t>後疫情時代來臨，對金融業帶來危機也帶來轉機，玉山銀行黃男州分析今年新冠肺炎疫情、中美關係、全球寬鬆貨幣政策等三件大事，對金融業帶來的影響與挑戰，預期疫情將催化數位經濟時代來臨，玉山已做好準備，期待在後疫情時代成為數位金融的領航者！
黃男州直言，疫情對金融業帶來的第一波影響已經過去，包括股匯市與原物料價格的波動，在過去半年都已顯現；第二波影響目前正在發生，就是利差縮減帶來的衝擊，從央行降息1碼甚至美國降息6碼，對利率敏感的國內銀行業，確實備感壓力；其中，業務較多元的業者衝擊相對較小，而倚賴存放款較重的業者衝擊當然較大；至於第三波的影響，目前也在海外市場看到了，也就是信用風險。
就像針對新冠肺炎所採取的支持性療法，希望患者自己產生抗體，目前銀行業者也針對信用正常但貸款到期的客戶，提供展延或者紓困的方案，希望讓企業暫時度過難關，等疫情過去後，體質夠好的企業就能挺過。但是黃男州坦言，國外目前受到疫情衝擊經濟的程度明顯較台灣嚴重，信用風險必須更為謹慎評估。
一眼看現在，一眼望向未來
新冠肺炎疫情重創全球經濟，加上低利率可能成為常態，金融業如何應變，將牽動疫情結束後的洗牌結果。對玉山來說，疫情期間對於充實戰力也毫不懈怠，黃男州認為，「疫情結束後可能是全新的戰局，誰能跑在最前面，就看這期間準備是否充裕。」
因應科技金融的潮流，黃男州說，「現在競爭的不只金融同業，也要和台積電、聯發科等科技大廠搶人才」。為了打破產業藩籬，玉山率先挖角上千名優秀的科技人才，加入科技金融團隊，目的就是在為未來的數位金融打好根基。
黃男州說，「玉山總是一眼看現在、另一眼望向未來」，所以才會在數位金融領域上不斷投注心力：2015年，玉山首創業界之風，在組織上成立數位金融處；2016年，玉山也是最早開啟金融業向科技業搶人才之舉；2018年，更領先業界設立金控科技長職位，「就是因為預見了未來的樣貌，才先做好準備」。黃男州預期這場疫情，將催化數位經濟時代的來臨，疫情放緩後，金融業的新戰場可能才要開始，決戰的關鍵點將會在數位金融的領域。
疫情創新局，玉山準備好了
玉山要如何因應後疫情時代來臨？黃男州表示，組織夠有韌性、做最壞的打算、補不足之處，是玉山的三項因應之道。
組織的韌性是指多元的發展，包括區域性、產品面、人才等各方面的多元，才不會讓任何一隻黑天鵝來臨時就被擊垮；疫情也讓玉山了解預想最壞的狀況的重要性，例如資訊方面一定要有備援系統、人員布建上也要有所應變。這麼做或許從經濟的角度看來不划算，但從應變危機的角度來看，這是銀行業在疫情下學到的寶貴經驗，也是風險控管的一環。
至於補其不足之處，則是指因疫情而業務窒礙難行的海外市場。雖然玉山這麼多年來積極布局海外市場、也即將進入收成期之際，碰上這場難解的疫情，不免讓人氣餒，但玉山絕不輕言中斷業務開展，所以在人員往返、海外據點業務擴展放緩之際，依然持續做強化風險控管與人員的培訓。黃男洲說，放眼天下創新局，玉山準備好了！</t>
  </si>
  <si>
    <t>交通部觀光局駐桃園機場旅遊服務中心基層員工、案269因接待觀光局主秘小孩（案277），不幸感染新冠肺炎。這場因上級指示的接機任務演變至今，案269今首度對外發表聲明澄清絕非如外界所言主動接機，也不認識主秘兒子，更無所謂叔姪關係。對此，陳時中今天坦言，自己第一時間說他們是叔姪關係，因為訊息接收不正確，至於相關罰則，是否收回277的防疫補償金，陳時中說，必須再看當時的監視錄影，再來釐清問題。
交通部觀光局駐桃機員工因接待觀光局主祕之子，確診新冠肺炎，其5歲兒子(案299)也因此確診。本起群聚截至目前共掌握接觸者24人。該名員工269案今天首度發聲明表示，看到家中5歲幼兒抽血與各項檢查時驚恐的表情與絕望的哭喊聲，就讓他感到十分不捨。
陳時中今天表示，自己在第一時間接受到的訊息不正確，「我以為這三人是277 、269與其爸爸，有三個人喝咖啡，當天主要要釐清269是本土案例事實上是境外移入，結果後來才知道有另一位」。
陳時中表示，「自己當初說去接是因為有很熟的叔姪被的關係，我以為的是爸爸結果是另一個爸爸的朋友，大家以為269 我那天確實以為是這樣，我以為是另一個人」。他強調，整體和行政單位相關錄影帶會再報告。
至於該名五歲男童，除了一開始有症狀，目前都沒有症狀，病情穩定。
而該名官員的小孩，案277防疫補償金是否還能領取，陳時中說，要看整體 有沒有違背相關規定是否作出處分。先把政體情況做更多的釐清，脈絡都弄清楚免得大家有更多誤解。
陳時中也說，未來在機場能不能喝咖啡還是喝其他，會進一步來規範。</t>
  </si>
  <si>
    <t>新冠肺炎全球發燒，已經確診60363例，死亡1369例，今年1月25日彰化首例的妻子感染給先生經中部某大型治療後都已經穩定，到目前為止，沒有發現遭這對夫婦傳染的其他病例，該院也將發現、接觸感染和治療的過程，發表論文，刊登在國際頂尖期刊「新英格蘭雜誌」，彰化縣衛生局長葉彥伯表示，這是台灣第一篇新冠肺炎論文，代表台灣對國際新冠肺炎防治的參與和共享。
彰化縣衛生局追蹤，這對夫妻接觸69人，都沒有感染，論文也記錄這個醫療的過程，院方表示，「僅供醫學研究和對疫情作出貢獻防治之用」。這篇論文是由該院急診醫學部多位醫師共同發表。
論文內容，1月25日，一名具有第2型糖尿病病史的52歲女性在台灣中部的急診科出現發燒。懷疑與新冠肺炎有關，她於1月20日乘飛機從武漢回到台灣。當天，在該航班上從另一名乘客那裡採檢了咽喉拭子，是台灣第一例已經感染病例。
這位女士從武漢回到台灣後的5天，出現發燒和肌痛，胸部X光片顯示雙側下肺瀰漫性浸潤，1月27日經即時反轉錄聚合酶鏈反應（RT-PCR）分析，證實是第5宗確診的境外移入，在住院的第一天，接受支持療法，第三天，，加入了奧司他韋和左氧氟沙星作為經驗療法。第5天開始出現咳嗽，鼻水和咽喉痛，胸部X光顯示雙側肺門旁區域和下肺中更為混濁。她繼續接受奧司他韋和左氧氟沙星的支持療法，但未接受氧氣療法。截至2月11日，她仍然住院，但生命體徵穩定，沒有接受氧氣治療。
該患者的50歲丈夫主要在台灣的家裡工作，與從該區域返回的其他人都沒有接觸，1月21日，當妻子返回台灣時，在家裡共用一間臥室和共食。1月25日，丈夫與妻子同時就醫。他只出現鼻水；並沒有發燒，咳嗽，呼吸困難，胸痛或腹瀉。經全血細胞計數和胸部X線檢查未顯示任何異常，於1月28日檢測新冠病毒，接受了支持療法，沒有任何抗病毒藥或抗生素，截至2月11日，他仍然住院，但生命體徵穩定，未接受氧氣治療。</t>
  </si>
  <si>
    <t xml:space="preserve">隨著新冠病毒疫情向全球擴散，世界各國都產生恐慌情緒，在人多的交通工具或是與他人共處密閉空間尤其令人緊張。如果你是個必須搭飛機的人，要如何解決在航班上保護自已不被傳染的問題。流行病專家指出，去年超級名模娜歐米．坎貝爾 (Naomi Campbell)戴口罩和手套並清潔飛機座椅的視頻被分享在網上，視頻可能有點誇張，但可以做為參考。此外，專家還有幾項建議。
據《紐約時報》報導，達美航空和美國航空等大型航空公司表示，保持飛機的清潔是重要任務，他們會在航班之間對飛機進行不同程度的清潔。但有些乘客更喜歡確認他們自己也採取了措施來清潔飛機空間，其中顯然也包括娜歐米．坎貝爾。
約翰．霍普金斯醫院的流行病學家麥爾斯通(Aaron Milstone)表示：「飛機和飛機座椅都屬於公共空間。我們知道細菌可以在表面上存活很長時間，所以清潔一下也無妨。」
至於如何清潔，專家們有幾個建議：
一、保持雙手清潔，不要用手觸摸臉部
醫學微生物學與免疫學助理教授梅勒(Andrew Mehle)說：「只要清理飛機物品表面讓你感到不太安全，那做這件事情也無傷大雅。」他強調，在飛機上清理你周圍空間的過程中要配合勤洗手和其他一些好習慣。病毒可能會在小桌板、觸控式螢幕、門把手和水龍頭等表面持續存在，噴塗消毒劑或用肥皂洗手都能殺死或去除病毒。不過多數人摸自己臉的次數都比他們自己知道的更多。在接觸到別人打噴嚏或咳嗽的飛沫後再摸自己的臉，就會導致病毒傳播。
二、當務之急：洗手
梅勒博士說，用肥皂和水洗手20秒，或者在洗手的時候唱兩遍「生日快樂」歌來計時。如果來不及，就多用些洗手液洗手。
三、選擇靠窗的座位
埃默里大學(Emory University)的研究發現，在流感季節，飛機上最安全的地方是靠窗座位，因為臨窗座位乘客與他人接觸較少。此外，飛行途中儘量不要走動，保持體內水分充足，不要摸臉，對你的手部衛生保持警覺。
四、對硬物表面消毒
可以使用消毒濕巾清潔你座位區域的硬物表面，比如頭枕、扶手、安全帶卡扣、遙控器、顯示幕、座椅靠背口袋和小桌板。如果座位本身是硬質、無孔、皮質或仿皮，你可以同時也擦拭座位。如果是裝軟墊的座位，使用濕巾會讓座位變得潮濕，反而會更易傳播病毒。
消毒濕巾的包裝上通常會寫明表面需要擦拭多久才有效，可能從30秒到幾分鐘不等，為了讓消毒濕巾產生效用，你需要遵循時間上的要求。如果有觸控螢幕，你觸摸時應該用紙巾。
西奈山醫療系統(Mount Sinai Health System)的傳染預防醫學主任伯納德·卡明斯(Bernard Camins)說，洗手間門把和水龍頭要使用消毒濕巾或厚紙巾開關，離開洗手間時把濕巾和厚紙巾扔進垃圾桶。
</t>
  </si>
  <si>
    <t>雖然武漢明天4月8日將解除封城，但據湖北省新冠肺炎疫情防控指揮部通報，武漢市「無疫小區」累計達6988個，佔比98.4％。較3天前的上一次認定，「無疫小區」數量減少45個，佔比下降0.6％。70個小區因無症狀感染者等原因，被取消或暫停「無疫」命名，其中部分已認定的「無疫小區」被「摘牌」。
武漢市新冠肺炎疫情防控指揮部相關負責人5日稱，4月1日以來每日通報無症狀感染者數據。從4日開始，無症狀感染者納入「無疫」認定因素。無症狀感染者所在小區按規定取消或暫停認定，所屬社區、街道同步取消或暫停認定。目前，因無症狀感染者等原因，取消或暫停「無疫」命名的小區70個、社區87個、村(大隊)2個、街道(鄉鎮)11個。
根據武漢市政府此前規定，被認定為「無疫小區」的，小區內商業網點，可以每天9時至18時恢復對小區居民個人正常營業。小區內，每戶每天可派一人，憑社區（村）出具的一次性通行證明或審核通過的健康碼電子通行證，在所在「無疫社區」範圍內購物，每次外出小區時間控制在2小時以內，並遵守經營場所購物安全有關規定。</t>
  </si>
  <si>
    <t>受到新型冠狀病毒肺炎疫情及國內消費力疲軟等影響，國內毛豬價格在過年後創下10多年來新低，今天的交易價格每公斤再度跌破60元關卡，對此農委會啟動母豬淘汰作業因應，總目標3萬頭，首階段將在3月中旬淘汰2萬3千頭母豬。
農委會畜牧處副處長王忠恕表示，對於國內豬價的因應策略，短期目標是先淘汰種母豬，中長期目標為減產，今年也將總生產量從805萬下修為785萬頭，預計減產3％，另外肉羊預計減產5％、土雞減產10％、鴨減產8％、鴨蛋減產6％。
王忠恕分析，由於新冠肺炎影響，造成市場上需求量降低，一時間讓豬變多，價格當然就往下走，若第一波淘汰3萬頭種母豬的政策效果不明顯，第二波將啟動淘汰離乳小豬的機制。
他表示，目前尚不清楚疫情會延燒到何時，因此產業界對於此波的政策也大多能理解，短期內先淘汰種母豬，中長期部分也會減量供應肉源至市場。至於進口部分，一月份的量已明顯減少，台灣在WTO的框架下也必須開放市場難以限制，冷凍商與其他業者也會依市場需求自行調節，並無太大問題。</t>
  </si>
  <si>
    <t>長榮航空3名機師完整接種新冠肺炎疫苗後仍確診Delta病毒，桃園市機師職業工會認為，3人均屬於飛航執勤期間停留、往返國外機場外站而遭傳染的職災案例，目前許多歐美機場作業人員已不戴口罩，機師除要爭取隔離14天不派飛、打第3劑疫苗，也希望中央流行疫情指揮中心參考奧運模式，派出防疫官員全程監視並稽核外站防疫流程，提出積極、科學且有效降低機組員感染的辦法。
機師工會指出，美歐各國機場在內的外站，因進入解封狀態，防疫層級大幅降低，包括卸貨、清潔甚至海關人員，早已出現高比例未配戴口罩等情況。
工會上周聯繫仍停留於外站的組員，拍攝各地機場外站解封的狀態，已蒐集包括美國芝加哥、安哥拉治、荷蘭阿姆斯特丹等地，從旅客、機場裝卸貨人員、機艙內清潔人員、接駁車駕駛、旅館櫃檯等，都未配戴口罩。
機師工會表示，國外機場外站如此不設防，而施打2劑疫苗又無法保護免於Delta病毒感染的雙重威脅下，所有職災染疫的風險，只能由頻繁執勤的機師單獨承擔。如此情況不改善，不但執勤機師在外站處於隨時可能遭Delta病毒突破性感染的職災威脅，在目前指揮中心仍允許航空公司得以在長程航班機師檢疫期間配合公司需求隨時提前中斷檢疫再度派飛執勤情況下，等於放任Delta病毒在機組員內傳播與擴散。
機師工會提出3點訴求，參考奧運模式派出防疫官員稽核外站防疫流程、返國檢疫期間不派飛，若未能落實上述2項政策，則應讓長程航班機組員返台檢疫隔離天數，比照一般旅客14天規定。</t>
  </si>
  <si>
    <t>長榮已有3名機師、1名機師兒確診，其中有1名機師還是感染印度變異株Delta，台北市匡列了26名接觸者，並安排採檢；台北市衛生局5日表示，截至上午，一共24人採檢陰性，剩餘2人採檢結果仍在追蹤中。
台北市衛生局4日於防疫記者會中指出，居住台北市第1層的接觸者有10位、第2層接觸者16位，共有26人被匡列，並被安排採檢。
北市衛生局5日受訪時表示，匡列的26名接觸者，截至5日上午，共有24人採檢結果為陰性，尚餘2位追蹤採檢結果中。</t>
  </si>
  <si>
    <t>大陸南京新冠疫情上升，23日新增確診本土病例12例、4例無症狀感染者；並外溢至四川、遼寧、安徽、廣東等4省分，已出現報告感染者。南京政府24日除新增3個中風險地區、此前調升疑似染疫破口的祿口機場區域為高風險區域外，將適時展開全市第二輪核酸全市普篩。同時，福建廈門新增境外移入確診4例 ，有3例來自台灣。
南京市24日疫情防控通報指出，23日0到24時，南京新冠肺炎確診病例新增12例，均為機場工作人員與密切接觸者。累計此輪疫情，共有本土確診病例35例、本土無症狀感染者18例。
南京疫情防控分析之前累計至22日24時的37名本土確診或無症狀感染者的職業，主要以機場工作人員為主，其中機場清潔人員29例，地勤人員3例，裝卸人員2例，其餘3例為他們的密切接觸者。
另外，南京疫情已外溢4省分，繼遼寧瀋陽、安徽和縣、廣東中山發現有南京旅居史的本土新冠感染者後，四川綿陽市23日也發現1例往返南京祿口機場的確診病例。該病例26歲楊姓女子係某公司財務人員住公司宿舍，7月17日從祿口國際機場乘飛機返回綿陽公司宿舍。23日核酸檢測陽性。
南京市委常委會暨應對疫情工作領導小組前晚會議稱，截至23日晚，已對南京21個中高風險地區實施重點管控，全市第一輪全員核酸採樣基本完成。要在此基礎上，啟動重點地區、重點人員第二輪核酸檢測，優化組織、適時展開第二輪南京市全員核酸檢測。
另外，廈門市衛健委24日通報，23日0至24時，廈門市報告新增境外移入確診4病例，泰國1例、台灣3例，都是入境後集中隔離期間驗出。分別是在16、19、21日入境，同時在22日陽性反應。截至23日24時，廈門境外移入確診314病例中，台灣占66例，逾五分之一。</t>
  </si>
  <si>
    <t>台灣本土疫情爆發，不僅外出要戴口罩，也要落實個人衛生。近日一名女大生表示，家中是開電器行，爸爸到客人家中幫忙裝冷氣，才知道對方家中有人確診，只好進行自主健康管理14天，令她氣得痛罵，「為了吹冷氣，隱匿消息，不把他人的健康當一回事」，對此大批網友也表示，「真的太自私，應向對方提告、求償」。
該名女大生昨（18）日於論壇《Dcard》發文指出，家裡是開電器行，夏天是最忙的時候，爸爸近日到一個客人家裡修冷氣，一上樓就看到一位阿公神情緊張的看著他，此時爸爸聽到對方的家人正打電給親朋好友，「家裡阿公確診了，不要回來」。
爸爸上樓時因口罩濕了，所以全程沒佩帶口罩，在對方家裡修冷氣，雖然沒有跟確診的阿公有任何接觸，為求謹慎他們打給1922，正在進行自主健康管理14天。原PO痛批，「為了吹冷氣，隱匿實情，不把他人的健康當一回事，真的很自私」。現在面臨隔離，店裡生意也不能做了，本來接到的案子都只能往後順延。
貼文曝光後，引發大批網友怒火，「這人也太自私了，真的是自己死，不要拖著其他人一起死啊」、「這種家庭真的是有夠沒品」、「希望你健康」、「這種人要檢舉啊」、「可以提告了」、「要不要舉報他們啊，太自私了應該要接受制裁」。
★《中時新聞網》提醒您：因應新冠肺炎疫情，疾管署持續加強疫情監測與邊境管制措施， 如有疑似症狀，請撥打：1922專線，或 0800-001922， 並依指示配戴口罩儘速就醫，同時主動告知醫師旅遊史及接觸史，以利及時診斷及通報。</t>
  </si>
  <si>
    <t>國立台灣歷史博物館歷經館體翻修，封館1年多，今年1月8日重啟開館又遇上新冠肺炎疫情發酵，上半年看展人數慘跌，適逢10周年館慶暨升級政府3級機關，台史博在館內外同步舉辦活動，首度將時間延伸到晚上，兩天來吸引逾5萬人次湧入，是開館以來空前人潮。
台史博10月剛升級為政府3級機關，組織編制擴大，利用10周年館慶，大動作舉辦活動，不僅館內有台南人劇團演出，館外草地上邀請有「最美市集」稱號的島嶼餐桌物語市集近百攤快閃兩天，30日、31日包括42攤全台各地美食與異國料理，53攤手作攤位，有包括台北、台中、高雄的著名食品與伴手禮。
館方表示，除了市集攤位水準高，展示教育大樓外更架起舞台舉辦樂團表演，邀請包括APPLE、南西肯恩、麋先生、PETER，相繼熱力開唱，另外有馬戲團演出。
有吃有玩還有娛樂表演、知性展覽可看，加上氣候涼爽，入夜之後燈光襯托氣氛，台史博30日一口氣湧入2萬3000多人，民眾在草地上鋪毯野餐，觀看表演，周邊道路排隊等候進場的車子圍繞場館一周，館方人員驚呼感受疫後報復性出遊，是開館以來的空前人潮。
台史博31日持續第2天活動，下午2時30分開放進場前就已出現排隊人潮，館方估計第2天有3萬多人次，兩天逾5萬人，是過去每場活動的數倍，一口氣補足上半年因疫情減少的看展人潮。</t>
  </si>
  <si>
    <t>基隆市成功市場又有1攤商（案5208）確診，市府成立專案調查，迄今已有8人淪陷，其中3人為攤商，市長林右昌表示，有2攤商是隔壁攤販，但與率先中標的攤商（案2564）是否有關聯仍待釐清，此外，市場也自主停業至6月3日。
成功市場確診案感染源不明，基隆市政府成立專案持續疫調中，起初是案2564於5月19日確診，為一名年約60多歲男子，曾到西門町紅寶石歌廳消費，期間身體不適，仍前往市場擺攤，採檢後確診，他的兒子（案3085）、女兒（案3087）、女婿（案3086）也陸續中標。
5月21日有另名攤商（案3519）採檢後也呈陽性，但與案2564是否有關連，衛生局仍調查中，其曾孫（案4369）、兒子（案5202）也陸續確診。
林右昌表示，昨天中央流行疫情指揮中心公布確診數時，其中有1案是成功市場攤商（案5208），也是市場第3名攤商確診，衛生局疫調發現他與案3519為隔壁攤販，是密切接觸者名單之一，市府也匡列他周圍12人，目前正等待檢驗結果；因應疫情嚴峻，成功市場自主延長停業時間至6月3日晚上12點。
此外，林右昌說，果菜市場夫妻確診專案（案3289、案3290），目前初步匡列登記的攤商81攤，扣除空攤10攤、追蹤71攤，總計38位負責人，將盡速安排快篩並擴大追蹤。
林右昌進一步說明，目前這2案相關人員仍有不配合疫調情況，提醒確診者依傳染病防治法規定必須說出實情，其中有公共衛生安全問題，也能有效加快斷絕病毒傳播鍊，呼籲民眾務必要配合衛生單位。</t>
  </si>
  <si>
    <t>根據外媒報導，經濟合作與發展組織（OECD）今（12／1）天公布其最新預測稱，Omicron變種病毒有可能加劇全球經濟增長放緩和通貨膨脹的不平衡，並推遲全球經濟恢復正常的時間。
該報告預測，2022年全球經濟將繼續呈復甦態勢，在2021年全球經濟反彈5.6％之後，預計2022年全球經濟將增長4.5％，而2023年將放緩至3.2％。
經合組織警告稱，鑒於Omicron變種病毒出現，貨幣政策制定者應謹慎行事，最緊迫的需求是加快部署新冠疫苗。</t>
  </si>
  <si>
    <t xml:space="preserve">日本內閣官方長官菅義偉18日上午在記者會上再度強調，大陸國家主席習近平4月上旬以國賓身分訪問日本一事仍將依預定進行。
日媒報導，大陸因應新型冠狀病毒疫情，延後原定3月5日在北京舉行的全國人民代表大會和政協兩會會議似已成定局。此決定可能使習近平訪日之行取消。
菅義偉18日表示，「會持續關注全人代的動向，目前習近平訪日將依預定舉行，目前正在準備中。」
</t>
  </si>
  <si>
    <t xml:space="preserve">新冠病毒全球蔓延，世界各國政要傳出確診消息層出不窮，自巴西總統發言人中鏢、巴西總統波索納洛傳確診但自發聲明檢測陰性，外界仍關注川普健康狀況，而現又傳出上周在海湖山莊與川普晚宴的巴西駐美國大使福斯特（Nestor Forster）也與另外兩名巴西參訪團成員一同確診，也讓先前一再表示不需接受檢測的川普，終於脫口說出「很可能」接受檢測。
據《華盛頓郵報》與路透社報導，川普7日在海湖山莊（Mar-A-Lago）與巴西訪團共進晚宴，但自巴西總統波索納洛（Jair Bolsonaro）的新聞秘書沃恩加藤（Fabio Wajngarten）確診後，波索納洛也傳出確診新聞，但隨後由本人否認；而與福斯特同為代表團成員的巴西總統律師庫法（Karina Kufa）、巴西參議員德拉德（Nelsinho Trad）也被檢測確診。
不過白宮醫師康利（Sean P. Conley）表示，川普因與巴西訪問團接觸很有限，只有照相與握手，如此確診的風險很低，不需要居家隔離。
即使疫情逐漸在美擴散，川普除了大型選舉造勢行程取消之外，並未減少對外行程，但近期他曾參加的多個公開場合都有傳出確診病例，如先前在美國保守派大會中傳出2名參與人士確診，當場川普與副總統彭斯皆在場，但在得知此事後，川普仍表示不需要檢測。
至於在全球政要確診新冠病毒方面，除了伊朗兩名副總統與多名高層、英衛生部長以及澳內政部長之外，目前加拿大杜魯道的妻子也確診，身體健康的杜魯道本人也正自主隔離；而波索納洛公開否認自己確診新聞，但若確診數實，則成為全球首位國家領導人確診。
</t>
  </si>
  <si>
    <t>法國上周五新冠肺炎新增確診逾4.2萬人，讓累計確診數突破100萬人大關後，上周末新增4萬5,422例創單日新高，累計確診數達108萬6,497人，死亡138人而讓累計死亡數增加至3萬4,645人。整體檢測驗出確診比率上升至16％創新高。</t>
  </si>
  <si>
    <t xml:space="preserve">
因應新冠肺炎疫情，義大利佛羅倫斯的商家們，為了與顧客保持適當的社交距離，重啟了17世紀為了對抗黑死病的「酒窗」，透過酒窗將販售的商品給客戶，成為一種疫情下的創新營業方式。
根據義大利媒體《The Local》報導指出，酒窗的歷史最早可追溯到13世紀的文藝復興時期。當時的葡萄園園主，會在自家酒窖鑿出一個面向街道的小窗，讓往來的客人可以透過小窗往內遞入酒瓶，裡面的工人接過酒瓶後，就會用葡萄酒把酒瓶裝滿，這就是最早酒窗的由來。
在17世紀時，歐洲爆發大規模的黑死病疫情，義大利的商家為了營業，也在自己的商鋪外牆建造了酒窗，供顧客買酒使用。但隨著時間的流逝，與黑死病疫情的消散，這些在牆壁上的酒窗就成為特殊的文化造景。
而在現今新冠肺炎疫情全球肆虐的狀況下，義大利佛羅倫斯的商家們，紛紛打開自家的「酒窗」，透過酒窗與往來的客人做生意。不同於以往的是，現在除了販售葡萄酒外，也有販售一些冰淇淋、咖啡等生活用品。
根據世界衛生組織統計，新冠肺炎在義大利共有25.3萬確診病例，20.4萬人經過治療後康復，但其中3.5萬人不幸因病過世
更多 CTWANT 報導
</t>
  </si>
  <si>
    <t>在大陸於今年年初爆發新冠肺炎之時，美國總統川普曾讚揚習近平防疫能力。但就在新冠肺炎席捲亞歐大陸以及美國本土也相繼傳出新冠肺炎的病例與死亡個案後，美國開始提高自身的防疫作為與能力，並批評大陸隱瞞疫情與防疫作為。
美國轉移國內壓力
川普一開始即輕忽新冠病毒的嚴重性，認為病毒可能會突然消失，並且新冠肺炎較流感更好處理。等到疫情擴大並影響美國經濟乃至於美國民眾的日常生活時，才開始實施應變措施。
川普一方面宣布國家進入緊急狀態，為各州及市政府提供更多援助，並將加速病毒檢測和提供資金研發疫苗。另一方面，在1月31日對大陸實施旅行限制後，3月13日美國宣布對歐洲（除英國外）實施旅遊禁令，美國國務院也提高美國人赴全球旅行警示。與此同時，川普強調「疫情來自於中國」，國務卿蓬佩奧與眾議院少數黨領袖麥卡錫等仍稱「武漢病毒肺炎」而非「新冠病毒肺炎」，批評大陸隱匿疫情；福斯新聞網也使用「中國冠狀病毒」播報新聞。中國外交部發言人耿爽不滿「武漢病毒」的說法，並反駁川普的講法。
但是，川普乃至於蓬佩奧的「言說」，乃是利用政治掩蓋和分散注意力，而非基於事實的公共衛生的危機處理。這也顯示川普乃至於美國內部的保守派，向來善於利用二元對立挑動美國內部情感，掩蓋自身所面臨的總統選情危機與國內的股市震盪風暴。
此種「仇恨」所引發的「恐懼」語言，基本上有兩種意涵。一種為用於國內消費並進行宣傳，用於包裝美國與中國的對立事件，延續從前年開始的美中貿易戰。
另外一種則是在媒體置入挑釁性的報導，從而塑造「仇中」與「恐中」的選舉語言，激起怨恨和敵對情緒，轉移內部壓力，複製2016年時川普將移民與有色人種當作激化選情的工具。
於是，除中國外交部的回應外，北京方面指責川普的種族主義與仇外心態，使美國自身成為受害者。並認為蓬佩奧等人正利用這場疫病危機，推動美國對大陸鷹派的政治路線。
全球勢力重新洗牌
其實，從冷戰時期雷根的「邪惡帝國」，到小布希的「邪惡軸心」與「流氓國家」，再到美國前國務卿萊斯的「暴政前哨」以及川普的「全球四大惡人」，均可看到這類仇恨政治的言說。邪惡的標籤可以喚起特定的意象、感覺和思想，簡化歷史與安全問題並改變民眾的主觀意識。如果存在威脅已被視為威脅的問題，那麼對存在威脅的主張便更有說服力。例如，如果民眾有著過往流行性疫病的記憶，對新型流感病毒的恐懼便可能更為有效轉為威脅。這類仇恨言說的背後，需要警惕的則是是否恐懼更為激烈且朝向好戰的可能性。
政治語言學告訴我們，語言可以改變我們的社會地位或我們與他人的互動方式，並影響思考與行為。原本國際政治在美國與中國簽署第一階段的貿易協定後，各方多以為美中的許多問題將暫時休兵，然而，一場新冠肺炎又啟動兩國的交鋒，一場以病毒為基礎的疫病戰，正在美中間蠢蠢欲動。
美國在這場「戰疫」也有不能輸的壓力，究竟「華盛頓防疫模式」或「北京防疫模式」何者較能防堵新冠肺炎在各自國內的擴散乃至解決新冠肺炎，也將成為年底美國民眾評價川普的政績，以及全球勢力的重新洗牌。（作者為實踐大學高雄校區博雅學部副教授）</t>
  </si>
  <si>
    <t>澳洲音樂家日前來台演出，於境外確診新冠肺炎。中央流行疫情指揮中心指揮官陳時中表示，未來希望加強自主健康管理強度，量體溫確實通報，有症狀就要回報，目前正建立系統，提供自主健康管理者回報，出境時還需要再報一次，中間任何一端違反規定就會予以重罰。若有需要，將啟動擴大採檢，外國人入境台灣的採檢，將採自費方式。
陳時中表示，沒症狀採檢，會有病毒量太低會被忽略掉的疑慮，要審慎考慮。</t>
  </si>
  <si>
    <t xml:space="preserve">中國大陸外交部發言人趙立堅今日在例行記者會上，從前幾日的對美「戰狼」變身對韓日「暖男」，他就中國大陸提供日韓兩國抗疫物資一事表示，中方對韓日兩國政府與人民為中國抗擊疫情提供支援和幫助深表感謝，在韓國、日本抗擊疫情的努力中，中國不會缺席。
趙立堅表示，中方一直密切關注韓國、日本國內新冠肺炎疫情發展，對兩國目前面臨的疫情形勢感同身受。當前形勢下，我們願同韓國、日本完善並強化衛生防疫溝通協調應急機制，加強互通疫情資訊，交流防控經驗和技術，並開展診療方案、藥品和疫苗研發等領域合作。此外，中方願與兩國開展聯防聯控，共同強化口岸防控措施，加強檢驗檢疫，減少非必要的跨境旅行。
趙立堅指出，中國疫情防控正處於最吃勁的關鍵時期，但我們願盡己所能，向韓國、日本提供力所能及的幫助。「豈曰無衣，與子同裳」是中、日、韓守望相助、共克時艱的真實寫照。
在大陸將提供防疫物資的問題上，趙立堅答稱，新冠肺炎疫情發生後，日本政府和人民對中方抗擊疫情給予了大力支持幫助，我們對此銘記在心。面對疫情新的發展，中方願在努力抗擊本國疫情的同時，同日方分享資訊和經驗，向日方提供力所能及的支持和幫助。這是中日作為近鄰同舟共濟、守望相助的應有之義。
他說，此前中方已向日方交付了一批檢測試劑盒。經雙方溝通，我們正在準備向日方提供一些其他醫療物資，首批將於今天運抵日本。如果日方有進一步需求，我們將積極考慮。
針對韓國疫情進行防控措施，趙立堅解釋道，疫情是沒有國界的，我們不會忘記，文在寅總統強調「中國的困難就是韓國的困難」，韓國政府和社會各界對中方抗擊疫情給予寶貴幫助和支持。近來韓國疫情加劇，我們感同身受，同樣認為韓國的困難就是中國的困難。據我瞭解，中國一些地方和企業已經或正在準備向韓方，特別是大邱市、廣尚北道等疫情嚴重地區提供援助，目前正在緊急籌備，近日將分批空運到韓國。
</t>
  </si>
  <si>
    <t>台灣連續兩天本土都降到2百名確診以下，中央流行疫情指揮中心今(14)日公布國內新增185例COVID-19確定病例，均為本土個案；另確診個案中新增15例死亡；其中台北市新增42例新確診，副市長黃珊珊在今早又與指揮官陳時中傳出未接電話的爭議，對此，柯文哲召開北市防疫記者會進行最新說明。
柯文哲在記者會中表示，今日新增15例死亡，但呼籲民眾不要被死亡人數嚇到，因為那是比較慢的指數，台北市病例慢慢下降，但比較麻煩的是越來越分散，因此居家隔離的人數也開始變少，台北市也要開始思考「清零」如何做，否則在疫苗到之前，三級警戒無法解除。
柯文哲指出，這幾天陽性率下降可能病例數減少，除了是感染者真的有減少，也有可能是因為假期，根據數據，北市各篩檢站在這幾天篩檢的數字都有所減少，可見大家在假日都比較不喜歡出門篩檢。
沒有疫苗就無法回到以前正常生活嗎？柯文哲指出，目前看來疫苗在短期內沒有辦法完全到位，台北市現在必須從其他方法下手，而在社區大範圍作普篩，在成本效益等等計算之下，在效益上都比較低落，所以現在主要是從確診案例進行疫調，從源頭開始管制、控制疫情。
柯文哲指出，台北市防疫團隊從5/31到6/13透過精準篩檢、熱點殲滅戰，這個方法在內湖區試驗結果看起來是有效的，因此考慮未來會再擴大實施。
而台北市明天就要開始打疫苗了。柯文哲指出，台北市目前透過民政局系統發送通知單，但還次要鼓勵大家用線上預約系統，現在是處理85歲以上長者；而柯文哲表示，未來施打對象擴大，可能會造成政府系統的癱瘓，所以柯文哲呼籲民眾，儘管通知單上面有寫「未預約也可以去打」，但希望民眾還是盡量上網預約，減少工作人員的負擔，有預約的長者都準時去打疫苗，這樣在系統上比較不會造成多餘的壓力。對於預約系統只能安排早上下午晚上，柯文哲表示，大部分人於晚間6點會接到電話或簡訊，未來會再精進，也讓醫院方便調整時段。
明後天上班日，柯文哲表示，非設籍在台北市的長者可以打電話到居住行政區的民政課進行登記，原則17日下午開始施打。
昨日傳出有驗光師打疫苗，副市長黃珊珊指出，驗光師屬於中央規定的醫事人員，此定義非北市府的定義，驗光師由公會造冊審核，如果有非對象施打疫苗，會請公會說明。
至於黃珊珊未接到陳時中電話一事，黃珊珊也說明，昨晚陳時中來電時她已入睡，早上回電未能聯絡到陳時中，到下午後雙方有聯絡。黃珊珊直言，這一個月跟陳部長電話溝通順暢，也相信陳部長不會區分彼此。
對於三級警戒何時解除？柯文哲指出，台北市沒有硬封城，慢慢控制疫情，現在「大會戰」結束，進入「殲滅戰」，會按照科學標準，譬如連續幾天確診少於100例，才解除三級。不過這不是台北的問題，並不簡單。</t>
  </si>
  <si>
    <t>2020東京奧運因為新冠肺炎疫情延後一年，日本東京奧運組織委員會會長森喜朗今天表示，如果明年疫情仍未獲得控制，東奧不會再度延期而是完全取消，日本首相安倍晉三也針對東奧衍生的費用作出回應，表示日本政府沒有承諾會支付這些費用。
森喜朗接受《日刊體育》訪問時表示，過去奧運曾因戰爭停辦，但「這次是和看不見的敵人戰鬥」，如果明年疫情未趨緩，那麼東京奧運不會再延後到2022年，而是要取消，但森喜朗也表示會盡力讓奧運能在明年夏天順利舉行，「這是全人類的賭注，假如戰勝病毒，東京奧運順利進行，就會是比過去更有價值的奧運。」
而東京奧運延期衍生出30億美元(約908億台幣)追加費用，先前國際奧會（IOC）透過官網表示日本首相安倍晉三同意由日本政府負擔這筆費用，但安倍晉三首度公開回應沒有這麼承諾，日本內閣官房長官菅義偉昨天也在記者會否認，表示「沒有任何由日本政府獨自支付追加費用的共識，而是應該由國際奧會和東奧組委會合作處理關於追加費用的問題。」</t>
  </si>
  <si>
    <t>指揮中心近日才宣布社交距離的規範，但清明連假期間，不少悶壞的民眾仍出遊，PTT網友分享，疫情檔不住台人連假出遊，墾丁大街被擠爆，讓醫護怒罵，講都講不停，台人劣根性。
有位醫護人員在PTT上發文指出，228連假希望大家別出國，結果台灣人劣根性擋不住，照樣出國玩一波，結果台灣14天後疫情也高潮一波。而這次清明連假墾丁塞爆，反觀醫院、負壓隔離被前一波228加海龜塞爆，真是不勝唏噓。
原PO怒喊，每個同事穿套隔離裝備汗都濕到內褲，怎麼就還是有人講不停、講不聽，14天後大家等著看，這群在墾丁逛的人到底在想什麼？
貼文曝光後，引發網友熱議，「已經說了少出門 不要去人多地方 可惜還是一堆不懂」、「原po辛苦了 我只能自律，放假四天我非必要都沒出門，算是對醫護人員的一點敬意」、「知道美國怎麼輸給疫情的嗎？因為自私的智障很多」。</t>
  </si>
  <si>
    <t>新冠疫情今天再升高，副總統賴清德今喊出「全力保護，積極照顧」；他表示，面對疫情，恐慌、害怕是人之常情，除了儘快取得疫苗進行施打，疫情指揮中心陳時中指揮官偕同許多專家正密切監控每天的狀況，也強化防疫作為，從預防及治療方面著手，希望能達到盡速降低確診致死率。
他強調，地方緊急醫療網必須注意民眾從篩檢到分級收治的每個環節，避免遺憾再度發生。
賴清德今在臉書指出，這波本土疫情發生以來，發生很多不幸，以及生命的逝去，都讓人非常非常難過，失去摯愛的親人、家屬，更是令人痛心、不捨。
他也提出四點呼籲，一、 儘早診斷、儘早治療；他說，為了加速找出潛在感染者，阻絕病毒在社區擴散，指揮中心補助、鼓勵各地方政府廣設置社區篩檢站，針對具有確診個案相關接觸史、活動史的無症狀民眾作為主要篩檢對象，將這些可能存在的風險患者，趕快找出來，阻斷傳播也及早治療。
他說，二、 加強版集中檢疫所及防疫旅館健康監控措施；他指出，目前採分類、分級、分流收治確診患者，加強版集中檢疫所及防疫旅馆多收治輕症，為了避免輕症轉重症，檢疫所內24小時由護理人員進駐，透過電話與視訊評估病患，讓進駐的確診患者有妥適的健康監控。同時，醫師公會全聯會亦號召醫師投入社區醫療，並可協助集中檢疫所及防疫旅館的醫療照顧，防止輕症患者有病情急遽變壞的狀況發生。
他說，三、 單株抗體及瑞德西韋等藥物加強治療；他指出，為了要降低輕症變重症的情況發生，指揮中心將購買對抗病毒的單株抗體藥物，提供給符合條件的的輕症患者使用；同時把瑞德西韋藥物直接給收治中重症病人的醫療院所，有效治療病人。
他說，四、 老人安養機構啟動預防措施；他指出，這波死亡個案多為有慢性病的長者，去年已針對長照機構做防疫演練，最近指揮中心也請機構遵照防疫指引，嚴格執行並減少機構探望，降低院內及院外的接觸，將機構長者感染風險降至最低，也已列為疫苗優先施打對象。
他表示，提醒家中如果有高風險的慢性病患、免疫疾病的長者，要特別留意，加強他們的居家健康監測及自我防護機制，避免與確診者接觸或前往感染熱區，才能降低感染風險。一旦有疑慮，可以盡快前往鄰近的篩檢站登記篩檢，及早發現和治療，治癒機會相對高。</t>
  </si>
  <si>
    <t>「保護別人，就是保護自己」，近月以來因新冠肺炎肆虐，造成全球疫情大爆發，旺旺集團董事長蔡衍明及知名藝人蕭敬騰，本著「共同防疫，一起加油」的互助精神，在嚴峻艱難之時貢獻己力，將旗下防疫產品「水神」，捐贈給全球各地，期望社會各界攜手同心，守護生命健康。
「雙手是防疫的最後一道防線」雨神x水神防疫廣告 全球首播
長期熱心公益、關懷弱勢族群的知名藝人蕭敬騰，原來就是水神的長期愛用者，早在十年前就開始使用，這次也擔任公益大使，攜手旺旺集團共同捐助防疫物資，出錢、出力回饋社會，為水神拍攝防疫公益廣告，病毒無所不在，提醒民眾當心病毒從口入，在做任何動作之前，隨時隨地噴水神，因為「雙手，就是防疫的最後一道防線」。
此次記者會主持人黃子佼，四月初出席公益活動，親自探訪及贈送防疫物資箱給獨居的弱勢長者，讓他們能有充足物資度過疫期，而防疫物資箱中也特別放入水神抗菌液，維護長者健康不遺餘力。
公益捐助超前部署 水神搭起防疫網守護全球
農層年前疫情初爆發，第一時間蔡衍明董事長即宣布把水神生成製造機，全數以捐助提供給第一線的防疫人員。一月中旬春節返台人潮湧入，機場全面警戒，水神接獲需求並免費提供設備，協助海關防疫，守護家門。
年後爆發口罩荒，酒精更是一瓶難求，水神隨即於二月四日開放全台90家站，讓民眾免費領取抗菌液。一個善念拋磚引玉，帶動政府單位、民間企業醫療機關、學校、村里長共同投入防疫，一下子全台超過350個水神補給據點，讓台灣不至於因物資缺乏，而產生防疫漏洞。
自疫情爆發至今，水神已送出超過1萬5千頓的抗菌液，相當於5000萬瓶300ml的酒精協助防疫，秉持「保護別人，就是保護自己」的初衷，公益之路繼續向前行，旺旺集團董事長蔡衍明攜手蕭敬騰，預計共同捐贈200萬瓶600ml瓶裝水神(市值1億台幣)給中低收入戶和弱勢團體，大陸捐贈也同步進行，因為「健康不是有錢人的專利」，讓他們不會因為防疫物資不足或不好取得，而缺少保護，水神會盡力協助供應他們對抗疫情。
感謝這次受贈單位，包含各縣市政府代表及慈善公益團體親臨現場，一起共襄盛舉。國際疫情仍然嚴峻，水神也將持續送達美國、日本、新加玻、越南、印尼，讓防疫物資更充足便利、更好取得，期望在這艱難的時刻，一起為世界盡心力。
水神小百科:水神就是「微酸性電解次氯酸水」，2007年由日本引進技術，製程以食品級盈酸經電解槽電解產生，pH值5.0-6.5最近人體PH，與病毒細菌作用後就會還原成水，日本北里大學生命科學研究所與環境科學研究所實驗證明，其完全不含鈉且溫和無刺激、無殘留所以非常環保，對人體和環境沒有任何危害。</t>
  </si>
  <si>
    <t>新北市幼兒園群聚持續延燒，新北市長侯友宜今天表示，截至目前共採檢785人，除了先前的陽性個案，今日上午又驗出一名非住戶裝修工人PCR陽性，也是在B棟不同樓層，感染源跟本案有無關係，仍在追查中，是今日早上驗出的結果，其它檢驗都是陰性。另外，還有2名家屬居隔期間陰轉陽，屬境外移入個案。
侯友宜指出，為了阻斷傳播鏈，整個社區大樓連夜清空做好篩檢，現有住戶已篩785人，全數陰性，至於裝修工人的感染源，持續調查中。
侯友宜說，幼兒園全案另有951人居家隔離中，「我們都會不斷做PCR，5天以後會再做一次採檢」，目前採取擴大匡列、採檢，同時也把住戶、工作人員，及大樓職場有關係的採檢，確保沒有疏漏。
★《中時新聞網》提醒您：因應新冠肺炎疫情，疾管署持續加強疫情監測與邊境管制措施， 如有疑似症狀，請撥打：1922專線，或 0800-001922， 並依指示配戴口罩儘速就醫，同時主動告知醫師旅遊史及接觸史，以利及時診斷及通報。</t>
  </si>
  <si>
    <t>國內一名北部50多歲婦女確診新冠肺炎後，3名護理師、1名清潔人員也接續確診。中央流行疫情指揮中心指揮官陳時中表示，目前仍在釐清誰傳誰，因清潔工19日就出現症狀，可能為院外染疫，上班時傳染予護理人員及婦女，也不排除是倒過來的情況，目前仍在釐清中。
案34北部婦女2月14日因低血糖、全身倦怠就醫並收治住院，當時無呼吸道症狀。婦女21日出現咳嗽、喉嚨痛及發燒，26日診斷有肺炎情形。平時待在家中未外出，無國外旅遊史。
因清潔工19日就出現症狀，比案34的21日更早，陳時中表示，可能是清潔工院外染疫，上班時傳染予護理人員及婦女，但也不排除是倒過來的情況，目前仍在釐清中。</t>
  </si>
  <si>
    <t>中央流行疫情指揮中心今公布新增2例境外移入個案，其中案16458為美國入境的20多歲女性，曾接種3劑BNT疫苗仍確診，屬於突破性感染，Ct值36。
疫情指揮中心發言人莊人祥表示，此美國境外移入個案已於9月10日完成第3劑BNT接種；第1劑和第2劑相隔約21天，但第2劑和第3劑僅相隔1個月。
指揮中心說明，案16458為本國籍20多歲女性，10月6日持搭機前3日內檢驗陰性報告自美國返臺，於機場採檢陰性後至防疫旅館居家檢疫，10月17日自覺房間空調較冷有出現咳嗽症狀，10月19日進行檢疫期滿前採檢，於今日確診；衛生單位共匡列接觸者1人，列自我健康監測。
過去國內也曾出現接種3劑疫苗的境外移入個案（案16113），混打1劑AZ加2劑BNT仍染疫，但由於第3劑接種後未滿14天，屬於接種2劑疫苗的突破性感染。
指揮中心醫療應變組副組長羅一鈞補充，先前也曾有3例境外移入個案，皆已施打3劑BNT仍染疫。</t>
  </si>
  <si>
    <t>連鎖餐飲集團雅茗-KY（2726）隨著中國大陸4月逐步解封，2020年第二季營運谷底回升、已接近損平目標，每股虧損0.13元。隨著6月營運已顯著轉盈，配合下半年旺季商業活動復甦、展店布局效益顯現，公司看好第三季營運可望轉盈、力拚獲利大躍進。
雅茗2020年第二季合併營收3.44億元，季增24.48％、年減37.85％，自首季谷底回升。毛利率升至51.6％、創近1年高點，營益率負0.005％、已顯著回升至接近損平目標。歸屬母公司稅後虧損451萬元、每股虧損0.13元，虧損幅度較首季減少91.55％。
不過，累計雅茗上半年合併營收6.21億元、年減43.71％，仍創同期新低。毛利率48.51％、營益率負8.98％，分創同期次低及新低，本業首見同期虧損。歸屬母公司稅後虧損5792萬元、每股虧損1.62元，亦創同期新低、為同期首見虧損。
雅茗表示，上半年受新冠肺炎疫情干擾，營運於首季落底，4月起已見逐步復甦，並於6月恢復轉虧為盈、單月獲利逾1200萬元，使第二季營運達成接近損平目標。隨著影響逐步淡化、營收表現持續回升，公司對下半年營運及全年獲利表現仍有相當信心。
雅茗今年營運訂定擴大展店、國際合盟、投資併購3箭發展策略，其中展店聚焦中國大陸、北美與亞太市場。目前在中國大陸已有超過1千店，由於市場發展潛力仍大，公司持續加速展店計畫，以「擴大一二線城市、進攻三四線城市」策略布局，目標每年展出500家店。
雅茗指出，3月起已有超過250家加盟商繳交意向金、加盟金，展店步伐不受疫情影響。上半年除了外送業績持續成長，也透過與網紅合作打造新營銷模式、進行線上線下整合，聚焦90後、00後消費族群，盼讓「快樂檸檬」品牌成為年輕人消費首選。
北美市場方面，雅茗表示，「快樂檸檬」維持品牌優勢及競爭力，除在蘋果總部、亞馬遜西雅圖總部設點外，上半年已陸續在西雅圖、舊金山、聖地牙哥、波特蘭、丹佛等城市開出新店，並新簽德州休士頓、達拉斯和芝加哥區域開發商，預計下半年展店速度將加快。
至於亞太市場布局，雅茗則鎖定重點國家挑選優質區域代理商進行合資合盟，以將加盟創業平台效益發揮到極致。今年已在日本、馬來西亞、印尼3國有合資合盟成果，明年規畫朝菲律賓、澳洲進軍，希望在建立合資合盟關係後，3年內在各市場可開出100家店。
投資併購方面，雅茗5月投資台灣知名茶飲品牌「可不可熟成紅茶」，由於營運未受疫情影響，上半年繳出亮眼成績，開始貢獻集團獲利。「可不可」今年店數預計可超過200家，對第三季獲利貢獻將更明顯，下半年待疫情減緩後，亦將準備透過雅茗平台布局海外市場。
投顧法人指出，雅茗去年啟動品牌調整，營運聚焦「快樂檸檬」發展連鎖平台。受疫情影響，今年大幅縮編餐食品牌，與日本京王集團合資的「游香食樂」門市已全數歇業、獲上海米其林餐盤推薦的西班牙餐酒館「alma」上海2店亦關閉，僅保留去年底開業的台北店。
為分散營運集中風險，雅茗目標明年將非中國大陸市場營收貢獻提升至3成，中國大陸展店步伐亦持續。由於疫情致使業務自4月起才開始推動，新展店效益直至6月才逐漸顯現，預期第三季營運恢復動能可望顯著轉強，策略調整效應可望帶動明年營運顯著躍進。</t>
  </si>
  <si>
    <t xml:space="preserve">
各式各樣的檢舉魔人、正義魔人相當多，但有時行為實在矯枉過正。一名網友分享，老婆抱小孩站在自家陽台看風景，因認為是在自家，所以沒戴口罩，豈料，竟有一名站在路邊、同樣沒戴口罩的陌生女子吼叫「還不抱進去嗎？我要報警了」，讓網友與妻子相當傻眼。
「想請問各位⋯在自家陽台需要戴口罩嗎？」，一名網友在臉書社團《爆料公社公開版》發文表示，因為疫情關係，所以都沒帶小孩外出，下午老婆抱小孩在陽台看風景，老婆沒戴口罩。誰知，一名也沒戴口罩的女子，帥氣的站在對面大喊；「你還不抱進去嗎？我要報警了」。
原PO表示老婆一聽整個傻眼，快速抱小孩進屋，但原PO無奈表示：「小姐你沒戴口罩啊，我老婆腳踩我家，你腳踩外面路上」。
對此，眾多網友回應：「我會直接回他哩洗咧靠北膩」、「那女的是防疫破格，陽台屬於家中的私人土地又不是公共場所，真的是歹年當搞蕭郎...自己在外沒戴口罩還敢講別人」、「腦子有洞的人真的不少，那女的才是真正的腦子破洞的防疫破口」、「現在真的一堆正義魔人，前幾天我在修剪我家的樹，結果某位大姐也是隔著圍牆叫我要戴口罩……傻眼，我在我家院子剪我家的樹，有犯了那條」。
</t>
  </si>
  <si>
    <t>不少民眾仍在苦等第二劑莫德納疫苗，今傳出網路上有民眾以一劑6000元的價格兜售莫德納，施打地點在台北萬華區某診所。對此，北市衛生局表示，正在進行調查，預計下午說明調查結果。
有民眾發現，網友在社群平台發文，聲稱可以提供莫德納疫苗，無論是第一劑或是打滿10周要接種第二劑的人，都可以向他聯繫，還傳出對方有說出是萬華區的某家診所。
對此，北市衛生局疾管科科長張惠美表示，已處理調查釐清，目前有些片段資料，但要依照事實判定，了解為診所或是該名網友違反規定，再進行裁罰，預計下午說明調查結果。
媒體人黃揚明於臉書表示，他9月10日就曾在政論節目上預警過，台北市有不肖診所出價兜售莫德納疫苗，前幾天還為此被台北市衛生局發函約談到案，約談時提及《傳染病防治法》、《嚴重特殊傳染性肺炎防治及紓困振興特別條例》散布假消息的相關規定，認為他散布假消息，要移送偵辦。
他指出，過去近2個月，莫德納疫苗奇貨可居，診所若被分配疫苗時，自然可用「殘劑」做人情，甚至牟暴利；他的一位師長稱去打疫苗時，「針劑是事先抽好，從大冰櫃中拿出來的，並非當場從小瓶抽出施打的。」是否可能有診所在早期配獲疫苗時，預先每瓶先抽出一劑冷藏保存當「殘劑」運用？
黃揚明認為，殺頭生意有人做，如果賺錢是人性，而診所負責人就可以擁有誰可以登記殘劑的權力時，自然就會發生此類惡質牟利事件。
黃揚明表示，今天又有百萬莫德納到貨，近日就要分配，我建議，登記量大、到貨量不足的熱門疫苗莫德納，指揮中心應自即日起改變配發策略，只送大醫院和集中接種站，不該讓診所利用制度漏洞繼續牟利。</t>
  </si>
  <si>
    <t>新冠肺炎防疫期間民眾減少出門，改在線上採購民生用品、處方藥、有聲書或電影，消費者對數位付款服務需求激增。
產業分析師指出，許多電子付款業者啟動因應季節性線上購物需求揚升的應變計畫，例如黑色星期五，或是透過雲端服務拓增處理能力。
根據顧問公司麥肯錫（McKinsey）估計，自2月底以來，義大利的電商交易躥升81％。義國是率先宣布封城防疫的國家之一，全球越來越多國家和地區開始採行類似措施，包括法國、英國、紐約和加州等。
研究機構IDC全球付款策略部門研究主管普瑞斯（Aaron Press）指出，電子付款需求大幅增加，商家面臨付款處理需求暴增難題。
線上付款業者PayPal技術長席瓦南達（Sri Shivananda）表示，公司的平台設計便是要處理全球付款需求突然激增。PayPal婉拒評論新冠肺炎對付款處理量的影響。
每當客戶利用轉帳卡或是信用卡在線上購物付款，交易數據會先加密再送至付款處理方，後者依賴買家發卡銀行的資訊來查核額度，若銀行批准交易，付款處理方通知賣家的銀行扣款。
雖然整個付款流程僅費時兩秒，但系統仍可能無力應付突然湧進的大量交易。網飛（Netflix）、Alphabet旗下YouTube和臉書，皆宣布降低歐洲視訊串流畫質，避免寬頻壅塞。</t>
  </si>
  <si>
    <t>新冠肺炎疫情升溫、全台至5月28日前皆為第三級警戒，是否能在28日解除第三級警戒，引發各界關注，對此，曾任衛生署長的前嘉義市長涂醒哲認為，從每日發病日統計的疫情流行圖來看，他可以很有信心的說，這波疫情已得到控制，相信5月底前就可以看到很明顯的效果，應該可以達到毎日本土病例個位數的結果。
涂醒哲昨（23日）在臉書發文表示，當天接到朋友傳來以下以發病日統計的疫情流行圖，非常高興，因為一週來，他一直想看發病日的資料而不可得，每天都掉入被檢驗量能及通報效率嚴重左右的數據中，很難分析真正的流行狀況，但看到以下的圖，他安心多了，甚至可以有信心的説，這波疫情已經得到控制，感謝全體國民的配合。
針對疫情的未來變化，涂醒哲分析發病日圖指出，這波疫情由5月初開始，以等比級數的流行曲線往上攀升，到15日至17日達到高峰，18日以後每天明顯減少，合理推測來自11日，到22日的發病人數不到50人，雖然未來幾天可能也會有病例加上去，但整體下降趨勢已經明顯，因為拿不到感染日資料，有一些無症狀感染者也沒有發病日，但合理判斷其占所有感染者的比例不會有變化，則發病日已經是最好的流行病學指標。
涂醒哲直言，行政院長蘇貞昌請大家收心，及提升全國防疫警戒至第二級的政策，在一個潛伏期（3-7天）後，大家減少接觸，強化戴口罩、勤洗手、不摸眼鼻口等呼籲，他認為已經發揮效果，並強調更完整的效果會在二個潛伏期後展現，19日全台灣防疫警戒升至三級，他相信5月底前就可以看到很明顯的效果，應該可以達到毎日本土病例個位數的結果，也就是說，可能仍然會有密切接觸如家庭內的感染，但不會有大型的社區散播了。</t>
  </si>
  <si>
    <t>新冠肺炎疫情蔓延全球，各國經濟活動大規模停擺，國際貨幣基金組織（IMF）昨警告說，今年全球經濟將陷入負成長，衰退程度甚至超過2008年金融海嘯時期。
經濟學家認為，疫情對全球經濟衝擊堪比1930年代的大蕭條。面對境內慘重疫情，歐盟已取消預算赤字不得逾GDP3％規定，要讓成員國可盡情砸錢防疫。
遏制病毒 愈快愈有助經濟復甦
全球主要金融機構組成的「國際金融協會」（IIF）昨發布預測稱，今年全球實質經濟成長率為負1.5％，將是金融海嘯後隔11年出現負成長。
美、歐、日將同時陷負成長，分別跌至負2.8％、負4.7％（歐元區）及負2.6％；中、印也將大幅減速至2.8％和2.9％。
IMF總裁格奧爾基耶娃昨表示，今年全球經濟衰退程度至少與2008金融海嘯時期相當，甚至更嚴重。預料2021年全球經濟有望復甦，她說，各國應優先實施防控並強化衛生系統，病毒遏制越快，經濟復甦才會越快越強。
隨著美國愈來愈多州份實施強制居家令，經濟學家估計，今年美國將流失逾500萬職缺，經濟產出蒸發1.5兆美元。競逐連任的川普總統對經濟停頓的憂慮，似更甚於疫情本身，稱「經濟與生命同樣脆弱」，持續停頓或許還比疫情更致命。
白宮研議 放寬社交距離救失業
川普已在想盡快恢復經濟活動，以免衍生成長期問題。據美媒報導，白宮正討論最快下周放寬社交距離指導方針，以提振受全國性失業加劇困擾的經濟。根據預測，美國失業率可能在第二季飆升至30％，超越1930年代大蕭條時期的歷史高位（24.9％）
另，歐盟27國財長昨舉行視訊會議，會上通過歐盟執委會建議，停止執行《穩定與成長協定》，此為協定1998年生效以來頭一遭，意味歐盟成員國不再受預算赤字不得超過GDP3％規定限制，有更大空間推出財政措施，對抗疫情影響。</t>
  </si>
  <si>
    <t>中央流行疫情指揮中心發言人莊人祥表示，今天新增一例境外移入病例，為法國返台本國籍20多歲女性，今(2020)年9月6日獨自返國。
指揮中心表示，個案於8月30日出現頭痛、肌肉痠痛等症狀，曾於法國當地就醫並診斷為流感，經服藥後症狀改善。個案9月6日返國入境時，因流鼻水症狀，主動向機場檢疫人員通報，經安排採檢後前往集中檢疫所，於今日確診，目前住院隔離治療中。
指揮中心指出，個案於搭機期間及入境後均有佩戴口罩，衛生單位已掌握個案同班機接觸者共32人，其中前後二排座位旅客21人列為居家隔離對象，機組員11人因全程有適當防護，列為自主健康管理對象。
指揮中心統計，國內截至目前累計88,748例新型冠狀病毒肺炎相關通報(含87,674例排除)，其中495例確診，分別為403例境外移入病例，55例本土病例，36例敦睦艦隊及1例不明。確診個案中7人死亡、475人解除隔離、13人住院隔離中。</t>
  </si>
  <si>
    <t>工商時報與南僑集團及太田水素工坊生技（股）公司暨歐立得科技有限公司和社團法人台灣醫務管理學會將於7月24日下午1：30（1：00入場）在中華經濟研究院國際廳隆重舉辦新冠肺炎（COVID-19）高峰論壇，邀請科技部長到場致詞，即日起開放報名，一律網路報名，報名網址https://bit.ly/2020covid-19。
本案活動分專題報告與座談二階段實施，第一階段為專題報告，由亞洲川崎症專家、台灣氫分子醫療促進協會創會理事長郭和昌醫師/教授報告綜觀氫氧應用於新冠病毒防疫治療提升免疫力與抗發炎範例；歐立德科技有限公司總經理侯玉報告防治致命的空氣及改善室內與環境新鮮空氣品質－小粒徑負離子。
座談由財團法人商業發展研究院商業發展與策略研究所長黃兆仁博士主持，邀請前衛生署長楊志良，前國民健康署長邱淑媞，國立陽明大學醫學院國際副院長黃心苑，中山醫學大學附設醫院執行長李英雄，歐立德科技有限公司董事長侯玉，友荃科技實業（股）公司董事長林文章，社團法人台灣醫務管理學會謝武吉等人擔任與談人，討論主題為新冠肺炎（COVID-19）事件對全球衛生健康的未來啟示與反思，分別就全球人類如何面對未來新型流行病的挑戰與預防、我國生技及醫藥產業如何發揮知識與技術能力，發展出具國際競爭力與成品，提供國際社會需求、產官學研如何建立新平台跨界跨域合作機制為國內外社會健康衛生與流行病治理做出最佳貢獻及找到最適合作模式，一併做出討論。
台灣防疫有成，國際聲量創新高，然而，台灣和各國政府利用高科技抗疫的方式，也引發學界反思。來自台灣的王智弘，畢業於麻省理工學院、哈佛大學，現為史丹佛大學醫學院副教授、防疫醫療政策中心主任，在最新文章裡，王智弘與共同作者、精通醫療法規的史丹佛大學醫學院暨法學院教授蜜雪兒．梅洛（Michelle M. Mello），從數位監控創新、引發的法律及倫理爭議，反思各國的防疫政策。
「真正的問題不在於，要不要使用這些新數據，而是如何使用它。」而這些新資料的來源包括手機、穿戴式裝置、影像監控、社交媒體、網路搜索和新聞等，在各國抗疫時紛紛派上用場。
這次的新冠肺炎疫情，政府為了遏止病毒傳播，擴大使用手機和社交媒體的資訊，進行數位監控，且採取不少創新做法，「從預測病毒傳播、受檢者的優先順序、行動限制等，都大量使用了機器學習和大數據。」</t>
  </si>
  <si>
    <t xml:space="preserve">隨著美國疾管中心(CDC)增大防備新冠疫情的力道，北美體育聯盟幾乎躺平，原打算咬牙死撐的終極格鬥聯盟UFC也棄守了！上周末他們在巴西打閉門比賽，遭網友批評愚蠢，總裁懷特(Dana White)本周改口「無限期停賽」。
職業摔角WWE則是不到最後一刻絕不屈服，他們4月6日的第36屆摔角狂熱大賽(WrestleMania 36)預定如期舉行。摔角狂熱的群聚是很可怕的，去年8.2萬人買票進場，賽事長達7.5小時。今年觀眾數歸零，移師訓練中心閉門舉行。
摔角狂熱大賽自1985年至今都沒有中斷，每年在舉辦城市帶來消費人潮。WWE締造過多項紀錄，1987年創下北美室內最多觀眾(9.3萬人, 後來被NBA明星賽打破)，他們的旗艦秀RAW是美國史上最長命的每周電視直播秀(始於1993年1月, 累積1399集)。
</t>
  </si>
  <si>
    <t>美國有線電視新聞網（CNN）報導，當地時間11日，美國懷俄明州衛生部發佈消息，該州出現新冠肺炎確診首例。包括懷俄明州在內，美國目前已有44州出現疫情。
此外，美國首都華盛頓哥倫比亞特區也已出現新冠肺炎感染病例。據美國約翰霍普金斯大學發佈的統計資料，截至目前，美國累計確診已超過1300例。</t>
  </si>
  <si>
    <t>超眾（6230）今年開春業績雖受新冠肺炎打壓，致1、2月營收落在低檔，不過邁入第二季之後，因居家上班帶動NB換機潮挹注，推升第二季營收順利創下歷史新高。展望下半年，第三、四季目前看法仍很正向，「趨勢還是呈成長軸線」。
看好未來營運成長，超眾擴產動能全開，除既有的昆山、重慶廠產能提升已陸續到位，新投資的越南廠建廠作業仍在持續進行中，廠房預定今年底完成，明年上半年應有營收挹注，超眾副總經理林志仁表示，新投入的產能將可以提供公司未來3至10年持續成長的動力，就資本支出言之，今年上半年已達3.9億元，已逼近去年全年的4億多元，不光今年投資額會增加，在可預見的未來也會持續增加。
其中昆山廠擴產以手機VC為主，主攻的是第二代手機用熱板，重慶廠則以NB散熱模組、熱板及熱管為主要擴產項目；越南新廠則會先由較易入手的模組組裝切入，至於熱管或熱板則由公司其他廠區供應。
也因為看好超眾未來成長的潛力，母公司日電產持續增加超眾的持股，截至今年8月17日止，持股比例已達到62.71％，林志仁強調，未來日電產仍會持續增持，不過「增持沒有一定的目標和節奏」。
受到新冠肺炎啟動的居家辦公潮帶動，超眾第二季來自NB的營收佔比明顯激增，來到49％，明顯高於首季的37％，雖然上半年期較較高，但受惠於下半年為筆電傳統旺季，再加上返校商機以及暑假需求都還不錯，第三季NB佔比雖不致超出第二季，但仍將維持在高檔，手機至少會回到和去年相當的水平，表現應會比今年第二季好，網通部分因超眾在基地台的佈局還沒有明顯的進度，制裁華為對超眾幾乎零影響，此部分預估下半年仍會成長，伺服器部分目前接單仍是以品牌客戶為主，現客戶端看起來也很正向，另桌上型電腦部分，表現也有機會比第二季好，在NB以外的各產品線業績溫和往上的狀況下，預期第三季各產品的佔比應該會更均勻。
林志仁指出，超眾比較希望可以做到「至少有三支腳」，不要像第二季一樣，光筆電的營收佔比就佔掉了近五成，「這樣才會更健康、更穩定」。</t>
  </si>
  <si>
    <t>同欣電（6271）2020年首季營收表現符合預期，公司原對第二季樂觀看待，但因疫情造成菲律賓廠短暫關廠，影響短期營收動能，投顧法人預期第二季營收恐較首季衰退，但看好產品組合轉佳可望帶動毛利率提升，抵銷營收下滑負面影響，獲利仍有望達成市場預期。
同欣電近期股價走勢轉弱，今（22）日開低走跌，一度下跌4.19％至103元，盤中維持近2.5％跌幅，在封測族群中表現偏弱。三大法人近期賣超力道擴大，上周合計賣超2782張，本周迄今賣超亦達2617張。
同欣電2020年3月自結合併營收6.8億元，月增6.22％、年增達24.22％。累計首季合併營收19.53億元，雖季減6.37％、仍年增達20.92％，改寫同期新高，表現符合公司預期。展望後市，公司3月23日線上法說時表示，對第二季營運展望樂觀看待。
不過，由於菲律賓政府因應新冠肺炎疫情，實施封城與檢疫隔離政策，同欣電菲律賓廠被迫於3月26日到4月12日關廠。該廠主要生產陶瓷基板及混合積體電路模組的微機電（MEMS）壓力感測器，對公司營收貢獻達約25％。
投顧法人指出，同欣電菲律賓廠已在13日復工，但目前返工率僅達30～35％，預估將影響4月營收達約20％。展望第二季，雖然影像產品訂單持續強勁，但陶瓷基板需求不明朗，加上疫情干擾供需，預期同欣電第二季營收將較首季衰退，低於市場預期。
不過，雖然第二季營收有下滑風險，但投顧法人認為，隨著影像產品貢獻增加、MEMS壓力感測器貢獻下降，產品組合轉佳有助於毛利率提升，足以抵銷營收下滑對毛利率的負面影響，預期第二季獲利表現仍可望達成市場預期。</t>
  </si>
  <si>
    <t xml:space="preserve">行政院推動紓困方案，基層農漁會卻指未被紓困，轟政府軟土深掘；前國民黨主席朱立倫指出，農漁民的工作型態就是自主營運，卻被政府排除在「自營作業者或無一定雇主」範圍外，無法領取3萬元現金補助，加上漁工薪資、家庭負擔，即將面臨斷炊，呼籲政府將其列入優先紓困。
朱立倫今在臉書發文「台灣早安」經濟專題，PO出他與立委洪孟楷走訪新北市石門區富基漁港，農漁會及魚市場攤商都反映疫情衝擊太大。
他說，農漁產品出口，今年3月份比去年同期衰退兩成；其中水產品出口金額衰退達26.2％，海鮮餐廳、魚市場業績下降九成，整個海鮮市場影響很重；休閒農場、漁場業績直接降到一成。
朱立倫針對四個項目提建議，盼減低衝擊，包括因應農漁會營業收入減少，補助農業推廣費用；農漁民難以證明自主營運收入，無法申請紓困，政府應盡快訂定方法協助；休閒觀光農、漁業沒有明確補助辦法；因預期心理造成搶購肥料、農藥，以致短缺，要事先協調、配給，以免恐慌。
目前紓困民眾僅90萬人，佔全台灣民眾不到4％，總金額只佔紓困總金額不到一成。朱立倫說，目前紓困方案政府預計給300萬人，但實情是全台灣包括中小企業、出口外銷、勞工、農漁民，將近8成民眾受到輕重不一的影響，政府至少應拿整體紓困規模的兩成（2100億），照顧受到衝擊民眾，尤其「農漁民是台灣最草根的力量」，無論如何都要全力相挺，應列為優先紓困對象。
石門農會總幹事李昌烈表示，照顧基層不能翻臉不認人，過去開口說「我們是心頭最軟的一塊肉」，現在是軟土深掘；他希望降低營業稅、中央存保農會信用部稅率也應該一併調整。金山漁會常務監事簡銀柱也說，「政府不要把農漁民當作憨人！」、「這樣（不補助）對農漁民能交代嗎？」
金山漁會總幹事朱麗鑾說，政府3萬元紓困，排除漁會會員，只限定職業工會，但漁民也是「自營作業者或無一定雇主」，一定要被公平對待。
</t>
  </si>
  <si>
    <t>美國總統川普欲藉由在華盛頓舉行七大工業國（G7）峰會，向外界宣示生活已經回歸正軌，但德國總理梅克爾婉拒出席，川普對此大為光火，凸顯雙方關係不睦。
■Angela Merkel's refusal to accept Donald Trump's invitation is the latest in a long line of examples of the difficult relationship between the two leaders.
德國總理梅克爾以新冠肺炎疫情仍在蔓延為由，婉拒出席6月底在華盛頓舉行的七大工業國（G7）峰會，梅克爾回絕美國總統川普的邀請，迫使川普將峰會延後到9月以後，是兩國領袖關係冷淡的最新案例。
德國政府發言人賽伯特（Steffen Seibert）表示，「梅克爾總理感謝川普總統的邀請，然而考量整體疫情狀況，總理無法贊同到華盛頓參加G7峰會。此外，梅克爾總理將持續監控疫情。」
川普屢屢批評德國
2020年的G7輪值主席川普，亟欲希望讓G7峰會在華盛頓召開，藉此象徵生活已經從新冠肺炎危機回歸正常，同時為年底的總統大選做宣傳。無奈梅克爾婉拒出席，擾亂川普的計畫。
梅克爾謝絕川普的邀請，再次凸顯兩國領袖關係冷淡，雙方歧見日深。川普屢屢批評德國，甚至是梅克爾，從德國的貿易盈餘，再到國防預算和對北約（NATO）的承諾。川普甚至揚言要對德國汽車加徵關稅，並指控德國操縱貨幣。
在此同時，梅克爾在諸多議題也與川普意見相左，像是氣候變化，以及伊朗核協議等。
據匿名的美國資深官員透露，川普與梅克爾在5月底通話，兩人在多項議題看法分歧，包括北約，連接俄羅斯與德國的北溪天然氣2號管線（Nord Stream 2），以及與中國的關係等。
基於新冠肺炎疫情考量，川普在3月取消G7峰會，當時表示將改用視訊會議取代。不過川普5月底透露，他可能在9月或之後重新舉行峰會，並擴大邀請俄羅斯、韓國、澳洲和印度參加。但英國與加拿大均已表達反對俄羅斯加入峰會。
川普希望G7峰會成為揮別封城和旅遊禁令的指標性時刻，藉此宣告生活回歸「正常化」。梅克爾無意赴華盛頓與會，擾亂川普的如意算盤，川普對此大為光火。消息人士表示，川普與法國總統馬克宏通話時還帶著怒氣。
梅克爾打亂川普算盤
科學家出身的梅克爾認為，新冠肺炎病毒還在擴散，6月舉行大型集會依然太早，而且專家也建議，即便經濟開始解封，但仍需要保持警戒和社交距離。
熟知內情人士表示，梅克爾除了婉謝G7峰會，也反對歐盟領袖6月19日親赴布魯塞爾召開峰會，她認為7月之前都不宜舉行實體會議。
歐盟官員表示，梅克爾無意赴華盛頓主要因疫情考量，但歐洲的G7領袖也擔心，川普可能只是想在大選年創造與G7領袖拍照的機會，並向外界宣示生活已重返正軌，而這一切全都是他的功勞。
歐洲領袖擔心出席可能變成為川普抬轎不是沒有原因的，隨著峰會召開在即，卻不見以往的會前準備工作，包括詳細的議程討論和協商正式結論等。鑑於川普在諸多議題與世界領袖分歧，特別是是貿易和氣候變遷，達成結論勢必難上加難。
梅克爾表示，在其他國家和地區享有高速經濟成長和影響力增加的同時，美國逐漸對歐洲失去興趣，歐洲需要負起更多責任，解決歐美關係緊繃的問題。</t>
  </si>
  <si>
    <t>美國總統川普剛結束首場總統大選辯論後，接連搭機趕場造勢行程，不過他的親近幕僚希克斯（Hope Hicks）辯論後與川普搭上同班機，經檢測已確診新冠肺炎；目前仍在等待檢測結果的川普也宣布已開始進行隔離程序。隨後，川普在推特上表示，他與第一夫人皆已確診。《環球時報》總編輯胡錫進表示，這不僅反映了美國疫情的嚴重程度，川普一家更為自己長期忽視疫情、防護不足付出了代價。
胡錫進在《新浪微博》發文，寫道：「特朗普剛剛發推特說，他和夫人梅拉尼婭新冠測試結果為陽性，他們將立即隔離並一起渡過難關。這個消息令人遺憾，它反映了美國新冠疫情的嚴重程度。」
胡錫進指出：「特朗普總統一直試圖淡化疫情對美國的衝擊和影響，讓選民們忽視疫情的危害，他自己也長期拒絕戴口罩，防護不足。政治家這樣做在美國的體制下或許有某種無奈，但它帶給美國社會的負面影響是顯而易見的。現在特朗普總統本人和第一家庭也付出了代價，這肯定不能夠理解為總統與國民『同甘共苦』的表現。美國應該找到讓大家都更加安全的辦法。」
此外，胡錫進也強調：「美國總統大選已經進入衝刺階段，這件事對特朗普總統的選情應該是一個負面因素。無論如何，希望特朗普總統和他的夫人能夠平安渡過這個難關，也祝願全球所有感染了新冠肺炎的人平安。」</t>
  </si>
  <si>
    <t xml:space="preserve">新冠肺炎疫情延燒之際，日前的清明連假卻出現大批出遊潮，這讓不少醫師感到擔憂，指揮中心今日也稱這周日將會是關鍵。家醫科醫師吳承羲則透露，「其實從進醫院開始，我就沒喜歡過連假」，因為伴隨而來的是塞爆急診與吃緊的人力。
吳承羲在臉書《東村誠醫師的診療室-Dr.吳承羲》上發文指出，他從進醫院開始就沒喜歡過連假，一方面因為輪班的關係，很多時候看的到休不到，另一方面是連假伴隨而來的會是塞爆的急診、吃緊的人力。
由於這次清明連假適逢新冠肺炎疫情，各大景點出現大批人潮使得指揮中心不得不發布簡訊警示民眾、加以管制，吳承羲也認為，不加以管制就很有可能成為破口，雖然來得晚，但還是有其必要。
吳承羲表示，接下來要做的是亡羊補牢，預防下一次連假的到來，「五一因為剛好卡到星期五，要取消是不太可能」，不過可以建議公司用排休輪休方式，提前或延後放，端午節的話，視情況取消彈性放假也可以。
另外，吳承羲也提出一些可行的補助措施，他說明，例如國營、人潮眾多的景點，例假日可實施總量管制、預先實名制登記制，該措施也於武陵農場的櫻花季使用過，一方面可控制人潮，二來也可追朔旅遊史，當然若是疫情嚴重就要考慮直接關閉。
最後，吳承羲坦言，這場戰役可能很長，可能短時間內看不到終點。「但是現在放棄、沈不住氣的話就是全盤皆輸了」。
</t>
  </si>
  <si>
    <t>民進黨團立法院黨團今召開記者會表示，目前國際上，疫苗短缺，競爭激烈；台灣不能很清楚、透明地公開說，什麼時間點疫苗進來及接種，理由很簡單，大家都在搶，任何時候都可能被攔腰、攔路、打劫、搶走。
民進黨團書記長羅致政強調，所以台灣在這方面非常的辛苦，這也是為什麼在很多情況下，必須等到疫苗上飛機離開地面後，才敢對外公布。
他說，歐盟最近要提告AZ公司，因他們訂3億劑疫苗，只拿到3000萬劑，據當時合約，歐盟希望第一季能提供9000萬劑疫苗，但AZ僅提供3000萬劑，凸顯國際疫苗在生產速度以及供應延宕，台灣就是在這種嚴重情況下，爭取更多疫苗進口。
他說，歐盟對AZ提告及指控理由之一就是，歐盟訂那麼多貨，AZ卻把疫苗先提供給訂量少、疫情相對沒那麼嚴重的國家。
他說，歐盟這些國家，在當地生產都拿不到，台灣可以捷足先登拿到一些進來，事實上就是跟國際競爭，有市場因素，也有政治因素。
他強調，因為政治因素，很多事只能做不能事先公開說。例如義大利真相報今天報導，中國施壓德國禁止BNT來台，中國打壓台灣本來就不是秘密，在這次疫情中也很看清楚，中國打壓無所不在。</t>
  </si>
  <si>
    <t>嘉義縣東石鄉42歲超商女店員確診個案，因案13302感染源不明，嘉義縣政府昨16日下午啟動社區篩檢，PCR篩檢88人，至衛生福利部朴子醫院首篩191人，繼昨快篩結果全陰性後，今PCR結果出爐，88人全為陰性。
嘉義縣因應6月15日東石鄉確診個案，於昨日下午2點啟動社區篩檢，針對住家及工作地點疑似曾暴露民眾、超商掃QR code或紙本實聯制者發出簡訊，留家用電話者以電話聯繫，倘有疑似症狀者，進行篩檢檢測。
嘉義縣長翁章梁表示，昨擴大篩檢總計279位民眾，接受快篩或PCR篩檢皆為陰性，今下午2點持續在朴子醫院接受民眾前往免費快篩，東石鄉衛生所則進行PCR篩檢，目前經衛生所評估需PCR篩檢者有84人，已通知前往東石衛生所社區篩檢站進行檢測鼻咽PCR檢驗。
衛生局也再次呼籲，有相關或可能暴露民眾，如疑似有發燒、咳嗽、腹瀉等症狀，可於今天17日和明天18日下午2點至4點，憑簡訊至部立朴子醫院快篩。</t>
  </si>
  <si>
    <t xml:space="preserve">國內莫德納疫苗打氣低迷，為衝刺國內疫苗涵蓋率，中央流行疫情指揮中心今天表示，今起至周日(9日)，下午1點至晚上8點，於台北車站西側迴廊設置疫苗接種站，凡接種民眾都能獲得全聯禮券一百元，對象包含所有尚未完整接種疫苗的在台人士。
指揮中心發言人莊人祥表示，為刺激疫苗打氣，今起下午1點開始，所有在台灣的人士不限國籍，都可至北車接種站施打莫德納疫苗，只要年滿18歲，從未打第1劑、接種莫德納第1劑滿4周，以及AZ第一劑接種後滿8周的民眾都能接種，期間內接種者可獲全連禮券100元。
此接種站由中央流行疫情指揮中心設立，三軍總醫院松山分院負責執行，莊人祥指出，截至目前最新的接種數字，我國第1劑疫苗涵蓋率達78.15％，第2劑為60.33％，第3劑追加劑則已有1706人接種。
</t>
  </si>
  <si>
    <t xml:space="preserve">海軍敦睦艦隊傳出3人確診新冠肺炎，驚動全台。中央疫情指揮官陳時中在說明會上判斷為境外移入個案，懷疑帛琉為感染源，對此長期提供帛琉醫療協助的新光醫院副院長洪子仁受訪時指出，帛琉政府對此「感到不解」。
由於敦睦艦隊曾於上月12至15日停靠帛琉3天，陳時中表示帛琉檢驗能力有限，先前更有一名美籍醫師出現症狀，還是由台灣遠端示範後，檢體送回台灣確認陰性，高度懷疑當地有潛藏病例存在。
根據《ETtoday》報導，洪子仁表示，聯繫過後帛琉政府對此回應「感到不解」，除了日前檢驗全陰性外，敦睦艦隊更是早在3月15就離開，照理說應該月底就會發病，卻到4月初後才出現症狀，至今才確診，應該等待更多訊息再下判斷。帛琉政府也表示已經展開調查，針對軍艦官兵曾到訪的地方以及可能接觸者進行採檢。
</t>
  </si>
  <si>
    <t xml:space="preserve">
新冠肺炎起源於中國，因症狀似一般感冒，起初未受到大眾關注，不料卻造成流行，中國境內省分全部淪陷，周遭鄰近亞洲國家也紛紛爆發疫情，中國政府陸續封城、停工，最終仍無法阻止疫情蔓延。
在全中國幾乎停擺的2個月裡，NASA近日釋出最新的衛星拍攝照，對比1月1日到1月20日與2月10日到25日的中國上空的空氣汙染情況，二氧化碳的濃度變淡趨勢令人非常驚訝。
若按照往年2月的狀況，過完年後各公司企業、工廠陸續開工，返回工作崗位的人潮出現，中國境內的二氧化碳濃度應該高得驚人，然而今年因為新冠肺炎疫情，多數人被迫只能待在家中隔離、上班，讓中國的空汙狀況意外緩和下來。
網友看到對比圖，不禁感嘆「可見平時的空汙情況有多嚴重，只有停工3個月就能大幅改善」、「現在這才是健康的空氣好嗎？」、「中國人確實需要一些不同生活環境了」、「等到回復工作之後，恐怕又會變回原本的樣子」。
更多 CTWANT 報導
</t>
  </si>
  <si>
    <t>美國CDC昨天在記者會中再度指台灣武漢肺炎疫情有社區傳播現象。對此，外交部表示，已向美方充分說明台灣疫情發展未達社區傳播，美方表達了解我方顧慮，也希望能取得更多資料，台美雙方持續溝通協調中。
根據《中央社》報導，美國國務院領務局首席副助卿布朗里（Ian Brownlee）21日與美國疾病管制暨預防中心（CDC）共同召開電話記者會。布朗里會中表示，國務院呼籲美國民眾重新考慮並評估搭乘郵輪前往亞洲，或在亞洲搭乘郵輪的風險。
CDC國家疫苗暨呼吸道部門主任梅森尼爾（Nancy Messonnier）則首度公開指出，亞洲已出現社區傳播情況，包括新加坡、南韓、台灣、泰國、越南、香港與日本。
美國CDC之前於20日在官網發佈，台灣、日本、新加坡、南韓、泰國與越南有社區傳播現象。台灣方面，外交部當天即表示，已提供科學證據，據以向美方要求改正相關資訊。
外交部發言人歐江安今（22）日指出，已向美方充分說明台灣疫情發展未達社區傳播，美方表示理解我方顧慮，也希望我方提供更多資料以協助評估。外交部已陸續將衛福部疾病管制署的最新相關資訊提供美方。歐江安說，台灣方面希望美方改正，目前台美雙方仍協調處理中。若有具體結果，會適時向外界說明。
網友則反應，「又是一個被中共滲透的組織！」「CDC裡，不知道臺灣在哪的可多著！比世衛裡的白痴，好不了多少！」「沒想到連美國爸爸這個吹哨人也敢罵！」</t>
  </si>
  <si>
    <t>菲律賓昨晚宣布，新增4例新冠肺炎確診病例，其中1人是台灣籍病患，且這名病患曾與回台後確診的台灣籍男子接觸，讓菲律賓跟台灣之間到底是誰傳給誰遲遲無法定論。中央流行疫情指揮中心執行官周志浩表示，兩人在菲律賓才第一次見面，且台籍確診者在台灣的室友都沒有生病，因此研判兩人都是在菲律賓暴露同一個感染源。
指揮中心表示，國內確診第44例30多歲男性是於2月28日至3月3日前往菲律賓旅遊，3月2日在菲律賓期間發病，3月5日確診；而其在菲律賓的台籍友人是在3月3日發病，3月6日就醫採檢，3月8日在當地確診，第44例雖是所謂的「指標病例」。
周志浩表示，在國內第四十四案例是在3月2日開始不舒服，接下來就醫，馬上被指揮中心掌握，後來調查，他在菲律賓有跟一個朋友相處，這名台籍友人是在3月3日發病，兩個發病時間幾乎是一樣，因此推測，兩人可能是在差不多時間感染，且是透過共同朋友認識，第一次見面是在菲律賓，因此研判是在菲律賓。
至於為何是在菲律賓感染？周志浩表示，因為44案例的室友，台灣個案的其他室友應該最容易受到感染，但是都沒有症狀也沒有感染，因此排除是在台灣感染，而是覺得在菲律賓暴露共同的感染源。</t>
  </si>
  <si>
    <t xml:space="preserve">新冠肺炎疫情延燒，中央防疫指揮中心建議各級民代不要跑攤，獲台南市議會集體回應，議長郭信良3日率不分黨代議員，宣布即日起將配合「民代不跑攤」、「拱手不握手」、「勤洗手」等中央防疫作為，請市民朋友們體諒民代不是不認真，而是基於防疫考慮。
郭信良今天率王家貞、黃麗招、穎艾達利、吳禹寰、洪玉鳳、蔡秋蘭、谷暮．哈就、李鎮國、盧崑福、蔡旺銓、李中岑等國民黨、無黨籍及民進黨籍市議員，舉行「回應中央疫情防疫政策─建議民代不要跑攤，沒跑攤不算失禮」記者會，公開宣布將配合推行中央防疫政策。
推行不跑攤的民代們表示，中央防疫情中心認為民代是疫情傳染的高危險族群，建議不跑攤、不握手、勤洗手，他們除正面回應防疫總指揮陳時中的呼籲外，也希望這段時間前來陳情的市民朋友們，配合議會要求戴口罩等相關防疫措施，大家共體時艱一起為防疫而努力。
郭信良指出，台南市議會從自身做起，員工們每日早上上班時都會先測量額溫，自主做好健康管理；另外，議長盃各項比賽活動在3月暫停接受申請，全力配合中央防疫。至於議會推行拱手不握手，大家勤洗手的觀念，希望不僅是議會員工，社會大眾也都能習慣以拱手代替握手，平時勤洗手，健康地度過這段防疫期。
郭信良還說，民眾習慣以握手表示熱情，但現今疫情尚未穩定，為了減少傳染的可能性，議會推行拱手不握手的新觀念，希望拱手致意成為常態，大家相互體諒，不握手不代表失禮，拱手更為有禮。
郭信良還強調，依據衛福部所發布的新聞稿，對抗疫病首要就是「勤洗手」，而且要落實肥皂勤洗手正確5步驟（濕、搓、沖、捧、擦）及7字訣（內、外、夾、弓、大、立、腕），並減少用手觸碰眼口鼻，才能遠離疫病。
市議會也同時邀請市府民政局說明各區里鄰長文康及訓練活動的舉辦情形。民政局主任秘書陳仲杰說明，目前除了永康區及安南區已舉辦2梯的文康訓練活動，其餘梯次及各區尚未舉辦的部分都已暫緩舉辦；此外，已有350家宮廟同意將原有的遶境計畫延期辦理。
洪玉鳳更建議，議長郭信良與市長黃偉哲合拍「拱手不握手」宣導短片，提醒市民朋友共同落實此一防疫作為。
</t>
  </si>
  <si>
    <t>中央流行疫情指揮中心今(30)日公布國內新增8例COVID-19確定病例，分別為3例本土及5例境外移入；另確診個案中無新增死亡。
指揮中心表示，今日新增之3例本土病例(均非居家隔離期間陽性者)，為2例男性、1例女性，年齡介於10多歲至70多歲，1例為今(2021)年8月29日發病，餘2例為無症狀感染，個案分布均在新北市；其中1例為已知感染源、2例關聯不明，將持續進行疫情調查，以釐清感染源。
指揮中心指出，近期確診個案解隔離情形，5月11日至8月28日累計公布14761位確診個案中，已有13673人解除隔離，解隔離人數達確診人數92.6%。
指揮中心表示，今日新增5例境外移入個案，均為男性，年齡介於未滿10歲至60多歲，分別自印尼(案16096、案16101)、泰國(案16097)、荷蘭(案16098)、菲律賓(案16099)入境，入境日介於8月27日至8月29日；詳如新聞稿附件。
指揮中心統計，截至目前國內累計2651089例新型冠狀病毒肺炎相關通報(含2633030例排除)，其中15991例確診，分別為1413例境外移入，14525例本土病例，36例敦睦艦隊、2例航空器感染、1例不明及14例調查中；另累計110例移除為空號。2020年起累計834例COVID-19死亡病例，其中825例本土，個案居住縣市分布為新北市410例、臺北市315例、基隆市28例、桃園市26例、彰化縣15例、新竹縣13例、臺中市5例、苗栗縣3例、宜蘭縣及花蓮縣各2例，臺東縣、雲林縣、臺南市、南投縣、高雄市及屏東縣各1例；另9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新冠肺炎從武漢蔓延到歐洲、美洲，台北經營管理研究院院長陳明璋今於「疫情隊經濟和健康的影響與對策論壇」中指出，陸美貿易戰已讓大陸經濟增速放緩，當「灰犀牛」經濟遇上疫情「黑天鵝」，將導致企業倒閉潮、債務違約潮，系統性金融風險陡升，陳明璋預估，短期大陸首季經濟增長跌破3％，中長期角度來看，未來10年「大陸經濟將進入保四爭五的年代」。
大陸經濟下滑，陳明璋表示，對韓國受創最深，大陸GDP每下降1個百分點，對韓國GDP衝擊將有0.35個百分點，其次是香港、泰國、日本等，而台灣外銷大陸占比逾40％，陳明璋強調，台灣也難置身事外；陳明璋形容，大陸遇上新冠肺炎疫情如同「蝴蝶效益」，現在產業因疫情停工、經濟停頓，連遠在南大平洋的紐西蘭，撈捕的龍蝦價格連下跌都滯銷，因為大陸消費市場突然按了「暫停鍵」。
陳明璋警示，新冠肺炎的疫情，讓兩岸關係「冰起來」，疫情會過去，卻擔心兩岸關係「回不去」，目前疫情延燒、大陸復工比例偏低，兩岸供應生產斷鏈，未來可能進而導致兩岸貿易的衰退。
陳明璋表示，目前台灣對大陸的順差高達900億美元，若拿掉對大陸的順差將轉為逆差，他擔心，這場瘟疫可能導致成為政治的瘟疫，台灣領導人物考慮政治固然重要，但也不能因為政治犧牲經濟面，政黨輪替演變成「政冰對抗」現象，未來雙方握手言和不易。
面對疫情，陳明璋觀察，台商幾乎成立緊急應變小組，進入備戰狀態，現在最重要的是想辦法存活下來；陳明璋表示，企業接下來要將危機化為轉機，疫局可能是良局，企業除了搶人才外，甚至可以利用資金低利率環境、便宜的市場特性勇於併購，替自己創在未來10年的成長引擎。
台灣藥品行銷暨管理協會理事長朱茂男表示，疫情已對台灣製藥產業、醫療器材造成衝擊，比較棘手的是，原料藥過度仰賴大陸單一進口來源，將面臨斷藥危機，而其他疫區國家的藥廠，也因為封廠停工，進口藥品也將有短缺壓力，抗生素及慢性病患用藥首當其衝；朱茂男指出，雖然藥品可以找替代性，但疫情再延燒下去，問題在今年暑假後將逐一顯現。
前衛生署長葉金川今參加論壇，現場主持的朱茂男「好奇」問，怎麼會叫前總統馬英九「閉嘴」？葉金川解釋，其實是擔心多達台商子女回台風險太高，小朋友萬一染病，其實死亡率不高，但最怕回國傳染給家中70、80歲的阿公阿媽，老人家染病死亡風險太高；葉金川提及，現在義大利、日本都停課了，台商子女少上幾天學沒這麼嚴重，小孩又不像大人有自我管理的能力，回來隔離仍要有大人照顧，建議等疫情鋒頭過了再回國，強調是站在防疫角度才有這樣的建議。</t>
  </si>
  <si>
    <t xml:space="preserve">神腦(2450)今年前三季受到疫情影響，累計營收年減一成左右，第四季預估在新蘋果iPhone帶度下，營收將出現明顯回溫，全年獲利也會比去年好，展望2021年，神腦總裁林保雍表示，看好明年在5G帶動下，營運可望較今年好。
神腦今年前三季受到疫情的關係，除市場買氣受到影響外，加上供應鏈急凍，累計前三季營收年減一成，但預計第四季在疫情減緩，加上新iPhone 12系列帶動下，第四季營收可望季增、年增，預估全年獲利也會比去年高，神腦去年每股賺1.59元。
神腦今年前三季營收194.11億元，較去年同期減少一成，但在產品結構改變下，前三季毛利率成長到11.6%，而業外轉投資利益減少2000萬元，稅後盈餘2.84億元，年減6.8%，每股盈餘1.1元。 林保雍表示，神腦持續將聚焦通訊、家電、及保建，結合新神腦生活智慧館及全通路與無本創業線上創業平台的商業模式，看好明年在5G帶動下，營運可望較今年好。
神腦數位創新事業部總經理陳世祥也說到，神腦將在未來三年啟動「三個策略轉型計畫」，也就是所謂的「三加三」策略，首先，是新的商業模式神腦購，就是協助想創業的一般消費者及店主，跨越採購門檻，免貨的無本創業平台，2021年將投入更大資源加速發展神腦購-無本創業線上創業平台；再者，是因應5G的商轉，神腦加速發展除了手機以外的智慧家庭及IoT(物連網)，不只是賣產品，更重要的是服務；最後則是延伸在通訊產業的能量及經驗，打造家電及保健，創造神腦營收增長的第二支腳及第三支腳；整體來說，在三加三策略下，神腦2021年希望非通訊業務希望從目前的25%，拉高到35~40%，電商佔比超過10%。另外，除目前245家二代數位電話，2021年也會推出全新智慧家庭及IoT的全面展示體驗店，首家門市可望在台北市開出。
在徵才方面，神腦無本創業平台明年將進行重要業務拓展計畫，明年將全台召開24場說明會，以招募1000位店家為目標。
另外，神腦上周末舉辦「2020 原鄉踏查紀錄片競賽頒獎典禮暨特映會」，此為全國唯一橫跨兒少、青年、社會不同年齡層的紀錄片競賽，本屆來到第12屆，以「日常即景」為競賽主軸，鼓勵民眾採集家鄉或日常生活中，最獨特的光影景象，用自我獨特的觀點以影像訴說，採取實際行動，實踐原鄉踏查精神。
</t>
  </si>
  <si>
    <t>金管會公布2020年5月信用卡業務概況，受惠母親節檔期消費轉熱、牌照稅入帳挹注，當月簽帳金額回升至2147億元，月增4.09％、但仍年減19.86％，衰退幅度創同期新高。累前5月簽帳金額1.14兆元，年減10.02％，仍為近11年來首見衰退，衰退幅度為同期次高。
金管會統計，5月33家信用卡發卡機構總流通卡數約4868萬張，月增0.37％、年增7.72％，總有效卡數約3218萬張，月增0.16％、年增6.03％。循環信用餘額約1060億元，月減2.03％、年減3.55％，簽帳金額約2147億元，月增4.12％、年減達19.86％。
受新冠肺炎疫情衝擊，信用卡單月簽帳金額今年前5月已有4月較去年同期衰退。5月金額較4月回溫，銀行局副局長黃光熙分析，主要由於量販、超市、影音娛樂消費增加，應是母親節檔期消費增加帶動，而牌照稅在5月底前入帳，亦挹注簽帳金額增加。
據金管會統計，由於金融海嘯衝擊經濟，2009年1～5月信用卡簽帳金額均較2008年同期衰退，累計前5月年減11.69％。而2010～2019年間，信用卡簽帳金額均逐年成長，年增率介於6.22～19.21％。</t>
  </si>
  <si>
    <t>美國前國務卿鮑爾病逝，死因為新冠肺炎併發症。根據外電報導，鮑爾雖已完整接種兩劑疫苗，但他患有罕見血癌、帕金森氏症，免疫功能不全。醫師姜冠宇認為，針對本身就有多重慢性病的人來說，罹患COVID-19容易加重這些併發症，他呼籲若欲降低死亡數，應盡快做準備，幫免疫低下者追加第3劑。
綜合國外媒體報導，姜冠宇分析，鮑爾的免疫系統本來就差，而體弱的人在確診後，很多症狀會持續，「確診的衰弱老人即便二採陰，病程也未必結束，出院後萬一支持不夠，還是有死亡風險」。
姜冠宇強調，要減少ongoing covid的死亡，免疫低下者應追加打第3劑新冠疫苗。他建議中央、地方政府優先統計這些有潛在需要的人口（免疫低下者與高齡長者），其他人等待次世代疫苗即可。</t>
  </si>
  <si>
    <t>「印度神童」阿南德近日又有新預言，他表示，新冠疫情恐在12月再爆發更大範圍的傳染，尤其是疫苗高接種的國家，疫情可能會捲土重來；另外今年冬天到2022年的5月，可能會碰到大寒及大雨，並會在亞洲、歐洲等地區造成影響，要等到2022年下半年就能迎接好日子。
阿南德（Abhigya Anand）近日於個人YouTube頻道《Conscience》發布影片表示，受到木星逆行的關係，12月第二周開始，可能會看到更大的新冠疫情危機，病毒傳染範圍恐再擴大，其中以疫苗覆蓋率高的國家要小心，可能面臨高感染率，他點名英國、美國、新加坡及以色列等4國家，提醒防疫千萬不能鬆懈，否則疫情將捲土重來。
阿南德以新加坡為例子說明，新加坡過去曾因高接種率，成為全球新冠疫苗「完整接種」最高的國家，即便如此，新加坡的每日確診人數卻居高不下，單日新增近4千人染疫、18人死亡，確診數字不斷創新高，新加坡政府只好宣布現有防疫措施再延長至11月21日。
除此之外，阿南德說，除了新冠肺炎外，氣候變遷的危機仍舊存在，極端氣候將影響今年的冬天，甚至直到2022年5月，都會面臨大寒及大雨，且在整個亞洲和歐洲等多個地區造成影響。但阿南德也建議，大家要保持樂觀的心情，凡事往好的地方想，好事自然就會來，且2022年的下半年開始，日子就會愈過愈好。
★《中時新聞網》提醒您：民俗傳說僅供參考，請勿過度迷信。</t>
  </si>
  <si>
    <t>美國衛生研究院（NIH）轄下國家過敏和傳染病研究所（NIAID）表示包含日本武田製藥等多家藥商，已開始對住院的新冠肺炎病患測試一套臨床實驗性的血漿療法，即從康復者身上抽取癒後血漿，利用血中抗體製成治療藥物。
NIAID周四表示正資助這套療法研究，向500名來自非洲、亞洲、歐洲、北美和南美洲等18個國家的住院病患進行測試。研究員希望康復者的血中抗體能加強病患免疫系統，和協助消滅病毒傳染力。
測試方法是用癒後血漿所製藥物，跟吉立亞醫藥（Gilead Sciences）的抗病毒藥物瑞德西韋（remdesivir）合併使用，然後拿來與瑞德西德和安慰劑的使用結果做比較。
參與這次研究的藥商組成名為CoVIg血漿聯盟，包括武田製藥、西班牙基立福（Grifols）、美國Emergent BioSolutions和CSL Behring等負責收集癒後血漿和提供抗病毒的抗體來製造測試藥。
聯盟內的德國Biotest和Octapharma等負責從癒後血漿中製造超級免疫球蛋白。
NIAID強調其研究跟之前的癒後血漿療法不同之處，是其測試藥內含抗新冠肺炎的抗體量，為一般血漿療法的好幾倍。研究員把藥商收集來源不同的癒後血漿淨化，濃縮血中抗體來製造超級免疫球蛋白。
CSL首席醫藥長梅茲扎洛堤（Bill Mezzanotte）希望在年底前能透過這次臨床實驗取得所需要數據。
武田製藥表示有跡象顯示像超級免疫球蛋白等療法，有效治療嚴重的病毒性呼吸道感染，美國主管機關8月也授權可緊急使用癒後血漿來治療重症病患。
但世界衛生組織（WHO）對此療法態度謹慎，因為證據顯示其治療效果「低質量」。
由於癒後血漿很稀少，CoVIg不斷呼籲康復者考慮捐出自己的血漿。</t>
  </si>
  <si>
    <t>新冠肺炎疫情升溫，全台三級警戒，靈鷲山慈善基金會愛心在新北、桃園陸續捐口罩、額溫槍、酒精、洗手乳、安心御守等防疫物資，給第一線防疫人員，今（20日）下午捐贈1000份愛心防疫包到新北市政府。
靈鷲山慈善基金會推動海外醫療義診服務多年，也相當重視台灣偏鄉及山區有醫療需求的民眾。日前拜會新北市政府社會局社會救助科，獲悉近來本土疫情加劇，憂心街友恐成社區抗疫破口，配合社會局需求，捐助內含酒精、乾洗手液、口罩、心靈防疫小卡的愛心防疫包。
靈鷲山開山住持心道法師說，在這場疫情的震撼教育中，真實感受到「地球上的萬物眾生是一個生命共同體」，期許人們回到本初，不要再違反地球靈性生態倫理，唯有找回靈性，尊重、包容、博愛，彼此分享，才能互濟共生，讓地球永續。
靈鷲山配合政府規定，遵守社區防疫及保護大眾健康，即日起，靈鷲山總本山及所屬各講堂、中心暫停對外開放。在此非常時刻，希望人人小心防疫，遵守戴口罩、勤洗手、避開群聚規定，保護自己、慈悲他人，並號召持誦〈大悲咒〉、〈楞嚴咒心〉匯聚善念，祈願人民遠離恐懼，台灣疫情早日消弭。</t>
  </si>
  <si>
    <t>新冠肺炎警戒期間，民眾宅在家防疫，也成了詐騙集團囊中物，高市新興分局在6、7月共攔阻16件詐騙案，擋下民眾受騙452萬元，其中金融機構警覺提高，火速通報警方到場成了反詐關鍵；分局長戴台捷28日特地到郵局、行庫，向佛心的行員表達感謝，並致贈禮券和感謝狀。
新興分局6月期間，曾在1天就接獲轄內兩間金融機構通報疑似詐騙，前金區一銀行通報，48歲唐姓婦人遇假投資真詐騙，前往臨櫃欲提領現金40萬元，另一名63歲余婦人遇到假包裹詐騙，前往新興區另一行庫匯款500元美金，所幸都被警方及時攔阻。
新興分局分析近來詐騙集團的手法老梗新唱，包括「假交友（投資詐財）」、「投資網路虛擬貨幣」、「網路認識異性友人稱協助敘利亞軍官資助運費」，以及「退休老師在家遭假冒學生經濟陷入困境借款紓困」等詐術居多。
警方指出，詐騙集團為詐取民眾，各種話術可說無所不用，但高市警局與轄區金融機構行員機警以及聯繫管道順暢，都在員警到場協助後成功攔阻詐騙；警方向民眾勸說其中有異之處，也協助查詢所提供的訊息，果然都是詐騙帳戶。
分局長戴台捷提醒民眾，家中如有年長者，要提醒接聽電話，應提防各種詐騙手法，並強調所有的公務機關，絕對不會監管任何的金融帳戶，更不會要求派員收取存簿或勘驗現金；防止詐騙三步驟「一聽、二掛、三查」，對於任何網路上的訊息都需要詳細查證，勿輕易匯款。</t>
  </si>
  <si>
    <t>為防堵疫情持續擴散，食藥署緊急核可4款進口和1款國產居家快篩試劑，並於今（22）日在全台藥局陸續販售，明（23）日下午，台灣四大超商也將開賣，引發不少民眾搶先預購，有藥師因此出面示範居家快篩使用方法，並向政府喊話，建議效仿國外設立雲端平台，讓民眾將篩檢結果隨時上傳，查詢更方便。
日前，食藥署緊急核可5款居家快篩試劑，避免新冠病毒黑數日益增加，盤點各款快篩試劑價格，屬於抗原檢測的3款，分別為一劑360元的「羅氏」；300到350元的「福爾」，還有價格未定的「英斯特」。至於另一種核酸檢測的，則有「盧西拉」和「萊析樂」2款，其準確度較高，但價格也相對較貴，前者1800元，後者3000元。
為了讓居家快篩的效果發揮到最大，根據《三立新聞網》報導，藥師沈采穎特別出面呼籲政府「如果說我們能盡快成立一雲個平台的話，其實對於未來在家做自我檢測可以上傳的話，是有助於疫情的控制。」
不僅如此，她還親自示範居家快篩使用方法，首先，檢測前必須先清空鼻腔，確保準確性，接著將棉棒插入鼻部約2-2.5公分深，左右鼻孔各繞5圈，分別15秒，最後再把棉棒放入試管，混合試劑攪拌10次，並滴4滴到試紙上，待15分鐘後，篩檢結果便會出爐，2條線代表陽性，須立即通報衛生局或致電1922，1條線則是陰性。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資誠（PwC）6日指出，因應新冠肺炎疫情蔓延，英屬維京群島（BVI）暫時修改非控股公司經濟實質要求，像是董事會議可改為線上會議，不用在BVI當地開會。
而BVI經濟實質法規的董事會議出席人數，因應疫情關係，也改為法定人數即可，不用全員到齊，資誠表示，台商在當地公司法遵成本短期內可降低。
根據經濟實質法規，自2019年6月30日起，台企、台商在BVI群島的紙上公司必須符合經濟實質規定，像是銀行業務、經銷與服務業務、融資與租賃業務、基金管理業務、營運總部、保險業務、智慧財產權業務、航運業務以及控股公司等九大類型。
採取歷年制的BVI公司，必須要在2020年12月29日前進行年度申報。在BVI若第一次違反經濟實質法規，罰鍰從5千美元起跳，最高可達2萬美元，情況嚴重者將可能被停業或撤銷營業登記。
資誠全球稅務服務會計師曾博昇指出，如果台商在BVI公司為純控股活動，可適用較低限度的實質營運要求，例如不需要於當地開立董事會，且可以外包當地專業機構提供員工及辦公室的要求。
台商在BVI公司若被認定為其他八大類活動，例如進行貿易轉單業務、擔任集團資金中心貸與關係企業資金收取利息，或是為其他關係企業提供管理服務收取服務費等，依照經濟實質法規，必須雇用一定的當地員工、在當地有營運處所與營運費用，並且要有一定數量的董事出席。曾博昇認為，台商面對疫情造成的旅遊限制，可準備證明文件，並考量適用BVI新冠肺炎彈性措施。
另外，如今新冠肺炎疫情蔓延，曾博昇指出，不少國家的政府機構的行政效能變得相當緩慢，如果台商因應經濟實質法規或其他反避稅因素採取架構調整，例如申請成為他國稅務居民、調整交易模式或法律控股架構等，時程上都可能有延後情況。</t>
  </si>
  <si>
    <t>中央流行疫情指揮中心將華航機組檢疫措施鬆綁為「3＋11（居家檢疫3天採檢陰性及自主健康管理11天）」，被外界認為是防疫破口，指揮中心更針對「萬華高風險族群」註記健保卡，遭質疑是恐怖國家機器。台北市議員鍾小平不滿指揮中心不認錯，又歧視萬華人，28日上午赴台北地檢署，控告指揮官陳時中廢弛職務釀成災害罪。
鍾小平表示，中華民國人民不分男女、宗教、種族、階級、黨派一律平等，指揮中心註記健保卡的做法，明顯違反憲法平等權，憑什麼歧視萬華？萬華不會自己生出病毒，病毒是來自英國變種、諾富特邊境管理沒做好，指揮中心在華航機師部分放水，縮短隔離期間造成。
鍾小平強調，病毒來源是國門，指揮中心管理不善、放水，讓諾富特機組人員、包商、員工到萬華阿公店消費，才把病毒帶到萬華，萬華再傳染給全台灣，所以要告陳時中。
鍾小平說，指揮中心解釋註記是幫助醫療院所及醫師做診療判斷，這都是狡辯之詞，註記幾百人就算了，卻總共註記15萬，這比例太大了，而且現在疫情蔓延到全台灣，憑甚麼只註記萬華？明顯的歧視跟霸凌，完全戕害人權，陳時中和副指揮官陳宗彥迄今仍不認錯。
鍾小平控告陳時中的罪名是《刑法》貪瀆罪章第130條，「公務員廢弛職務釀成災害者，處3年以上10年以下有期刑。」</t>
  </si>
  <si>
    <t>大陸經歷近兩個月的新冠肺炎疫情嚴酷考驗，無論中央或地方都在經驗中累積不少教訓，但也得到比2003年SARS期間更多寶貴防疫資產。任何防疫經驗都值得參考，不該以人廢言，值得學習就學習，至少像大陸的封城經驗已經驗證是有效的，許多疫情初發的國家都已在學習。
中國疾病預防控制中心副主任馮子健說，回顧應對疫情的過程，中國有教訓，也積累許多經驗，特別是對疾病特點、控制措施有效性等方面形成一些認識，把這些經驗即時分享給目前確診病例增長的國家，是中國應做的事。國際社會也將由此形成合力，共同應對這一全球公共衛生危機。
的確如此，任何凶猛的傳染病疫情，都會對人類帶來極大危害，這波新冠肺炎疫情已經造成全世界經濟的嚴重傷害。而在疫情防控及病毒、疫苗等研發方面，各國不必再走冤枉路各自發展，而是互相攜手共同對抗相同的敵人病毒。
大陸在世界上，或許不是非常受歡迎的國家，但在這波面對新冠肺炎所展現的防控手段，果決且嚴實，尤其是付出絕對慘重代價的封城措施，將疫情封鎖在大陸境內，尤其是湖北一省，的確不容易。果非如此，相信目前全世界的疫情早已失控，該給的肯定還是不必吝惜。</t>
  </si>
  <si>
    <t>宅配通（2642）28日股東會通過今年配發股利1.2元。該公司受惠宅經濟，今年首季獲利5,454萬元，年增44.55％，EPS0.57元， 優於市場預期，第二季獲利估會更好，還有第四季全年最大旺季，全年獲利估會有大幅增長。
宅配通去年營收37.13億元，獲利1.62億元，EPS1.69元，今年因為新冠肺炎讓電商業務成長加速，公司承接的電商平台貨物約占營收三成，但實際與電商有關的貨載多很多，現在小農也透過網路銷售產品，另外透過超商代收代送的貨物，很多都是網購商品，由於第二季是傳統旺季，有端午節大檔期，夏季高價冷藏貨也開始增多，估業績表現會更好。
新冠肺炎改變民眾消費習慣，電商業務激增，讓宅配市場淡旺季越來越不明顯，第四季有雙十一與雙十二，估計是業績表現最好第一季。
宅配通今日董事會將除息交易日訂在6月15日，最後過戶日為6月16日，股票於6月17日~6月21日停止過戶，除息基準日為6月21日，現金股利發放日訂在7月1日。</t>
  </si>
  <si>
    <t>汽車產業關閉歐洲和北美廠房，協助防止新冠肺炎疫情擴散。專家指出，若歐美關廠延續至4月底，汽車產業恐流失逾1,000億美元營收。
研究機構AutoAnalysis創辦人亨利（Ian Henry）預測，如果汽車產業的歐洲與北美廠房停工至4月底，歐洲市場的營收可能減少660億歐元，或260萬輛汽車，北美地區可能損失520億美元，或200萬輛汽車。
亨利指出，歐洲廠房停工多延一周，汽車業的產值便多流失80億歐元，北美地區的損失金額為75億美元。
汽車製造商3月宣布暫時關閉廠房，避免勞工染感病毒，也因應新冠肺炎疫情導致汽車需求萎縮，歐美所有大型汽車組裝廠目前皆暫停運作。
許多汽車業者先前預期，廠房可望在3月底或4月恢復運作，如今包括日產、福特與通用在內的汽車廠皆表示，歐美廠房「無限期」關閉。日產日前讓英格蘭桑德蘭（Sunderland）廠房的6,000名生產線員工放無薪假。
亨利向媒體表示，5月前汽車產業可能都無法復工。
英國汽車產業在新冠肺炎疫情爆發之前，便已經面臨營收下滑、柴油車需求萎縮，以及英國脫歐不確定性挑戰，專家警告，英國汽車業可能無法從新冠肺炎危機中復原。　　根據英國汽車製造商及貿易商協會（SMMT）6日公布，英國3月新車註冊較前一年同期崩跌44％，摔幅慘過全球金融危機時期，主要因為新冠肺炎導致展示中心關閉，導致銷售驟降。
其他歐美市場也面臨相似難題，根據各國已公布的數據顯示，西歐3月汽車銷售約大跌三分之二，而美國3月汽車銷售降至10年新低水準。　雪上加霜的是，越來越多民眾受限於禁足令，經銷商也被迫關門，汽車廠預期4月汽車銷售縮幅可能更嚴峻。</t>
  </si>
  <si>
    <t xml:space="preserve">新冠肺炎疫情升溫，行政院長蘇貞昌昨晚夜訪中央疫情指揮中心，為辛苦的防疫指揮官陳時中和防疫人員加油打氣，對此，國民黨新北市議員葉元之批評，防疫已經很辛苦，蘇大院長還有空去作秀，結果只是逼指揮中心的工作人員不能休息，還要花精力應付蘇，真是有政府會作秀。
蘇貞昌昨（13日）在臉書說，他開完國安會議、台電應變會議後，晚上來到指揮中心，為辛苦的防疫團隊打氣，也要告訴國人同胞，有一群堅守崗位的防疫人員每天這樣全力以赴，只要大家做好個人防疫，遵照指揮中心的指引，一定可以一起度過這波疫情。
對於蘇貞昌的參訪，葉元之昨在臉書發文批評，全台大停電、疫情大爆發、疫苗打不到、各地缺水、台鐵改革遲緩釀重大意外，蘇大院長還有空去作秀，逼得指揮中心辛苦的工作人員不能休息，必須去應付蘇；葉元之在文末譏諷，「有政府會作秀」、「台鐵事故的責任請先說清楚」。
許多網友也在其po文底下留言表示，「沒事兒，用愛發電 用肺發電，燒乾淨的煤！還會怪百姓開太多冷氣造成發電廠過載！給您按個讚喔」、「戴著口罩喝下午茶？這秀做的精彩」、「辛不辛苦，天知道！一顆老鼠屎，壞一鍋粥！人民也知道！唱高調，搞文宣，加謊言，獨裁，抹黑，顛倒黑白，天和人民都知道！」、「討人厭的人，去那邊作秀基層還要伺候他」。
</t>
  </si>
  <si>
    <t xml:space="preserve">導線架廠—順德(2351)公布2019年獲利自結數，每股稅前盈餘為3.82元，受到農曆年長假影響，順德1月合併營收為6.47億元，月減15.97%，儘管大陸新冠肺炎疫情蔓延，順德預估，第1季營收有機會逐月成長，單季營收將較去年第4季小幅衰退到持平。
由於去年第4季智慧型手機客戶需求增溫，順德去年第4季合併營收為21.53億元，季增1.13%，稅前盈餘為9288萬元，季減47.36%，單季每股稅前盈餘0.51元；累計2019年合併營收為88.39億元，年減15.14%，營業淨利為7.45億元，稅前盈餘為6.95億元，每股稅前盈餘為3.82元。
受農曆年長假、工作天數減少影響，順德1月合併營收6.47億元，月減15.97%，年減24.46%。
順德大陸蘇州廠區已於2月10日順利復工，不過受到大陸嚴格管控疫情影響，目前復工率低於往年，不過順德主要廠區在台灣，重要客戶訂單可由台灣廠區支應出貨，可望降低大陸新冠肺炎疫情對生產及出貨的影響。
順德表示，今年第1季營收有機會逐月成長，單季合併營收將較去年第4季小幅衰退到持平。
</t>
  </si>
  <si>
    <t xml:space="preserve">新冠肺炎疫情肆虐全球，不過WHO 秘書長譚德塞卻將矛頭指向台灣，痛批遭台灣人身攻擊和種族歧視，此發言引爆台灣網友不滿，對此網紅丹妮婊姐則在臉書砲轟：「對啊，我們就是歧視你」，立刻引發網友議論。
WHO 秘書長譚德塞痛，指控過去3個月遭台灣發起的種族歧視攻擊，此舉讓網紅丹妮婊姐也在臉書發文回擊，表示就是歧視譚德塞，只不過不是歧視膚色黑，而是「看起來有頭蝨還要教我們衛生」，她舉例威爾史密斯來台宣傳時，多少台灣粉絲到機場接機，Kobe死掉時更是全台直男崩潰，由此證明台灣人從來沒歧視過黑人，此外更強調三個月前，全台灣都忙著關心總統大選，當時根本沒有人知道譚德塞是誰？接著狂酸：「少把自己講得很像國際巨星一樣」。
對於譚德塞控訴遭台灣霸凌，丹妮婊姐更不諱言全是他罔顧台灣2300萬人衛生安全導致，更怒嗆：「2300萬人的人命你don’t give a fuck，這才叫霸凌」，讓網友們紛紛大讚說得太好了。
</t>
  </si>
  <si>
    <t>新冠肺炎疫情持續升溫，包括無症狀感染者、找不到感染源的患者以及院內群聚事件都陸續發生，但中央流行疫情指揮中心近期才宣布要在各地方社區成立篩檢站，擴大檢疫量能，遭醫界專家質疑超前部署政策淪為口號，防疫動作根本是慢半拍，恐有防疫黑數。
曾在SARS期間擔任防疫要職的不具名官員指出，指揮中心雖強調目前國內單日的檢驗量能達2450件，但事實上有很多個案都要等待48小時才拿到報告，在等待結果期間，民眾若不知已感染又趴趴走，就會形成巨大防疫破口；目前僅42例確診個案，不是國人特別幸運，就是背後藏有巨大黑數。
該官員指出，新加坡之所以能快速將疫情壓下，就是擴大檢驗量能的超前部署策略成功。早在疫情剛發生時，新加坡就已完成公共衛生場所作為篩檢站的指定安排，且地毯式的追溯所有肺炎案例，確診個案才會如雨後春筍般出現，韓國目前快篩作法也是類似模式；但指揮中心還在討論如何設置社區篩檢站，也難怪遭質疑是檢疫容量不足。
據了解，春節期間，各家醫院與多個地方政府早就研擬出一套超前部署的措施，包含醫院內病患動線分流安排、特別門診設置，甚至是隔離場所等分艙分流規畫，對比中央近日才提出相關政策，也被業界指為慢半拍。
前衛生署長葉金川也贊成擴大民間檢疫量能，他指出，國內應有能進行新冠病毒檢驗的民間機構，若政府的量能有限，不妨給予民間檢驗機構認證，並訂出收費標準，讓有疑慮的民眾，或有需求的企業自行安排篩檢，不僅能紓解中央的壓力，也能達到擴大篩檢的目的。</t>
  </si>
  <si>
    <t xml:space="preserve">17歲就參加甄選被發掘簽下的女星蘇晏霈，擁有甜美陽光外型，在本土劇圈耕耘多年，深獲觀眾喜愛，近來更接拍《我的婆婆怎麼那麼可愛》，擔任第二女主角，拓展演藝事業版圖，人氣直線上升中，而她經常透過社群跟粉絲分享生活，最近蘇晏霈po文透露去接種AZ疫苗，曝光施打後自身的狀況，坦言辛苦整整倒在床上兩天。
台灣經歷三級警戒，如今雖然本土疫情已經趨緩，但變種病毒來勢洶洶，一個不慎很可能又要面臨困境，不可不防，而除了全民繼續堅持防疫守則外，積極拉高全台疫苗施打率，也是當務之急，「本土劇女神」蘇晏霈基於保護自己也保護他人的心態，昨(9/6)在臉書po文透露，自己已經接種疫苗，打的是AZ。
蘇晏霈在po文中表示，接種AZ疫苗已經有3天了，同時公開了打針當天以及現在的照片，表示她打了AZ之後副作用頗強烈，「躺在床上蓋著厚棉被，發冷又發燙了兩天」，直到第三天較為清醒，才終於給自己拍了張照。
照片中，已打完針3天的蘇晏霈，還沒離開床舖，躲在厚棉被裡自拍，眼神明顯迷濛，躺床自拍照相當唯美，但這幾天卻是過得很苦，她表示一直到現在身體狀況才恢復一些，「只有躺到渙散、頭髮出油邋遢了一點點，謝謝粉絲們、朋友滿滿的關心」，文章一po出，就有許多星友前來留言關心，包括Gigi(林如琦)、白家綺、許富凱，都要她不要逞強再多休息一下，叮嚀她要好好補充維他命，而看她施打AZ後副作用如此劇烈，吳東諺則笑虧：「年輕人認證標章」，此事引發了網友議論。
</t>
  </si>
  <si>
    <t xml:space="preserve">因應新冠肺炎疫情，立法院今天三讀通過紓困條例，蔡英文總統下午隨即簽署後發布，蔡英文感謝行政院和朝野政黨的立法效率，強調接下來還有600億特別預算會送到立法院審議，希望朝野能夠再度攜手，盡速審議預算，提供防疫最有力的後盾。
根據立法院三讀通過的「嚴重特殊傳染性肺炎防治及紓困振興特別條例」，規定經費上限為新台幣600億元，經衛生機關認定須隔離或檢疫者等，得申請「防疫補償」。
蔡英文總統今天下午召開簽署條例記者會表示，謝謝朝野政黨合作，在最短時間內通過「嚴重特殊傳染性肺炎防治及紓困振興特別條例」，在面對疫情威脅時，朝野展現出來台灣民主的效率。
她說，稍早法案完成三讀後，我們立即完成簽署，讓防疫和紓困工作可以在更周全的法律基礎上，更紮實的進行。
這幾天疫情在歐洲亞洲好幾個國家快速蔓延，蔡英文表示，在這個關鍵時刻，謝謝蘇貞昌院長領導的行政院，迅速檢討法規和預算編列，針對防疫上有必要性的地方提出特別條例草案。
她也謝謝游錫堃院長，這是他就任立法院長後 通過的第一個草案，在他折衝協調下，朝野政黨攜手努力，最後終於通過這部特別條例，他要謝謝兩位院長和朝野黨團，並表達最大謝意。
她說，根據特別條例，未來無論是防疫物資還是生產設備的徵用調用，或針對物資囤積、哄抬或違反防疫措施散播不實訊息都有清楚的規定和處罰，關於隔離檢疫措施的進行，居家隔離的民眾和照顧隔離者的家屬，如果收入有受到影響都可以申請防疫補助。
此外，也會採取租稅鼓勵方式，獎勵雇主給予薪資給在職隔離員工，受疫情衝擊產業，政府也會訂定紓困振興措施，對員工需求提供必要的協助，她相信通過特別條例的立法，從行政院到立法院，從執政黨到在野黨，我們都有共同的目標，就是盡力防堵疫情，超前部署，務必要確保國人健康安全，和確保產業經濟的穩健。
她強調，接下來還有600億特別預算會送到立法院審議，希望朝野能夠再度攜手，盡速審議預算，提供防疫最有力的後盾，「雖然挑戰一波接一波，只要大家團結在一起，只要政府民間共同努力，我們一定可以通過考驗，我們繼續加油」。
</t>
  </si>
  <si>
    <t>新冠疫情看不到盡頭，台灣採購的疫苗何時到貨，沒人知道。國內3家生技業者中，後來居上的高端疫苗，已獲准進入第二期人體臨床試驗。《中時新聞網》記者去年底被抽中成為受測者，今前往台北榮總抽血，現場參與測試的人不多，一名女性表示，她真的很擔心被感染，有施打疫苗的機會，說什麼都要來試一下。
「我今天到醫院，一路上都沒有標示，照簡訊通知前往第三門診。」記者坦言，能成為全台2萬名獲邀受測的對象之一，心情相當興奮。到了現場，先由胸腔科主治醫師問診，聽呼吸、心跳後，轉往第二門診，由護理師進行說明後再抽血，「抽的量很多，我記得被抽了6管。」
記者表示，護理人員表明今天的抽血將作為能否進入下一階段的參考，若身體素質沒問題，預計小年夜前一天、2月9日正式施打實驗疫苗。護理師也分享了已參與第一期人體臨床試驗的狀況，「接種部位有點紅腫，後遺症會疲倦、嚴重一點的會頭痛，不過絕大部分人都OK。」
一名受測的女性表示，她朋友已打過高端一期，完全沒有不良反應，所以她很放心，「說真的，我很怕感染新冠肺炎，有機會提早打疫苗，當然要來試。」
高端疫苗的第二期人體臨床試驗，有一個機制叫做「雙盲機制」，分成2組，第1組接種真正的疫苗，約86%的人；剩下14%的人使用安慰劑（外型相同、不含有效成分的針劑，是0.5cc的生理食鹽水）。
接受測試者和研究人員在過程中，都不知道使用哪一種針劑，全憑機率決定。疫苗若研發成功，廠商會提供接種「安慰劑」的受測者施打真正的新冠疫苗。</t>
  </si>
  <si>
    <t>英國在台辦事處轉引牛津大學詹納研究所 (Jenner Institute) 成果指出，「牛津冠狀病毒疫苗」產生強烈免疫反應，沒有早期安全隱憂，相關成果已經發表在科學雜誌「柳葉刀The Lancet」
牛津大學發表的第一期/第二期（Phase I / II）實驗結果顯示，沒有早期的安全隱憂，並且在免疫系統的兩個部分均誘發了顯著的免疫反應。
牛津大學指出，在接種兩劑疫苗的10名參與者中，看到了最強的免疫反應，這表明這可能是接種疫苗的良好策略。
英國I / II期試驗於今年4月開始，測試牛津冠狀病毒疫苗ChAdOx1 nCoV-19。該團隊於2020年1月開始致力於開發針對冠狀病毒這一全球性威脅的疫苗，並且在與冠狀病毒的競爭中以前所未有的緊迫性開展所有工作。
在I / II期試驗期間，隨機對照試驗已對1,000多名年齡在18至55歲之間的健康成人志願者進行了試驗評估。這些志願者的一部分（10人）接種了兩劑疫苗。在2020年4月23日至2020年5月21日之間，有1,077名志願者接種了ChAdOx1 nCoV-19疫苗或安慰劑MenACWY疫苗。目前試驗結果顯示沒有與ChAdOx1 nCoV-19相關的嚴重不良健康事件。
牛津大學正在與總部位於英國的全球生物製藥公司阿斯特捷利康（AstraZeneca）進一步合作，在全球範圍內進行牛津疫苗臨床開發和生產的計劃，以大規模生產疫苗，並進而分發Covid-19疫苗。英國政府已挹注8400萬英鎊的資金推動此計畫，以幫助加速疫苗的研發。</t>
  </si>
  <si>
    <t xml:space="preserve">新冠肺炎疫情持續肆虐全球，其中以美國最為嚴重，確診人數已經突破240萬人，然而依舊不少民眾反對強制戴口罩，其中佛羅里達一場要不要強制戴口罩的聽證會中，一名紅衣女子高分貝拒絕戴口罩，更痛批這是「惡魔謀害人類的工具」，影片上傳到推特後引起熱議，「宅神」朱學恒也看傻，直說智商瞬間降低100。
朱學恒分享影片，表示「不知道上帝創造這些說口罩會殺人或者老娘不戴口罩因為這裡不是古巴的人，目的是不是為了毀滅他們？我光看完這幾分鐘就覺得智商降低了一百多」。這名紅衣女子在聽證會上語無倫次，宣稱口罩是惡魔用來殺害人類的工具，要求民眾戴口罩的醫生們犯下了反人類罪，「上帝不會放過這些人的」。
該女子甚至套用川普的陰謀論，繼續指控微軟創辦人比爾蓋茲與前國務親希拉蕊都是戀童癖，還是「秘密掌控美國的影子政府」成員，要求警方逮捕他們，更稱若5G出來後，以後每個人都要被量體溫、被掃描。還有白衣女子激動大喊，表示就如同自己不穿內衣一樣，她拒絕戴口罩，否則無法呼吸。
不少美國網友紛紛嘲諷：「看來川普找到最棒的祕書了」、「她們可以去當川普發言人」、「達爾文快點來把她們收走吧」、「川普跟他的信徒真是讓人大開眼界」。
朱學恒分享後，台灣網友也留言：「所以老天開始過濾這些人了」、「快要可以跟上帝喝咖啡了」、「號稱世界強國的美國，其國民還是很多民智未開…」、「進了棺材就可以去找上帝了，不急」、「還好病毒專找不戴口罩的人，我想這就是物競天擇吧」、「上帝覺得無辜」。
</t>
  </si>
  <si>
    <t>高雄28日驚傳1例本土確診個案，案15725出現相關症狀後，在27日自行前往醫院被採檢確診，疑似是被同住者傳染，市府接獲通報後，緊急匡列31位相關接觸者，該名同住者也被採檢確診，其餘30人快篩均呈陰性，PCR還在等待結果當中，目前尚未找到感染源。
根據市府衛生局疫調顯示，案15725的同住者曾於7月13到16日及25、26日與友人聚會，同住者於7月21日出現疑似確診的症狀，案15725則在26日出現發燒、畏寒、疲倦等症狀，隔日便自行騎機車到院採檢PCR，檢驗結果陽性確診，CT值僅12.9，目前收住醫院負壓隔離病房。
高市府衛生局表示，案15725的同住者被匡列後，經過檢驗後也被判定確診，CT值22.8，相關人員疫調後發現，該名同住者曾與北部友人多次聚會，疑似被友人傳染後，再傳染給案15725，針對該名同住者與其他友人是否違反群聚規定，尚在調查當中。
★《中時新聞網》提醒您：因應新冠肺炎疫情，疾管署持續加強疫情監測與邊境管制措施， 如有疑似症狀，請撥打：1922專線，或0800-001922，並依指示配戴口罩儘速就醫，同時主動告知醫師旅遊史及接觸史，以利及時診斷及通報。</t>
  </si>
  <si>
    <t>位於台北市萬華區的家樂福桂林店，由於身處高風險熱區，日前傳出2名員工確診，因此在5月28日宣布關店1周後，又有5人PCR陽性，共計7名員工染疫，但家樂福桂林店以其餘員工健康無虞為由，已在北市衛生局確認下，準備明日上午恢復營業，引發內部質疑是否不安全。
衛生局專委歐佳齡指出，她雖不清楚個案細節，但一般大賣場出現確診案例，都會要求停業1、2天進行全面消毒，相關接觸者也須接受採檢，倘若採檢狀況無虞，即可復業上班，至於快篩陽性者則會進行隔離，基本上營業場所若有做好適當措施，衛生局不會禁止它復業。
家樂福桂林店日前於粉專透露將暫停營業，等待政府單位批准才能復業，據悉是因店內出現2名確診個案，皆為雜貨員工，正在隔離中，其餘190名員工也隨即前往快篩，雖然有7位為快篩陽性，但最後只有5位PCR陽性，隨即送往隔離場所，目前桂林店共計有7人確診。
不過有內部員工擔心，有員工的核酸檢測還沒出爐，但明天卻要即刻恢復營業，多少會有點怕怕的，但家樂福仍說店內已全面消毒，並經衛生局確認完畢，目前情況沒問題，因此才會恢復營業，強調身體有狀況的員工都都不會上班。</t>
  </si>
  <si>
    <t>指揮中心日前宣布施打高端且有出國需求的民眾，可以再接種其他疫苗「混打」，衛福部部長陳時中17日表示，高端疫苗混打沒有科學數據。
日前指揮中心公布，接種高端疫苗民眾出國的施打方案，施打高端的民眾，若有緊急出國需要，可依入境國查驗要求，提供證明文件，即能在國內混打AZ、BNT、莫德納疫苗。17日上午陳時中在社會福利及衛生環境委員會會前受訪說，高端疫苗混打沒有科學數據，是預防接種諮詢委員會議（ACIP）的決定。
他指出，個別疫苗都有安全性，間隔了一段時間後施打不會有加成的疑慮。此外，他透露，預計在17日、18日公布15輪疫苗接種及混打的實施狀況。</t>
  </si>
  <si>
    <t xml:space="preserve">大陸最近在試驗性的使用血漿療法，許多人好奇是否能用浙江台商的血液來做血漿療法，台大副校長、抗SARS專家張上淳表示，目前暫不考慮，因其體內的抗體不足，若要用也是用已出院者的。
血漿療法是把康復者的血液注射到病患的體內，但時間與劑量都需拿捏得當，因此操作不易。近日大陸武漢市的醫院已開始在病患身上實施血漿療法，臨床報告的結果也振奮人心，但許多專家認為，該療法仍需更多的實驗與研究來支持。
對此，張上淳今下午在記者會上表示，目前暫不考慮用浙江台商的抗體做血漿療法，因為其中的抗體量不足，若真的要嘗試這個試驗性療法，會考慮使用「已經出院復原」的患者，但整體的狀況仍在討論中。
</t>
  </si>
  <si>
    <t>雙北疫情延燒，新北市長侯友宜30日疫情記者會表示，越來越多長者因為有慢性病，原本輕症瞬間轉重症，送去ICU一下就走了，他哽咽說，現在是跟時間賽跑，「他們都是我的新北市民、都是我的親人」，新北除了不斷開病房出來，也呼籲中央，疫苗才是重點，有很多民間企業、宗教團體要買疫苗，盼中央不要再刁難，希望可以「快一點」。
侯友宜在記者會一開始用台語向鄉親喊話，今天開的集中檢疫中心，馬上就滿，新北市病床開到1330床還是不夠，他認為疫苗才是最重要的紓解方式。
侯友宜說，他跟中央拜託，民間團體有這個心要協助買疫苗，不要再刁難，要「快一點」，再慢進來不知道要走多少人，這樣醫療量才能撐住。</t>
  </si>
  <si>
    <t xml:space="preserve">台灣2020年度代表字今天出爐！結果襲捲全球的「疫」字獲得壓倒性勝利，從66個字中脫穎而出，拿下總票數82631票中的28441票，票數幾乎是第2名「蓄」字的2倍。此外，值得注意的是，今年入選前10名的候選字中有5個是正向的，是近5年來最多，代表人們從黑暗中看見希望。
台灣2020年度代表字大選今（8）日公布票選結果，今年的年度代表字第1名至10名分別為「疫、蓄、悶、安、韌、惜、勇、偽、茫、封」，回顧過去12年台灣年度代表字，從2008年的「亂」、2009年的「盼」、2010年的「淡」、2011年的「讚」、2012年的「憂」、2013年的「假」、2014年的「黑」、2015年的「換」、2016年的「苦」、2017年的「茫」、2018年的「翻」到2019年的「亂」。
今年新冠肺炎疫情席捲全球，幾乎改變了大眾的生活方式，不過今年前10名的候選字中仍出現5個「正向」字，也是近5年來最多正向字入選前10名的一年，代表人們從黑暗中依舊能看見希望。
2020代表字「疫」也是獲得最多名人推薦的字，前副總統陳建仁認為，今年籠罩在百年大疫COVID-19的陰影下，死亡超過百萬，經濟嚴重衰退，瘟疫、防疫、疫苗儼然成為整年的恐慌、試煉與盼望。疾管署長周志浩表示，今年全世界生活都圍繞在「疫」這個字，面對疫情你我皆「疫」無反顧、「疫」不容辭。
</t>
  </si>
  <si>
    <t xml:space="preserve">歐陽龍與傅娟所生的三千金都往演藝圈發展，其中，二女兒歐陽娜娜於人氣及知名度上，算是三姊妹中最高的，曾被選為「95後新四小花旦」，而有別於大姊妮妮，娜娜近年將演藝重心放在大陸，甚至公開高喊「我是中國人」，而今疫情高漲，歐陽娜娜曝光了最新Vlog，證實人返台住台北，但卻稱只是暫時。
目前因念大學及工作，而在美國、中國大陸兩邊跑的歐陽娜娜，近日在個人YouTube頻道分享最新Vlog，主題是Room Tour，根據內容描述，她疑似因疫情而回到台北，同屋的還有姊姊歐陽妮妮，而娜娜表示，她在美國時，一直有網友敲碗她拍Room Tour，但她始終沒答應，因為覺得房間是私密的個人空間，也比較雜亂，所以不方便分享，然這次卻大方分享了台灣的房間，她直言是因為：「這間房間我只是暫時回來住嘛，我之後還是可能會回北京，或者是去別的地方」，多次強調僅暫住，「等於說我走了之後，這個房間還是會歸回原樣」。
歐陽娜娜在敏感時期返台，加上「暫住說」，因此被台灣網友認為就是「回台灣避難」，等疫情過去就會離開，因此酸言「祖國有難怎麼跑回來台灣，你家鄉又不在這？」、「中國不是0確診嘛？幹嘛不回去自己的國家？」，而陸網友大多表示看見她平安，就放心了。
</t>
  </si>
  <si>
    <t>美國疾管中心(CDC)呼吸道部門主任梅森尼爾(Nancy Messonnier)，本周五以電話記者會的形式，向美國民眾說明美國新冠肺炎的最新情況。梅森尼爾公開表示，亞洲國家，如新加坡、南韓、台灣、泰國、越南、香港與日本，都已經出現社區傳播的情況。美國疾管中心建議國人避免搭乘郵輪前往亞洲地區旅行，並已經對香港與日本發出第一級旅遊警示。
美國國務院先前已將大陸列為第四級旅遊警示地區，代表「請勿前往」。若14天內有前往湖北地區的美國民眾，返國之後必須隔離兩周。自大陸其他省份返國的民眾則需要接受健康檢查與自主檢疫隔離。而非美國公民，只要14天內有大陸旅遊史，一律禁止入境美國。
目前全美確診新冠肺炎的病例數達到34例，其中18名病患是從「鑽石公主號」搭乘包機返美的美國乘客。
梅森尼爾表示，美國尚未有社區傳播的情況發生，但不排除未來發生的可能性，甚至「非常有可能」發生。一旦出現社區傳播，疾管中心會下令關閉學校及辦公場所，避免造成大規模傳染，疾管中心正在盡全力監控每個病例，並跟各級醫院、藥局、醫療器材供應商密切合作，防堵疫情在美國擴散。如果疫情繼續蔓延，疾管中心也「準備好如何面對了」。</t>
  </si>
  <si>
    <t>台中市府疫情指揮中心13日公布擔任家教的30歲男性確診者（案15386），由於曾到台中參加豪宅派對，疫調足跡到過台北萬華、中正區以及信義區等多處地點，目前相關接觸者已有4人確診 不排除家教男為感染源，憂心足跡擴大到台北、台中與彰化等3縣市，台中市府疫情指揮中心表示，下午3時將在防疫記者會說明。
這名確診的男性家教，目前住院隔離治療中，衛生局持續進行疫調，匡列的接觸者也居家隔離。
衛生局長曾梓展指出，這名家教男6月25日之後即停止上課，搬到台中市北區與友人同住，無新冠肺炎相關症狀，但7月5日曾與彰化個案15341接觸過，11日經彰化衛生局通知為接觸者並安排採檢，12日報告確診，目前住院隔離治療中。
這起年輕人跨縣市的社交傳播鏈，累計有4人染疫，包括家教男，及協助家教男搬家的男姓友人，還有一名1歲創投男性業者確診，另一名為銷售海產的業者。
這起年輕人跨縣市的社交傳播鏈，累計有4人染疫，引發台中、彰化縣市衛生局全面警戒，懷疑感染源頭可能是這名家教男，針對疫調足跡，下午3時記者會進一步說明。</t>
  </si>
  <si>
    <t xml:space="preserve">
新北市洪姓確診男子上月31日情緒失控，在雙和醫院持刀砍傷3名護理師，其中一名護理師手部4韌帶2神經全斷，復健期至少半年。雙和醫院秉持專業繼續醫治，洪男竟還故意對醫護人員吐痰，並用言語羞辱醫護人員，在醫護人員協助其更換尿布時，還用不雅言語辱罵，使醫護人員相當氣憤。洪男今（10日）被依殺人未遂、重傷害等罪嫌起訴，將送至台中看守所防疫中心羈押。
62歲洪男5月28日被衛生局通知確診新冠肺炎，入住雙和醫院。31日上午7時許突然情緒失控怒喊：「不願意被隔離！」，接著拿出入住時即攜帶的水果刀，揮舞並砍傷3名護理師。
其中一名才20多歲的護理師傷勢嚴重，右手4條韌帶2條神經被砍斷，不但一段時間無法工作，之後復健期恐長達半年，過程將會相當辛苦。
洪男犯案後，在警方戒護下由雙和醫院繼續醫治，但洪男竟然惡性不改，不顧感染風險，故意對醫護人員吐痰，並用言語羞辱醫護人員，在醫護人員協助其更換尿布時，還用不雅言語辱罵，使醫護人員相當憤恨。
雙和醫院考量院內同仁承受心理壓力，經和衛福部協調獲得同意，已於3日將洪男轉送新竹空軍醫院。
新北地檢署今（10日）表示，洪男不顧護理師呼救，持刀捅刺被害人腹部多下，已有殺人犯意，向法院聲押獲准，將送至台中看守所防疫中心羈押，依殺人未遂、重傷害、傷害、強暴方法妨害醫事人員執行業務等罪嫌起訴。
檢方表示，洪男轉院至新竹空軍醫院治療後，經篩檢呈陰性，無傳染疑慮，但仍須自主健康管理，由於看守所收容人數眾多，為避免形成防疫破口，洪男將移往台中看守所防疫中心羈押。
</t>
  </si>
  <si>
    <t>教育部統一將學校開學延至25日，新北市家扶中心8日於遠東百貨板橋中山店舉行「用愛補位」鼠來寶新春義賣，為弱勢孩童籌募助學金，受新冠肺炎影響，減緩民眾外出意願，攤位前門可羅雀，今年義賣收入僅7000多元，讓社工同仁感到無比憂心。
家扶基金會為協助弱勢孩子籌募助學金，從2月3日至9日止，全台家扶中心舉辦共63場「用愛補位」鼠來寶新春義賣。
新北市家扶中心主任林夢萍表示，今年義賣活動，雖受到疫情的影響，收入大幅減少，但弱勢孩童在就學上的需求，卻未因此而減少，呼籲社會大眾在關注防疫的同時，也能關懷弱勢家扶兒成長的需求，民眾可利用線上捐款的方式，幫助兒少安心上學。
林夢萍提到，目前扶助家庭約2100戶、4000名弱勢兒童，弱勢家庭期待子女能透過學習，增加知識、儲備能力、翻轉貧窮。然孩童求學的過程中，因經濟困境帶來不少貧頸與考驗，為幫助弱勢孩子補足學習資源，中心發起「安心上學計畫」，盼社會大眾成為弱勢孩童求學路上的點燈人。
新北市家扶中心表示，就讀大二的小宇就是家扶扶助的對象，小宇因父母親離異，自小便由父親獨自扶養長大，但高二那年因父期突如其來的中風，失去生活自主能力，使得小宇必須一夜長大，獨自扛起自身的生活及學習所需的開銷，利用課餘時間外出打工賺取生活費。</t>
  </si>
  <si>
    <t>Delta印度變異株進入屏東社區，自祕魯返台的祖孫遭質疑將變種病毒帶回台，不過家屬卻表示，當初持有3天前陰性PCR證明，且在秘魯機場也有和家人擁抱送機，至今未傳出身體不適，抵達台後便回到屏東居家檢疫，期間足不出戶，令人不免擔憂感染源究竟在哪。
據了解，這對祖孫6月6日自秘魯返台，途中至台南關廟休息站短暫休息後，就一路南向至屏東枋山居家檢疫，外傳期間曾為倒垃圾與鄰居打招呼，導致鄰居也染上Delta病毒，對此，屏東縣長潘孟安則表示，祕魯嬤並非走出來倒垃圾，而是將垃圾放置門口，鄰居曾好意詢問是否需要協助，祕魯嬤則以「有專人會處理」回應，期間足不出戶，也未與鄰居有寒暄。
直到6月14日縣府人員透過居家關懷系統慰問，祕魯嬤透露自己有症狀，才通報救護車協助送醫，第一時間未得知是確診，上救護車前曾與鄰居短暫交談，是否因此造成傳播，仍有待釐清。
據《三立新聞》報導，祕魯嬤兒子表示，每年母親都會帶著他的孩子返回台灣住一段時間，此次返回台灣，是由哥哥親自開車載他們到秘魯機場，也依照規定持著3天前陰性PCR證明，上機前雙方互相擁抱才離開，他們從祕魯飛至土耳其轉機再返台。
祕魯嬤兒子說，若在祕魯已感染，送母親去機場並擁抱道別的哥哥也會有症狀，但至今身體健康都正常。對此，屏東縣政府則回應，於機場擁抱的家人可能都還在潛伏期，詳細還是要諮詢指揮中心或專業醫師，目前縣府仍以防堵病毒為首要工作。
★《中時新聞網》提醒您：因應新冠肺炎疫情，疾管署持續加強疫情監測與邊境管制措施， 如有疑似症狀，請撥打：1922專線，或 0800-001922， 並依指示配戴口罩儘速就醫，同時主動告知醫師旅遊史及接觸史，以利及時診斷及通報。</t>
  </si>
  <si>
    <t>上周清明連假屏東墾丁大街湧現人潮，中央也緊急發出國家級警報，本周末縣府加強大街防疫，周五、六晚上實施人車分離、管制人流、戴口罩、量體溫等措施。不過受到國家警報影響，墾丁周末住房率不到2成，大街十分空盪冷清，攤商們有苦難言。
墾丁大街自從上周發出國家級警報後，遊客都被嚇跑了，本周大街幾無人潮。周末縣府加強防疫，實施人車分流大街徒步區、口罩臨檢、量體溫等措施，縣府人員及警察在路口，宣導口罩勿亂丟、保持社交安全距離、戴口罩、勤洗手、勿邊走邊吃，並準備1000個口罩備用。
10日晚上逛街人潮不多，大街冷冷清清，有遊客笑說「宣導人員和員警比遊客還多」、「這麼空曠要保持多大社交距離都沒問題。」不過攤商們全笑不出來，不少人乾脆不擺攤了，整條大街從原本最多時約400攤，只剩下約40、50攤。
王姓攤商表示，墾丁現在已變成「疫情重災區」，遊客來過後返家還要自主健康管理，誰敢來？清明連假後他的收入只剩2成。飯店業者表示，三月周六的住房率還有7成，現在只剩2成，國家防疫一定配合，但墾丁已變成全國矚目指標，業者要顧飯碗又不敢高調促銷，真是啞吧吃黃蓮。
此外，縣府也於用餐時間到各餐廳宣導，用餐採梅花座，並加強環境清潔維護，飯店及民宿也要落實及追溯旅宿實名制登記。縣府強調，後續的五一勞動節、端午節等假期，只要疫情未趨緩，墾丁大街都會繼續施行相關防疫措施。待疫情趨緩後，希望讓國人重拾消費信心，多到恆春半島旅遊。</t>
  </si>
  <si>
    <t xml:space="preserve">新冠肺炎疫情延燒，民眾不只紛紛配戴口罩，政府也呼籲要保持室外1公尺、室內1.5公尺的社交距離，甚至連遠在高山上的「嘉明湖山屋」及「向陽山屋」避難山屋住宿人數降半，同時在登山口測量體溫，發燒山友禁止入山。
林務局台東林區管理處因應疫情最新公告，自即日起調降住宿人數並配合相關防疫管理作業，額溫高於37.5℃或耳溫高於38℃者禁止入山，以減少發生群聚感染事件。
台東林管處表示，為了配合中央流行疫情指揮中心4月1日發布的「社交距離注意事項」，自4月7日起「嘉明湖山屋」及「向陽山屋」原每日可住宿人數為70人，將各調降住宿人數為35人4月7但已申請核准者，不受影響，如主動提出退費可退還其住宿費用。
另外，台東林管處表示，在嘉明湖國家步道登山服務站入口處 (向陽遊樂區大門)對住宿山屋人員實施體溫量測，額溫高於37.5℃或耳溫高於38℃者，禁止登山活動及並要求下山，無法下山者，將強制要求配戴口罩，並請與其他山友保持社交距離，避免群聚感染。
</t>
  </si>
  <si>
    <t>全國接種疫苗後嚴重不良反應人數持續增加，雖然不一定皆有因果關係，但外界也響起放寬救濟給付審議標準的呼聲。台北市長柯文哲8日指出，既然台灣有藥害救濟基金制度，有做完整臨床三期的藥物，賠給民眾的錢就從該基金去支出，若沒有就由政府出錢賠償，但兩者審查標準要一樣。
北市府下午舉行防疫記者會，柯文哲指出，藥物進行完整臨床三級試驗、取得藥證、拿到市面兜售時，要提供一定比例的錢給藥害救濟基金，將來用藥出現問題時，只要醫生有判定這是因藥物引起的不良反應，即可使用該基金來補償病人，他過去曾擔任藥害救濟基金的委員，因此很清楚程序。
柯文哲解釋，EUA（緊急使用授權）是疫苗沒有完整做完的臨床三級試驗，國家基於緊急需要，特許該疫苗在沒做完整試驗的情況下上市，倘若出現因藥物引起的副作用，特別是嚴重不良反應，到底是誰要賠這筆錢，答案是政府賠。
柯文哲認為，既然台灣有藥害救濟基金制度，有做完整臨床三期的藥物，賠給民眾的錢就從該基金去支出，若藥物沒有做完臨床三期，而是用EUA去授權使用，如果出現副作用就直接由政府來付錢，但兩者審查標準可以一樣，意即出錢單位不同，但使用相同的審查標準、制度。</t>
  </si>
  <si>
    <t>億萬富翁慈善家比爾·蓋茨（Bill Gates）在周四的部落客文章中概述了世界需要採取哪些行動來制止新冠肺炎流行，並重新開放經濟。
蓋茨說，世界必須改善其治療方法，疫苗，測試和接觸者追踪。他說，大陸還需要研究其開放全球經濟的政策。他把這種大流行比作一場戰爭。蓋茨說：「在第二次世界大戰期間，包括雷達，可靠的魚雷和密碼破解在內的大量創新使戰爭得以更快地結束，大流行病也是如此。」
以下是蓋茨認為需要創新的五個領域，及其必備條件：
治療：蓋茨承認許多治療方法可能會失敗，但他對某些方法在減輕冠狀病毒負擔方面將取得成功表示樂觀。他說，公眾將需要一種95％有效的治療方法，以使人們在公眾聚會上感到安全，例如足球比賽或音樂會。他指出了使用血漿或抗體，抗病毒藥和羥氯喹的潛力。
疫苗：蓋茨說，「奇蹟療法的短暫性」是人們恢復某種正常感覺的唯一途徑是通過疫苗。但是，他警告說，將新疾病推向市場通常需要五年的時間。蓋茨表示，他對疫苗可能在18個月內出現感到樂觀，儘管它可能短至9個月或長達兩年。
測試：蓋茨表示，美國需要優先考慮並加快新冠肺炎測試的速度，以便在一天內獲得結果。蓋茨說，衛生工作者都應該有檢查的機會，而無症狀的人應該等所有有症狀的人接受檢查後再接受檢查。他說，人們是否應該在家中參加測試，不管是一項還是一項快速的測試結果。
接觸者追踪：蓋茨說，與測試陽性的人保持密切聯繫的人應優先進行測試和自我隔離。蓋茨認為，大多數國家/地區都將遵循德國的接觸者追踪方法，這要求採訪那些積極的患者，並使用數據庫來確認他們對患者的隨訪情況。
開放：蓋茨認為，大多數已開發國家將在未來兩個月內進入大流行的第二階段。那是世界半正常的地方，儘管人們仍然在實踐社會疏離。他說，一些國家將必須向其他進行適當測試的國家學習經驗。蓋茨補充說，官員們將不得不根據風險和利益進行權衡。</t>
  </si>
  <si>
    <t>新冠肺炎引發人心惶惶，高雄凱旋醫院發現，2月中旬過後，有部分原有焦慮症狀的民眾回診比例增高，大多接收太多新聞資訊，引發過度恐慌，影響心情及睡眠品質。醫師呼籲，盡量轉移注意力，鼓勵多到戶外走一走調適身心。
凱旋醫院成癮防治科主治醫師高維聰表示，原本有一些焦慮個案，受到疫情資訊影響，使得原本穩定的病況，又開始出現症狀，因此頻頻回診，大部分主訴看太多新聞報導而忍不住去想。
高維聰提到，過去台灣民眾因為擔心被SARS感染，恐慌持續好一陣子，這次新型冠狀肺炎，全台瘋搶口罩現象，被媒體反覆與大量播送後，對閱聽民眾影響自然有不斷放大效果。
他認為，現階段除極少數感染，或疑似感染而遭受隔離者外，絕大多數民眾是安全的，如何避免過度暴露在大量災難資訊的衝擊情境中，保有正常作息與穩定心情是自我保護的重要原則。
他指出，現代社會人際關係原已疏離、冷漠，受到疫情影響，人們更避免親密人際關係接觸，使脆弱的人際互動更加惡化，恐懼、壓力是焦慮症的禍首，疫情肆虐下，恐使憂鬱症及焦慮症這兩大心理疾病更為嚴重。面對新冠肺炎，他籲不可掉以輕心，無論生理或心理，尋求專業人員的協助與建議極有必要。</t>
  </si>
  <si>
    <t>新北市長侯友宜22日被媒體問到，是否會出席黨中央舉辦的研討會，侯友宜表示現在都一心一意對抗疫情，對其他事情沒想太多，把市長的工作做好，這才是最重要的。
侯友宜強調，新北市有許多歸國學子，他必須要先將這些人照顧好；媒體再追問會派人代表參加嗎，侯僅簡短回應，「我現在以防疫為最重要」。</t>
  </si>
  <si>
    <t>「2020金馬奇幻影展」不受新冠肺炎疫情影響，4月如期於台北、台中登場，26日公布開幕片為青春愛情片《刻在你心底的名字》，電影找來《返校》暴紅的「國民學弟」曾敬驊和《紅色氣球》陳昊森主演，在片中展開動人的同志純愛，顏值和演技破表。曾敬驊得知該片獲選開幕片時相當開心，而陳昊森則在擔心自己是否要準備搶票，興奮地說：「知道入選金馬奇幻影展開幕片，這也太棒了啦！」
《刻在你心底的名字》由柳廣輝執導，故事聚焦在80年代剛解嚴的台灣，曾敬驊與陳昊森在片中碰觸禁忌、火花四濺。以《我可能不會愛你》、《花甲男孩轉大人》多次囊括金鐘獎的瞿友寧，這回監製、編劇《刻在你心底的名字》，他在臉書寫道：「每一部電影都是心頭肉，這部尤是。」他也期盼「世界快快健康起來」，希望疫情有所控制。
影展加強防疫
影展也搶先曝光3部新片，包括香港導演袁劍偉與金馬影后老婆林嘉欣2度合作的《死因無可疑》，該片原定去年12月在港上映，不過至今延檔，台灣觀眾有機會先在影展一睹大銀幕風采。林嘉欣日前受訪表示，夫妻檔合作《暗色天堂》，她緊張很多事，這次老公已有經驗，她則專心做演員工作就好。
此外，賴雅妍、禾浩辰大戰活屍立委的黑色喜劇《逃出立法院》、 Netflix華語原創影集《誰是被害者》都將在影展首映。2020金馬奇幻影展台北4月10至19日，台中4月17至26日舉行，因應新冠肺炎防疫需求，影展期間會加強防疫措施。</t>
  </si>
  <si>
    <t xml:space="preserve">
新冠肺炎疫情似乎在國際間為有減緩跡象，根據worldometers即時數據，全球確診病例累計突破4000萬例，染疫死亡人數111萬5154人。聯合國秘書長古特瑞斯（Antonio Guterres）17日就表示，分裂的世界在疫情期間「未能通過考驗」。
台灣的疫情相較下趨於緩和，但各國情況卻非如此，歐洲許多國家紛紛頒布新的防疫措施，試圖遏止疫情爆回溫，根據日本研究人員發現，冠狀病毒可在人類皮膚上保持活性9小時，由此可知，要對抗新冠肺炎就得經常洗手。
根據《WION》引述自「臨床傳染病」（ClinicalInfectious Diseases）的研究指出，「和IAV（A型流感病毒）相比，（造成2019冠狀病毒疾病的病毒株）SARS-CoV-2會存活在人類皮膚9小時，或許會增加接觸傳染風險，從而加速疫情擴散，相較之下，造成流行性感冒的病毒只會在人類皮膚停留約1.8小時。
根據報導，研究團隊從解剖樣本採集病患死亡約1天後的皮膚進行測試，並噴灑乾洗手使用的乙醇後，冠狀病毒和感冒病毒都會在15秒內失去活性。經研究後發現，SARS-CoV-2在皮膚上存活較長，增加了接觸傳染的風險，但手部清潔可降低這種風險。研究結果也驗證了世衛組織（World Health Organization）建議，民眾可透過經常且徹底洗手的方式來降低病毒傳播風險提供了佐證。
更多 CTWANT 報導
</t>
  </si>
  <si>
    <t>英國《衛報》（The Guardian）2日報導，在「技術問題」下，以色列原本即將與英國達成的輝瑞（Pfizer）／BNT新冠肺炎（COVID-19）疫苗交換協議，已宣告失敗，這批數量超過百萬劑的疫苗恐在7月底過期後被迫銷毀。
根據報導，以色列原本提出將這批即將過期的輝瑞／BNT疫苗交給英國，並換取後者預定9月到貨的同款疫苗。由於英國政府有意於19日解除所有強制性的口罩和社交距離規定，故希望在此之前盡可能增加疫苗施打數量，雙方談判一度有所進展。
不過一名以色列外交官2日表示，儘管雙方都有意願進行交換，但最後由於「技術原因」，導致計畫並未成功。且輝瑞公司也已拒絕以色列延長疫苗有效期限的要求，稱無法保證這批疫苗在過期後的安全性。
6月時以色列也有意與巴勒斯坦自治政府交換約100萬劑疫苗，不過後者稍後拒絕，稱「不願意接收即將過期的疫苗」。《以色列時報》（The Times of Israel）1日指出，這批將在7月底過期的疫苗共有約140萬劑，以色列政府可能將其中60萬劑用於為30萬名12至15歲的青少年接種，剩下的則賣給他國或與他國交換，並稱已和3個國家接觸，但並未透露進一步資訊。
不過由於對延長疫苗有效期限的研究已在進行中，世界衛生組織（WHO）呼籲各國暫緩銷毀過期疫苗，避免浪費。英國疫苗接種和免疫聯合委員會（Joint Committee On Vaccination And Immunisation JCVI）教授芬恩（Adam Finn）表示，希望能盡快找到解決方法，因為在全球明顯處於疫苗短缺之下，「我們不能就這樣把它們扔掉」。</t>
  </si>
  <si>
    <t>美國吉利德公司研發的抗病毒藥物瑞德西韋（remdesivir），已經停止了在大陸的2項臨床試驗：成人重症試驗和成人輕症和中度症狀組的臨床試驗，原因是疫情已受控，已無符合條件患者加入。
澎湃新聞報導，臨床實驗網站ClinicalTrials.gov顯示，根據4月15日的最新更新，瑞德西韋在大陸的新冠肺炎成人重症試驗狀態為「終止」，原因顯示為：「中國的新冠肺炎疫情已經得到良好控制，當前沒有符合條件的患者入組。」
與此同時，瑞德西韋在大陸的新冠肺炎成人輕症和中度症狀組的臨床試驗狀態也已更新為「暫停」，原因顯示為：「當前，新冠肺炎疫情已得到良好控制，沒有符合條件的患者入組。」
對此，製藥商吉利德公司表示：「我們被告知，由於入組人數低，由中國研究機構牽頭的瑞德西韋針對新型冠狀病毒肺炎重症患者和輕中症患者的兩項臨床研究已提前終止。我們期待著這些資料的發表和對結果的深入評審。」
吉利德公司表示，找到新型冠狀病毒肺炎的治療方法對於患者、醫護人員和社區抗擊這種病毒非常重要。瑞德西韋是一種在研藥物，尚沒有得到任何監管機構的批准。我們正在通過多項正在進行的研究，快速而審慎地確定瑞德西韋的安全性和有效性，「我們預計在未來幾周內獲得由吉利德發起的三期臨床試驗的資料。」
「我們的目標是迅速增加關於瑞德西韋的應用資料，並在適當的情況下，努力使這種在研藥物在最需要的患者中得到更廣泛的應用。」吉利德公司表示，這些資料可能有助於我們理解瑞德西韋作為新型冠狀病毒肺炎治療藥物的潛力。”
據外媒4月15日報導，Evercore ISI分析師Umer Raffat在4月15日的一份報告中表示，為新冠肺炎尋找治療方法而在中國大陸發起的一系列試驗中，尋找足夠的參與者變得困難。同時他也指出，「我們不能忽略這樣一個事實，即如果瑞德西韋有顯著的療效，那麼試驗是有可能繼續進行的。」
4月11日，吉利德在頂級期刊《新英格蘭醫學雜誌》（NEJM）上發佈了瑞德西韋（Remdesivir）治療新冠肺炎（COVID-19）的首個臨床研究結果。
結果顯示，在53名來自美國、歐洲、加拿大及日本的嚴重和危重新冠肺炎患者中，瑞德西韋給68％（36人）的患者帶來臨床改善。其中，57％（30／53）接受機械通氣的患者中有17例已拔管。共有47％（25／53）的患者出院，13％（7／53）患者死亡；在接受有創通氣的患者中，死亡率為18％（6／34），而未接受有創通氣的患者為5％（1／19）。上述患者都是在同情用藥情況下接受瑞德西韋治療的。
在安全性方面，總計32名患者（60％）出現副作用，最常見的是肝臟酶指標升高、腹瀉、皮疹、腎功能障礙和高血壓。總計12名（23％）患者出現嚴重副作用，其中包括多器官功能障礙綜合征、敗血性休克、急性腎臟損傷和高血壓。
另外，接受治療的53名患者中有7名在完成瑞德西韋治療後死亡，其中包括6名接受有創通氣的患者和1名接受無創氧氣支持的患者。
瑞德西韋目前尚未在全球任何國家獲得批准，對於治療新型冠狀病毒肺炎的安全性或有效性尚不明確。</t>
  </si>
  <si>
    <t>北京新冠肺炎疫情再起，外傳感染源可能來自國外進口的生鮭魚，對此，中央流行疫情指揮中心專家小組召集人張上淳表示，魚本身不太會感染新冠病毒，但確實有可能在輸出過程中，表面和包裝被汙染，不過要藉由這樣傳染給人，總體的機會是小的。
針對北京近日爆發第二波新冠肺炎，張上淳表示，目前所獲的資訊不多，除疾管署接獲的資訊之外，大多是由媒體才知相關消息，目前已知當地有針對新發地市場進行環境採檢，發現除了接觸魚的相關物品外，環境中還有許多地方也發現新冠病毒。
張上淳表示，鮭魚砧板上驗出新冠病毒，有兩個可能性，一是，那個環境下已經有很多人帶病毒，才可能散播到砧板上；另一可能就是魚本身就帶病毒。
張上淳說，基本上魚不太會感染新冠病毒，因為魚沒有像人這樣的肺部組織，因此不太可能是魚本身所造成的，但至於魚的表面是否在輸出過程中被汙染，或是魚的包裝有汙染，這確實有可能。
張上淳指出，冷凍確實是能讓病毒存活時間更長，但某些魚因為汙染而被帶進輸入國，汙染到相關器皿和食品本身，通常要有相當程度的汙染，才會造成人體受到感染，整體來說機會比較小，但仍不排除這個可能性，目前仍需更多科學證據佐證。
張上淳說，至於病毒株的種類，人來人往，每個國家多少都有帶到其他國病毒株，因此無法靠這樣來說，是經由哪個途徑帶入病毒的。</t>
  </si>
  <si>
    <t>新冠疫情影響到各行各業的生計，境外基金也出現「大失血」，除了淨值重摔外，因投資人在3月瘋狂大贖回，讓境外基金規模降到3兆元以下，是近六年來的新低。
據投信投顧公會最新資料顯示，境外基金規模3月底降至2.823兆元，來到2014年1月底的新低。2月底時，境外基金的規模還有3.495兆元，短短一個月，縮水了6,720億元，尤其海外債券基金更是重災區。
基優網執行長白富美表示，2019年台灣人每月都淨申購債券基金，2月依舊都有兩、三百億元淨申購規模，惟3月全球市場因為新冠肺炎疫情大流行，重挫美國，全球金融市場重摔，台灣投資人3月淨贖回境外債券基金高達1,189億元，導致第一季境外基金資金由淨流入轉為淨流出。相較去年台灣人淨申購境外債券基金高達新台幣3,675億元，第一季淨贖回金額即占有去年淨申購規模的三分之一。
根據境外基金觀測站、Fundlover的資料顯示，最近一季流出最多的前十檔境外基金，以風險性債券基金為主。不過，這十檔基金淨值在4月份都明顯彈升，至4月29日止，有五檔近月彈升了5％以上，分別是安聯收益成長（8.22％）、鋒裕匯理新興市場債基金（5.83％）、摩根中國美元（10.14％）、富達新興市場基金（7.74％），以及施羅德環球高收益債美元（5.27％）。3月份贖回這些基金的投資人，恐會相當扼腕。
第一季也有數十檔境外基金逆勢吸金，前五名分別是摩根環球債收益基金、NN（L）新興市場債基金、PIMCO多元收益債基金、貝萊德世界能源基金及聯博全球多元收益基金，其中前二名的基金第一季淨流入更逾百億元，可說是疫情下的境外基金最大受惠者。</t>
  </si>
  <si>
    <t xml:space="preserve">美國總統川普和第一夫人梅蘭妮亞確診得到新冠肺炎。網友對此大驚，這真的是God bless America了！還有網友大驚，果然是十月驚奇！
據《每日郵報》指出，根據一名川普政府匿名官員表示，剛一同與川普參加9月29日辯論的希克斯，隔日仍與川普同搭機赴造勢大會，但她已於1日確診，為川普身旁傳出確診的所有人士中，最接近他的一位。隨後，川普在推特上表示，他與第一夫人皆已確診。
對此，宅神朱學恒也在臉書發文大驚表示，「川普大帝跟他老婆確診，大家可以回家啦」！底下網友也不敢置信，直言「這是假新聞」、「喝消毒水？！還是要使詐延後選舉」、「難怪辯論一直插嘴噴拜登口水，原來是黑暗兵法，要死一起死」、「原本還期待吃爆米花看第二場辯論來笑一笑的，這下好怕看不到了」、「果然是十月驚奇」、「恭喜美國人準備換一個比較正常的總統了」、「所以拜登跟主持人…」！
網友所謂十月驚奇是指，隨著11月大選逼近，川普民調持續落後民主黨對手拜登，不斷有消息指出，川普可能使出殺手鐧製造10月驚奇，轉移焦點，翻轉選情。
</t>
  </si>
  <si>
    <t>中央流行疫情指揮中心表示，民間機構共同捐贈的第六批BNT已於今上午順利抵台，共88.92萬劑，完成通關程序後，直接運送至指定冷儲物流中心進行後續檢驗封緘作業。指揮官陳時中說，莫德納預計明天會來，最快預計可在10月22日開打。數量的部分預估有百萬劑。
指揮中心說明，由台積電、永齡基金會、慈濟基金會共同捐贈的BNT疫苗1500萬劑，目前共計到貨420.92萬劑，分別為首批9月2日93萬劑、第二批9月9日91萬劑、第三批9月30日54萬劑、第四批10月1日67萬劑、第五批10月4日27萬劑，以及本批88.92萬劑。本批疫苗效期至2022年2月20日，將由指揮中心統籌運用，儘速提供民眾接種。
陳時中補充說，民間購買的BNT疫苗將陸續到貨，但不會有所謂的疫苗過量的問題，畢竟打完第一劑之後，接下來也要安排接種第二劑了。
另根據指揮中心統計，我國尚有210萬名莫德納孤兒打不到第二劑疫苗，而今天上午行政院透露我國疫苗到貨量將突破2300萬劑，是否意味著明天將到貨的莫德納疫苗應接近百萬劑？對此，陳時中保守地說，數量應該接近百萬劑，但確切數字還是要已入庫數量為準。
陳時中也透露，下波莫德納抵台後，將會優先讓7月16日前打過第一劑的70歲以下民眾接種，目前估算符合資格的對象約有130萬人，等待疫苗入庫後，力拚10天內完成封緘，盡快開放讓民眾接種第二劑，最快預計在10月22日開打。
此外，仍有許多打不到第二劑莫德納的族群呼籲政府盡速開放混打BNT，但陳時中今天表示，開放混打的時間搞不好比第二劑莫德納到貨來的慢，建議大家還是等待莫德納疫苗。
隨著世界各國的疫苗覆蓋率逐步提升，美國已宣示鼓勵民間進行快篩，盼能強化境內疫情監測，陳時中也說，我國也積極鼓勵快篩政策，面向包含企業快篩、擴大店鋪販售快篩試劑、要求特定機構進行週期性快篩，盼能透過快篩補強PCR檢驗的不足，持續跟上世界的防疫腳步。</t>
  </si>
  <si>
    <t xml:space="preserve">一款價格較低的新冠肺炎疫苖亦宣布高達9成防護力的好消息，令投資人更加看好經濟將迅速復甦的前景，此外，美國川普政府同意正式啟動拜登上任前的交接工作，亦為市場帶來提振，周二日經指數刷新逾29年來新高。
周二日經225指數大漲2.5%，為26,165.59點，終止連續3天的跌勢，並創下1991年5月來新高。
東證一部指數大漲2.23%，為1,765.91點，創下逾兩年新高。
疫苖試驗結果接連告捷，對經濟情勢敏感的能源股、地產股與金融股漲幅領先。
繼美國藥廠輝瑞與莫德納之後，英國藥廠阿斯利康周一宣布與牛津大學共同研發的新冠候選疫苗，其後期臨床試驗結果顯示平均防護率為70%，而最高有效保護率可達到90%，且此款疫苖的製造成本較低廉、且較容易配送，激勵全球股市大漲。
美國總統當選人拜登收到通知，可正式展開入主白宮的交接工作，以及拜登將指派聯準會前主席葉倫擔任財政部長的消息，都令市場信心大振。
東證核心30指數中，以全球最大晶圓製造公司信越化學漲4.98%，表現最強勁，其次為光學儀器製造商Hoya漲4.54%。KDDI Corp跌1.25%，日本電信電話跌1.20%，表現最疲弱。
</t>
  </si>
  <si>
    <t>日本新冠疫情進入第五波大流行，首都圈與沖繩縣和大阪府2日起展開新一輪緊急事態宣言，針對全國知事會議建議政府執行嚴格限制外出的封城措施，官房長官加藤表示現行制度下，在日本不可行。
日本政府上周追加埼玉、千葉、神奈川等首都圈3縣以及大阪府為緊急事態宣言對象，並對東京都和沖繩縣延長宣言期限到31日；北海道、京都府、福岡縣等5地，則頒布次一級的防止蔓延等重點措施，限期亦到31日。
全國知事會1日召開新冠對策總部視訊會議，與會44位知事呼籲，在高傳染性的Delta變種病毒株蔓延下，為防止人員流動增加染疫風險，民眾在暑假期間和盂蘭盆節，盡量取消或延後跨行政區旅行和返鄉；北海道知事鈴木警告，如果民眾不配合，恐將演變為史上最大危機。
但緊急事態宣言擴大後的第一個工作日，各地仍見人潮，共同社報導，也許是防疫疲勞加上奧運導致民眾鬆懈。一位搭電車的通勤族表示，「也許很多人覺得正在辦奧運，所以自己可以外出。」在神奈川縣府大樓附近的JR關內站，一名白領坦言，車廂和疫情前一樣擠滿人，對宣言效果質疑。大阪府車站同樣出現繁忙人流，居民說已習慣緊急事態，沒啥危機感，況且正在辦奧運，舉國進入祭典般輕鬆氣氛，他對控制疫情沒信心。
面對第五波疫情來勢洶洶，官房長官加藤2日在記者會中，針對全國知事會在緊急建議中，呼籲政府實施嚴格限制外出的封城措施，表達謹慎態度，解釋現行制度下「在日本不可行，將嚴重限制私權」。</t>
  </si>
  <si>
    <t xml:space="preserve">內政部長徐國勇近期行事低調，但碰上新冠肺炎防疫提升，還是卯足全力，親上火線拍攝防疫動茲動，跟內政部替代役男合拍影片宣教，完全沒有違和感。
徐國勇上任以來凡事全力以赴，為了達成使命，遇事幾乎第一時間都能見著他的身影，機場防疫現場有他、南方澳斷橋現場有他、表揚員警破案有他、爭取員警電擊槍有他、爭取廠商捐贈防疫物資也有他。
在清明連假前夕，徐國勇也撩落去，跟替代役男合拍宣導影片，呼籲民眾連假在即，防疫無假期！大家出門在外透透氣之餘，也要時時提醒自己不忘防疫！
徐國勇說，打噴嚏、咳嗽時要用手肘衣袖遮住口鼻，擋住飛沫，衛生又有禮貌；用餐前、出外回家後都要記得肥皂洗手，保護自己及他人；出門在外，盡量保持社交距離，室外至少1公尺、室內至少1.5公尺；若不能維持，請記得戴上口罩！怕光說不夠，徐國勇還演給你看，看過影片，就知道如何保護自己。
</t>
  </si>
  <si>
    <t>新冠疫情持續，香港依然謹守「清零」策略，解除社交距離措施及通關的日子仍未到來。港府專家顧問、香港中文大學呼吸系統科講座教授許樹昌今（24日）表示，香港接種率不足，而隨著冬季來臨，香港有可能受冬季流感與新冠肺炎夾擊，變數相當多，但他認為，絕對清零不是長遠策略。
許樹昌表示，香港港接種率大約60％，但長者的接種率偏低，而且有約40％已接種疫苗人口選擇接種由大陸研發的科興疫苗，已有數據證實他們的抗體水平會在完成接種後6至8個月內降至低水平，保護力相當有限，故認為「與病毒共存」是不切實際。
他指出，英國、新加坡等選擇與病毒共存的國家，疫情都有惡化的跡象，隨著冬季來臨，有機會出現新冠疫情及冬季流感同時肆虐的情況，也有機會出現新的變種病毒，一旦出現爆發，醫療系統會不堪負荷。</t>
  </si>
  <si>
    <t xml:space="preserve">
中秋節連假迎來尾聲，不少民眾趁著4天假日到外地出遊，前台大感染科醫師林氏璧坦言被這波傾巢而出的人潮給嚇到，直呼「大家好像是不是都忘記還在二級？」目前Delta群聚看似匡住，但仍沒有完全收尾，難保社區沒有任何隱藏傳染鏈存在。林氏璧提醒大家出遊回來後要做好自主健康管理，社區是否安全？答案將在連假後14天內揭曉。
林氏璧在《林氏璧孔醫師的新冠病毒討論會》表示，中秋節連假大家紛紛出遊，自己也帶著家人到陽明山古道踏青，但卻也被山上的人潮嚇到，車子停滿、古道上都是人，林氏璧坦言，「好久沒看到這麼多人，有點頭皮發麻」。不只陽明山，合歡山、高美濕地、日月潭、墾丁等景點也在連假期間出現報復性出遊人潮，再度引起民眾擔心假期後疫情爆發的可能性。
「國內是什麼狀況？大家好像是不是都忘記了，我們終究還在第二級不是嗎？」林氏璧提醒，上週、上上週本土還有出現好幾例 Delta，儘管看似都有被匡住，但並沒有完全收尾。「你很確定社會上沒有Delta？你很確定Alpha都不見？」他坦言，其實自己都不能夠確定，但認為社區肯定還有隱形傳播鏈存在。
「真的那麼安心病毒沒有進到社區？」針對今年中秋節連假出遊人潮，林氏璧認為不用過度擔心，其實去年清明連假、端午連假的管制並沒有現在來得多，何況國內現在還處於二級警戒。不過，他也指出，就是因為去年連假經過三波前浮其後都「嘉玲」，讓大家產生「之後好像都沒有事」的想法，認為國內乾淨到不行，最後又導致社區疫情爆發。
林氏璧說，最好的情況是，連假14天後沒有發生大爆炸，就算有疫情也屬於零星、可控制的階段，「那台灣比想像中乾淨很多」。儘管目前本土疫情還屬於可控制，但面對Delta還是小心為上，林氏璧建議大家連假後做好防疫措施、做好自主健康管理，去擔心也沒有用，14天內應該就可以揭曉。
</t>
  </si>
  <si>
    <t>台灣近兩天新增20多例本土個案，外界將原因指向上周中央流行疫情指揮中心提出的獎勵採檢措施，認為有驗才有確診，但衛福部長陳時中今天拒絕將本土疫情爆發與獎勵採檢畫上連結，認為該措施只能算是榮譽獎，跟疫情爆發沒有直接關聯。
指揮中心上周頒布獎勵採檢新規定，凡醫療院所轉檢、採檢發現一名確診者，就獎勵一萬元，沒想到這周就出現20幾例本土個案，對此陳時中不認去年台灣防疫蓋牌，強調無論是獎勵採檢或轉檢醫師，這一萬元對他們來說都是很小的鼓勵，只能算是榮譽獎，盼讓採檢到的醫事人員心理能夠平衡點。
陳時中指出，尤其今天驗出的新增個案，都是經疫調匡列後採檢驗出的結果，但指標個案仍是在宜蘭由機警的醫師送檢發現，「這部分我們也相當感謝他。」</t>
  </si>
  <si>
    <t>來自瑞典全球知名的居家用品IKEA，販售各種風格的家用品，以價格實惠、自己動手組裝聞名，最近IKEA推出自己組合的棺材，一放上宣傳廣告，就讓許多忠實消費者驚訝，紛紛猜測是否因為新冠肺炎(COVID-19)疫情嚴重，放置遺體棺木不足有關。
IKEA推出的這款DIY自組棺材，售價200英鎊，折合台幣大約7400元，棺材30公斤左右，可以用郵寄方式寄送，自行組裝完成後，可以放入約110公斤的遺體，IKEA表示這款棺材因為面積較小，運送時所佔的空間比一般棺材少80%，相當節省空間。
根據外媒報導，該款棺材已經在英國熱銷，IKEA總經理拉爾斯博克(Lars Bork)表示，「在這樣的困難時期，歐洲每5秒鐘就有人死亡，時機再好不過了，任何人都可以在2週內購買、和組裝棺材，這對於維護人類尊嚴至關重要」，每副棺材均附有120頁的組裝說明書，並提供終身、或10年保固，來自倫敦的消費者馬克凱利(Mark Kelly)分享使用心得，「說明指示很糟糕，當我們走下樓梯時，我的叔叔跌倒了，不過我不會發牢騷，因為只要49.99英鎊」。
外媒《NewsBiscuit》報導的恰有其事，但台灣IKEA出面澄清，其實這則消息是惡搞新聞，無論是國外、台灣IKEA皆沒有販售自組棺材，《NewsBiscuit》是英國知名諷刺媒體，時常刊出惡搞時事的文章。</t>
  </si>
  <si>
    <t xml:space="preserve">新冠肺炎疫情衝擊金門特產業，縣府建設處、縣工策會與國內蝦皮購物電商平台合作成立「金正好購」商品專區，期待趕上宅經濟潮流，打開另一道迎來好業績的通路。縣長楊鎮浯今（1）日下午客串直播主，在〈躍動金門〉專屬臉書粉專，化身「叫賣哥」強力推銷97項特色產品。
楊鎮浯在開網路直播前，還特地化妝去除油光，一路開講展現對地方特產的嫻熟度，從民俗風情、歷史源由娓娓道來，口若懸河毫不冷場，首次粉墨登場的表現不輸給搭配直播的網紅「金門小可愛」，兩人合力詮釋讓產品多了故事性和人情趣味，也讓直播現場洋溢歡樂氣氛。
走出縣長室與消費大眾博感情的楊鎮浯，以輕鬆、活潑語氣和肢體語言，推銷曾是皇家貢品的貢糖和近年廣受歡迎的一條根、牛肉乾與各項文創商品，偶爾還落2句最道地的金門話，告訴網路消費者只要來到「金正好購」商品專區，就擁有讓你買得開心、吃（用）得放心，十分實在的金門。
縣工策會說明，今天正式開賣的「金正好購」蝦皮金門商品專區，已協助金門在地商家上架近百項商品，預估年底前有超過200項商品透過電商銷售，未來將每個月舉辦直播及行銷活動，不但要在電子商務讓消費者只要手機滑一下，即可完成購物的主流消費平台下，協助本地業者走出疫情難關，也期待拉出長紅銷售業績。
楊鎮浯強調，縣府目前積極推動「金門跨境電商產業」、「兩岸電商物流中心」，希望金門跨境電商產業連接廈門、泉州等大海西經濟區，創造金門在地產業的最大可能和未來遠景。
</t>
  </si>
  <si>
    <t>嘉玲今天再度造訪花蓮，全縣迄今已累計68例確診案例，衛生局分析，累計案例中，近7成為家戶染疫，2成5為外地返鄉，且染疫者年齡多為40至64歲間，屬家庭經濟重要支柱，因此仍呼籲外地遊子返鄉時，先到市衛生所前快篩，在家做好自主健康管理，與家人分開用餐，避免間接接觸口沫，同時也要定期清消家中環境。
6月10日以來，桃園觀音工班染疫返鄉群聚案及崇德家族群聚案，確診人數不斷增加，衛生局人員繃緊神經，趕緊在新城鄉、秀林鄉開設快篩站，替有疑慮的居民篩檢，同時也趕緊依個案疫調足跡，匡列多名接觸者，連續2天的零確診，讓花蓮人鬆了一口氣。
衛生局分析68例，男女比例各佔一半，最小為3月半的男嬰、 最大為81歲長者，47位為家戶染疫，17位為外地返鄉，主要染疫者年齡座落在40~64歲間，累計案例中，Ct值低於25佔32位，17位Ct值則是在26至30之間。局長朱家祥說，由於確診個案中較多正值中年，是家庭最主要的支柱，多因在外工作染疫後返鄉。
目前花蓮尚有137人居家隔離，32位住院個案，其中20位輕症、4位中症及3位重症，由於住院個案與居家隔離者期間可能因疫情關係，產生不安讓心情受影響，衛生局也提供「轉心安」服務，當情緒受到困擾時，可撥打1925，尋求相關協助。
花蓮明天將開放第二梯次長者接種疫苗，包括83歲以上非原民長者、78歲以上原民長者及洗腎患者，並提供疫情熱區崇德村65歲以上原民長者及75歲以上非原民長者接種。縣長徐榛蔚今到各鄉鎮市接種站視察，她相信這次的接種站會比上次更舒適。同時，她也再度喊出「一聽、二陪、三送」，呼籲長者施打前可先與家庭醫生討論，請子女陪同到場，施打後多留意自身狀況，若有不適盡速送醫。
另外，朱家祥補充，花蓮目前分到25000劑AZ疫苗，若不含住宿型機構的住民，已施打逾18000劑，接種率達7成許，由於住宿型機構的住民近5千人，普遍施打率高，若將其納入，施打率則高達8成8。</t>
  </si>
  <si>
    <t>今年國內投信業者新基金募集多元，不但檔數增加成效也佳，重現2016年國內高收益債基金募集熱潮，導致多檔基金公告額滿暫停申購的情況。不只年初再現柏瑞ESG量化基金公告暫停申購，日前募集只有五天即宣告額滿的中信越南機會基金，更是2015年陸股投資熱潮後，首見的單一國家股票型基金募集額滿。
據統計，從2007年至今，新基金募集陸續出現過綠能基金、中國基金因過熱出現額度控管或暫停申購的公告，隨後一波的高峰期，則集中在2016年聯博、柏瑞等投信的高收益債基金熱賣，頻有額度控管消息，隨後國內新基金募集主要集中在ETF。
值得注意的是，年初起又見柏瑞ESG量化債券基金公告暫停申購，投信業者陸續推出各類主題式基金，近期中信投信募集越南基金，更出現募集五天即公告額滿暫停申購，是2015年群益中國新機會基金之後首見股票基金募集額滿之作。
投信業者表示，由於銀行利率過低，加上市場游資多，且市場對於新冠肺炎未來疫苗的研發，普遍認為會朝好的方向走，各類股票型基金開始吸引投資人的目光，不論募集中國5G、台灣高股息或全球ESG永續高收益債、美國短年期高收債等基金，都有不錯成效，造就今年投信新基金募集難得的榮景。
據統計，本季陸續還有六檔股債新基金將展開募集。3月底在市場吸金近500億元的元大投信龍頭高股息基金之後，第二季已募集成立的基金中，包括安聯特別收益多重資產基金、大華銀新加坡房地產收益基金、合庫美國短年期高收益債券基金與凱基全球ESG永續高收益債券基金，都募集超過45億元。
業者分析，整體國內投信新基金募集走向多元主題，在市場游資充斥下，只要能夠引起投資人共鳴，就可獲得不錯的募集成效，加上投信業者紛透過網路結合社群媒體行銷策略，基金平台投資便利的投資管道，可望推升國內投信整體基金的規模持續成長。</t>
  </si>
  <si>
    <t xml:space="preserve">義大利總理孔蒂（Giuseppe Conte）周二表示，義大利將在本周結束前公布逐步解除封鎖措施的計畫，並於5月4日起開始實施。
孔蒂在臉書上發文表示，我希望我能宣布「讓我們立刻重啟所有活動，明天早上就開始！」但這樣的決定是不負責的，感染曲線將因此失控攀升，使我們迄今所做一切努力功虧一簣。
義大利為了防止新冠肺炎擴散而實施的封鎖措施發揮成效，截至20日為止，該國新冠肺炎死亡人數增加454人，雖略高於前一日的新增死亡人數，但新增確診病例下滑至2256人，創下一個多月來新低。此外，消息人士透露，義大利財政部預估今年義國經濟將萎縮約8%，凸顯出封鎖措施造成的衝擊。
</t>
  </si>
  <si>
    <t xml:space="preserve">國衛院6月28日宣布，政府有意透過國衛院向莫德納尋求疫苗代工機會，對此，藍委李貴敏表示，她在5月時，就曾在立院質詢衛福部長陳時中關於mRNA疫苗代工問題？當時陳回應，台灣的技術還不成熟，沒到代工的程度，但台灣早在2018年就有mRNA技術，顯然陳時中沒搞清楚狀況。
對於台灣規劃爭取代工莫德納疫苗問題，李貴敏昨（1日）在臉書發文表示，其實早在5月28號，她就曾藉著在立法院質詢陳時中機會，質疑為什麼目前台美關係空前良好情況下，沒有跟美方要求讓台灣也能加入mRNA疫苗代工？當時陳時中說，先前台灣的技術還不成熟，沒到代工的程度，但她事後發現這個說法未必正確，事實上，2018年時，中研院就曾向美國申請臨時性專利，顯然台灣早有技術，反倒是陳時中沒搞清楚狀況，以致在疫苗布局上又慢半拍。
李貴敏稱，其實從送口罩、鼓勵台積電投資，凡是美方的要求台灣都配合辦理，所以陳時中說沒有技術很不可思議。尤其未來，新冠肺炎可能演化成一種流行性傳染的新常態，加上莫德納全球產能不足的情況下，若台灣能取得代工資格，也能擁有話語權，這對於莫德納、台灣生技產業以及未來爭取疫苗上都是多贏。
針對國家發展疫苗國家隊，李貴敏直言，自己是支持的，也希望中研院將技術下放，這都是政府該做的事，且中研院將技術授權給民間使用並繼續開發，可以有權利金的費用，民間也能透過這項技術量產，帶動相關產業鏈，並能說服美方，讓台灣也有機會參與疫苗代工。畢竟在代工疫苗上，台灣已經落後南韓，亡羊補牢，希望民進黨執政團隊能以人民安危及台灣未來為重，就算起步落後，更不應放棄，也才能藉此加速台灣生技與相關產業鏈發展。
李貴敏直言，唯有積極參與國際疫苗代工，才能在未來國際間疫苗發展中佔有一席之地，也能讓台灣日後在國際疫苗採購上有些發言權並多點保障，才有助疫苗採購及缺口的緩解。
</t>
  </si>
  <si>
    <t xml:space="preserve">動感天后「翹臀珍」珍妮佛羅培茲(Jennifer Lopez)近年比起音樂事業，更多是在電影圈打天下，剩下的時間則多用來陪伴家人，算一算已經6年沒推出唱片新作品，而今年又遇上新冠肺炎全球擴散，粉絲多覺得天后出輯無望，沒想到，翹臀珍在IG宣布將推出新單曲，連封面都拍好了，當然是超級香豔火辣。
女明星大多會擔心變老變醜，但珍妮佛羅培茲倒是始終逆齡，每次現身都讓人想去查一下維基百科，看看她今年幾歲，能夠大量露出肌膚與曲線的服裝，可以說是她出席各種場合穿搭上的最大重點，而這樣的她，在新單曲封面部分，也「不藏私」大秀特秀一波。
Jennifer Lopez（@jlo）分享的貼文
翹臀珍繼昨天在IG曬出幾張為單曲拍攝的寫真照，今天乾脆讓粉絲直接看個過癮，公開單曲〈In The Morning〉正式封面照，只見51歲的她頂著一頭棕金色性感濕髮，側身入鏡，撫唇迷濛看著鏡頭，而最好的穿搭就是身上不要穿任何東西，翹臀珍竟大膽選擇全裸入鏡。
照片走黑金色調搭配，呼應珍妮佛羅培茲自豪的拉丁裔焦糖色細緻肌膚，而她長期堅持健身，果真全身上下的線條都很完美，招牌電臀同樣挺翹，甚至還練出腹肌，除了S曲線外，也展現多數女性身上少見的力量線條，實在很難相信她不但是兩個孩子的媽，而且已經是年過半百的女人了。
</t>
  </si>
  <si>
    <t xml:space="preserve">新冠肺炎擴散全球，在一般民眾一窩蜂心態之下，多國連帶出現搶購物資潮，其中台灣、香港、日本皆出現「衛生紙之亂」，連澳洲也不例外。對此，澳洲一家小報5日特別增印8頁空白版面，供讀者「應急」，似乎暗諷民眾盲目搶購現象。
澳洲北領地達爾文的《北領地新聞》（NT News）在頭版標題旁寫著：「衛生紙用光了嗎？《北領地新聞》關心您，特印製8頁留白內頁，附上便利的切割線，供您急用。翻至21頁，取得限量版單層廁所用報紙頁」。
YES, WE ACTUALLY DID PRINT IT #toiletpapercrisis pic.twitter.com/jusP50ojYu
《北領地新聞報》編輯威廉斯（Matt Williams）向《衛報》澳洲版表示，特別版銷情很好，並強調該報以了解讀者需要而聞名於世，北領地人目前對廁紙有極大需求，所以我們要供應他們所需。
英國廣播公司（BBC）引述消費者心理專家表示，搶購衛生紙「顯然不合理」，但社交媒體和新聞報道助長民眾盲目效仿的心理，例如近期在推特上有關衛生紙的主題標籤不斷冒出，好比#衛生紙緊急事件（#ToiletPaperEmergency）和#衛生紙之亂（#ToiletPaperApocalypse），讓社交媒體變相推動民眾的搶購心理。
</t>
  </si>
  <si>
    <t>新冠肺炎疫情加速宅經濟發展，包括索尼及微軟兩大遊戲機廠近期宣布將在年底推出新一代遊戲機，大搶宅經濟龐大商機。索尼新款PlayStation 5及微軟新款XBOX Series X等核心處理器，都採用由超微（AMD）量身打造的全新架構半客製化晶片，並交由台積電（2330）在下半年以7奈米製程量產，法人預期對台積電維持下半年7奈米產能利用率有很大助益。
全球主要國家近期都因新冠肺炎疫情延燒而宣布封城及要求人民不要外出，不僅在家遠距工作成為新趨勢，宅經濟也成為市場矚目焦點，已推出新款遊戲機的任天堂Switch系統因宅經濟發燒而大賣，也讓索尼及微軟加快新款遊戲機研發，預期今年底正式上市銷售。
微軟將在今年底推出新一代XBOX Series X遊戲機，採用超微打造的半客製化CPU及GPU，其中包括採用超微Zen 2架構的半客製化8核心CPU，核心運算時脈可達3.8GHz，同時也採用超微RDNA 2架構的半客製化GPU，內含52個運算單位及運算時脈達1.825GHz，運算效能達12 TFLOPs（每秒兆次浮點運算）及支援先進的光線追蹤（Ray Tracing）技術。
索尼亦公布了PlayStation 5遊戲機硬體規格，其中CPU核心採用超微Zen 2架構半客製化CPU，搭載8核心及運算時脈達3.5GHz，GPU則採用超微RDNA 2架構，搭載36個運算單位及運算時脈達2.23GHz，運算效能達10.28 TFLOPs，同樣支援光線追蹤技術。
微軟XBOX Series X及索尼PlayStation 5等新款遊戲機內建的超微Zen 2架構CPU及RDNA 2架構GPU，均採用台積電7奈米製程生產。但據供應鏈業者透露，微軟新遊戲機主板上應是將CPU及GPU分開，但索尼是將CPU、GPU、I/O晶片組等利用封裝技術整合為單顆半客製化系統晶片。
法人認為，台積電下半年接單可能因新冠肺炎疫情仍無法有效控制而出現較大的下修壓力，但索尼及微軟新遊戲機CPU及GPU的7奈米晶圓代工訂單正好會在下半年開始放量，可望有效抵消疫情引發的產能利用率下修風險，有助於台積電達成今年成長目標。</t>
  </si>
  <si>
    <t xml:space="preserve">蛤，免疫風濕病友會是新冠肺炎高風險群？台中榮總過敏免疫風濕科主任黃文男指出，風濕病友致病機轉主要是自體免疫系統混亂所致，有些病友誤為使用類固醇、免疫抑製劑等藥物會增加感染風險詢問能不能自行停藥，這做法絕對不可取，因為最好的方法還是把疾病控制好，才是減少感染最好的方法。
新冠肺炎疫情不斷升溫，從目前可知的訊息都發現，長期有慢性病患者是高危險群，其中免疫風濕病友因其使用的藥物都與調節過度活躍的免疫系統有關，不少病患誤以為用藥會讓免疫力下降增加感染新冠肺炎風險，企圖要減藥或暫時停藥，尤其這段時間媒體也不斷呼籲，民眾若無必要不要進出醫療院所。
黃文男勸病患在此時刻，千萬不要自行停孳藥，他說，驟然停藥，會造成疾病復發，反而會造成感染的風險，因為風濕科病患致病機轉多為免疫系統混亂，除攻擊自己正常細胞以外，也會造成器官的損傷，一來一往的結果就會造成抵抗力降低，控制病情才是維持免疫系統功能最好的方式，也是減少感染的方法。
他強調，如果病患規則服務仍出現倦怠、疲乏、肌肉痠痛症狀明顯加重，即使休息都無法緩解，還是要考慮疾病活動的可能性，千萬不要因害怕感染而不敢就醫。
黃文男建議，過敏免疫風濕科病患面對2019新型冠狀病毒的三步驟為：提高預防莫驚慌、正確就醫勿慌張、持續用藥保安康。
</t>
  </si>
  <si>
    <t>針對苗栗縣內京元電子股份有限公司爆發移工群聚感染指揮中心今日上午召開本起事件之疫情因應措施，包含協助苗栗縣衛生局疫調通譯及協助疫調表翻譯移工母語；勞動部立即督管京元電子及其仲介管制宿舍移工不得任意外出、暫停休假外出，及分流移工宿舍人數等措施，全力防堵本次疫情擴散。
依中央流行疫情指揮中心召開苗栗縣疫情及因應作為討論會議，會議決議勞動部應處包括「協助苗栗縣政府衛生局疫調通譯，並協助疫調表翻譯移工母語」、「督管雇主京元及仲介盛華自即日起暫時管制宿舍移工不得任意外出，並管制暫停休假，移工生活需求協調雇主及仲介處理」
勞動部也會「配合指揮中心積極協助雇主及仲介疏導同一宿舍分流1／2到1／3移工人數，減少群聚效應」、「清查近期京元電子轉出移工到其他雇主清冊並加強後續追蹤篩檢」、「配合指揮中心派員立即前往苗栗縣京元電子協調移工宿舍減量及禁管措施」。
勞動部配合今日指揮中心因應措施決議全力處理，已先行配合指揮中心派員併赴苗栗縣協調移工宿舍減量及禁管措施；勞動部也已動員現有1955專線、移工機場接機關懷及直聘中心人員全力協助疫調通譯；勞動部將於今日完成翻譯疫調表提供衛生單位使用，並完成清查雇主近期轉換移工情形，以利後續追蹤。</t>
  </si>
  <si>
    <t>新冠肺炎疫情蔓延全球，香港經濟重挫。財政司司長陳茂波22日表示，現在情況正處於「水深火熱」，比2003年SARS風波還嚴峻，許多中小企業正在承受生意斷崖式下跌、面臨資金鏈斷裂的危機，員工亦連接受打擊。他表示，經濟疲弱情況暫時難扭轉，失業率在短期內仍然會繼續上升。
值得注意的是，截至昨日為止中午，香港新增44例確診個案，累積確診個案增至318例，突破300例大關。
陳茂波昨日以「力保經濟元氣」為題發表網誌。他表示，不少國際組織和經濟學家都對前景感到悲觀，警告今年全球經濟可能陷入衰退。為穩住巿場信心，全球多國先後宣布減息並為市場提供流動性，多國政府更同時推出大規模財政措施，應對疫情帶來的經濟下行壓力。
陳茂波表示，香港零售銷售已連續12個月呈現下跌，最新數字將於本月底公布，相信經濟疲弱情況暫難扭轉。失業率方面，已惡化至3.7％，逾9年新高，失業人數逾13萬，按月增加約1.2萬人，相信失業率在短期內仍會繼續上升。
陳茂波強調，港府已於《財政預算案》中提出由政府擔保，向中小企提供特惠低息貸款計畫，目前已獲立法會財委會通過，正督促業界準備，預計下個月內開始接受企業申請。
另外，美國傳統基金會近日發布2020年《經濟自由度指數》，香港25年來首次失卻全球首位。
陳茂波指出，在12項評估經濟自由度的因素中，香港有7取得90分或以上的佳績，惟去年下半年的社會動盪，引發治安問題，令「投資自由」的評分大幅下跌，以致總分下降。</t>
  </si>
  <si>
    <t xml:space="preserve">
受到新冠肺炎影響，各國政府紛紛採取鎖國政策關閉邊境，連帶使旅遊業受到衝擊。近期疫情雖少有緩解，仍不能掉以輕心。為此，柬埔寨要求所有外國遊客入境時，必須繳納3000美元（約新台幣9萬元）的「新冠肺炎押金」用以支付所有檢疫相關費用。
根據《曼谷郵報》報導，柬埔寨政府要求遊客在抵達機場時，需要以現金或信用卡支付3000美元的押金，以支付「新冠肺炎服務費」並且需投保5萬美元（約台幣149萬元）的旅行保險。目前柬埔寨相關單位已將核准過詳細收費清單張貼在官方的推特帳戶上。
由清單列表中可看到，押金涵蓋項目包含：旅客自機場前往檢測中心需花費5美元（約台幣150元），新冠病毒檢測費100美元（約台幣3000元），在規定的入住酒店或者集中檢疫所過夜費用為每晚30美元（約台幣900元）和每日30美元的餐費；其他洗衣服務每天15美元（約台幣450元），檢疫所醫務人員服務費每天5美元（約台幣150元），保全每天3美元（約台幣90元）。
若同機旅客檢疫結果皆為陰性，則押金扣減金額便到此為止。然而，旅客仍需在所下榻的旅館進行14天的自我隔離，並在第13天進行第二次檢測，而自柬埔寨離境後的健康證明則需另收費30美元。
另外，如果遊客不幸染疫，這筆押金便將作為住院費及治療費使用，粗估每日約需180美元（約台幣5400元）；若遊客不幸病逝，柬埔寨官方將用押金支付葬禮成本約1500美元（約台幣4萬5000元），而以上這些費用都將自押金中扣除。柬埔寨當局並表示，上述規定除了入境的觀光客之外，也適用於所有因外交以及政府公務往來的人員。
更多 CTWANT 報導
</t>
  </si>
  <si>
    <t xml:space="preserve">【愛傳媒黃珊珊專欄】桃園9月15日新增一位本土個案，經過快速基因定序確認為Delta病毒株，經過通報後，我們立即啟動疫調作業，將個案在北市的足跡、第一圈接觸者以及第二層接觸者都進行匡列和居隔，並協助安排精準採檢。
確診足跡處理
經調閱實聯制後，確認個案在發病日前3天曾到新光三越A11地下室一蘭拉麵用餐，目前已經停業消毒，並且依規定閉店三天，另外，從9月18日到9月29日必須停止內用，只提供外帶。
信義區健康服務中心也會協助業者，安排當日出勤員工17人接受精準採檢；至於個案用餐前後30分鐘，經過實聯制的調閱，共有50位顧客，北市已經發送細胞簡訊通知，也協助有意願的顧客安排採檢。
匡列密切接觸者
個案曾在發病前一天有北市的密切接觸者，台北市也用最快的速度匡列接觸者，安排採檢後入住防疫旅館14天，另外，第二層接觸者也都安排採檢，並進行5天預防性的居家隔離。
此案為桃園機場的機艙清潔人員，CT值只有14，這也是我們最擔心的部分，且感染源不明，我還是要提醒大家，飛機和機場還是相對高風險的場域，特別是在候機時、機艙內，都必須特別注意，出入國境時還是要小心。
目前台北市的衛生單位已經採最高規格處理Delta個案的接觸者，希望能透過嚴密的第一層、第二層匡列，迅速圍堵病毒，不要再造成更多破口。
作者為台北市副市長
照片來源：作者臉書截圖。
●更多文章見作者臉書，經授權刊載。
●專欄文章，不代表i-Media 愛傳媒立場。
</t>
  </si>
  <si>
    <t>基隆市昨有一名男高中生（案1554）確診，中央匡列66人居家隔離，今採檢結果出爐，其母親（案1826）為陽性，市政府進一步公布男高中生媽媽足跡，她是美香齋餅店員工，店家位在仁五路51號，5月1日至5月9日、5月13日、5月14日皆有上班，呼籲民眾這段時間有前往需注意自身健康狀況。
市長林右昌表示，男高中生的家屬採檢出爐，其父親、姊姊為陰性，媽媽則是呈現陽性，經衛生局疫調，媽媽是美香齋餅店員工，5月1日至5月9日早上8點到下午8點上班，5月13日、14日早上8點到下午6點上班。
林右昌進一步公布男高中生足跡，他說，個案在5月2日下午4點到6點，到過孝二路63號3樓貓腳印卡牌店與同學玩桌遊，當日晚上6點到7點半在基隆皇冠大樓6樓兩餐餐廳用餐；5月8號下午3點到5點與同學在愛四路45號福勝亭用餐，用完餐再前往愛三路87號1樓初沐飲料店買飲料。
另外，5月10日早上11點半到下午1點，男高中生與家人位於中山二路65巷105號虎仔山休閒咖啡館用餐，當天下午4點到6點，與9名家人，包括父母、姊姊，以及外公、外婆等人，前往孝四路7號三姊妹熱炒店用餐。
5月13日下午4點半到晚上8點在仁二路191號4樓，明日卡牌與同學玩桌；5月14日早上11點50分到下午2點，在愛三路116號麥當勞用餐，當天下午4點15分到6點15分在貓腳印卡牌店玩桌遊。</t>
  </si>
  <si>
    <t>受到新冠肺炎疫情影響，大陸國務院總理李克強17日表示，「要根據疫情持續向好態勢，在保持必要疫情防控措施的同時，取消妨礙復工、復產的不合理規定」，並強調要讓更多務工人員盡快返回工作崗位，且「有活幹、有錢賺」。
李克強在大陸國務院常務會議中指出，統籌推進疫情防控和經濟社會發展，做好「六穩」工作，必須把穩就業放在首位，而穩就業的重要支撐在於穩住中小微企業。各部門要通力合作，幫助中小微企業渡過眼下難關，支持他們恢復經營，增加就業崗位，創造更多社會財富。
針對相關部門匯報，目前大陸復工、復產遇到許多限制，審批層層加碼，辦理環節多，員工返崗限制多。對此，李克強表示，現在來看，大企業復工率相對高一點，而中小微企業復工率則相對較低，兩者不相匹配，進而導致企業復工不能復產，更不能達產。
李克強指出，「從一些地區的實踐經驗來看，即使在疫情防控的關鍵時期，只要科學防控到位，就能有效遏制病毒傳播」。為應對疫情帶來的衝擊，一些方面推出不少臨時性應急措施，隨著疫情形勢變化，要清理取消不合時宜的臨時管制措施。
李克強表示，現在一些地方出現限制企業註冊登記，以及復工、復產的不合理證明，還有一些地方滋生出一些不合理的收費規定等，這些一定要抓緊清理取消」。李克強強調，「這些年『放管服』改革一步一步取得的成績來之不易，決不能再走『回頭路』」。</t>
  </si>
  <si>
    <t xml:space="preserve">美國國務院一名高官今天表示，美方正在跟台灣監管單位合作，預期會「在非常短的時間內」送出2019冠狀病毒疾病（COVID-19 ）疫苗給台灣。
華府之前已承諾會捐贈台灣75萬劑COVID-19疫苗。
路透社報導，美國國務院東亞暨太平洋事務局副助理國務卿費德瑋（Jonathan Fritz）在聯邦參議院聽證會上表示：「我們確實預期在非常短的時間內就會送出那些疫苗給台灣，希望在那之後不久人民就能施打。」
被問及疫苗是否將在幾週內交付，費德瑋回答，他希望時程「可能會比那更快」，但他無法提供確切日期。1100618
</t>
  </si>
  <si>
    <t>台灣區南投縣同鄉會聯合總會6日在埔里鎮帝一村餐廳熱鬧舉行一年一度的鳳還巢返鄉活動及全國鄉親歌唱總決賽，由總會長陳文質主持，來自全台逾1200位旅外南投同鄉熱烈到場參與，縣長林明溱特別到場致意，歡迎鄉親回南投，南投溫泉季也正式展開，邀請旅外鄉親呼朋引伴回來泡溫泉，用五倍振興券消費南投優質農產和美食，滿200元發票還能登錄參加抽獎，有機會贏得高額獎金。
林明溱說，南投同鄉會聯合總會多年來不論是公益活動，還是投資建廠，甚至是支持南投縣優質農產，都積極參與，以實際行動支持故鄉南投，不僅對縣政和經濟貢獻良多，這份愛鄉情懷更令人感佩。
新冠肺炎疫情發生後，各項活動都停擺，旅外鄉親思鄉甚切，近期疫情趨緩，疫情警戒逐漸解封，1200名旅外鄉親返鄉共襄盛舉，並辦理全國鄉親歌唱總決賽。
林明溱指出，南投縣觀光產業雖受疫情衝擊，遊客銳減，幸疫情控制得宜，加上中央五倍券上路，縣府為促進觀光，振興地方經濟，特別規畫「南投玩很大·千千萬萬獎不完」發票登錄抽獎活動，自10月1日起至明年4月30日止，只要持南投縣消費200元發票就可上網登錄參加抽獎，周周抽10萬現金。
陳文質表示，感謝縣府每年大力支持鳳還巢返鄉活動，讓南投旅外鄉親備感溫馨，今年參加鳳還巢活動鄉親相當踴躍，在愛妮雅集團總裁陳威中支持下，特別結合該會舉辦的全國鄉親歌唱總決賽，邀請知名演藝人員上官明莉、艾成等擔任評審，全場活動熱鬧精彩。</t>
  </si>
  <si>
    <t>台南今天新增2確診，分別是案4018為50多歲男性、案4221為60多歲男性，皆為昨天確診的案3615接觸者，案4018為案3615同事，3人平日群聚學甲區仁聖大帝廟壇，感染源是北部友人，目前已住院中，但還在等篩檢結果，廟壇另名同事住嘉義也確診，眾人平常都不戴口罩泡茶聊天而染疫，其中案4018曾在16日中午12點到下午2點去台南北區大潤發。另有名員警18日曾到廟壇取締未戴口罩，也已匡列。
台南市政府今天下午公布確診2案例相關足跡，衛生局長許以霖表示，上述3案共同接觸者是北部住萬華區友人，但北部人士目前住院中，篩檢報告還沒出來。
他說，未來公布足跡與否，為避免造成不必要恐慌，將依「有無防治必要」才會公布足跡。今天新增2案足跡單純，都已通知可能接觸者，目前沒有可疑或可能風險，因此不再詳細說明足跡場所，避免引發民眾恐慌。他強調，大潤發也已經完成清消。
台南市政府今天僅公布5月13日到18日學甲仁聖大帝廟壇，以及5月16日中午至下午2時大潤發台南店，若曾進出但未接到通知者，可向衛生局聯繫。
案4018於5月22日確診，接觸者匡列居家隔離19人，經採檢有2位陽性（分別為4221和嘉義確診友人），而案4221為案4018朋友，21日因咳嗽至醫院採檢確診，接觸者匡列居家隔離9人，皆已採檢，檢驗報告未出。</t>
  </si>
  <si>
    <t>根據媒體取得的日本預算草案顯示，安倍政府將編列新的1.1兆美元（117兆日圓）振興方案，當中涵蓋可觀的直接支出，以遏止新冠肺炎危機將該全球第三大經濟體推向更深的衰退深淵。
這是日本繼上月推出117兆日圓振興方案後，新一輪的刺激方案，其部分經費將由第二追加預算提供。
然而，這項新的方案也讓日本為了因應這次疫情對經濟造成傷害，導致其支出總額累計達到2.18兆美元（234兆日圓），約等於日本國內生產毛額的40％，並逼近美國的2.3兆美元經濟援助方案規模。
草案內容指出，在日本編列第二輪的1.1兆美元新振興方案當中，將涵蓋33兆日圓的直接支出。為對該方案提供經費，日本政府將根據今年度第二追加預算，額外發行31.9兆日圓的政府公債。這也將推升日本今年度新債發行額將締造90兆日圓新高紀錄。
日本首相安倍晉三在周三（27日）一場與執政黨議員的會議上強調：「面對未來的艱難路途，我們必須竭盡全力來保護商業與就業。我們也需要採取所有必要措施，來為另一波疫情做好準備。」基於疫情對日本經濟衝擊不斷擴大，安倍先前就已經指示內閣官員擬定新一輪的振興方案。
政府官員透露，第二輪振興方案的重點將包括增加醫療支出、援助無法支付租金的公司、對失去兼職工作的學生提供支持，以及對銷售額銳減的企業給予更多補助等。
安倍政府還將提撥10兆日圓準備金額，以作為緊急支出使用。
至於日本在上月編列的第一輪117兆日圓振興方案，當時焦點放在發放現金給民眾，以及因應疫情造成的立即傷害。
日本經濟在上季陷入4年半來首次衰退，凸顯新冠肺炎危機已對日本企業與消費者造成重擊，並讓日本邁向戰後最嚴峻的衰退困境。</t>
  </si>
  <si>
    <t xml:space="preserve">新冠疫情嚴峻，國內不少民間團體、企業紛紛表示，願意協助政府購買疫苗，今日中央流行疫情指揮中心記者會中，有媒體問及「目前鴻海與台積電自購疫苗的進度如何？」中央流行疫情指揮中心指揮官陳時中表示，慈濟基金會早上的確有來送件，目前在就相關法律文件修改，雙方都給同樣文件，也有一起開會討論。
另外，也有媒體詢問「慈濟購買疫苗是否會比照台積電、鴻海，獲得總統府授權代表政府採購？」陳時中說，針對慈濟的部分會正式回文，但要看看到底是經過什麼管道，到底沒有現貨等，都需要再檢視和討論，但我們會正式回應。
</t>
  </si>
  <si>
    <t>全台持續飆高溫，居家辦公人數增加，使用電拉警報，外界憂心快篩站一旦停電，快篩恐停擺，為確保快篩站正常運作，北市產發局協調台電把快篩站排出在分區停電組別外，另遇到其他緊急用電需求，萬華區公所也會提供協助，確保快篩站供電穩定正常。
近日全台供電不穩定，依據台電公司目前最新停電分組，下一組停電規畫為E、F組，經查北市萬華區西園醫院就被列為下一波停電的E組。
產發局公用事業科長何明育指出，配合防疫需求，已與台電公司台北市區營業處協調，如啟動分區輪流停電時，將原屬於E組的西園醫院排除，以利快篩站作業能持續，此外，其他包括北市聯合醫院和平院區、中興院區，及剝皮寮、和平青草園等其他4處快篩站都已排除在停電分區外。
他表示，另與萬華區公所保持聯繫，如快篩站有緊急用電需求，除可商請消防局調派消防車前往協助外，產業局也會協調台電協助。此外，產業局19日己以電話或電子郵件通知北市800kW以上工商業者加強節電措施。</t>
  </si>
  <si>
    <t xml:space="preserve">台灣民意基金會昨天公布最新民調，基金會董事長游盈隆指出，去年5月總統蔡英文第二任剛就職時，20到24歲以下首投族有9成3力挺，如今民調支持度腰斬，只剩4成7力挺。對此，民進黨創黨元老、台中市議員謝明源認為，蔡英文年輕人民調下跌有2個原因，一是青年族群無疫苗可打，引發民怨；二是疫情衝擊就業環境，間接影響年輕人觀感。
據港媒《中評網》今（26日）報導，謝明源接受採訪時表示，蔡英文民調之所以下滑，他認為主要原因有2個，其一是新冠本土疫情爆發期間，台灣在疫苗取得方面，受到國際大環境影響，導致許多年輕族群至今仍無法接種疫苗，年輕人無疫苗可打，自然引發民怨。
其次，謝明源指出疫情衝擊就業環境，加上政府紓困措施不夠直接，主力就業人口不滿，這也是導致年輕人認同感下滑的另一個原因。且近來國民黨在舉辦黨主席選舉，對民進黨的攻擊也影響了年輕族群對蔡政府施政看法，這也反映到民調指標上。
謝明源直言，如果疫苗能在8月和9月陸續到貨，他相信那時年輕人不滿的情緒應會降低，蔡的年輕族群認同感就有可能再提升。
</t>
  </si>
  <si>
    <t xml:space="preserve">持續延燒的新冠肺炎疫情，對兩岸關係形成新一波的對抗，影響所及，就是兩岸關係中產生新的論述，比較明顯的是從「安全化」概念所建立新的安全觀，對未來兩岸關係影響深遠。
安全化的主要論點是認為，安全是一種「言外之言」的語言行為，藉由將某項事務標示為「安全問題」，即可成為一項問題。也就是，安全化的行為者會透過語言表述特定主體受到威脅時，要求採取特定的措施以確保行為主體的生存與存續。
這項安全問題從正常的政治領域轉移到緊急政治領域，可以繞過多重決策領域迅速解決問題。所以為了安全起見，這意味著安全不再是任何過去既定的意涵，可以是行為主體所說的各項內容，使得安全成為社會與互為主體的建構。
為了讓威脅成為安全問題，成功的「安全化」包括3項步驟：確定存在的威脅、緊急行動、打破規則對於內部單位的掣肘。新冠肺炎疫情的發展正符合這3項安全化的論述。其中包括：
一、人員的流動會造成病毒擴散；二、在高流行地區，對於地方政府與國家的穩定受到威脅；三、除人員死亡外，新冠肺炎可能進一步造成社會衝突。於是，安全化的論述關鍵在於不同的場域中，強調這些場域的脆弱性與威脅，進而影響與改變組織與生存策略。最重要的是，支持安全化的決策者試圖透過如何看待這種過程，以確定越來越多的安全化對象與政策。
在武漢疫情已經擴散之後，大陸國家主席習近平在1月20日提及疫情已處於「加快蔓延的嚴重形勢」，要求黨政各級領導幹部，需要深入防疫第一線。從此，大陸正式把新冠肺炎視為安全威脅。
在這之後，大陸各個省市紛紛祭出防範疫情擴散的措施，諸如封城、封省、停工與停課、關閉機場與交通樞紐、啟動社區封閉式管理、嚴格管控防疫物資、國家衛生健康委員會每日公布最新疫情、湖北開始變更病患的收治策略等。
官方此時已更重視由疫情所延伸的安全問題，政府也開始嚴格管理從中央到地方的各項所能使用的防疫工作，習近平後來更說到「確保打贏疫情防控的人民戰爭、總體戰、阻擊戰」。
而台灣在防疫方面，嚴格管控國境安全與管控口罩等防疫物資，也強調讓台灣加入世界衛生組織為醫療人權的重要性。在「國內防疫為優先」的前提下，政府率先禁止防疫物資出口，行政院長蘇貞昌並表示「自救才能救人」。
事實上，通過言語行為所提出的安全性主張不僅是描述性質，也會因為改變問題的解決方式來改變現實狀況，原本《想像共同體》的作者安德森認為台灣做為移民社會因抗拒來自母國的壓迫，才會出現台灣的民族主義。然而，一場新冠肺炎反而讓台灣建構出「防疫共同體」的總體意識，這種兼具民族主義性質的防疫意識，反而變成對大陸新的對抗意識。
與安全化概念相反的則是「去安全化」過程，就是將問題從緊急事件模式轉變到一般性商談的過程。為了避免對抗意識持續下去，當疫情過去之後，兩岸如何在「後武漢肺炎」時代建立新的互動模式，將考驗兩岸政府的智慧。
（作者為實踐大學高雄校區博雅學部副教授）
</t>
  </si>
  <si>
    <t>火腿隊剛結束與西武隊之戰，吳念庭與王柏融同場較勁，不過火腿隊在賽後突然宣布多7人確診新冠肺炎，加上原本的3人，球隊目前共有10人確診，有群聚感染風險，因此明日與西武之戰確定取消，王柏融與吳念庭的近況也讓球迷擔心。
火腿隊昨日有內野手中島卓也、外野手西川遙輝、捕手清水優心3人在新冠肺炎篩檢中呈現陽性，都已經隔離並先下二軍，今日火腿隊在傷兵滿營狀況下以5比4逆轉勝，不過賽後傳出壞消息，多了4名選手、1名教練、2名球團工作人員確診，單日多7人呈現陽性反應。
4名選手分別為洋砲R.羅德里奎茲（Ronny Rodriguez）、內野手高濱祐仁、外野手今川優馬、捕手郡拓也，以及內野守備教練飯山裕志。日本火腿球團社長川村浩二出面致歉，「對於球隊一軍成員大量感染新冠肺炎造成的巨大關注和不便，我們深感歉意，因此決定先取消比賽，來確保其他選手的安全，希望大家理解這艱難的決定。」川村浩二同時也向西武獅致歉。
火腿共有10人確診，爆發群聚感染，接下來會與日職負責防疫健康的單位進行合作，未來會更徹底做好防疫措施來預防傳染，也積極幫助所有球員恢復。
根據日媒報導，確診者都沒有發燒或其他身體不適的症狀，已經接受主管機關的隔離，而台將王柏融、吳念庭今日都有出賽，尤其確診者是王柏融的隊友，接下來在日職安排下兩隊球員都會再接受PCR檢測，密切關注球員的身體狀況。</t>
  </si>
  <si>
    <t>新冠疫情肆虐全球，泡麵也成為熱門商品，還一度掀起搶購潮。日本日清泡麵近日分享新吃法，杯麵吃完後總會剩下麵渣與湯，丟掉又有些浪費，提到其實只需要一顆蛋，就能讓吃泡麵的飽足感再升級，又不會浪費剩餘的湯底，而新食譜曝光後，不少網友也趕緊實測，直呼「好吃到欲罷不能」。
カレーヌードルで試してみました♪co-opさんのカレーヌードルですが、日清食品さんと共同開発品です。見た目は茶碗蒸しと比べるとイマイチでしたが💦美味しかったです🤗 pic.twitter.com/yWBgUNvnDr
日清泡麵在推特表示，「任何人都能製作杯子蒸蛋，只要將雞蛋打進有湯的杯麵中，攪拌後再拿去蒸，就能吃到鬆軟的茶碗蒸，很多人都不知道這種做法」，而他們也在官網曝光詳細作法，首先將雞蛋打進吃剩餘的湯底，等5分鐘後均勻攪拌，再將湯與蛋液倒入碗中，並放入微波爐加熱約3分鐘，杯子蒸蛋就完成了。
不少網友回應「看到後馬上試做！之前常因為沒喝完湯感到遺憾，現在終於能吃乾淨了」、「以前就做過了，海鮮和咖哩口味都很好吃」、「味道很不錯，但吃起來有點鹹」、「我很早就這樣吃了，有時還會加點飯或年糕，超好吃」、「將米飯和起司放進剩餘的湯中，再拿去微波，義大利焗飯就出爐囉！推薦海鮮口味最好吃」。</t>
  </si>
  <si>
    <t xml:space="preserve">新冠肺炎疫情最棘手的問題，在於它的初期感染並不明顯，而且潛伏期很長，然而現行的篩檢又無法即時得知結果，還有偽陰性、偽陽性等問題。現在科學家發明了新的篩檢劑，透過生物基改的螢光染色技術，檢體在可以在幾分鐘內就有反應，要是出現感染可能，樣本會自行發光，增加辨認效率。
每日科學(Scitech Daily)報導，現在檢測冠狀病毒感染，大多數的醫學中心都依賴一種稱為RT-PCR(反轉錄聚合酶連鎖反應)的技術，該技術可放大病毒的遺傳物質特徵。然而此技術需要專門的人員和設備，而且花費多、檢測時間長，因此許多政府不願全面普篩，有很大原因在於所費不貸，資源消耗多，全球的檢測劑都很不足。
現在華盛頓大學醫學院-蛋白質設計研究所(UW Medicine Institute for Protein Design)所長大衛‧貝克（David Baker）所組成的​研團隊，發明一種新的生物試劑，這種試劑是使用電腦來計算與設計的，主要是發明一種特殊蛋白質，它可以和病毒表面上的特定分子結合，然後蛋白質會因生化反應而發光。
同樣參與這項研究的威斯康辛大學成員，還用類似的技術，創造了能夠與新冠病毒抗體結合而發光的生物試劑，也就是新冠肺炎的康復者會有另一種反應。
團隊解釋，之所以開發2種試劑，是要排除偽陽性反應。
貝克說：「我們已經在實驗室中證明，這些新型試劑可以很容易地檢測到模擬鼻液、血清中的病毒蛋白或抗體。不過，目前主要是在實驗室裡，因此我們的下一個目標是確保可以在實際的診斷環境中使用。」
研究小組表示，類似的技術可以應用到其他醫學相關的人類蛋白，如Her2（某些形式的乳腺癌的生物標誌物和治療靶標）和Bcl- 2（在淋巴瘤和其他一些癌症中具有臨床意義），以及細菌毒素和靶向B肝病毒（HBV）的抗體。
</t>
  </si>
  <si>
    <t>拉美地區新冠肺炎疫情日益嚴峻，截至29日，累計確診病例超過1.4萬例，其中以巴西逾4000例最多。然而，有「熱帶版川普」之稱的巴西總統波索納洛，卻無視衛生當局呼籲要保持社交距離，無防護現身在首都巴西利亞多區的街頭，四處趴趴走，他還稱「人終須一死」，「要像個男人般」去面對新冠病毒。
波索納洛29日在總統官邸外會見支持群眾，並向在場記者表示，雖然新冠病毒存在，但「我們必須要面對它。要像個男人一樣去面對，而不是像個小男童般！」他又指「總有一天我們都會死」。據報導，波索納洛還曾告訴巴西衛生部長曼代塔，若繼續呼籲人們留在室內就要公開譴責他，甚至要撤換他。
自疫情爆發以來，波索納洛一直淡化病毒的風險，曾形容新冠肺炎僅是「小流感」。他曾呼籲長者及高風險患者留在家中，但其他人必須讓經濟繼續運作，不應全面停止商業活動及全民居家隔離。 波索納洛反對封城或避免外出等限制措施，並與自行實施隔離措施的聖保羅州及里約熱內盧州州長發生衝突。波索納洛指，如果隔離措施持續，加上失業率一直增加，巴西會出現非常嚴重的經濟問題。他強調，巴西不能停頓下來，否則會變成委內瑞拉。
巴西衛生部29日宣布，新增新冠肺炎確診病例352例，累計達4256例，新增死亡22例，累計死亡136例。</t>
  </si>
  <si>
    <t xml:space="preserve">英國首相強生（Boris Johnson）6日因新冠肺炎病情惡化住進加護病房，不過目前已知，強生高燒已退，已度過最危險時期，讓英國內閣重燃希望。不過專家警告，即便強生完全康復，最慢恐怕也要等到夏天才能重返工作崗位，因為病毒會讓患者元氣大傷，長期臥病在床也會讓患者肌肉量大幅度下降。
綜合路透社、英國《太陽報》（The Sun）、《每日郵報》（Daily Mail）報導，英國首相強生住進加護病房第二晚，病況愈來愈穩定，醫師在第一時間為他輸氧，已有效阻止強生病情惡化，醫生判斷沒有必要為他戴上氧氣機或讓他服用鎮靜劑，同時強生也沒有肺炎現象，精神狀況良好，不過醫生仍安排他繼續住在加護病房，以利密切觀察。英國《泰晤士報》（The Times）7日晚間更報導，強生高燒已退，顯示他已經度過最危險時期，有機會打敗病魔。
由於醫生沒收他的2支手機，強生住進加護病房後就與外界隔絕聯繫，唐寧街官員否認強生有其他健康問題的傳言，暫代首相職務的英國外相拉布（Dominic Raab）周二稱強生是「戰士」，相信強生短時間內就會康復，回來帶領內閣。
不過數名資深保守黨員對此持保留態度，當中一人表示，「現階段情況感覺仍很危險，一直到他離開加護病房、病況明顯好轉之前，我想我們之中沒有人能真正放鬆。」
專家對此也不樂觀，部分專家認為，強生即便康復，仍要休息數周才能完全恢復體力，最慢恐怕要到夏天才能重返工作崗位。
英國東安格利亞大學傳染病專家韓特教授（Paul Hunter）表示，「如果你因為病情嚴重住進加護病房、並且存活，很明顯你需要一些時間康復，而且通常只有一半的病人能夠活下來。」「我預期，多數病況那麼嚴重的病人，至少需要1個月、或可能2個月時間，才能康復、恢復工作。」若從現在起算，意味強生有可能要到夏天才能重返唐寧街。
英國重症醫學專家葛克特教授（Mike Grocott）表示，通常一個在加護病房接受輸氧治療一段時間、無法下床行動的病人，身體機能會下降一段時間，甚至有可能延續數周。他補充，「一段時間沒有活動會對身體機能造成影響，最典型的是導致肌肉量、力量下滑，程度取決於臥病在床的時間以及病情的嚴重程度，另外，也要視患者的復原品質以及對復健投入的時間。」
不只專家，剛擊敗新冠病毒的重症患者Matt Dockray也描述病毒如何榨乾他、讓他元氣大傷，他說，出加護病房以及真正出院後，距離完全康復還有「很長一段路」要走，這段時間需要6至8周，過程中有可能失去希望，「但你只能要求自己不斷戰鬥。」
</t>
  </si>
  <si>
    <t xml:space="preserve">台灣近日新冠肺炎案例暴增，北部更傳出校內感染，高雄醫學大學為防止多人群聚感染，擬將百人以上課程改為線上授課，但因為先前並無同步線上授課經驗，高醫大在實行前特意安排教師系統測試，24日正式啟用，獲得師生一致好評。
高醫大醫學系系主任徐仲豪表示，過往的線上授課皆以教師預錄影片，給學生隨時登入觀看，但這次為了達到學習的最高效率，採用全面性的直播同步教學，學生若有問題可以隨時利用app「i高醫」提問，教師也可做簡單的評量，讓學生在家宛如在校上課一樣，但測驗成績並不會當成主要評分考量，目前還是以期末考成績為主，線上互動可當平時成績或加分。
高醫大線上授課採教師在校直播，並與資訊處密切合作，沒有網路上得使用困難，學校為保障所有學生的上課權利，若學生有電腦或網路上問題，每堂課皆開放30位學生至學校採同樣模式上課，徐仲豪表示，此直播授課模式自24日啟用，除了從原先面對學生改為鏡頭，有些許不適應，目前沒有師生反應使用上的問題，大家皆對此種防疫措施相當滿意。
自此學期開始，高醫大盡可能將感染機率降到最低，為確保在校所有師生的健康安全，除了謹慎調查旅遊史外，更強制規定所有師生必須持相關證件才可進入校園，此外，由於高醫大情況特殊，一旁附屬醫院部分醫生會將汽車停進校園停車場，高醫大特意將路線錯開，避免交互感染，給予學生最安全的就學環境。
另外配合防疫，高醫大美食街學生餐廳也將座位區調整，拉大用餐間距，也鼓勵教職員生盡量以外帶方式消費，以避免群聚效應維護個人安全。
</t>
  </si>
  <si>
    <t xml:space="preserve">金門徐姓婦人昨（8）日晚餐後偕老公出門散步，因天色昏暗不慎掉落水深及膝的大排水溝，縣消防局據報火速派員趕到現場，將全身癱軟無力的她送醫急診，完成一樁緊急救援任務。
昨晚19時25分許，51歲徐姓婦人和老公走在金沙鎮何浦國小前方產業道路，因天色昏暗照明不佳，不慎掉落大排水溝。縣消防局據報出動金沙、金湖2分隊幹員趕抵現場。
由於大排水溝水深及膝，情況頗為危急，在小隊長李正義現場指揮下，包括隊員周君全、吳國輝及林練富、役男王羿凱等人通力合作，運用雙節梯下水確認，再吊掛雙腳癱軟、腰部疼痛的徐婦脫離水面。
因徐婦在3月18日剛從大陸老家返金，救難人員還特地讓她戴上口罩，切實做好相關防疫作業後，再送往金門醫院急救。
縣消防局指出，大排水溝現場雜草叢生，又布滿青苔，增加救援的困難度，還好消防人員平日常有摸擬演練，救難過程中展現精實專業技能，獲得家屬和當地民眾肯定和好評。
</t>
  </si>
  <si>
    <t>政府針對受新冠肺炎疫情衝擊的小型攤商及商家等「小規模營業人」，提供最高申貸50萬元的紓困貸款專案。臺企銀（2834）昨（20）日開辦受理上路首日，便火速核准37件、金額達1210萬元，解決小型攤商的燃眉之急。
臺企銀指出，小規模營業人只要具稅籍登記，且每月銷售額未達開立統一發票標準，只要簡易評分達標並送信保基金保證後，提供最高申貸50萬元的紓困貸款專案，年利率最高不超過1％、貸款期限最長1年，力拚3個工作日內提供客戶周轉資金。
臺企銀表示，首日核准申請人的產業，遍布早餐店、手搖杯飲料店、小吃店、服飾店及園藝店等，該行行員主動關心詢問客戶，並積極協助申請人準備簡易資料，專案開辦一早便確認申請人符合申貸標準，並迅速予以核准，協助受疫情影響的商家獲得及時雨。
臺企銀指出，紓困貸款專案強調從寬、從速、從簡原則，為加速申辦流程，民眾可透過該行125家分行最新成立的「紓困振興專區服務窗口」詢問，臺企銀絕對全力響應紓困貸款政策，傾全力協助小規模商家度過難關。</t>
  </si>
  <si>
    <t xml:space="preserve">全國疫情進入三級警戒，一再宣導民眾減少外出，但上週末陽明山國家公園的停車場仍車潮不斷，氣得台北市長柯文哲說重話，讓公務員居家辦公，「不是讓你全家開車上山」。曾任檢察官的律師翁偉倫指出，上班時間，公務員若人在外面卻填寫在家裡，恐涉「公務員登載不實罪」，最重7年刑；私人企業員工則可能觸犯「業務登載不實」，最重3年刑。
上週末是全國進入三級警戒的第一個周末，然而根據陽明山國家公園即時影像，發現二子坪、擎天崗、小油坑等處停車場，不但有許多車輛進出，甚至一度出現排隊的狀況，可見遊客眾多。
這樣的狀況，氣得台北市長柯文哲在週日的防疫記者會上說重話，表示「給同學停課，不是叫你去開party，給公務員居家辦公，也不是叫你全家開車到陽明山！」。就連新聞台主播房業涵在播報陽明山遊客新聞時，也不禁脫口而出：「真的不知道在想什麼？」。
曾任檢察官的律師翁偉倫，接受自由時報採訪，他表示登載員工出勤紀錄除了有行政責任，還涉及刑責，也就是說，除了機關、公司的記過、懲戒等處分，員工還可能吃上官司。
翁偉倫解釋，線上簽到時，若公務員人在外面，卻填寫在家，可能觸犯刑法第213條「公務員登載不實罪」，可處1-7年刑；如果是私人企業的員工，則可能觸犯同法第215條的「業務登載不實罪」，最重3年刑。
不過，另有法官指出，居家辦公者若「先在家簽到，之後才跑出去」，等同「蹺班」，應該就不涉刑責，但無法避免行政懲處。
</t>
  </si>
  <si>
    <t>國內新冠疫情擴大，中央流行疫情指揮中心12日指出，台灣暴增16例本土個案，創下疫情以來單日本土案例最多紀錄，其中五股獅子會前會長1傳10，現任會長日日向確診者傳訊息問好，12日時，現任會長曾向成員表示「要去當兵了」，引發議論與猜測；記者實際致電給現任會長，他輕咳兩聲透露，「我只能說，我現在狀態很無聊，訊息等2點公佈再說吧！」。
案1203的新北五股獅子會前會長傳染人數眾多，而前會長足跡遍布蘆洲的餐廳、按摩店，12日中央疫情中心指出，前會長身邊已有10人染疫，現任會長在群組內向成員致歉沒做好防疫。
據了解，現任五股獅子會長從疫情爆發以來，日日向確診者問候，盼能夠鼓勵確診者和獅子會會員，然而昨12日時，有位確診的成員接到現任會長的訊息「要去當兵了」，大家紛紛揣測現任會長恐怕也已確診。
記者致電現任五股獅子會現任會長，他表示，他確實每天都會發訊息向確診者、會員給予鼓勵，記者提問，因為爆出前獅子會會長蘆洲與萬華的案例也找到「人與人」連結的關聯性，會不會覺得尷尬？他說，這是個人行為，可能引發家庭問題，但他不予評論。
是否已確診？現任會長咳嗽兩聲後說，「等兩點吧！兩點會公布，我只能透露我現在狀態很無聊」。</t>
  </si>
  <si>
    <t xml:space="preserve">美國知名節目《艾倫秀》主持人艾倫．狄珍妮(Ellen DeGeneres)近期負面新聞不斷。一向給人親民形象的他，遭工作人員指控是雙面人之外，更被爆料艾倫的工作團隊有惡劣的職場文化，內部高層涉及種族歧視、性騷擾下屬…，這些狀況艾倫皆不聞不問，這也對他的形象造成相當大的傷害。
醜聞風波持續延燒數日之後，艾倫終於做出懲處；開除涉嫌性騷擾及霸凌的員工。但艾倫又在疫情期間，未經工作人員同意，竟將工作團隊薪資減少60%，引發同仁們的不滿，事後艾倫甚至有想放棄主持17年的節目，企圖平息風波。
艾倫的挑戰可說一波未平，一波又起。今(11日)，他在自己的社群平台上主動公布自己確認感染上新冠肺炎，並坦承曾和自己觸過的人都收到通知，艾倫在貼文中說道：「嗨！大家好，我想讓各位知道，我的新冠肺炎（COVID-19）檢測結果為陽性。所幸現在我感覺已經好多了。我會遵守防疫規定，假期後見。」
因各種醜聞纏身，以致《艾倫秀》收視率下滑；她在最新一季節目開播時，還在節目上反諷說「一直很想當面與各位說一些話，但在過去半年裡，『當面』這件事是不合法的。」雖然小心防疫，但最後仍不幸確診。
Ellen DeGeneres（@theellenshow）分享的貼文
</t>
  </si>
  <si>
    <t>全台大停課，包括補習班、課後才藝、安親班等補教業收入歸零，除了要支付房租、薪資，還要退費給學生，勉強撐過5月，6月已危在旦夕！補教業者表示與其讓安親才藝倒光光，政府再去養失業老師，不如從寬讓補習班專案貸款活下去，呼籲政府要從優、從速、從寬紓困。
立委邱臣遠、北市議員陳建銘1日召開「全台停課拉警報，補教業者要紓困」遠端視訊會議及線上記者會，邱臣遠表示，昨（31）日立法院通過追加紓困4.0，本周研擬細節，今召開記者會反映補教業者心聲，是很好時機。
士林在地大聯盟補習班吳主任說，就算疫情舒緩，最怕家長也不想讓學生回來上課了，因為老師不在打疫苗的前面順位。補習班成本最大就是房租，接下來是人事，未來3個月影響跑不掉；他希望補貼能夠更即時，建議一段時間內按照補習班營業面積定額補貼，並盡快訂出員工薪資補貼細則。
中華民國補教協會理事長謝智芳表示，從業36年，第一次碰到政府因傳染病要求補習班停業。目前台灣約1.8萬家立案補習班，推估15萬從業人口，一年產值約1800億至2000億，龐大規模卻欠缺政府重視。他呼籲教育部正視補教業者，並將跑課老師、國小課後照顧班外聘老師一併納入補助，否則其中許多沒有勞健保，一但停課就斷了生計。
謝智芳說，這次聯合18個補教團體提出6點主張：薪資補貼從寬認定；房租補助、房貸補助、貸款利息展延；勞保、健保、勞退展延；從寬認定個人補習班申請貸款資格；讓教育從業人員優先打疫苗；發放補習券。
中華民國補教協會理事何松山近日發起「2021紓困振興方案-教育產業不能再被忽視」公共政策平台連署提案，3天就達6000人附議門檻。他強調，本次疫情衝擊最慘重是安親以及才藝班，難以線上授課，收入歸零，若只有4成薪資補貼，究竟拿什麼養員工？與其讓安親才藝倒光光、失業老師政府養，不如讓補習班辦理專案貸款，至少比照經濟部紓困方案，讓政府、勞方、資方三贏。
中華民國課後教育協會理事長陳伯宇表示，鄰國日韓政府相當重視補教業者，但在台灣，補教業多是微型企業，常常被忽略。補教業者紓困一定要成立單一窗口，從優、從速、從寬認定。
「補教業6月起毫無收入，政府莫放著補教業者自生自滅！」北市短期補習班履保協會理事長林欽雄表示，補教屬於教育業的一環，若家長疲於奔命照顧小孩，整體社會難以發揮最大生產力。希望行政院更具體紓困方案，例如課後照顧中心都有立案資料，盼比照勞工局呈報金額，全額補貼員工薪資；另外盼勞健保暫停收費、稅金減免、提供銀行無息貸款、房租依照地段坪數補助。</t>
  </si>
  <si>
    <t>近一年來受到新冠肺炎(COVID-19)疫情影響，民眾的生活及消費習慣都受到一定程度的影響，例如減少外出，增加網路購物的頻率或是改以外送服務為主。同時，今年台灣疫情再次爆發，更促使許多企業加快數位轉型的腳步。樂天市場數據顯示，今年第一季新店數相較去年同期增加約一成，在所有新店中，「食品美食」類型占比最大，占42.9%，其次是「居家生活用品」，占16.6%，第三為「美容保健」，占14.8%。樂天市場不僅具有三階段的開店輔導，更於疫情期間改以線上教學授課，要讓中小企業數位轉型無縫接軌，輕易上手網路經營。
今(2021)年受到疫情三級警戒管制影響，許多企業興起數位轉型，樂天市場表示，第一季新店數相較2020年同期增加約一成，其中美食、居家生活用品以及美容保健就占了70%。樂天市場每月除了針對新開幕的店家推出「搶眼新店樂推薦 購物滿888現折100元」以及「指定新店購物賺點數最高19%回饋」活動，還會不定期舉辦「滿399超商取貨免運」，再搭配「網購轉帳支付回饋點數10%無上限」活動，為新店家注入新商機。從整體新店的銷售業績來看，自開店以來，平均每月均有7~10%的成長，均顯示大多數民眾願意體驗新品牌新商品，享受網購開箱驚喜的樂趣。
樂天市場今日也公布了TOP 網購數位轉型新店家，網購時可做為參考：
＊里仁：為了守護土地與自然，也同感農友轉作有機的艱辛，里仁以契約種值來保障農友收入，並投入實踐友善大地的行動，以逐步實現「光復大地，淨化人心」的美好理想。
＊聖瑪莉SUNMERRY：台灣第一家的中日合資的麵包連鎖店，執著的日式工法，因應市場需求靈活變化與調整，不斷創新經營積極拓展，帶給國人各式口味的麵包饗宴。
＊金福華食品：創立於1999年販售濃縮雞汁，於2004年開始投入生產日常生活的調味醬料，經典的調味醬料「沙茶醬」，正是你我小時候品嘗記憶中的好味道！
＊蒸的醜 宋太太養生饅頭：醜醜的外表下，卻有著天菜級的內餡，重視內涵的「真材實料」與「健康美味」，讓消費者吃出最健康。
＊述古木耳飲：源自岡山的一家百年中藥店，傳承爺爺的養生木耳飲，研發多種創新口味，讓消費者在百忙中，也能品嘗一份單純健康的滋味。
＊SHBIO：採用三層不織布、百分百臺灣製造的優良口罩，細菌過濾效率達95%以上， 配戴舒適不悶熱，同時多款花色任意搭，防疫期間也能時尚有型。
＊蓁妮絲 jennysilk：堅持台灣製造，嚴選素材，加入創新技術與美學，為傳統製造業創造無限可能，同時為消費者帶來更好的品質。</t>
  </si>
  <si>
    <t xml:space="preserve">台灣已實施並延長疫情第三級警戒至少到六月底，美國援台250萬劑莫德納疫苗也抵台；市議員陳淑華今天建議，預期大規模疫苗接種將會展，需要更完整的施打疫苗網，除現有大型醫院、衛生所、施打站外，應盡快把符合資格的基層醫療診所納入疫苗施打網，以求在取得疫苗後，能最快的速度為民眾進行大規模施打疫苗。
陳淑華指出，台灣的民眾長期有前往診所接種疫苗的醫療習慣，如果能將符合資格的診所規劃盡快納入COVID-19疫苗接種，可讓民眾有更多的選擇，有助疫苗的快速普及。且民眾若選擇認識的醫生，可以為民眾身體狀況適不適合接種疫苗做最適當的診斷。
坊間診所醫師說，很多診所願意投入疫苗施打，但市府遲遲未規劃。台中市基層醫療普及，應更積極規劃各地區符合的診所做為疫苗施打站，許多診所有能力及經驗可以勝任。這波疫苗施打，台北市也有診所加入施打新冠疫苗的行列；台中市遲遲沒有明確政策，診所何時能提供民眾開打疫苗？
陳淑華表示，依目前狀況，雖不知何時下放讓診所加入施打行列，但以接種速度除了現在的大醫院、施打站以外，還可以更快，以應付未來台灣進行全民大量施打疫苗的量能，更快速的提高疫苗接種率。況且戶外疫苗保存較不容易，及部分民眾接種可以有更方便的選擇，交通也更便利，更具親近性。
陳淑華認為，台灣各診所長期有注射流感疫苗及各類疫苗的醫療經驗，目前台中市尚未將診所納入做為COVID-19疫苗注射站，如果能將符合資格的診所納入施打疫苗部署，應可有效在疫苗大規模注射提供助益。
</t>
  </si>
  <si>
    <t xml:space="preserve">儘管美國新冠肺炎單日確診數頻創新高，但仍有許多美國人說，他們不會接種疫苗。美國首席防疫專家佛奇（Anthony Fauci）說，就算新冠肺炎疫苗的效力只有70% －75%，他也會「接受」。
然而，據CNN新聞網29日報導，佛奇認為，有鑑於疫苗保護力並不完整，再加上許多美國人不肯接種，因此他們不太可能獲得足夠的群體免疫（herd immunity）力，以平息爆發的疫情。
在美國政府支持下，未來3個月可望有3種新冠肺炎疫苗進行大規模臨床試驗。佛奇指出，至今最有效的就是痲疹疫苗，效力達97％－98％。身為美國國家過敏與傳染病研究所（NIAID）主任佛奇說，要是新冠肺炎疫苗的效力能達到那種程度就太棒了，但他認為，目前還做不到。他表示，藥效只要能達70－75%，他就能接受了。
CNN新聞網5月所做的民調顯示，1/3美國人說，就算新冠肺炎疫苗普及，價格又低廉，他們還是不會想要接種。當佛奇被問及，要是只有2/3美國人接種效力達70%－75%的疫苗，美國能不能獲得群體免疫力時，他回答「不能──不太可能」。
而群體免疫需要有足夠比例的人口經由染病，或是接種疫苗，對傳染病產生免疫力，使人與人之間不會造成傳染。佛奇指出，接種新冠肺炎疫苗的教育「不容易」。他說，美國普遍瀰漫著反科學、反權威，還有反疫苗的氛圍──相對而言，這佔了驚人多的比例。
</t>
  </si>
  <si>
    <t xml:space="preserve">因為新冠肺炎疫情全球升溫，菲律賓日前拒絕大陸旅客入境，其中也包含台灣，引發我國抗議，菲國當局昨（12）日表示，菲律賓總統杜特蒂將親自審查對台旅遊禁令。
綜合菲律賓媒體《每日詢問者報》（newsinfo.inquirer.net）、《馬尼拉公報》（Manila Bulletin）、新聞網站Rappler等報導，菲律賓總統府發言人帕內洛（Salvador Panelo）昨日表示，針對我國抗議將台灣人民列入禁止入境名單，他說已收到來自台灣方面的關注，並且承諾會將這些「要求」轉達給菲國總統杜特蒂（Rodrigo Duterte）。
「我們會將特定群體的要求轉達給總統，以重新考慮對台旅行禁令」，他說，「我們是基於保護國民不受感染才實施旅行禁令，如果那裡（指台灣）沒有感染，我們會交由總統（檢視）。」
不過帕內洛也強調，菲律賓將台灣列入旅遊禁令名單，是根據世界衛生組織（WHO）的建議。WHO將香港、澳門、台灣列入大陸特別行政區。
菲律賓總統府先前堅持，除非WHO將台灣從大陸行政區中拿掉，他們才會考慮對台解禁。
新冠肺炎疫情全球延燒，各國相繼對大陸公民、曾赴大陸旅行的外國公民祭出旅行禁令，杜特蒂2日也發布指示，禁止過去14天內曾赴大陸及其特別行政區的外國人士入境菲律賓。菲國衛生部10日突然宣布台灣也涵蓋在此項禁令之下，隨後菲國移民局、民航委員會也相繼宣布對我國民實施禁令，引發我國抗議，政府已表示，不排除對菲律賓祭出反制措施。
</t>
  </si>
  <si>
    <t>新冠肺炎疫情趨緩，國內昨新增7例確定病例，分別為3例本土及4例境外移入，本土個案均來自雙北，而確診個案則新增2例死亡。近來國際間突破性感染頻傳，根據統計，7月初以來全台累計的145名境外移入個案中，有40人接種過疫苗，其中突破性感染有12人，經定序發現有3人感染的是印度變異株（Delta）。
昨日新增的3例本土病例，為新北市2例、臺北市1例，其中1例感染源不明。境外移入個案則新增4例，分別自菲律賓、俄羅斯、印尼、越南入境。昨也新增2例死亡，為有慢性病的50多歲男子及90多歲女性。截至目前，國內共累計1萬5843例確診其中821人死亡。
國際間突破性感染頻傳，指揮中心昨也公布最新統計。醫療應變組副組長羅一鈞說，全台7月2日開始推動入境3採，當時至今累計145例境外移入個案，其中40人打過疫苗，佔約28％。
而40人當中，有14人接種1劑疫苗，26人接種2劑疫苗，但完整接種滿14天者有14人，扣除2名接種第2劑前曾在國外確診者，則有12例境外移入個案完整接種滿14天仍染疫，佔不到10％。羅一鈞表示，這些個案的Ct值平均27，其中3人經定序發現感染的是Delta。
羅一鈞進一步指出，突破性感染12人中，有5人接種BNT疫苗，3人接種嬌生、3人接種莫德納、1人接種AZ。至於40例曾接種過疫苗者，有19人接種BNT、7人接種AZ、6人接種莫德納、4人接種嬌生、4人接種科興，各種廠牌都看得到。</t>
  </si>
  <si>
    <t>國軍桃園總醫院（前身為陸軍804總醫院）再添3人確診，分別是9病房的女病患、看護和護理師，都是二採後確診，累積18人染疫，其中女護理師已施打完2劑疫苗，雖確診無明顯症狀。市長鄭文燦直指9病房是熱區，已釀病患、看護、家屬確診，除了醫院病人醫護要定期採檢、也要進行病人回溯和環境採檢，雖然目前疫情仍侷限在加護病房和第9病房，但一定要築起防火牆，細緻完成醫院清零計畫。
衛生局長王文彥指出，桃園23日新增7起本土確診案例，年齡介於30多歲至70多歲之間，其中3例是國軍桃園總醫院相關，都是昨日175人中二次採檢中確診，該傳播鍊累積5病人、7看護、3護理師和3確診者家屬共18人確診。
王文彥說，案14349是9病房的60歲女病患，已臥床插鼻管，因同病室有4人確診而染疫，目前隔離治療中。案14350是同為9病房但不同病室的醫院看護。
至於案14351，是804醫院負責出院準備服務的護理師，因曾接近日前確診的案14010而染疫，王文彥說，該護理師比較特殊的地方在於她已打了2劑AZ疫苗，第二劑是在5月27日，應該具有保護力，她目前無症狀、CT值35、病毒量低，並非疫苗無效，而是症狀輕微且病毒量低。
王文彥說，今確診的另外3名已疫調出爐的確診者，分別被兒子、弟弟和照顧的病患傳染，他強調5月12日雙北疫情爆發來，桃園有598人確診，其中369人是第二或第三波傳染，占62％，呼籲要留意家庭或職場接觸。
鄭文燦說，醫院感控策略要落實分艙分流，醫院的醫護、行政和外包人員都要健康管理，桃園經歷過部桃事件，採取擴大採檢隔離，達成醫院清零計畫，雙北陸續都有醫院發生群聚感染事件，桃園5、6月僅有804醫院群聚感染，目前已完成首輪全院採檢，但一定要進行二、三、四採。
鄭文燦進一步解釋，過去部桃事件，有不少染疫者是二、三採才確診，甚至有病人是在第四採才驗出來，「病毒無形，也有很多變化！」，因此要建立醫院防護網，多次採檢是必要的，目前804醫院採取病人3天採檢一次、醫護定期採檢。
鄭文燦也提到，病人追溯計畫也很重要，一旦有群聚感染事件，熱區病人一定要回溯，陪病家人親友也要回溯，避免潛在感染者。環境部分則依據風險高低分成紅區、黃區、綠區，直言環境有汙染情況下確診個案就會多，因此環境汙染因素也必須納入，也要進行環境採檢。
鄭文燦強調，目前國軍804醫院採檢狀況，確診都集中在加護病房和第9病房，特別是第9病房，包括看護、病人和陪病家人都有人確診，可見得是熱區，要以更高標準追溯，他直言，要達到醫院清零，還有好幾項工作，往後有可能會產生新的個案，要匡列範圍、築起防火牆，讓醫院清零計畫更細緻，「要做很多次才能夠達成清零！」
鄭文燦說，很多人質疑，醫院有分艙分流、有入院篩檢，但為何還是會有感染事件？他認為是因病毒無形，一旦有院內群聚感染，就是要細緻地完成每一項細節，除了要全力協助國軍桃園總醫院能夠一步一步地達成醫院清零，每個確診個案也要調查足跡跟隔離，避免形成社區或家庭的感染。</t>
  </si>
  <si>
    <t>中央流行疫情指揮中心今(23)日公布國內新增1例境外移入COVID-19(新冠肺炎)確定病例，為本國籍50多歲男性(案619)，自迦納返國。
指揮中心表示，案619今(2020)年2月至迦納經商，10月下旬曾接觸確診個案，因有返臺探親需求，11月4日於當地進行採檢，11月5日檢出陽性確診。個案原於自宅隔離，但後續出現呼吸短促、胸悶、發燒等情形，11月11日送至當地醫院治療，因病情加重，期間完成國際緊急醫療專機轉送國人返國就醫申請作業。11月20日個案搭乘國際緊急醫療專機抵臺，入境後即後送就醫，經採檢通報於今日確診；目前住院隔離治療中。由於個案搭機至返國後送就醫期間之接觸對象均為醫護人員，且均有適當防護裝備，因此無須匡列為接觸者。
莊人祥表示，特別准許這一例回來是因為，該個案病況嚴重，呼吸道插管，當地醫療上面比較不佳，才會申請回國。另外專機費用是自費，費用不清楚，回國以後的治療費用則依傳染病法用公費支出。
據了解，海外搭醫療專機返國，所費不貲，由於需要自費，至少上百萬元起跳。莊人祥表示，不知這位台商會是自費還是當初保險時有加保醫療專機，就可以由保險公司負擔所有費用。
莊人祥表示，該專機都有專業醫療人員，也都有完備防護，由於都是外籍人員，到台灣之後均採過境不入境的方式。
指揮中心統計，截至目前國內累計107,538例新型冠狀病毒肺炎相關通報(含106,076例排除)，其中618例確診，分別為526例境外移入，55例本土病例，36例敦睦艦隊及1例不明；另1例(案530)移除為空號。確診個案中7人死亡、549人解除隔離、62人住院隔離中。</t>
  </si>
  <si>
    <t>國內新冠肺炎又增一死！這名40多歲男性與年齡相仿的妻子一同去美國探親，返台隔天同時發病，妻子4月11日出院，但先生卻在一個月後死亡，夫妻天人永隔。中央流行疫情指揮中心表示，這名死亡個案三月下旬出現症狀後很快就確診，沒過幾天就出現呼吸衰竭，因此送進加護病房使用葉克膜治療，使用時間長達一個月，最後因敗血性休克死亡。
專家諮詢小組召集人張上淳表示，這名死亡個案並非老年人也沒有慢性病，但病況轉差的速度很快，基本上是因新冠肺炎的疾病特性，包括細胞激素風暴，使他就算用呼吸器都效果不彰，所以才採用葉克膜，最好的狀況是希望能夠透過良好的醫療照顧來恢復，但因為這個案很不幸有產生其他併發症。
他接著說，國內共有兩例個案使用葉克膜治療，但另一例順利脫離葉克膜，但這例個案在使用葉克膜時就有長時間的併發症，即便急救過程危險，團隊也很用心也很辛苦，都是在穿很多層的防護衣狀況下去執行照護。</t>
  </si>
  <si>
    <t>新冠肺炎〈NCP〉的疫情持續延燒，傳染力和發病速度都十分驚人，讓全球民眾人心惶惶。一名大陸的女醫師抽空檢測，意外發現自己染病，在短短幾個小時之內就從無症狀到無法走路，在鬼門關前走一遭的她日前順利康復出院，也現身說法透露保命關鍵。
根據陸媒報導，武漢第8醫院的女醫師漂漂灑灑（化名）上月23日在醫院檢查發現疑似染病，但因為沒有發燒，她認為屬於早期，吃藥隔離應該就好了，因此拿了藥收拾東西準備回家，這時量體溫發現已經發燒至38.7度。回家後她本想洗澡好好睡一覺，沒想到踏入浴室前卻感到頭痛、嘔吐，全身也沒有力氣，讓她驚覺「病情發展這麼快，我始料未及，我必須馬上去醫院。」
到醫院後幾天一直反覆發高燒，全身也沒有任何力氣，本來到第8天一度好轉的病情卻突然急轉直下，出現「呼吸困難、劇烈咳嗽，好像剛跑完1萬公尺長跑，心臓隨時都會蹦出來，心率很慢，還有一種說不出滋味的胸痛席捲全身，稍微一動，就痛不欲生」等症狀，她根據自己的症狀判斷出現了心包內膜炎，伴隨心包膜積液，也在昏昏沉沉中隱約聽到護士說「情況不太好，人快不行了」因此用僅剩的力氣打電話給老公交代後事。所幸最後經過治療，漂漂灑灑的病情漸漸好轉，針對自己這20天的瀕死經歷，她充滿感慨的表示：「只有經歷過生死，才知道活著真的很幸福」。</t>
  </si>
  <si>
    <t>新北市議會今（27日）下午召開第3屆第5次定期會，針對市政總質詢及新冠肺炎專案報告議程，藍綠雙方各有不同意見，經過兩次朝野協商，明日起原訂為「新冠肺炎紓困專案報告」改回市政總質詢，專案報告則採臨時會方式擇期舉行。
議會本規畫明（28日）起連續3天為新冠肺炎紓困專案報告，但民進黨市議員鄭宇恩也提出程序問題，建議明天開始的3天議程，除了紓困專案報告，也應該納入議員的法定職權進行市政總質
民進黨市議員何博文認為，取消市政總質詢不能成為慣例，也不能因疫情而不讓議員行使相關權利，市政總質詢還是要編列議程，讓議員依法行使職權，其他縣市都有，為何新北沒有？
國民黨市議員蔡明堂則不滿說，目前規劃的議程是各黨團協商出來的結果，如今卻在大會中推翻，那各黨團協商有用嗎？國民黨市議員陳儀君也說，尊重黨團協商出來的結果，但是如今因其他議員有意見又要再度協商，倘若如此每個議員都可以提出意見。
經過2次朝野協商，議長蔣根煌宣布，明日起原訂為「新冠肺炎紓困專案報告」改回市政總質詢，至於民眾關心的「新冠肺炎紓困專案報告」，將採臨時會方式擇期舉行。</t>
  </si>
  <si>
    <t>美國政府日前宣布入境新規，11月8日起必須要有完整的疫苗接種才准入境，國民黨立委蔣萬安今天質詢時要求，衛福部應盡速研擬緊急第二劑疫苗的補救方案，讓有迫切赴美需求的國人能夠接種，對此衛福部長陳時中當面允諾，表示可望於12月啟動相關措施。
美國政府表示，11月8日起凡外籍成年旅客在搭乘赴美航班前，都必須出示完整的疫苗接種紀錄，蔣萬安今在衛環委員會質詢時，指出國內目前第二劑疫苗涵蓋率僅2成出頭，衛福部應檢討，提供緊急補救措施因應美國新政。
陳時中表示，由於11、12月的疫苗到貨量會比較充足，屆時可望提供有緊急需求的民眾接種第二劑，或起動鼓勵大家打第二劑的計畫，這部份沒有問題。
蔣萬安也提到，目前國內接種疫苗後死亡的個案累計912人，若用預防接種受害救濟的最低賠償標準50萬，並將申請人數減半計算，仍然須編列超過2億元的經費，但衛福部今年卻只編列1億元的預算來進行賠償，恐讓民眾擔心政府對賠償疫苗接種受害的決心。
陳時中強調，目前預防接種受害救濟基金共有2億多元，這些全部都拿來用是沒問題，衛福部的預算也不會只有1億，若有不足也可先用其他項目支應，允諾增加救濟經費。</t>
  </si>
  <si>
    <t xml:space="preserve">勇士先前宣布球隊有兩個球員的新冠病毒檢測結果呈陽性，球隊集訓被迫推遲。球隊今日進行新賽季第一次合練，卓雷蒙格林和新秀榜眼懷斯曼都缺席，總教練科爾在接受訪問時證實，感染新冠的兩個球員就是格林和懷斯曼。
科爾說，「你們都應該猜到了，就是卓雷蒙格林與懷斯曼感染了新冠肺炎。」對於如何評價懷斯曼懷斯曼，科爾說，「這很不幸的實情，但事情就是如此，我們教練團近日一直在給他看以往比賽影面，而他也正在努力學習，可惜碰到這種狀況，顯然2020年對於任何人來說都不是理想的。」至於卓雷蒙格林，科爾表示，當他準備好上場的時候，他就會出席。
根據NBA聯盟健康和安全協議，確診新冠的球員將接受10-12天隔離。至於追夢格林和懷斯曼何時歸隊，目前還是個未知數。即使解除隔離，他們也需要幾天的時間才能恢復訓練。
科爾無奈說，「我知道，由於病毒的特性，他們還需要做一些心電圖檢測和心臟檢測測試，何時能歸隊都是未定數。」
</t>
  </si>
  <si>
    <t xml:space="preserve">檢場、李翊君愛女王敏淳（香奈兒）簽入嚴爵成立的「鮪魚度影音」，推出首支單曲〈和你一起〉闖蕩歌壇，目前她正就讀美國柏克利音樂學院，因受新冠肺炎疫情影響導致學校停課，她今天上午於IG報平安，表示已安全返台，接下來將進行14天居家防疫，卻遭酸民留言攻擊。
她寫道：「終於平安回家，開始我的14天的居家防疫，雖然不太方便 ，但相信，都是值得的！希望大家都能夠平安，疫情趕快遠離。」有粉絲歡迎她回來，希望她健康平安，多多在網路分享音樂創作，不過也有酸民攻擊：「就是有這種人，在防疫期間硬要回台，嫌台灣防疫破洞太小嗎？」不少粉絲看了忍不住幫忙叫屈「你管人家，有做好居家隔離才是最重要她又不是出國玩」、「回台灣有錯嗎，難道她錯了嗎？！台灣國民本來就有回台的權利。」掀起一波網路論戰。
王敏淳經紀公司表示，美國各地學校開課、放假時間不一樣，有的比較早、有的晚，香奈兒就讀的美國柏克利音樂學院，12日才宣布這學期全面停課，並要求留學生準備返家，但這段期間機票不好買，加上整個學期取消上課，等於要搬回家5個月時間，短短幾天內要將所有行李整理好「真的很倉促，所有事情都得同步處理」，而她17日晚間離開波士頓轉機到洛杉磯、再搭機回台灣，到今天順利返台，面對網友各種發言，公司也表示「尊重網友發言」。
經紀公司指出，這次疫情關係，香奈兒回美前，家人就已備妥口罩、乾洗手等消毒用品，在美1個月時間很少出門，大多在家自行烹煮，避免和人群接觸，但因疫情越來越嚴峻，學校宣布停課後依舊得持續課程，因此全改成線上授課，香奈兒因課程安排，有不少是下午的課程，對照台灣和美國時差，返台後仍得半夜3點起床上課，十分具有挑戰性。
</t>
  </si>
  <si>
    <t xml:space="preserve">新冠第四波疫情在全球陸續發威，有歐洲專家開始提倡覆蓋率要達九成五才能遏止疫情。中央流行疫情指揮中心今天表示，台灣疫苗覆蓋率要達九成五幾乎不可能，因此將來不一定會追求疫苗覆蓋率逼近九成五，可透過強化的非藥物介入措施如口罩、社交距離來降低感染風險。另外，彰化一名國中生打BNT出現右腿麻無知覺，疫情指揮中心發言人莊人祥說，該生因症狀未改善到醫院急診住院。
彰化一名國中生打完BNT出現右腿發麻無知覺副作用，莊人祥說，該名學生是在10月1日打BNT，當天就出現頭痛、左下肢虛弱麻木，5天後至診所就醫，症狀未改善後又到醫院急診住院，10月13日已通報不良事件，目前衛生局有連繫家長，將協助進行VICP申請。
莊人祥今天表示，國內十二歲以下人口約佔一成，因此疫苗覆蓋率達九成五這個目標現階段確實難以達成，將來可透過NPI措施如戴口罩、勤洗手、社交距離、人流管制等控制疫情。
莊人祥說，指揮中心將會持續關注Delta病毒在國際間的流行情形，評估是否有必要達到九成五的疫苗覆蓋率，若國外疫情有變化，將來也可能影響各國的開放措施。
有關台北市政府昨天傳出打錯疫苗事件，莊人祥也說明，目前北市府已暫停該診所的接種業務，直到該診所完成改善為止，目前也已派員關心這23名遭誤接種的民眾，進行持續性追蹤。
</t>
  </si>
  <si>
    <t>針對美國默克廠旗下COVID-19抗病毒藥物「molnupiravir」取得良好療效，中央流行疫情指揮中心發言人莊人祥說，目前還正在與廠商簽約中，尚未完全確定，未來希望主要給輕症病患吃，且在家隔離時就可以直接服用。
莊人祥表示，口服藥不像其他單株抗體需要在醫院或集中檢疫所施打，未來若能採購默克藥物，會給哪些患者吃？主要給輕症患者吃，不像其他單株抗體要在醫院或是集中檢疫所施打，所以口服的好處是輕症病人就可以服用，甚至未來，輕症病人是否直接在家隔離直接服用藥物，都是後續有藥物進來後再評估。
至於輝瑞口服藥物臨床上進度？莊人祥說，輝瑞現在剛要進入第三期，會再請他們來報告第二期結果與第三期研究進展，現在還沒到可以採購的階段。</t>
  </si>
  <si>
    <t>受到新型冠狀病毒肺炎疫情及消費力疲軟等影響，國內毛豬價格在過年後創下10多年來新低，今天的交易價格每公斤再度跌破60元關卡，對此農委會已啟動母豬淘汰作業因應，盼能在短期內將豬價拉抬，但這波疫情不僅讓豬價重挫，就連預定於5月份外銷新加坡的計畫，恐怕也將因此延宕。
農委會畜牧處官員指出，受到新冠肺炎疫情影響，原本已洽談好新加坡官員定於3月份來台進行查場，但現在確定延後，恐怕將會影響到我國豬肉的外銷時程。
據了解，農委會為拚在5月份世界動物衛生組織（OIE）將我國從口蹄疫疫區拔針後，第一時間於新加坡上市豬肉，因此在農曆年前就積極向新加坡交涉，盼能提前相關作業，因此才會訂於3月份派員來台查場，但現在因星加坡疫情嚴峻，加上我國昨對新加坡提升旅遊警示，目前雙方作業都暫時延宕。
官員透露，豬肉外銷新加坡分為熟食及生鮮2部分，由於星國並無豬肉生產，所需皆仰賴進口，因此在檢疫作業上也與其他國家有所不同，日前評估若能在3月份完成查場作業，外銷進度將會超前不少，但現在因疫情關係，相關作業也受到影響。
農委會表示，現階段就是盡力守好非洲豬瘟的關卡，並持續提升國內的養豬環境，靜待5月份能從口蹄疫疫區中拔針，才能啟動後續與日本、美國的進出口檢疫談判，為台灣豬肉打通活路。</t>
  </si>
  <si>
    <t xml:space="preserve">
新冠肺炎疫情持續延燒，世界各國都相當緊張，一般認為該病是在去年12月於武漢爆發，不過有香港媒體指出，從中國大陸政府的未公開文件中可以發現，最一開始的源頭是名55歲湖北男子，時間點則是去年11月17日。
根據香港媒體《南華早報》報導，該報記者獨家取得中國大陸政府非公開文件，上面表示有名湖北省55歲男子可能就是第一名感染新冠肺炎的病患，此外文件的日期遠比大家所認知的12月還早，是在11月17日時就有紀錄。
而且當時一天大約會新增1-5名的新冠肺炎病患，而在12月20日時確診病例就已經來到60例，不過一名具有醫學界背景的爆料者表示，在12月時許多醫生都只知道是在治療一種新的疾病，並不知道這些人罹患的是新冠肺炎。
現在專家極力想要找到第0號病人，藉此找到新冠病毒的來源，而這些未公開文件提供了該病毒最早的傳染方式，希望能藉此找到源頭，目前主要認為是由野生動物傳染給人類，不過還需要經過更準確分析、判斷，才能夠確定該新冠病毒的起源。
更多 CTWANT 報導
</t>
  </si>
  <si>
    <t>北市聯醫陽明院區爆出醫護人員確診，中央流行疫情指揮中心今公布該院急診室有8人群聚，為插管過程中被病患嘔吐物噴濺感染。目前該院已經暫停急診服務一周，僅對採檢、確診者進行緊急處理。
中央流行疫情指揮中心醫療應變組副組長羅一鈞表示，針對媒體報導指出，北市聯醫陽明院區有醫護人員確診，確實2日的時候急診有收治確診個案，插管過程中被嘔吐物噴濺，8日檢驗發現8名醫護工作人員PCR陽性。
羅一鈞表示，這是一起急診群聚事件，目前已經匡列接觸者並對環境座清消，暫停急診服務一週，僅對採檢、確診者進行緊急處理。另外，沒有要求陽明院區的醫師發燒還要上班，依照目前的規定沒有發燒或意思症狀，應該可以請假休息。</t>
  </si>
  <si>
    <t>為因應新冠肺炎疫情，臺北市政府與衛生福利部及中央健保署合作，由健保署開發應用程式介接口罩實名制資料庫，透過臺北智慧城市專案辦公室媒合新創業者業安科技，共同推動「實名制口罩自動販賣系統」試辦計畫，今日舉行記者會，並開放試買。</t>
  </si>
  <si>
    <t>隨著國內疫情嚴峻，台中市早在15日宣布酒店、舞廳等11大行業暫停營業，台中市北屯區一家居酒屋卻無視規定，25日凌晨關起門來K歌，帆布掩蓋的門面，卻傳出陣陣歡唱聲，警方獲報上門，訝然發現裏頭9名男女聚在一起飲酒K歌，還有多人沒戴口罩，當場開立紀錄表並移請相關單位依法裁罰，遏止疫情破口產生。
台中市第五警分局四平所員警25日4時獲報環中路某居酒屋有違反防疫禁令情形，警方抵達現場後見居酒屋以帆布掩蓋店面，但屋內卻仍傳出陣陣歡唱聲，室內霓虹燈閃爍，隨即入門查緝。
看到警方上門，34歲居酒屋林姓店東還辯稱，沒有在營業，大家都是親友啦！但現場含負責人共有9人，已超過中央防疫三級警戒規範全面禁止室內5人以上、室外10人以上聚會，尤其9名男女還有多人未戴口罩。
現場桌上擺放小吃、酒類以及麥克風皆來不及收拾，顯然有繼續營業及違法群聚情事，警方現場立即開立紀錄表，將依違反防疫規定配戴口罩、禁止室內5人以上群聚、禁止現場飲食、店內未落實實聯制等四項規定，移請市政府相關目的事業主管機關裁處。
分局長林沐弘表示，疫情警戒第三級期間，餐飲業禁止提供現場飲食，依「傳染病防治法」可處3000元至1萬5000元罰鍰；另違規群聚也將依法開罰6萬至30萬元，籲業者勿心存僥倖，以身試法。
★中時新聞網關心您：喝酒過量，有礙健康！
★中時新聞網提醒您：酒後不開車，安全有保障</t>
  </si>
  <si>
    <t xml:space="preserve">
海軍敦睦艦隊為我國最大宗群聚感染，目前已有28人確診染疫，足跡遍佈全台10縣市，讓指揮中心及國人都相當憂心。軍方除了選擇台中一中為集合地點外，還有2名官兵曾到過一中商圈，這讓民眾怕到不敢前往該處，當地店家生意慘跌至1成，商家不排除向軍方提出求償。
先前就因疫情影響，讓一中商圈生意直落3成，現在爆出磐石艦染疫官兵足跡後，根本沒有人潮，有當地商家表示，疫情期間即使是白天的午餐時段，店內也至少會坐滿一半，但現在街道上空空蕩蕩，幾乎空無一人，只剩零星的台中一中學生會來消費，這讓業者搖頭嘆氣，生意變得更難做了，
雖然台中市政府在第一時間，已經緊急封閉了確診官兵曾到過的商場及超商，並派人進行全面消毒，但消息曝光後，民眾根本不敢前往一中商圈，不少商家的生意受到嚴重衝擊，甚至打算提早打烊，或乾脆未來幾天也暫停營業，一中商圈主委陳信志表示，目前當地商家討論集體向軍方求償。
</t>
  </si>
  <si>
    <t>新冠肺炎（COVID-19）疫情持續延燒，治療與預防藥物的研發迫在眉睫。懷特生技（4108）旗下「懷特精製黃耆多醣研究中心」展開研發計畫，與國立陽明大學黃奇英教授合作，借重大數據資料庫和電腦軟體分析，進一步驗證「黃耆多醣」、「新冠肺炎病毒」、「抑制病毒的基因片段」三者間關聯性，並探討防止肺部纖維化發生的可能性，期盼盡速研發出抗病毒藥物。
懷特生技表示，我國首例新冠肺炎具確診女台商痊癒後，就出現肺纖維化症狀，雖並非人人均有此症狀，但肺纖維化通常不可逆，避免發生就顯得相當重要。有鑑SARS疫情，病毒會導致患者自體免疫反應過於劇烈，引發「細胞因子風暴」傷及器官，修復過程中產生纖維化，對器官功能產造成終身性的損害；多篇研究和文獻顯示，黃耆多醣具調節免疫反應作用。
懷特生技總經理鄭建新博士指出，「懷特精製黃耆多醣研究中心」現正啟動「黃耆多醣用於調控細胞因子風暴與肺部纖維化」研發計畫，探討黃耆多醣的調節免疫反應作用，應用在防止肺纖維化發生，同時研究是否具阻斷新冠肺炎(COVID-19)惡化的作用。
此外，依據精準醫學的概念，「懷特精製黃耆多醣研究中心」利用大數據資料、電腦軟體分析與文獻回顧為立基，推測出至少有4個可能用來抑制新冠肺炎病毒的小分子核酸（miRNA），且令人振奮的是，透過用藥預測分析，黃耆多醣與此4個小分子核酸關係密切，有望透過誘發這些小分子核酸、降低病毒複製的能力，達到抑制新冠肺炎惡化的結果。</t>
  </si>
  <si>
    <t>世界衛生組織(WHO)2月11到12日邀請全球大約400名防疫專家，舉行新冠肺炎全球研究及創新閉門論壇。總幹事譚德塞(Tedros Adhanom Ghebreyesus)周二早上在開幕典禮上致詞:「疫情對全球各地都造成了非常嚴重的威脅，各國應踴躍分享病毒樣本，才能加速研發藥物與疫苗。」
譚德塞當天下午即召開記者會，發表研討會的成果。新冠肺炎的英文名稱終於正式敲定，叫做「COVID-19」，他解釋CO代表冠狀(Corona)，VI代表病毒(virus)，D代表疾病(disease)，而19則是在2019年發現的。新冠肺炎是去年12月31日在大陸武漢首度獲得確認的新型冠狀病毒，中文俗稱武漢肺炎，而北京也已正名為「新冠肺炎」。
根據世界動物衛生組織和聯合國糧農組織的命名準則，疾病的名稱不能包含地理位置、動物物種、特定族群或個人，避免汙名化，但又需與疾病特性有關，方便識別。而新的名稱符合這些要素。
譚德塞呼籲正名的同時，更希望全球各國將新冠肺炎視為頭號公敵，團結並且採取一切的行動。除了使用地理圍堵的方式阻擋疫情的擴散，世衛也正在積極研發疫苗，預計第一批疫苗可望在18個月內備妥。「這是一場長期抗戰，我們需要更多武器。」</t>
  </si>
  <si>
    <t xml:space="preserve">新冠肺炎是一種引起呼吸系統疾病的傳染性疾病，但它的傷害遠不止於此。一項大型研究發現，患者痊癒之後，有高達1/5的人有很高的風險罹患失智症、憂鬰症和躁鬰症，這意謂著新冠病毒對人體的傷害不止在呼吸道和肺部，腦部可能也會受損。
權威醫學期刊《刺胳針》11月9日刊登英國牛津大學的一項大型研究，研究人員分析了美國6,900萬人的電子健康記錄，其中包括62,000多名新冠肺炎的患者，結果發現，在90天內，被冠狀病毒感染的人中，有20％被診斷出患有精神疾病，這是同一時段內，其他疾病患者的2倍。
醫學界一直在擔心COVID-19的倖存者，會因病毒傷害腦部而面臨更大的精神健康問題風險，「我們的發現表明這種可能性很大，」參與研究的牛津大學精神病學教授哈里森（Paul Harrison）在接受《路透社》訪問時表示。
精神科醫生塞德（Margaret Seide）醫師指出，新冠病毒對精神健康和身體健康都有影響，目前尚不清楚為什麼新冠病毒會增加精神疾病的風險，可能的原因有很多種。
「眾所周知，在創傷事件倖存之後，失眠，焦慮和抑鬱之類的狀況可能會增加，」塞德表示，這有可能是因為媒體報導強調新冠肺炎的死亡率，患者時刻意識到自己死亡的可能性非常大，「面對死亡的可能性令人恐懼。」
但對身體健康的壓力和擔憂損害心理健康，似乎還不足以解釋高達1/5的患者出現精神疾病。另一個可能的原因是：炎症。
科學家們仍在試圖理解COVID-19，據目前觀察到的情形，「新冠肺炎的患者在患病期間，體內廣泛發炎，包括大腦內部，」塞德指出，「良好的記憶力，穩定的情緒和睡眠之類的東西，是健康大腦的產物，新冠肺炎患者的這些能力，可能因為腦部發炎而受到影響。」
牛津大學的研究還發現，患有精神疾病的人被診斷出COVID-19的可能性比沒有精神疾病的人高出65％。拉古伊博士指出，「我懷疑這可能是因為患有精神疾病的人更有可能表現出危險的行為，讓他們被感染的風險升高，比方他們比正常人更無法接受被隔離，因為這會使他們的精神疾病惡化；此外，患有精神疾病的人也比較難有效控制糖尿病等慢性病，這會增加他們感染COVID-19的風險。
</t>
  </si>
  <si>
    <t xml:space="preserve">涉嫌施暴綠委高嘉瑜的男子林秉樞今遭爆料，在今年7月用特權接種莫德納疫苗，北市府證實此爆料為真。對此，有網友表示，一直覺得高嘉瑜當時回應禾馨事件很詭異，回想高當時曾說過，男人都不能相信，就感到很好笑。
粉專「不演了新聞台」今（13日）在臉書爆料，43歲的林秉樞，要在哪個「一般平台」預約，才能在7月15日接種到莫德納疫苗？林秉樞當時除了跟高嘉瑜交往，還有一位在禾馨工作的護理師女友，因此，林秉樞一邊請立委女友喬疫苗，一邊不斷地塞人到禾馨打疫苗。
大批網友在其po文底下留言表示，「這女立委也許可憐，但不值得民眾去同情！她是遇人不淑、自作自受」、「所以當初林沒有曝光也就代表事件沒曝光，所以某人就有很大的聲量來抨擊某市長！那時候台北市大概是過街老鼠等級的被揍啊」、「背景真的很強！7月中就打到莫德納....不可思議」、「難怪當時一直罵柯P，就是不敢公布名單」。另有網友回想起，禾馨診所今年6月爆發違規施打疫苗，高嘉瑜當時在政論節目上透露台北市長柯文哲原先答應她，不說她名字，結果馬上供出，傻眼直呼男人都不能相信，實在是很好笑。
針對林秉樞在遭爆禾馨施打莫德納疫苗，禾馨營運長林思宏昨回應，關於議員提到的部分不太清楚，不確定林秉樞是否在禾馨施打，目前也無法查證；高嘉瑜今則表示，如有不法就請法院去調查林秉樞。不過，北市府發言人陳智菡今證實，與中央詢問後，確定林秉樞施打的時間地點確實是在7月15日在小禾馨民權小兒專科診所接種。
</t>
  </si>
  <si>
    <t xml:space="preserve">一輛載運新冠肺炎檢測樣本的世界衛生組織（WHO）車輛周一在緬甸遇襲，導致駕駛死亡，以及1名政府官員重傷。
據CNN與BBC新聞網21日報導，WHO證實，駕駛索恩（Pyae Sone Win Maung）在緬甸西北部的若開邦（Rakhine）遇襲受傷後不治。
WHO周二在聲明中說，世衛對旗下人員在緬甸若開邦的安全事件中喪生深感悲痛。世衛東南亞區域主任辛赫（Poonam Khetrapal Singh）則明言，譴責任何對衛生人員施加的肢體，言語或心理暴力。而聯合國秘書長古特瑞斯（António Guterres）也發佈聲明，強烈譴責這起發生在4月20日的攻擊事件。
索恩是在收集新冠肺炎採樣，途經緬甸衝突斷的若開邦時遇害。他當時開著標誌醒目的WHO專車，但仍遭彈火波及。聯合國說，最近幾周來，緬甸軍方和武裝反叛組織若開軍（Arakan Army）衝突加劇，已有許多平民喪生。
由於WHO駕駛遇害，雙方互相指責，都說對方該負責，並否認和事件有關。包括英美在內，都力促雙方在新冠肺炎疫情大流行之際停止戰鬥。而近兩年來加強自治活動的佛教若開軍雖然宣佈為期1個月的停火，但緬甸政府已斷然拒絕。
</t>
  </si>
  <si>
    <t>由於吉利德科學公司（Gilead Sciences）研發的藥物能在治療新冠肺炎展現成效，加上美國總統發布重啟部分經濟的方針，使得市場信心為之一振，激勵美股期指16日（周四）晚間大漲。
道瓊工業指數期貨暴升903點或3.9％，標普500指數期貨躍升3.4％，那斯達克100指數期貨勁揚2.6％。。
吉利德科學股價在周四盤後飆漲14％，因有媒體報導芝加哥一家醫院利用該公司瑞德西韋（Remdesivir）藥物治療新冠肺炎病患，病患使用後即迅速恢復。
川普也發布最新恢復部分經濟的指導方針，強調專家表示疫情曲線日益平緩，高峰期已過。</t>
  </si>
  <si>
    <t>台中國家歌劇院微解封，雖不開放觀眾進場，但駐店餐廳維持營運，提供限時外帶、外送服務，並結合線上餐點訂購平台，擴大服務效益。
台中國家歌劇院表示，目前嚴格控管歌劇院各空間容留人數，出入口管制、工作人員動線分流等措施，確保1.5公尺之安全距離，並於每次使用完畢後，落實各空間全面性消毒。
關於表演團體入館排練，歌劇院表示會依照文化部防疫指引辦理，完成動線規劃，並於工作區域指派主管人員擔任防疫負責人，執行防疫措施及風險管理。
此外，場館擴增「無接觸」防疫措施，在閉館期間，針對公共區域人員頻繁接觸範圍擴增無接觸設備，除無接觸式電梯面板外，新增自動感應手部消毒機、熱顯像儀、臉部偵測體溫測量機，並研擬無接觸驗票服務，已進入最後測試階段。</t>
  </si>
  <si>
    <t>中央流行疫情指揮中心今發送剩下26萬劑疫苗，除雙北外，其他縣市僅發配第一類醫事人員的劑數，而基隆僅獲1700劑，對此，市長林右昌表示，北北基桃是首都生活圈，目前基隆的疫苗量明顯不足，呼籲應比照雙北。
中央流行疫情指揮中心今公布各縣市配發的劑數，根據第一類到第三類的人員比例進行計算，主要雙北獲多數疫苗，林右昌指出，雙北發配第一至三類人員都可以施打，而其他縣市包括，基隆僅能施打到第一類。
林右昌進一步說明，全市一類醫事人員總計約6800人，目前還有1700人尚未接種，也是指揮中心發配的劑量1700劑，但對基隆來說根本不足夠，他認為，北北基桃是首都生活圈，基隆很多確診者是在雙北移動染疫，應該以區域聯防的概念看待，不能被排除在外。
林右昌強調，劑量應該比照雙北，針對第一類醫療人員、第二類地方政府防疫人員、第三類維持社會運作之必要人員要全數施打疫苗，並向中央喊話，未來在進行疫苗、資源分配，或是相關防疫措施時，應該把北北基桃視為一個首都圈進行規畫。</t>
  </si>
  <si>
    <t>新冠肺炎漫延之際，漸有正面消息傳出，一名98歲的新冠肺炎危重症患者1日從武漢雷神山醫院康復出院，這是目前已知的大陸最高齡危重症康復患者。
據《新華社》報導，98歲的胡婆婆家住武漢市江岸區，2月初出現高燒，55歲的女兒丁女士陪她到醫院檢查，雙雙確診為新冠肺炎。2月13日晚，母女二人被救護車同時轉送到武漢雷神山醫院。
醫護人員指出，胡婆婆入院當天高燒達40攝氏度，經監護照料3天後體溫恢復正常。胡婆婆還出現心肺功能障礙，被確診為危重型新冠肺炎。醫護人員給予抗感染、抗病毒等藥物治療，還採取補液等營養支持。經多日治療，胡婆婆病情逐漸好轉，增加營養品供應，恢復身體抵抗力。
3月1日上午11點，胡婆婆和女兒雙雙康復出院，獲頒發出院證明，並贈送鮮花。截至3月1日，雷神山醫院累計出院患者近200人，目前雷神山醫院住院患者千餘人。</t>
  </si>
  <si>
    <t>高雄市政府防疫會議會後記者會，媒體再度問及高市不廣設普篩的原因，市長陳其邁再度重申2條件，一個是社區流行盛行率高時，其次是要針對特定的群聚感染，快篩在盛行率過低時，篩出的偽陽性偏高，會增加後端醫療不必要負擔。
陳其邁說，現在高雄幾個醫學中心對入住院病人有做PCR的檢測，或是其他自費採檢等篩檢出來的個案數來看，高雄存在的社區感染其實是非常的低。第二個從現在高雄個案來看，幾乎感染源幾乎可溯源是從北部地區來，十例有九例以上，以高雄社區PCR盛行率的一個調查，現有的整合這些過去調查採檢PCR資料來講，高雄相對來講是安全，根本與雙北情況不同，因此還不必普設社區篩檢站。
陳其邁指出，高市已設立6處快篩站，但高雄現在沒有社區傳播的感染，因此只針對串門子群聚事件的匡列者進行快篩加PCR採檢；高雄的篩檢站、醫師人力、專責病房都已準備好，也備妥10萬劑快篩試劑待用，請市民放心。</t>
  </si>
  <si>
    <t xml:space="preserve">新冠肺炎疫情嚴峻，我國口罩日產量不斷提升，台灣政府目前已放寬到每14天成人可買9片口罩、兒童可買10片。不過，中央流行疫情指揮中心指揮官陳時中5日召開記者會時，親自示範以電鍋乾蒸口罩，說這是能殺菌又保有過濾效能的延長口罩使用壽命的法寶。有網友看了發文問，「電鍋蒸口罩也可以幫助歐美？為什麼不教外國人蒸口罩呢？」問題一出來後立刻掀起熱議，許多人的回答甚至一面倒的相似。
政府官員包括政務委員唐鳳、和疫情指揮官陳時中，接連大動作宣導電鍋乾蒸口罩消毒的妙招，仍無法降低民眾焦慮「是不是口罩不夠用了？」對此，陳時中澄清，先前是因為食藥署認為沒有實證，但之後經過驗證且確定用電鍋蒸有效之後，才進行宣導。再來還有另一主因為近期大量獲報路上隨處可見被棄置的口罩，許多口罩看起來都未出現破損，陳時中說，「很多口罩沒有盡到利用價值就被換了一片新的，相當可惜」。
政府宣導電鍋乾蒸口罩消毒的妙招，有網友看了在批踢踢發文表示看法，他舉出食藥署說口罩乾蒸最多能用5次，因此他認為若是這樣的方法教給外國人，「例如假設讓三億的美國人都戴口罩，同樣五天用這招可以省下12億個口罩」、「電鍋蒸口罩也可以幫助歐美？」
原PO說，如果教給外國人電鍋蒸口罩的方法，他認為如此一來，「比捐1000萬片還多」，授人以鱼不如授人以渔，因此吐槽虧說「不要暗藏這種好招好嗎」，他並且好奇詢問廣大網友「為什麼不教外國人蒸口罩呢？」
PO文一出後，立刻掀起網友熱議，許多人認為「國外那種疫情，蒸口罩應該沒用吧」、「人家是建議低風險才蒸，歐美疫情這樣怎麼蒸啦」、「蒸口罩是用在低污染的口罩」、「老外有電鍋嗎？捐口罩才是最佳解」、「大同電鍋起飛」、「我們該開始研究烤箱消毒的效果如何了」。
不過，也有人表示，「台灣已經很幸福，乖乖清蒸口罩吧」、「有啊，唐鳳有拍」、「唐鳳有做成英文字幕、日文版給外國人看喔」、「早就在預告要搞外交」。
</t>
  </si>
  <si>
    <t>年假期間車禍頻傳，上個月21日西濱甚至有21輛車連環撞，國民黨立委葉毓蘭指出，國內平均每天交通事故死亡人數，甚至直逼一年下來新冠肺炎死亡人數， 但交通部用於交通安全預算卻僅占交通部全年預算0.4％，明顯偏少，對此交通部長林佳龍坦言，已發現交通部道路交通安全督導委員會(道安會)預算偏少問題，將予以倍增。
葉毓蘭今天在立法院質詢時指出，我國一整年下來因為新冠肺炎而死亡人數共9人，但全年共有3000人因為交通事故死亡，平均每天有8人，且對照日本，日本總人口是我國的5倍，但他們一年因為交通事故死亡人數總計2839人，反而比我國還少。
葉毓蘭說，但其實有很多方法可以減少交通事故，台北市2020年因交通事故死亡106人，高雄市卻有348人，台北可以改善的原因，包括在巷弄設有有行人專用道，乃至改善路口交通工程等。
但葉毓蘭質疑，今年交通部所屬機關預算共711億，用在投資道路交通安全經費卻只有3億，僅占0.4％，明顯偏批。對此內政部長徐國勇辯稱，這是因為葉毓蘭看得比較狹義，內政部也有編預算改善道路品質，所以廣義解釋比率沒有那麼低。
不過林佳龍則坦言，他有發現道安會預算減少，從十幾年前的7億多減到如今只有3億，因此他會請交通部倍增道安會預算。
此外葉毓蘭也談到，國內交通事受傷人數87％是機車族，但政府的標線抗滑係數、人孔蓋等道路工程設計乃至於燈號設置等，卻很少從機車安全角度考量，而且很多路面車道禁行機車，結果機車道塞滿機車，旁邊的汽車道卻空蕩蕩，車流量效率不彰，尤其機車族當中有許多是外送員，當中更以年輕人居多，請政府好好注重機車族的安全與權益。
葉毓蘭還提醒，上個月23日台東海端車站3名道班工被撞死，近年也有多起類似案例，先前台鐵普悠瑪事件檢討報告就指出司機尤振仲過勞產生交通問題，台鐵如不重視員工健康，旅客保障在哪？台鐵花大錢行銷，美化粉專與車站，幫局長出書，有用嗎？預算要花在刀口上，應該要有一定比例預算用在勞工職安、交通安全管理上。</t>
  </si>
  <si>
    <t>國內疫情嚴重惡化，雙北升為第三級警戒，台北市長柯文哲坦言「今天確診比昨天多」，宣布高中以下停課，為避免12歲以下學童無人照顧，家長可請家庭照顧假，若雇主不給假，最高可罰30萬。
柯文哲表示，北市府一早先宣布高中以下停課，目的就是希望給時間讓大家準備。他坦言高中生可能還好，但托嬰、托幼、小學確實有點問題，這部分家長就是要請「家庭照顧假」。
教育局長曾燦金表示，受到影響的中小學有285所、幼兒園691間、補習班2593間、安親班109間，影響學生高達33萬4千多人。社會局表示，保母總計6168位，影響0至6歲幼童超過1.2萬人。
勞動局表示，家中若有12歲以下的孩子，或身心障礙的孩子，家長可以請家庭照顧假，若雇主沒有給假的話，可罰2萬至30萬元，而近期因應疫情，市府將從嚴考量是否提高裁罰額度。
勞動局呼籲，除了家庭照顧假，還有防疫照顧假，雇主皆需依規定要給假，而以上這兩個假皆不給薪也不計入考績。</t>
  </si>
  <si>
    <t xml:space="preserve">新冠肺炎疫情拉警報，高文音主持的年代新聞《聚焦2.0》22日將播出「防疫專題」，請來胸腔內科名醫周百謙分享防疫知識，現場示範飛沫傳染的範圍，引發尖叫連連，高文音更脫口：「我的媽啊。」
周百謙表示空氣中懸浮粒子及路人飛沫，都可能含有病毒，衣服及頭髮都是容易被附著的物體，建議民眾不要常撥頭髮並天天洗頭、外出衣服也要馬上清洗，更透露穿「風衣」較不會被病毒附著，並誇讚高文音錄影當天梳的「大腸防疫頭」非常正確，能有效減少觸碰及被病毒附著的機率。而「大腸防疫頭」的秘訣便是盡量把頭髮全部集中梳起來，綁成馬尾後將馬尾用繩子再纏住，頭髮較長的人也可以綁丸子頭，主要用意是避免抓髮。資深媒體人王瑞玲也秀出不出門的「防疫餐」，並分享家庭防疫死角，提供清潔攻略，有效加強家庭環境的防疫指數。
周百謙醫師說在家中同時使用清淨機及除濕機，把室內溼度控制在60到70度，的確可以有效減少病毒的活耀度，並建議近期少去日本及新加玻，正巧主持人高文音1月底剛從新加坡回國，但有進行自主管理，且出國全程都是依照防疫步驟旅行，更透露都有綁「防疫大腸頭」，觀念相當正確。周百謙醫師也指出，新型病毒層出不窮，如何想出有效對策才是長久之計，例如隱形口罩，以及防疫髮噴霧，現在也都在研發中。
</t>
  </si>
  <si>
    <t>NBA復賽日期逐漸逼近，昨日卻驚傳金塊隊當家球星約基奇無症狀確診新冠肺炎，緊接著太陽隊也有2名球員染疫，加上西區某支戰績前8的球隊也有4位球員相繼確診，短短1天就傳出7名球員染上新冠肺炎，也讓復賽蒙上一層陰影。
《ESPN》知名記者沃納洛斯基（沃神）曾提出警告，NBA復賽前將引爆大量確診病例，沒想到預言成真，尤其是金塊巨星約基奇感染的影響更大。畢竟金塊在停賽前戰績43勝22敗，西區排名第三，約基奇場均20.2分、10.2籃板、6.9助攻，是金塊想要在季後賽走得更長遠的指標性人物。
約基奇本月11日在貝爾格萊德參加恩師退休告別秀，當時約基奇在球場上與一位球員聊天，彼此有說有笑；4天後那支球隊宣布中鋒尼克拉染病，而約基奇當時就站在尼克拉旁邊。同時職業網球世界球王喬柯維奇也出席了這個活動，他不但與約基奇交談，兩人在場邊還坐在一起，也沒有戴口罩。
約基奇在個人IG放了與喬柯維奇的合照，直呼這是一張珍貴照片，網友在底下留言「兩位塞爾維亞傳奇」，沒想到兩人如今都染上新冠肺炎病毒，可說是難兄難弟。
其實約基奇早在上周就被檢驗出陽性反應，但始終沒有出現症狀，現在消息傳出後，返美的時程也將受到影響，不過約基奇仍有機會在一周內獲准回到丹佛與球隊會合。
《亞利桑納共和報》指出，太陽隊有兩位球員也染病，但沒有公布名字，球團隨即關閉了訓練場館。
此外，西區某支球隊在過去幾周內傳出4名球員確診新冠肺炎，只是先前沒有對外宣布，西區似乎已成了疫情重災區。
聯盟昨日針對22支參加復賽的球隊進行新冠肺炎篩檢，如果再有多位球員確診，恐怕會引發球員退賽風潮。</t>
  </si>
  <si>
    <t>南投縣埔里今天爆出景觀造景業者等4人確診，南投縣府衛生局協調埔里基督教醫院、台中榮總埔里分院啟動「埔里鎮新冠肺炎快篩專案」，公布確診者足跡。
呼籲民眾如與確診者足跡有重疊者或出現發燒、上呼吸道症狀、腸胃道症狀等新冠肺炎（COVID-19）臨床症狀者，自今天30日至6月1日攜帶健保卡，全程戴醫用口罩，勿搭乘大眾運輸工具，在快篩時間期間到院接受篩檢。</t>
  </si>
  <si>
    <t xml:space="preserve">新冠肺炎疫情愈趨緊張，中央流行疫情指揮中心3月31日公布群聚活動社交距離規範，要求室內相距1.5公尺或全程戴口罩；全台百貨龍頭新光三越台中店購物節活動4月1日登場，業者在嚴峻疫情中拼經濟，也透過同步線上GO、精品到府行動刷卡等將顧客分流，連店內排隊商品都貼好間距1.5公尺地貼，業者更希望消費者依循中央規範戴口罩來血拼。
各界都憂心清明連假造成防疫破口，中台灣各百貨業者也在此時展開母親節檔前哨戰「百貨購物節」，往昔人潮即錢潮的概念也因為新冠疫情被迫改寫，各家業者在做好員工自主健康管理、加強環境消毒以及對入店消費者量體溫等防疫工作外，今年各家都線上線下結合，並在館外設得來速取貨點，新光三越台中店更猛，APP升級線上購物、宅配到府，還配給精品業者行動刷卡機，由櫃姐主動送貨到府。
在中央疫情指揮中心公告室內室外社交距離指引後，該店也在贈品處、排隊商品處貼好間距1.5公尺的地貼，讓消費者排隊時有所依據，也透過各櫃動員通知主顧客配合戴口罩入館。
堪稱全台百貨買氣指標的「新光三越初夏購物節」4月1日登場，今年促銷內容包括：化妝品天天滿3000送300、全館滿5000送500、名品／大家電區／法雅客＋[i]Store單筆滿萬送500，更首度大規模串連線上線下同步展開購物回饋，還增加線上搶購宅配到府服務；更號召17大化妝品、5大運動潮流和2大流行服飾共25大品牌加入超級品牌日活動，天天1至2場線上直播加碼送活動。另，全館精品品牌也提供到府鑑賞、移動式刷卡結帳。
</t>
  </si>
  <si>
    <t xml:space="preserve">印尼外交部今（31）日宣布，為防止新冠肺炎疫情擴散，雅加達當局已經決定禁止外國人入境、轉機。
綜合路透社、新加坡《海峽時報》（The Straits Times）報導，印尼外交部長勒特諾（Retno Marsudi）今日表示，印尼總統佐科威認為，現在印尼的新冠肺炎防疫措施應該升級，因此決定暫時禁止所有外國人入境及轉機。
他說，預計今日就會宣布相關限制入境措施細節，持有工作許可及部分外交人員將不受新規定限制。
此外，雅加達當局也會對返抵國門的印尼人加強檢查。
印尼自2日新冠肺炎零確診神話破功後，疫情持續升溫，直至今日，已經有1,414例確診病例，當中首都雅加達疫情最為嚴重，感染人數占了將近一半。
印尼至今也有122人不幸喪命，死亡人數居東南亞各國之首。
印尼昨日傳出，為圍堵新冠病毒，可能封鎖包括雅加達及周邊地區在內的「大雅加達」地區，限制約3,000萬居民行動。不過佐科威認為，印尼疫情威脅不只來自國內，更包含海外，尤其全球疫情中心已轉向美國及歐洲。
</t>
  </si>
  <si>
    <t>PCB廠友銓電子（5321）2018年宣布多角化經營，從印刷電路板產業跳脫轉向電子商務領域，期望改善營運虧損的困境。近日公司營運傳出佳音，受惠於新冠肺炎疫情持續升溫，宅經濟商機發酵帶動友銓近期營收不淡，自2019年9月起已連續六個月創下同期新高表現，即使農曆年剛過、電商產業進入淡季，仍繳出單月營收破億的表現，法人預期3月在宅經濟持續帶動下，該公司仍會有不錯成績。
友銓原為印刷電路板製造商，2018年引進新團隊朝電子商務發展，過去一年多陸續投資、收購時尚女裝品牌公司，今年再與擁有Pazzo、MEIER.Q、Genquo等品牌的美而快實業股分有限公司進行股分交換，已取得美而快公司超過五成股權。友銓表示由於美而快為國內前三大電商女裝品牌，預期疫情帶動宅經濟下，會是今年不小的成長動能。
據了解，目前友銓業務有超過六成營收來自電商，PCB業務則會持續縮減，在電商事業快速成長下，帶動該公司營收表現逐漸改善，不僅已連續七個月合併營收破億元，2019年前三季稅後淨利0.58億元，每股稅後盈餘1.48元，明顯優於2018年同期，去年第四季合併營收更創歷年單季新高。
公司表示，今年前二月營收已接近去年第一季表現，看好新冠肺炎疫情帶動的宅經濟，第一季可望保持年成長表現，雖近期國內電商服飾業者陸續出現因疫情引發中國供應鍛鏈，導致無商品可賣風險，但友銓相較國內同業，在台灣採購與生產數量較高，並與國內上游業者保持良好關係，預期受影響程度有限。
另外友銓指出，今年將會持續進行購併，同樣會鎖定電商女裝品牌，公司現在已經是國內女裝服飾品牌龍頭，也已經在宜蘭設立旗下所有品牌共同的倉儲、物流與研發中心，目標要再拉開與對手的距離，持續展開多角化經營。</t>
  </si>
  <si>
    <t>「修昔底德陷阱」一詞，讓《博羅奔尼撒戰爭史》更受到重視。在這本史書中，記錄了古希臘時期雅典與斯巴達之間20多年的戰爭。在這期間，其中一個重要的轉捩點，就是雅典城內突然爆發嚴重瘟疫，造成死傷慘重，影響當時兩強對峙的實力消長。
史家修昔底德仔細地描述人們患病的情況。除了身體病徵外，他也記錄到人們在疫情中行為、性格的變化。在疾病的死亡威脅下，人性貪生怕死的那一面，更被突顯出來。好人在現世中沒有好報，反而更容易因為憐憫心，接觸病人，而導致死亡。而當時從事醫療工作的人員，也沒有因為專業而更能逃過一劫，反而最常成為傳染者或罹患者。
著名作家馬克吐溫曾說過，「歷史不會重複，只是會押韻」。也正如修昔底德自己也屢屢提到，只要人性不變，相類似的情境總是會一再出現。許多價值偏差、政治權力腐敗，都是透過公眾語言／修辭展現出來。人心中的邪惡、無形權力的濫用，往往都是透過語言，亦即特定詞彙，呈現在公眾面前。我們想要抑制邪惡、濫權，就應該審慎關注人們所使用的語言，特別是具有公眾影響力的政治人物與名嘴。
此次肺炎疫情最早發生在中國大陸的武漢地區，因此，輿論常以「武漢肺炎」稱之。不過，隨著醫療專業對於病毒的理解，世界衛生組織正式將此次疫情稱為COVID-19，中文稱為「新冠狀病毒」或「新冠肺炎」。該組織特別強調，確定命名的用意是「避免外界使用其他可能表述不準確或者帶有汙名化的名字」。
「武漢肺炎」或「中國病夫」這類的詞彙，在不幸疫情上增添對於特定地區、人民的仇恨。有的詞彙，起初方便使用，也就罷了。但是已經提醒可能的傷害時，還是有許多官方文件、公共宣傳、政治人物、名嘴掛在口邊，甚至就是故意使用。
又譬如，有名嘴在當前人們對於疫情的恐懼下，指稱支持「韓粉」者是罹患「H病毒」，並且表示期待「H病毒應該跟當年的SARS一樣，總有完全銷聲匿跡的一天吧」。明顯的，不同的政治支持者，會有不同的意識型態，支持不同的政策。但是，在一個自由民主的國家中，只要不是透過暴力、非法手段，都應該尊重彼此的存在。
或許有人會說，只不過是個詞彙而已，有這麼嚴重嗎？事實上，我們對於許多事物的認知，都是透過使用的「語言」來理解，然後彼此交流，就成為影響人們生活的真實力量。舉例來說，「聖誕老公公」、「年獸」這類故事的流傳，固然可能根本不存在，但卻可以透過語言的傳遞，真實地深刻影響人們的生活。
在疫情恐慌的氛圍中，別讓惡言惡語腐化了人心，我們還是要試圖堅持一些能夠彰顯正面價值的人性光輝，這也才是人之為人的差異，這才是台灣價值的真正意義。（作者為世新大學口語傳播學系副教授兼系主任）</t>
  </si>
  <si>
    <t xml:space="preserve">美國第二季疫情持續加劇，部份州不排除二度封鎖，美股四大指數漲跌互見，日韓股市同步走跌，台股今日在台積電(2330)股價續創新高激勵下，開漲57.75點，只是股王大立光(3008)法說不給力，釋出保守訊息恐旺季不旺，牽動手機供應鏈，指數隨即翻黑，在大立光引爆殺機下，大盤一度失守12100、重挫逾160點，最低觸12030.2點，調節賣壓湧現，全日成交量不排除上看3000億元。
台股今日權值股由台積電一枝獨秀，股價續創新高激勵台股指數成功開高，盤中也維持逾1%的漲幅表現，台積電今市值首度逾9兆元，達9.15兆元，同步創新高。
股王大立光昨日法說會，執行長林恩平可說是給原本第三季期待市場回溫的投資者大潑冷水，林恩平表示，目前客戶需求還是弱，6月、7月、8月需求動能都差不多，客戶普遍保守，大部分都有下修訂單，大立光今天開盤跳空重挫，盤中下殺逾400元，一度逼近跌停板，股價最低為4005元，力守4000元大關。
除台積電、大立光的兩樣情外，其餘權值股鴻海(2317)小跌震盪，聯發科(2454)延續上個交易日的修正行情，盤中下跌約3%，面板雙虎群創(3481)、友達(2409)也壓低修正，跌幅分別逾1.5%、2.5%。
連日來強勢的IC設計族群中，瑞昱(2379)今開高後翻黑壓低震盪，惟盤中跌幅收斂，聯詠(3034)則是盤中逆勢走揚，漲幅逾1%。八大類股幾乎全盤皆墨，生醫股呈現零星點火，主要除受惠於疫情外，生技新藥產業發展條例規劃再延長10年至2031年，東洋(4105)鎖定疫苗、外銷衝刺營運，一度觸及1年高點，盤中上漲約2.5%，合富-KY(4745)6月營收創新高，開盤跳空鎖漲停，改寫半年高價。
分析師表示，雖然歐美疫情反覆，確診人數增加，但主因是大量普篩，篩檢範圍擴大所致，整體醫療體系嚴陣以待、死亡率大幅下滑，疫情對市場衝擊已明顯鈍化，就台股來說，外資對台股連兩天轉為賣超，投信表現亦轉保守，要留意拉回可能，6月營收數字與緊接而來的第二季財報為市場關注的焦點，投資人在挑選投資標的時應留意。
</t>
  </si>
  <si>
    <t>鴻海集團與永齡基金會創辦人郭台銘出手購買500萬劑BNT疫苗，1日向衛福部遞件完成，桃園市長鄭文燦不諱言，各國都把疫苗當作非常重要的戰略物資，疫苗大廠又非常有限，讚郭：「我非常的佩服！」相信中央會仔細看文件是否備齊，也希望中央購買疫苗計畫不要那麼吃緊。
鄭文燦不諱言，疫苗跟一般想像的貿易採購不一樣，疫苗並非一般藥廠既有的藥品，目前供應非常吃緊，因為原物料也缺貨，各個國家都把疫苗當成是非常重要的戰略物資，疫苗大廠又非常有限，對於郭台銘的努力，「我非常的佩服！」
鄭文燦說，郭台銘已經送件，相信中央的疫情指揮中心以及衛生福利部，會仔細看文件是否齊備、採購的管道是否能確定有足夠疫苗供應，期許可以透過中央民間一起努力來完成，中央應該會了解整個疫苗採購的情況，積極地來協助。
鄭文燦提到，目前的疫苗都是緊急使用，國際上的疫苗大廠大部分都是在大國手上，政府在疫苗採購部署上，是採取多元方式來爭取足夠的合格疫苗，強調疫苗安全性、有效性一定要得到驗證才會採購。
鄭文燦說，民間能夠幫忙爭取疫苗，是出自於想要協助防疫的善意，但仍然需要很努力，直言有些國家在疫苗政策上，只跟政府交易、或只跟政府協商，有些國家也許有不同的疫苗策略，行政院和中央流行疫情指揮中心都已經說明，政府願意站在協助的立場，積極地協助民間管道爭取疫苗，這也能保障台灣疫苗供應量的增加。
鄭文燦說，政府的購買計畫，目前正在提早交貨，希望疫苗供應6月、7月不要那麼吃緊、能夠數量多一點、進來速度快一點，相信是大家共同的期盼，政府好好努力，民間願意幫忙的更要協助，爭取到更好、更多的疫苗。</t>
  </si>
  <si>
    <t>指揮中心今撥出十五萬劑的AZ疫苗，但高雄市沒有疫情卻分配到兩萬一千劑，比疫情重災區新北市還要多，對此衛福部長陳時中表示，這與高雄市之前的施打率有關，同時在分配上也會根據這幾類符合施打的人員數，以及以往施打的經驗與需求進行分配。
陳時中今天表示，撥送下去的疫苗以台北市獲得兩萬兩千兩百劑最多，其次依序為高雄市兩萬一千劑、新北市一萬八千劑、桃園市一萬八千劑、台中市一萬七千五百劑、台南市一萬三千劑。
外界質疑高雄市非重災區，為何可以分得比新北市還要多的疫苗？指揮中心發言人莊人祥表示，如果是雙北以外，是用未施注第一類人員數的六成來估算，但雙北就是用一、二、三類未施注人員的六成來估算，所以才會有這樣的數字落差。</t>
  </si>
  <si>
    <t>新冠肺炎疫情導致延後開學，造成學校契作農友蔬菜無處去，新北市府啟動「雙菜雙保」政策，協助契作農友販售產銷履歷蔬菜及有機蔬菜，不僅「保證銷售」更「保障價格」，新北市長侯友宜12日前往板橋慈惠宮推廣民眾團購時表示，新北是人口眾多的直轄市，願意協助宜蘭縣等各縣市消費相關農產，大家齊心協力，一起度過這次新冠肺炎難關。
新北市農業局指出，新北市政府「4＋1安心蔬菜計畫」供應本市中小學每周4天產銷履歷蔬菜及1天有機蔬菜，不過這次因為疫情延後開學，農友已種下去的菜不得不採收，讓農友相當頭大。
新北市農業局與新北果菜公司啟動「雙菜雙保」機制，透過優先拍賣保證銷售及保障價格，產銷履歷蔬菜每公斤25元、有機每公斤35元，蔬菜價格高歸農友，不足則由市府補貼。
中間管銷成本由新北果菜公司負擔，且每3天滾動檢討作業機制，必要時提高價格或延長收購，並透過預約交易尋找新買加通路，預計2週協助調配180噸蔬菜。
侯友宜今下午到板橋慈惠宮協助推廣，邀民眾一起來團購，他表示，新冠肺炎期間大家要共體時艱、互相包容，大家一起來照顧中、南部農友，感謝慈惠宮訂了200箱，也謝謝前議員歐金獅訂了200箱，當地里長也買了20箱，新北市跟所有農友一定站在一起，共同面對艱困時刻，照顧農友，也照顧外縣市。
被問到宜蘭協調新北協助拍賣縣內過剩有機蔬菜，侯友宜表示，新北市是個人口眾多的直轄市，願意跟宜蘭縣一起並肩作戰，照顧宜蘭縣的農民，協助拍賣宜蘭有機蔬菜。
新北市農業局指出，因應民眾防疫期間減少外食增加在家開伙，新北小農也透過新北市農業局輔導的超市通路增加供應量，確保民眾可以吃的到新鮮蔬菜。欲團購有機小松菜及有機黑葉白菜，即日起至19日可洽新北果菜運銷公司8965-1000轉176黃小姐，或FB搜尋「新北果菜」。</t>
  </si>
  <si>
    <t xml:space="preserve">美國總統川普3日說，他有信心，年底前就能研製出新冠肺炎疫苗。
然而，據CNBC新聞網與《國會山莊報》（The Hill）3日報導，這時間表比政府公共衛生顧問的樂觀預測還快。「我們很有信心，年底前會有疫苗，」川普說，「我們認為，我們今年底前會有疫苗，我們正拚命快馬加鞭。」
川普是在華府林肯紀念堂（Lincoln Memorial）福斯新聞（Fox News）線上市政廳會議（town hall）直播節目中說的。然而，公共衛生官員已經說過，疫苗通常要花許多年研製並分配，而新冠肺炎疫苗或許要花12－18個月研發。
川普說，他們正在催促供應鏈，雖然還沒有最終版的疫苗，不過他認為，許多公司應該快研製出來了，他特別點名了嬌生（Johnson &amp; Johnson）。而嬌生已和衛生及公共服務部（Department of Health and Human Services）聯手研製疫苗，並說希望2021年初能獲得批准。
川普政府正在推行「神速行動」（Operation Warp Speed）計畫，要加速研製疫苗，把時間表提前好幾個月，並打算在明年1月前，準備好3億劑疫苗。
另一方面，牛津大學（Oxford University）疫苗研究人員說，要是證明有效，他們的疫苗可以在9月前推廣。而世界衛生組織（WHO）則說，目前有數十種新冠肺炎疫苗正在研發。
</t>
  </si>
  <si>
    <t xml:space="preserve">毅嘉(2402)公布首季財測，受到新冠肺炎疫情影響，單季營收年減少20%，惟產品組合優化有成，單季稅前淨利仍創近6年同期新高，展望第二季，毅嘉預估隨著接單回穩，營收、獲利將可望增溫。
毅嘉第一季受到新冠肺炎疫情影響，單季自結合併營收金額約11.28億元，較去年同期減少20%，合併毛利率10%，則較去年同期增加2%，合併營業利益約673萬元，合併稅前淨利約1422萬元。
毅嘉表示，第一季合併營收雖然收到新冠肺炎疫情衝擊而年減20%，但在產品組合優化及管理效能持續提升之情況下，單季稅前淨利仍逆勢達1422萬元，創近六年同期新高。
毅嘉表示，展望第二季度，在客戶回補庫存需求之帶動下，將持續彌補第一季遞延之營收，第二季營運可望較首季回升，而目前整體接單與生產已趨於穩定，未來集團之合併營收及獲利仍可望維持逐季增溫之趨勢，惟對於新冠肺炎疫情對全球景氣發展及對終端消費的影響仍需持續關注，未來毅嘉仍將持續深耕及拓展利基型產品市場，包括車用、穿戴裝置、光通訊及高附加價值之消費型電子產品，預期整體毛利率將可望持續穩健的提升，並進而帶動全年度集團之營收及獲利穩定的成長。
</t>
  </si>
  <si>
    <t>市場擔心新冠肺炎疫情加劇，與2021年初喬治亞州參議員選舉不確定性，恐讓年底的耶誕行情落空，不過分析師看好特斯拉（Tesla）在內的三檔個股，預料仍有強勁漲勢。即便2020年美股沒有出現耶誕行情，仍有三檔個股不受影響，分別是特斯拉、輝達（Nvidia）與農具製造商迪爾（Deere）。
2020年迄今特斯拉股票累計狂飆672％。Zacks Consensus預估，特斯拉本季與2021年的獲利成長率，可望分別勁升86％與58.9％。創新技術讓特斯拉比同業更具優勢，該公司預料持續主導電動車市場，將能協助股價持續上攻。
疫情促成的遠端工作和遠距教學趨勢帶動輝達業績，鑑於疫情仍未有止息跡象，進入新的一年輝達將持續受益。此外，遊戲市場、人工智慧和自駕車的潛在成長機會，為輝達帶來亮麗前景。
最後一檔是迪爾，大環境並未對迪爾造成衝擊，2020年迄今該公司股價累計上漲54.6％。
拜美國農業、林業和營建業前景好轉，2021年迪爾將持續維持強勁表現。美股在12月最後5個交易日與次年1月頭的兩個交易日間，表現往往相當亮麗，這段期間的的漲勢被稱為「耶誕行情」。2020年的耶誕行情於12月24日開始。
根據CFRA Research數據，自1945年迄今，美股在74年間出現共出現55次耶誕行情。另據《股票交易員年鑑》（Stock Trader's Almanac）顯示，自1969年來，耶誕行情平均為標普500指數帶來1.3％的漲幅。
然而變種新冠肺炎病毒與喬治亞州參議員選舉，皆成為耶誕行情隱憂。喬治亞州參議員決選將在2021年1月5日登場，若是民主黨掌控參議院，可能推行被投資人視為對市場不友善的法案，例如調高稅。
標普500指數已較12月17日的紀錄高點下滑0.7％。</t>
  </si>
  <si>
    <t>台北市長柯文哲今在防疫記者會上宣布，7家醫院PCR篩檢站，昨共篩檢1091人，發現陽性4例，還是有不少，另外，柯文哲公布一例比較奇怪案例，他說，個案的媽媽在6月3日確診，父親6／11確診、個案妻子和妹妹則在6／13確診、兒子在6／15確診，一家五口陸續確診，但個案很奇怪，一直都沒有被感染。
柯文哲說，由於個案全家都確診，必須隔離，但採檢PCR都是陰性，直到6／30超過17天解除隔離，甚至是7／6檢查都是陰性，因此，7／12至14日曾去上班，結果7／14為了照顧父親去醫院篩檢，才發現是陽性，不過，CT值為36，表示病毒量很低。
柯文哲表示，這案例拿出來講，是第一次沒有感染，另一個可能是後來解隔離後又被感染也可能，柯說，此案主為公車司機，在7／12-14上班期間，一天兩班路線，接觸者是同住接觸者5人，這些人以前就感染過，會先觀察，其他5人則是密切接觸者為午餐共餐。
柯文哲說，所以跟大家說吃飯還是不要圍著吃，同事現在都要居家隔離，還有擴大採檢80幾人，第一次沒有感染也許是病毒量太低或是沒有感染，解隔後在社區中感染，從醫學角度上很難判斷，在疫情還不明狀態下，會匡列範圍居家隔離，目前感染CASE不多10幾例，最主要是家戶感染，一起吃飯最危險。</t>
  </si>
  <si>
    <t>交通部觀光局14日舉行「2020全球推廣行銷線上會議」，由局長張錫聰親自主持，全球駐外辦事處不分時區同時上線，會議聚焦討論疫後市場振興策略、及開放邊境後即應啟動各項振興作為，以儘速恢復來台市場規模。
台灣觀光已連5年挑戰千萬人次，2019年來台人次再創新高紀錄，使台灣觀光邁向新的里程碑。今年面對新冠肺炎疫情衝擊，尤以觀光產業影響最鉅。不過，在考量疫情因素下，認為各市場仍應維持台灣觀光的聲量討論熱度與達標。
對此，觀光局一年一度的「駐外辦事處行銷推廣研討會議」，已由國際組在疫情期間分2階段辦理視訊會議，要求各駐外辦事處應以新思維提出疫後各項計畫的必要性、預算需求、預定達成效益，且必須逐案或逐年進行滾動檢討，以汰蕪存菁。
因此，各駐外辦事處於疫情期間仍持續運用各種線上活動，辦理台灣通檢定或與網紅、旅遊平台合作宣傳，同時舉辦業者線上交流會及教育訓練，運用不同露出通路宣傳台灣安心安全旅遊環境，盼能讓台灣成為國際旅客疫後出境旅遊的首選目的地之一。
因應各國疫後爭取國際旅客的競爭態勢，觀光局6月聽取各市場入境遊旅行業者建議，並密集與各駐外辦事處研商，掌握駐地觀察第一手市場發展及趨勢，共同擬定疫後有助快速拓源的行銷策略，以能於邊境開放後加速恢復來台旅客人次水準，擴大觀光產業復甦力道。
對此，各駐外辦事處針對疫後市場振興均提出不同對策，觀光局要求務必配合疫情影響民眾出國旅遊需求加強數位行銷、辦理虛擬推廣活動、推出自由行（FIT）或適合團體旅客的高CP值個人化旅遊產品因應。
張錫聰表示，全球觀光市場受新冠肺炎疫情衝擊更勝於2003年的SARS，來台旅客恢復去年水準將需要一段復原期。疫情趨緩後各國雖以國內旅遊優先，但一旦邊境開放後，觀光局將面臨各國爭取國際旅客的激烈競爭。
張錫聰指出，交通部長林佳龍亦關心觀光局的海外行銷策略與作為，請各駐外辦事處在駐地務必就各目標市場變化及早部署，同時應擬具疫後有助快速拓源的短、中、長程行銷策略，以因應多變的市場需求。</t>
  </si>
  <si>
    <t>備受期待的 5G iPhone 還得等更久？在競爭對手都紛紛推出 5G 手機搶市的環境下，由於技術尚未成熟、市場也尚未準備好，蘋果(Apple Inc.)在 2019 年秋季並未推出支援 5G 的手機。而一般預料，5G iPhone 將會在 2020 年秋季登場，但一波自 2019 年底起爆發的新冠肺炎疫情卻打亂蘋果的如意算盤。美國銀行(BofA，或稱BOA)預警，受到新冠肺炎(COVID-19)疫情影響，預計在今年上下半年發表的新 iPhone 都將受到影響，延後亮相。
知名財經外媒報導引述了美國銀行分析師 Wamsi Mohan 的報告，指出由於供應鏈的問題，以及疫情導致的市場需求疲軟，iPhone SE 2(或稱 iPhone 9)的發表將會延遲幾個月。而具體發表的時間點，則要視 4 月及 5 月間產量回升的情況來決定。
不僅如此，美國銀行方面更引用了蘋果供應鏈專家 Elliot Lan 的看法，後者認為預計秋季發表的 5G iPhone，受疫情影響也將延後一個月發表。先前由於疫情影響中國大陸供應鏈的復工進度，再加上因為防疫而導致的旅遊禁令，已有市場消息指出，蘋果暫停旗下工程師前往中國大陸出差，影響到了 2020 年秋季新 iPhone 的研發進度。美國銀行以及供應鏈專家的說法一出，則是再度證實了先前的市場傳聞。
蘋果自 2011 年 CEO Tim Cook 接任 Steve Jobs 上任後，首度接棒發表的 iPhone 4s 之後，每一年都是選在秋季(9月份)揭曉年度新 iPhone，慣例已延續 9 年未變。若今年新 iPhone 將延後發表，不僅對於蘋果而言將造成衝擊，對於相關產業而言，恐怕也免不了受到更大的波及。
台灣地區第一階段 5G 頻譜競標在 2 月 21 日落幕後，5G 開台的準備進度開始加速，電信三雄近日也因為三星 Galaxy S20 系列(5G版)上市而提前推出 5G 早鳥方案，宣告 5G 資費戰提早開打。按照先前電信商公布的計畫，5G 開台電信三雄皆以今年第三季為目標，這當中的原因除了基地台佈建等因素外，iPhone 都選在秋季發表更是其中一大要素。若 5G iPhone 果真延後發表，會不會也連帶影響到台灣 5G 開台的時間點，令人不由得憂心。
今年 2 月中旬，蘋果罕見的提前預警今年 2020 財年 Q3 財報(反映 2020 年 Q2 業績)很可能無法達成預期，並點出其中原因包含受到復工速度緩慢的影響，全球 iPhone 供應將出現短缺；以及中國市場消費需求下滑等因素。而從稍早前美國銀行的說法來看，這一波疫情的衝擊，對於蘋果的影響將不僅限於 Q2，且還會持續擴大，影響範圍超乎預期。</t>
  </si>
  <si>
    <t xml:space="preserve">中國大陸面對新冠肺炎疫情，進出公共場所偶有見到測量手腕溫度，對台灣讀者來說，「腕溫」比較不常見，大陸網友解釋為何測量腕溫而不是額溫。
根據中央社日前報導，面對新型冠狀病毒肺炎疫情，北京公共汽車、地鐵與跨國速食店照常營運，只是乘客與店內用餐顧客很少，就連摩拜等共享單車也像閱兵般陳列街頭、無人問津。上千萬人的大城市，進入一片寧靜祥和的「外弛」狀態。
報導指出，北京公寓電梯每日清晨必定傳來一股消毒水味道，各商場與地鐵車廂也強調每日消毒，街上行人幾乎全戴口罩、那怕進超市亦然。
報導稱，量體溫、測發燒是防疫的第一關。搭地鐵過安檢時要先量額溫，進天安門廣場前先量「手腕溫」，甚至到百貨商場也有保安人員量額溫，各大車站旅客進出則是交給紅外線感測儀。
對於台灣讀者來說，測量「手腕溫」比較新鮮。
有大陸網友指出，當地進超市要量腕溫而不是額溫，因為如果遇到下雪，因為額頭暴露在外，常常比真正體溫低，而手腕大多縮在衣袖裡面，所以測量手腕溫度比測量額溫準確。
台灣網友也回應，當在Youtube頭一次看到大陸進超市是量手腕的溫度時，覺得很奇怪為何不是量額溫，量手腕的溫度會準嗎？因為在台灣從沒看過量腕溫的。不過後來陸續看到不同省份的網友也有拍到進超市量腕溫的畫面，就不再覺得那麼奇怪了，可能只是兩岸測量體溫的方法不同。
另根據台灣衛福部國建署宣導，「用額溫槍或紅外線測量皮膚表面，常有嚴重低估真正體溫的現象，所以不建議常規使用。」也是認為用額溫槍常有嚴重低估真正體溫的現象，只是台灣還沒見到測量手腕溫度。
</t>
  </si>
  <si>
    <t xml:space="preserve">指揮中心昨(25)日宣布全國3級警戒、全國停課皆延長至6月14日，台大公衛學院教授陳秀熙表示，目前國內非藥物公衛措施NPI的落實程度只有75％，若多數公司停班，降低平均病例有效再生數（Rt值）的效果可達27％。外界好奇，全國三級警戒延長為何只停課不停班？中央流行疫情指揮中心指揮官陳時中透露，必須兼顧「預防防疫疲乏」及「維持社會經濟活動」2大考量。
陳秀熙今(26)日在台大公衛學院防疫線上直播時指出，台灣現行NPI措施的落實程度僅75％，傳統市場、遊民仍有群聚，特種行業的傳染也在持續，雖然疫情會趨緩，但個案還是會不斷爆出，恐衝擊醫療量能，NPI若能做到9成，這波本土疫情可望在6月中旬受控。
根據全球40幾個國家的NPI措施資料統計，部分公司停班降低Rt值的效果有18％，多數公司停班效果有27％；限制10人以上聚會有42％；學校停課有38％；待在家的效果則是13％。其中限制10人以上聚會與學校停課，最能有效控制疫情。
此外，另一項針對226國的NPI措施評估也顯示，取消小型聚會、關閉教育機構及邊境管制，是最有效的前3名NPI介入措施。外界則好奇，既然全國都停課了，為何不乾脆停班？
陳時中今天在疫情記者會中回應，停班的確也能有效控制疫情，但目前更要預防防疫疲乏，同時還要維持社會經濟活動，這是停課不停班的最主要2大考量。
</t>
  </si>
  <si>
    <t>台北市長柯文哲16日宣布，台北通已和健保資料庫連結，打過2劑的市民就會顯示「綠色」、1劑顯示「黃色」，未施打過疫苗則是「紅色」，讓餐廳內用、區民活動可以執行，只要中央同意就可以上路。
北市疫苗涵蓋率第1劑56.4％、第2劑13.06％是六都第一，柯文哲今赴議會施政報告指出，台北通已和健保資料庫連結，以後打過2劑民眾的台北通會顯示「綠」、打過1劑「黃色」，都沒打是「紅色」，建立健康通行證，可加速老人共餐，有打2劑就可回來吃飯，要不然如果沒有這個設計，整個台北市餐廳內用、區民活動都沒辦法執行，已經做得差不多了，等中央同意就可以上路。
柯文哲還說，為管制人流，昨天同意用快1000萬二備金，讓北市公有場所可以讀記名悠遊卡、身分證條碼，使人流管制更有效率。</t>
  </si>
  <si>
    <t>新冠肺炎疫情日益加劇，台灣確診病例數攀升且24日已突破200例大關。晶圓代工龍頭台積電總裁魏哲家近日向員工發出通告，即日起到4月12前實施第一階段限制，限定員工不能出國，同時鼓勵非生產線的員工在分組辦公營運模式下，亦可以選擇在家上班。
估計台積電非生產線直接員工約3萬人。台積電強調目前生產線運作維持正常，營運不受影響。
台積電指出，因有一名非生產線員工確診新冠肺炎，所以內部決議啟動分組辦公，而居家辦公是分組辦公的選項之一。這是台積電成立33年以來首度讓員工可選擇在家上班。
新冠肺炎去年底在中國大陸爆發疫情後，台積電就已擬定對應計畫。而台積電先前因一名員工確診新冠肺炎，所以立即啟動分組辦公。台積電先前指出，以防疫安全及保護員工健康為首要考量，在現有防疫相關規定外，決議將啟動分組辦公營運模式。台灣地區員工於參加會議、訓練、或身處公共區域期間一律全程配戴口罩。
台積電今年以來也已經管制員工出差，限制供應商與客戶進出廠區。由於新冠肺炎疫情在世界各地擴散，台積電除了進一步要求員工避免非必要公務出差，也請員工這段時間內暫停所有出國計畫。另外，居家辦公適用於非生產線員工，所以台積電生產線會維持正常運作，營運不受影響。
台積電在公告中指出，因將防疫為首要考量，有鑑於確診個案數持續上升，在未來幾周的防疫關鍵期，除了20日開始啟動人員分組辦公的營運模式外，依總裁指示，非生產直接相關人員即日起至4月12日止，盡量採取居家辦公，居家辦公的人員由廠長、處長以上的主管決定。再者，請同仁暫停所有出國計畫，特殊情況需經單位最高功能組織主管核准，以降低同仁感染新冠肺炎風險。最後，防疫期間請同仁確實遵守政府及公司相關規定措施。
台積電上周實施分組辦公後，由於組織架構複雜且員工眾多，有的組別被分配到同大樓不同樓層上班，也有分配到別的廠區上班，不少組別員工是全面或輪流改成在家上班。</t>
  </si>
  <si>
    <t xml:space="preserve">台中市都發局長黃文彬的兒子18日自美國返回台灣，傳出身體不適情況，醫院以其有出國旅遊史，提高警覺，要求直接收容觀察3天並進行檢驗，黃文彬表示，兒子沒有發燒，自己也未與兒子有任何接觸。新聞局長黃國瑋說，黃文彬防疫意識相當高，成為六都首個「居家自主健康管理」的局長，請外界無須過度揣測。
黃文彬兒子在美國求學，因疫情因素，學校關閉並告知學生返家後，透過線上課程學習即可，所以黃文彬兒子自17日早晨從美國返台，全程都戴口罩，返回家中休息，直至當日晚間10點以後，父子倆才見到面。
黃文彬表示，兩人均佩戴口罩，且保持1公尺以上間隔距離，兒子防疫概念很好，回到家中後幾乎待在房間沒有外出，也想保護家人，後來因時差問題，早早就入眠。
今天早上黃文彬兒子自覺喉嚨有痰，為慎重起見，趕緊到醫院檢查，醫院確認體溫36.5度，並未發燒，醫院詢問其出國史後，立即提高警覺，直接收容觀察並檢驗。
黃國瑋說，黃文彬今天得知兒子在醫院收容治療後，立即請假補休，返家自主健康管理，且公務全程皆有佩戴口罩，回到家中還運用遠端視訊來處理線上課程、業務、公文等工作，開始14天的「居家辦公」，防疫確認健康無虞，才會返回市府上班。
</t>
  </si>
  <si>
    <t>四川警方日前從吉林省延邊州延吉市押解一名犯罪嫌疑人回四川瀘州古藺縣，只不過，沒想到該嫌犯竟是1名無症狀感染者。此次路途3000多公里，還途經長春、北京等地，超過逾93名密切接觸者居家隔離中。
《新京報》指出，按照通報，30歲的男子明某，是吉林省舒蘭市人，也是犯罪嫌疑人。4月29日23時左右，他被古藺縣公安局從吉林省延邊市押解到古藺縣公安局辦案區。次日下午，明某在接受例行檢查時發現新冠病毒核酸檢測結果為陽性，但無任何發熱、咳嗽等新冠肺炎症狀，綜合流行病學史、影像學檢查、實驗室檢測等診斷為新型冠狀病毒肺炎無症狀感染者，隨即被古藺縣定點醫院收治隔離。
報導稱，林省延吉市新冠肺炎疫情防控領導小組辦公室昨就此事通報稱，明某現居住延吉市，2月25日從舒蘭自駕車輛返延後，曾居家單獨隔離14天，無異常後返回工作單位。
4月28日13時左右，明某在延吉市某汽修廠被四川警方抓捕，當天下午乘火車經長春、北京，4月29日深夜抵達四川省瀘州市古藺縣，同其他9名嫌疑人被共同拘押於一派出所。
4月30日，經當地疾控中心核酸檢測，結果為陽性，明某被四川方面診斷為無症狀感染者。5月1日，四川方面對明某進行血清抗體檢測IgM和IgG結果均為陰性，表明明某為新近感染。
報導說，延吉市新冠肺炎疫情防控領導小組辦公室介紹，接到四川警方的推送資訊後，州、市兩級新冠肺炎疫情防控指揮部高度重視，快速反應，調度州、市兩級防控力量第一時間開展流行病學調查、追蹤管控及核酸檢測等疫情防控工作。
截至5月1日24時，已追蹤到與明某有接觸的人員共93人，其中密切接觸者28人，均已進行集中隔離；次密接者39人和一般接觸者26人，其中33人已進行集中隔離，其他32人實行嚴格的單獨居家隔離。</t>
  </si>
  <si>
    <t xml:space="preserve">新冠肺炎疫情嚴峻，許多縣市政府已發文要求長照及安養機構暫停探訪，不過屏東縣目前仍未禁止，而是交由業者決定。因無強制力業者只能「柔性勸導」，衍生問題，因此希望縣府能明文禁止。縣府表示，會依據中央疫情指揮中心的數據及建議來行政。
屏東縣目前已有衛福部屏東醫院、屏東基督教醫院等10家醫院不開放探病，不過縣府並未明文禁止長照及安養機構暫停探視，而是交由業者決定。縣府建議業者除了特殊需求外，多運用視訊、錄音等讓家屬獲知服務對象照顧情形，也要向家屬「委婉說明」。
不過因沒有強制力，尤其是私人機構，業者迫於家屬壓力，仍會開放家屬探視，增加染疫風險。有老人機構業者表示，雖然有家屬自覺疫情嚴重取消探視，但仍有「有孝心」的家屬每天都會到院探視老人家，因無縣府下令禁止，也不好意思拒絕，只能做好防疫措施。
迦南身心障礙養護院祕書杜佳樺說，若無公權力，基於人道立場很難拒絕家屬探訪，因此決定開放下午2小時，家屬除了得做好防疫措施，也只能在戶外訪視，中間要隔著一層塑膠膜，並禁止餵食或撫摸。所有業者都擔心因一人染疫就得全院隔離的狀況。
縣府社會處副處長徐紫雲表示，縣府政策都是依據中央疫情指揮中心的科學數據及建議來行事，目前屏東縣確診案例不多，加上親情倫理的考量，因此未由縣府明文禁止。近日統計探訪的家屬人數確有下降，未來若中央宣布全國禁止，縣府一定遵循。
</t>
  </si>
  <si>
    <t xml:space="preserve">外送商機崛起後，發生不少外送員與顧客、店家之間故事，一名男外送員在臉書吐苦水，表示某次外送時，因為新冠肺炎疫情關係，社區大樓的管理員表示不能送上樓，外送員也遵守規定，想不到事後竟收到警察通知，被當時的顧客提告妨害自由。
這名邱姓外送員在臉書社團發文抱怨，透露過年前送餐到桃園市中壢區，某處社區大樓的8樓住戶，由於疫情關係，管理員說餐點不能送上樓，外送員便將餐點放在一樓，並透過外送平台通知顧客，未料對方回覆「別的外送員可以上來，你為什麼不能」？
事後邱姓外送員收到當時顧客提告，說他妨害自由，頓時讓他滿頭霧水，對此，當事大樓管理員則回應，「一般如果住戶沒特別要求，都會自己下來拿」；這起糾紛掀起網友熱議，一面倒支持外送員，「沒送上樓怎麼妨害自由」、「這一定告不成，一定要反告對方誣告」。
針對此案，律師陳亮佑受訪時表示，既然社區要求外送員不能進入，當然不能強行進入，否則該名外送員可能會涉及另一罪名。許多外送員則建議，工作時永遠不知道會遇到什麼狀況，一定要在身上加裝密錄器，才能自保。
</t>
  </si>
  <si>
    <t>前往湖北武漢市視察後，世界衛生組織（WHO）專家團隊24日指出，中國所採取的策略改變新增確診病例快速攀升的曲線。兩周前團隊剛抵達大陸時，每天新報告的確診病例逾2000例；當聯合考察團結束任務，23日報告的確診病例為416例，「兩周之內實現了80%的下降」。
22至23日，中國──世界衛生組織新冠肺炎聯合專家考察組（下簡稱「考察組」）赴湖北展開現場調研。24日晚間在北京的記者會，針對大陸每日新增確診病例「兩周之內實現了80%的下降」，考察組外方組長，世衛組織總幹事高級顧問布魯斯．艾爾沃德強調，「這樣的數據下降是切實的」。
考察組中方組長、大陸國家衛健委新冠肺炎疫情應對處置工作專家組組長梁萬年則通報，新冠病毒並未發生明顯變異；新冠病毒可能透過氣溶膠傳播，但在大陸並非主要的傳播方式。透過廣東、四川的現場考察，由「人口學特徵」來看，患者平均年齡51歲，30-69歲占77.8%，77.5%的病例來自湖北。
考察組通報的其他各項新冠肺炎流行病學特徵，尚有「家庭聚集性」，78%-85%的聚集病例發生在家庭；且透過對已發現的「密切接觸者管理」後，約1%-5%的密切接觸者實驗室確診為陽性；以及「易感性」，新冠病毒為一種新的病原體，各年齡層均其不具免疫力，普遍容易感染。
24省無新增確診病例
目前大陸新冠肺炎的抗疫成果持續擴增，截至23日，共計6省新增確診病例數為3例及以下，並有24省及新疆生產建設兵團無新增確診病例，掛出一整排「24個0」。
據大陸國家衛健委網站訊息，23日31個省（自治區、直轄市）和新疆生產建設兵團報告新增確診病例409例、湖北以外僅11例，累積確診達7萬7150例；新增死亡病例150例，包括湖北149例、海南1例，累計死亡2592例。
24日大陸國務院新聞辦公室舉行新聞發布會，國家發改委祕書長叢亮指出，2月起透過國家統一調度330萬只N95口罩，重點為保障武漢；當中調往武漢的醫用N95口罩268萬只，近期每天調度量逾15萬只，加上武漢本地生產，每日可供應N95口罩超過30萬只，足以保障6萬餘位一線醫護人員的防護需求。
叢亮並提到，至2月22日N95日產量已達91.9萬隻，為2月1日的8.6倍。除西藏之外，目前30個省區市均先後啟動口罩生產線，並持續有新的口罩生產線投入生產。截至2月22日，大陸全國口罩日產量已達5477萬只，較2月1日成長2.8倍，近20天以來已累計生產口罩5.7億只。
陸開發試劑盒驗病毒
此外，23日中國工程院院士鍾南山也透露，大陸國家藥品監督管理局應急新批的兩個試劑盒，將有助於鑑別流感、新冠肺炎病毒。當中北京清華大學參與設計開發的「六項呼吸道病毒核酸檢測試劑盒（恆溫擴增晶片法）」，為全球首個1.5小時內，即可一次性檢測包括新冠病毒在內、6種呼吸道常見病毒的試劑盒。</t>
  </si>
  <si>
    <t>總統官邸協助照顧退役工作犬的志工確診，由於國外也有動物染疫前例，總統官邸所養的犬貓是否會安排篩檢？對此，總統府今天表示，府方已跟農委會防檢局做過相關確認，目前沒有任何文獻顯示，新冠肺炎病毒會由貓犬傳染給人。
官邸內的4隻退役犬，此次都有被染疫的志工照顧到，外界也關注蔡英文總統養的貓犬健康和傳染問題，總統府發言人張惇涵表示，府方有跟農委會防檢局確認，也跟醫療團隊做過完整的確認。
他說，府方從三個科學層面來看待這個問題：一、目前台灣並沒有對動物進行篩檢。二、目前這4隻退役的工作犬都有定期在洗澡，在昨天也有在進行洗澡跟消毒，犬舍的部分也進行全面消毒，所以研判安全無虞。三、昨天篩檢的人員都呈陰性，所以也沒有安全的疑慮。
張惇涵表示，官邸內4隻退休工作犬，目前是讓他們住在原本的犬舍當中，暫時不會進入總統起居的寓所，也暫停志工支援服務，「所以這個部分我想大家可以一定程度的來放心」。
張惇涵強調，總統醫療團隊非常專業而且科學，昨天第一時間獲知訊息後，醫療團隊馬上啟動緊急應變機制，過程也都按sop來進行，最重要的目標並不是萬一總統確診，而是一定要保護總統健康無虞。
外界關注此次事件後，蔡總統近日是否暫停活動？他說，總統跟確診志工並沒有接觸，官邸範圍之內也沒有被指揮中心有任何人被列為匡列對象，府方是為了確認國家元首的健康安全，以最嚴謹的方式，啟動應變機制，進行相關人員的篩檢。
他也再一次強調，無論是總統還是官邸相關人員，所有的篩檢都是陰性，請大家放心。至於總統是否會停止對外活動，當全國提升為三級警戒的時候，總統希望也呼籲全體國人非必要不要外出，總統也是會減少非必要的接見跟公開行程，相關的規畫原則不會改變。
至於蔡英文520第二任就職周年的心情？張惇涵表示，總統的心情是這樣，自從這一波的疫情升溫以來，每一天都是全民團結抗疫的重要時刻，即便今天是大家所關心的520，也不例外。
他說，我們還是要再次強調，蔡總統從上任的第一任到現在，開始啟動多項改革工作，從加薪減稅、長照幼托、年金改革、國防改革，能源轉型，都在持續推進當中。
張惇涵表示，在這一波國內外疫情都非常嚴峻的時刻，總統還是只有希望全體國民團結一致，中央地方團結一心、全國一致、標準一致，就像過去一年一樣，即便這一次的挑戰非常嚴峻，我們一定能夠戰勝疫情，也克服這項難關。</t>
  </si>
  <si>
    <t>距離520只剩下10天，總統府今將召開記者會說明總統就職典禮活動內容，蔡英文總統預計當天在府內宣誓就職後，上午10點移師至台北賓館發表就職演說，對外界關注的兩岸論述，將維持年初勝選演說拋出的「和平、對等、民主、對話」8字箴言，以及「不挑釁、不冒進」的基調。
由於此次正副總統就職典禮正逢新冠肺炎疫情期間，儘管國內已連續28天未出現本土確診病例，但為防堵疫情，仍然將遵照中央疫情指揮中心要求保持社交距離的原則，不會舉辦大型群眾活動。
台海穩定 兩岸有責任
根據府方規畫，520當天蔡英文和準副總統賴清德預計上午9點，將在總統府大禮堂宣誓就職，之後移師台北賓館接見來台致賀的外賓，上午10點正式發表就職演說。
總統府發言人丁允恭表示，就職演說文稿仍在討論撰寫中，尚未定稿，但因新冠肺炎疫情波及全球，一定會提及台灣防疫情況，進而開展出總統未來4年的施政願景。
據了解，蔡在就職演說中，除了感謝站在第一線對抗疫情的醫護人員，以及協助防疫的口罩、防護衣等國家隊成員外，也將對疫情趨緩後，如何帶領台灣經濟走向下一個振興階段，擘畫出未來方向。
北京涉台人士批沒誠意
對外界關注的兩岸論述方面，丁允恭表示，總統的兩岸政策，都是穩健一致的。今年仍會以「穩健、溫和、堅定」為基調，呼籲兩岸對話。據了解，在兩岸政策議題上，蔡英文將持續維持她上任以來「不挑釁、不冒進、不輕易退讓」的主張，以及致力確保台海和平穩定現狀，兩岸雙方都有責任的立場。
北京涉台人士指出，民進黨當局的作法看不出要緩和兩岸的誠意，在疫情期間尤其讓人心寒，最近又讓蘇貞昌續任行政院長，這都無法讓大陸感覺蔡有要緩和兩岸的意思。
北京聯合大學台研院副院長李振廣說，蔡英文在執政期間一直想要破壞兩岸關係，此次能連任也是因為打著「反中」旗號，但台海關係的主導權依然是在大陸手中。</t>
  </si>
  <si>
    <t xml:space="preserve">新冠肺炎疫情緩和，各項防疫措施今天解封，副總統賴清德今天在臉書貼出他打球的英姿表示，他的解封防疫新生活從球場開始，呼籲落實防疫也要輕鬆生活，大家可以安心參與戶外活動。
6月7日是解封防疫新生活起點，賴清德表示，他的解封防疫新生活從台南忠孝永康球場開始，並詢問大家「今天你們都出門運動踏青走走了嗎？」
他下場小試身手的混齡表演賽表示，小時候打過少棒，手感還在。也深刻體悟到棒球選手平日訓練的辛苦。「謝謝臺南市社區學齡棒球協會丶臺南市永康社區少棒聯盟，讓棒球紮根不停歇！」
他說，6月7日是台灣防疫解封的新里程碑，落實防疫也要輕鬆生活，呼籲大家可以安心參與戶外活動，室內若無法保持社交距離，請繼續口罩不離身。並強調「正向防疫」「持續落實勤洗手」「保持良好衛生習慣」。
</t>
  </si>
  <si>
    <t>疫情重創紐約，確診及死亡人數高居全美，它是「美國的武漢」？除了衝擊股市、經濟崩潰，更影響數百萬計紐約人的食衣住行日常生活。暫時停擺、冬眠的紐約，何時能迎來人們夢境中的春天？
說到紐約，想到的不外乎是車水馬龍的時代廣場或是熙熙攘攘的華爾街，用「不眠之城」來形容紐約再適合不過；然而2020年的紐約不再人聲鼎沸，人們臉上看不到微笑，取而代之的是被口罩壓迫的恐懼眼神。
華爾街的金牛雖屹立不搖，新冠病毒卻逼得營業員回家線上交易；開往自由女神的郵輪不再鳴笛；布魯克林大橋的觀光客早已人去樓空；唐人街更是彷彿一片死城；面對如此嚴峻的考驗，紐約被迫暫停緩解疫情延燒。確診和死亡人數急遽升高的紐約，何時能夠重新啟動，回復以往的「大蘋果」之都?
作者：黃兆平/前中央社駐紐約主任特派員、前海基會綜合處處長及發言人、明鏡電視主持人。現居紐約！</t>
  </si>
  <si>
    <t xml:space="preserve">日本新冠疫情嚴重，東京又進入緊急狀態，也連帶影響到國內發達的AV產業，許多人都十分好奇成人界現況，對此，AV達人一劍浣春秋也親自解答，業內線在一片混亂，甚至還有AV女優因為沒工作被迫轉行，「讓我們少了一些新鮮的肉體可看，也讓一些本來還猶豫要不要撐下去的資深女優直接不玩⋯」。
一劍浣春秋直言，上次東京進入緊急狀態，整個AV界停工了一個月，不但片商發片大亂，活動也全面停擺，更有不少AV女優因為急需用錢只好轉換跑道，而這次再次進入緊急狀態，大家已經沒有那麼恐慌，有了上次的經驗就知道絕對不能停工什麼都不做。
目前業內還是片子照拍，就暫時不用擔心之後會出現發片大亂的情況，而活動方面，大型活動一率取消，但女優見面會仍然在計畫中，經過幾個月的折騰，大家開始有防疫觀念，就能讓女優保持安全距離和粉絲互動，整體來說，和疫情爆發前差異不大。
一劍浣春秋表示，上次的停工經驗讓大家知道這個方法不可行，因此這次在防疫之餘，大家都還是盡量維持原本的工作模式，甚至有許多事務所積極為女優爭取活動機會，最後他也感嘆可以的話，還是希望各地的疫情都能夠趕快平息。
</t>
  </si>
  <si>
    <t>台北市自5月2日以來，有4753例感染新冠肺炎確診個案，市長柯文哲26日表示，環南市場大規模PCR篩檢時發現，有將近一半的確診者沒有症狀，進一步分析全市本土確診個案，有44.7％確診者從頭到尾沒症狀，所以即使北市府花很大力氣，仍很難消滅掉。
中央今公布北市新增4例本土確診個案，柯文哲指出，其中3例是廣義的家戶感染，朋友間感染，還有1例是感染給父親，現在用Google map的方式看確診案例每個行政區分布狀況，若用居住地看，除非是家人互相傳染有意義以外，事實上，更大的傳染是在工作地，只看行政區分布就會判讀失真。
柯文哲表示，疫情到現在，在雙北地區算是一個程度控制下來，所以慢慢要解封，解封前對整個自5月到現在為止，過去將近3個月的案例分析、研究，可讓我們將來面對未來疫情變化有更多資訊可思考、規畫。
他說，北市案例有44.7％確診者從頭到尾沒有症狀，這就是為什麼北市花很大力氣很難消滅掉，很多人是PCR撈出來，確診者匡列做PCR發現感染，但都無症狀占44.7％。
柯文哲強調，一般來講沒症狀就不會去醫院，但會傳染人，當年SARS感染會發燒，很容易撈出來，這個現象在環南市場大規模篩檢時，發現有將近一半沒有症狀，也因此知道這個病很難對付，確診者有發燒情況是46.6％、咳嗽39.9％、喉嚨痛18.4％，比較像感冒症狀。
令柯文哲感到意外的是，有44.7％確診者沒有症狀，在社區躲來躲去，他說，最簡單方法是全部打疫苗，從美國每天感染人數約1、2萬人，多的時到3、4萬來看，但死亡人數沒什麼變化，也就是打了疫苗就不容易死亡，呼籲有疫苗可以打，不要挑三揀四，有什麼打什麼，北市已打到38％覆蓋率。</t>
  </si>
  <si>
    <t>近日，由湖北科技出版社緊急編撰的《新型冠狀病毒肺炎預防手冊》網路試讀版，在網路上廣泛流傳，大陸各地出版社緊隨其後，紛紛組織經驗豐富的傳染病防治專家、病原生物與免疫專業研究學者撰稿，緊急出版，其中不少圖書在網路供民眾免費閱讀，對病毒的傳播、症狀、預防及診療等進行權威、通俗的解讀。
1月本應是出版界的寒假和春節銷售高峰，但根據北京《2020年初「新冠」疫情下圖書零售專題分析》報告指出，實體書店2020年春節後第一周銷售不足2019年的10%，出版業界人士曾鋒調查的350多份有效調查問卷顯示，因為新冠肺炎，86%的書店曾停業、73.94%的書店認為，即使恢復營業，收入也會至少減半，眾多實體書店積極自救，透過網店、社群、直播等多種形式展開線上閱讀服務。
網路點擊量逾千萬
1月23日，由廣東科技出版社出版大陸第一本抗疫的書《新型冠狀病毒感染防護》，詳細介紹該病可能的發病原因、臨床表現、自我保護辦法、公共場所注意事項及防治誤區等內容，對科學防控疫情、普及新冠肺炎相關知識有非常重要的作用，及時出版，春節前後加印50萬冊。
大陸各地出版社紛紛組織經驗豐富的傳染病防治專家、病原生物與免疫專業研究學者撰稿，緊急出版新冠肺炎相關刊物，陝西人民教育出版社的《新型冠狀病毒肺炎防護知識讀本》、中國協和醫科大學出版社的《協和新型冠狀病毒肺炎防護手冊》、上海科學技術出版社的《張文宏教授支招防控新型冠狀病毒》等，對病毒的傳播、症狀、預防及診療等進行解讀，截至1月29日，點擊閱讀量已逾千萬。
健康心態應對疫情
此外，為了緩解群眾的恐慌和心理壓力，四川科學技術出版社推出《新型冠狀病毒大眾心理防護手冊》、陝西師範大學出版總社出版《新型冠狀病毒感染的肺炎疫情下心理健康指導手冊》，積極指導民眾以理性態度和健康心態抗擊疫情。</t>
  </si>
  <si>
    <t xml:space="preserve">印度驚現Delta變種病毒的變異株「Delta+」，目前境內已經發現40病例，「Delta+」具有傳播性更強、和肺部細胞受體結合能力更強、可能降低抗體反應能力等3大特色，印度指「Delta+」最初是在歐洲偵測到，目前這隻病毒株已經蔓延至英國、美國等10國。
綜合《印度斯坦時報》（Hindustan Times）、新德里電視台（NDTV）報導，印度政府昨（22）日宣布，境內出現22例「Delta+」（Delta Plus）變種病毒確診案例，分別分散在西部的馬哈拉什特拉省（Maharashtra）、北部馬德雅省（Madhya Pradesh）及南部克勒拉省（Kerala）。
不過消息人士今（23）日透露，「Delta+」病例不只出現在這3個省，目前印度已經發現超過40起相關病例。
印度衛生部指出，從Delta進一步突變而來的「Delta+」變異株又被稱為「B.1.617.2.1」或「AY.1」，具有傳播性更強、和肺部細胞受體結合能力更強、可能降低單株抗體反應能力等3大特性。
印度衛生部已經建議發現病例的省份即刻升級防疫措施，包括禁止民眾群聚、進行大規模篩檢、疫調與追蹤病毒蹤跡、以及讓優先族群接種疫苗。
不只印度，印度政府證實，包括美國、英國、葡萄牙、瑞士、日本、波蘭、尼泊爾、中國、俄羅斯等9國都已經偵測到「Delta+」病毒。
《印度時報》（Times of India）先前報導，印度科學及工業研究委員會（Council of Scientific and Industrial Research，CSIR）基因與綜合生物研究所（Institute of Genomics and Integrative Biology，IGIB）科學家史嘉力亞（Vinod Scaria）指出，「Delta+」變異株是在Delta病毒的棘狀蛋白上有K417N位點突變，這個位點突變讓科學家擔心「Delta+」可能具備抵抗結合單株抗體casirivimab和imdevimab雞尾酒式抗體療法的能力。
另外，印度官方智庫NITI Aayog成員保羅（VK Paul）表示，「Delta+」變異株最初是在3月於歐洲偵測到。史嘉力亞指出，目前歐洲、亞洲、美國已經發現了127個基因序列。
</t>
  </si>
  <si>
    <t>國內疫情趨緩且穩定控制，中央流行疫情指揮中心經與相關單位溝通討論及評估後，於今(29)日宣布，自今(2021)年11月30日至12月13日維持疫情警戒標準為第二級，並維持相關措施及規定如下：
一、維持現行戴口罩規定，外出時應全程佩戴口罩，但符合以下情形，得免戴口罩(本次未調整)：
(一)下列場合得免戴口罩，但應隨身攜帶口罩，且如本身有相關症狀或與不特定對象無法保持社交距離時，仍應戴口罩：
1.於室內外從事運動、唱歌時。
2.於室內外拍攝個人/團體照時。
3.單人或多人進行直播、錄影、主持、報導、致詞、演講、講課等談話性質工作或活動之正式拍攝或進行時。
4.農林漁牧工作者於空曠處(如：田間、魚塭、山林)工作。
5.於山林(含森林遊樂區)、海濱活動。
6.於溫/冷泉、烤箱、水療設施、三溫暖、蒸氣室、水域活動等易使口罩潮濕之場合。
(二)外出時有飲食需求，得免戴口罩。
(三)於指揮中心或主管機關指定之場所或活動，如符合相關防疫措施，得暫時脫下口罩。
二、營業場所及公共場域維持應遵守實聯制、量體溫、加強環境清消、員工健康管理、確診事件即時應變。
指揮中心指出，因應國際間新變異株Omicron威脅，相關大型活動具有人潮擁擠、長時間且近距離接觸不特定人士的特性，仍應維持嚴格防疫管理並加嚴裁處，請主辦單位及民眾務必遵守下列防疫準備注意事項：
一、主辦單位應遵守指揮中心二級警戒公告措施、地方政府大型活動相關防疫規定：
(一)主辦單位應於活動場域提供足量手部清消用品、提高公共廁所之消毒頻率並設有醫療應變措施。
(二)除指定販賣區外，場內不得販售飲食。
(三)室內活動不得販售無座位票，須落實實聯制，規劃固定入口，且於入口處進行體溫量測及手部消毒。
二、活動期間應全程佩戴口罩，除補充水分外，禁止飲食。
(一)除主持、表演及致詞人員得於正式拍攝或進行時免戴口罩，其餘人員及參加活動者不適用飲食(補充水分除外)、拍照等得免戴口罩之例外情形。
(二)主辦單位經地方政府同意，得設置專屬飲食區域供民眾脫口罩飲食，該區域須落實實聯制、入口體溫量測及手部消毒，並不得邊走邊吃，亦不開放試吃。
(三)違反以上規定、經工作人員勸導不聽者，由地方政府依傳染病防治法裁罰。
三、居家檢疫、居家隔離、(加強)自主健康管理者，及有發燒、呼吸道症狀、腹瀉、嗅味覺異常等疑似症狀之民眾(包括表演者及活動工作人員)，不得參加相關活動。違反者將從重處罰。
指揮中心將視國內外疫情及實際執行狀況，適時機動調整防疫措施，強化邊境監測及防疫作為。籲請民眾應落實個人防護措施，主動積極配合各項防疫措施，以兼顧防疫與生活品質。</t>
  </si>
  <si>
    <t>中國信託金融控股公司今（30）日表示，接獲通知，旗下孫公司中國信託資融公司（簡稱「中信資融」）1名內勤同仁確診新型冠狀病毒（COVID-19）。截至今日為止，中國信託商業銀行有3名同仁、台灣人壽保險公司有3名同仁、中國信託資融有1名同仁，合計7名同仁確診。
金融同業持續傳出員工確診案例，元大銀、上海商銀29 日均接獲通知，分別有1名內勤員工確診。上海商銀表示，該內勤員工未與客戶接觸，上班均依規定全程佩戴口罩。目前該名員工正依照衛生主管機關指示進行相關治療，該行亦持續追蹤與關懷該名員工的情況，並提供必要的協助。
元大金亦表示，被通知確診的員工工作性質單純，無跨樓層區域業務往來，對營運業務沒有影響，兩家銀行都已完成環境消毒。
中信金控表示，為保護同仁安全及避免感染風險，中信資融已針對確診同仁工作的辦公環境完成全面清潔消毒作業，同一辦公樓層的所有同仁亦全數實施居家辦公及自主健康管理。
中國信託金控呼籲員工及客戶多注意自身與家人健康，身體若有不適，請儘速就醫，避開所有接觸感染風險的機會，保護自己、家人、同仁與客戶的健康。
上海商銀表示，審慎因應嚴峻的疫情已強化防疫管理，實施異地備援辦公及分流上班，採取視訊會議，建立分行備援機制與客戶分流，以及暫停業務人員實地拜訪客戶與外部人員來行訪問等措施，營業櫃檯並加裝透明隔板，配發櫃員護目鏡，同時強環境消毒作業，已持續關注疫情變化滾動式精進各項防疫措施，以守護環境安全，保護員工及客戶的健康。</t>
  </si>
  <si>
    <t>即使美國總統川普試圖緩解新型冠狀病毒相關消息引起的恐慌，但《華盛頓郵報》報導，美國出現首例新冠病毒感染源不明的確診病例，加劇投資人對疫情傳播的擔憂，周三夜盤美股指數期貨走跌。
目前道瓊指數期貨跌100點，意味著周四開盤將跌近200點。標普500期貨跌0.38%，標普500 E-MINI期貨跌0.42%，那斯達克100期貨跌0.32%。
川普在記者會上表示，對美國人而言，冠狀病毒的風險仍然「非常低」。他並指派副總統彭斯負責應對美國的冠狀病毒疫情。川普表示，美國股市應該要擺脫近來的低迷。不過《華盛頓郵報》的報導加劇新冠病毒將快速擴散的擔憂，期貨市場首當其衝。</t>
  </si>
  <si>
    <t xml:space="preserve">日本贈與台灣的124萬劑AZ疫苗，其中50多萬劑已配發至各縣市，新北市、桃園市、台南市、高雄市12日下午率先開打；台北市和其他縣市都照原計畫15日起陸續接種。台北市今天上午8點開放85歲以上長者預約，新北市則透過里長通知，依時段分流施打。
台北市：施打對象包括第1至3類未接種第1劑人員、長照機構、洗腎患者、85歲以上長者及65歲以上原住民。施打地點為28家醫院、135家診所、12家聯醫門診部，今早8點開放預約。
新北市：首波對象為85歲以上長者約5.3萬人、長照機構住民及工作人員約2.4萬人、洗腎患者約1.3萬人、一至三類防疫人員及高風險者約5000人；85歲以上長者分區分里分時段輪流接種。
基隆市：分兩部分施打，第一種是第一、二、三、五、七類人員，盡速安排施打；第二種是85歲以上長者（原住民75歲以上），約7200人優先接種。
桃園市：第一波以81歲以上長者、75歲以上原住民優先，約5.2萬人，除復興區採專案辦理，其他將在各區共25所學校設接種站，民眾須在預定接種時間前半小時報到。
新竹縣：縣內87歲以上長者均可在第一梯次接種，由衛生局開立通知單、村里長協助發放，請家人接送前往接種站；若行動不便、無交通工具者，由村里長協助叫車，交通費用縣府負擔。
新竹市：14日起優先為80歲以上長者施打且免預約，透過鄰、里長家戶投遞「疫苗接種通知書」。戶籍不在竹市但有居住事實的長輩，也能聯繫鄰里長由公所協助造冊。
苗栗縣：因獲配疫苗數量不足，縣府決定採高齡者優先施打，施打日為6月15日，透過村里長造冊、通知時間及地點。
台中市：規劃比照投票方式，由里長造冊發放接種通知書，長者們可知道什麼時候到哪裡打疫苗，只要帶健保卡、雙證件到全市64處快打站或醫療院所即可。
彰化縣：15日起同步「萬人開打」，第一至六類對象，由縣府通知施打時間，75歲以上長者採電話預約。疫苗配送27處衛生所、25家醫院、58家診所。
南投縣：15日起各接種服務機構開放預約，16日起提供疫苗接種服務。
雲林縣：前5類人員由醫療院所施打，考量第6類人員行動不便，規畫在各鄉鎮設置施打站，兩者皆於15日統一施打。
嘉義縣：1至5類對象約6700劑，剩餘將禮讓85歲以上高齡者優先接種，再分批向下開放。除4大醫院、43家合約診所及18處衛生所，縣府擬在特定學校開設社區擴大接種站。
嘉義市：優先開放85歲以上長輩接種，即日起將透過鄰里系統逐一通知符合資格的長者，將花3天時間接種完畢。
台南市：即起至14日依疫苗接種順序，施打第一類到第五類對象；85歲以上長輩15日起施打，市府將主動通知。
高雄市：首波施打對象為87歲以上長者，於6月15日至17日接種疫苗；次波80歲至86歲長者暫定6月18日至22日；第三波則是75歲至79歲，預計6月23日起施打。
屏東縣：預計15日起開打，48處中大型接種站同步啟動，前5類人員由衛生單位主動聯絡。長者部分，年滿85歲者優先，一律由鄉鎮市公所村里幹事、村里長依居住地，通知施打時間及地點。
宜蘭縣：一至三類尚未接種人員、以及88歲以上長者優先。尚未接種人員安排在15日及18日，分別在溪北及溪南接種中心。
花蓮縣：15日開始施打，開放衛生所電話及網路預約。
台東縣：開放第一類醫事人員、養護機構工作人員、洗腎患者及75歲以上設籍台東者共4類對象，13日上午8點起開放預約。
澎湖縣：衛生局表示，設籍澎湖75歲以上長者7781人，若設籍澎湖但住在台灣，符合資格的鄉親可持健保卡、身分證就近至居住地合約醫療院所、注射站登記施打，不必特地返回澎湖。已針對75歲以上長者造冊，長者可持健保卡至社區接種站施打，也可向衛生所、部立澎湖醫院電話預約。
金門縣：15日開始接種作業，9家合約院所提供接種服務，各合約院所皆採「預約制」利用電話掛號，部立金門醫院也可使用網路預約。
連江縣：包括75歲以上長者，各類人員於15日起辦理施打。
</t>
  </si>
  <si>
    <t>今年公費流感疫苗10月5日就要開打，由衛福部疾管署開發的「疾管家」，對其輸入「流感疫苗」詢問相關問題，竟然還跳出2019年11月的訊息，民眾質疑，難道領防疫獎就不用顧流感了嗎？疾管署螺絲簡直掉滿地。疾管署原強調，表訂就是今天才會更新上傳資料，不過昨天傍晚已緊急更新部分訊息。
疾管署是本次新冠肺炎防疫最大主力與功臣，防疫成功事蹟還被拍成紀錄片，讓國際看見台灣成績，團隊成員「防疫五月天」，台大副校長張上淳日前更從總統蔡英文手中接下防疫獎章，上下洋溢慶功氛圍。
疾管署自2017年開始與DeepQ團隊展開為期3年的公益性質合作，建置[email protected]疾管家，民眾可以透過LINE搜尋官方帳號「疾管家」或「＠taiwancdc」便可加入，疫情爆發至今，訂閱人數已從10萬人急增至118萬人；除了新冠肺炎相關資訊外，疾管家也提供公費流感疫苗接種等相關資訊。
流感季即將來臨，眼前公費流感疫苗的接種一向都是重中之重，但記者實測，在疾管家輸入「流感疫苗」，竟然跑出2019年的資訊，也就是去年首度全面開打四價疫苗，且分為2種Ａ型2種B型的訊息，不少人臉上三個問號：「疾管署是只顧著領獎嗎？」、「看來流感一點都不具威脅啊？」
疾管署副署長莊人祥急回覆表示，今天早上就會更新，對於10月5日施打，9月30日才更新資料是否動作太慢，不利宣導？他說：「也還好吧，資料本就是陸續更新中，最後一次更新就是今天。」不過，昨天傍晚六時許，疾管署瘋狂加班，緊急在4小時內，部分更新流感疫苗最新資料。</t>
  </si>
  <si>
    <t>Delta肆虐全球，各國狂打疫苗提升覆蓋率，對此，胸腔暨重症醫師黃軒表示，面對Delta病毒，第二劑疫苗的覆蓋率至少要達80％，但目前還沒有任何國家達成，且許多國家的領導人還會將第一劑與第二劑的數據相加，算出一個較好看的數字騙自己，但病毒是不吃這套的。
黃軒今在臉書發文表示，全球受到Delta變異株侵犯，只有兩劑疫苗接種率達80％以上的人才可能有群體免疫的保護例，但很可惜的是，在地球表面上，還沒有任何一個國家是真的打完2劑疫苗者，超過80％的。
黃軒指出，截至9月8日，接種2劑疫苗前3名的國家為葡萄牙（78.75%）、新加坡（76.51%）與阿拉伯大公國 （77.11%），難怪Delta仍是全球霸主，最怪的是幾乎各國領導人和政客都會說，我國的疫苗接種率已快要或達到70%或80%，但實際上卻是將第一劑與第二劑的數據相加，計算出最高的數字騙自己，但殊不知Delta根本不吃這套。
黃軒引述最新一期《新英格蘭醫學期刊（NEJM）》的研究指出，打完2劑BNT對Alpha和Delta病毒株的有效性為93.7%和88%；打了2劑AZ疫苗對Alpha和Delta病毒株的有效性則是74.5%和67%；但若只打1劑，對Alpha和Delta的有效性則只有48.7%和30.7%。結論就是，不管打哪種都好，一定要打滿兩劑效果才會好。
黃軒也說，在新冠肺炎的疫情流行下，群體免疫是要達80至87.5%，才能有效控制住Delta病毒，但有很多國家都認為自己的疫苗覆蓋率達60%或70%就安全了。但不同的變種病毒需要不一樣的覆蓋率，60%是對去年的原始病毒株有效、75%是對去年底的Alpha病毒有效。
黃軒坦言， Delta病毒的R值是6至8，且面對變種病毒，須完整接種完2劑疫苗，並且滿14天後，且必須達到80％以上的覆蓋率，才能有效控制住疫情，但許多國家只是達到60至70％就開始大大宣傳自己的政績，甚至還開始脫口罩、開放民眾群聚，而這樣其實很危險。
黃軒表示，美國作家德納克（Derek Thompson） 去年7月在大西洋雜誌報導的文章中，使用到「防疫劇場」一詞，是指當局採取一系列防疫措施，旨在給人民帶來一種提高安全防疫的錯覺，但實際上這些防疫措施你去做了，在科學上幾乎沒有減少染疫風險，甚至會使疫情更糟。
黃軒提到，荷蘭在今年7月舉辦大型音樂活動，當時約2萬人參加，參加活動者必須持有疫苗接種完成的證明，沒打疫苗的人可以持72小時內的陰性政名入場，但活動結束後，當地立刻爆增1000名以上的確診病例。
黃軒坦言，全球很多國家正在上演一埸又一場的「防疫劇場」，以科學角度來看，人類對自己撤謊是一場很危險的遊戲，不是嗎？
【本文獲醫師黃軒授權提供】</t>
  </si>
  <si>
    <t>63歲奧斯卡影帝湯姆漢克（Tom Hanks）與妻子麗塔威爾遜（Rita Wilson）上月12日在澳洲感染新冠肺炎，是好萊塢首例確診的名人。他們經治療後評估已痊癒，上月底飛回加州洛杉磯居家隔離。麗塔14日接受電視節目《今日晨間》視訊訪問透露，夫妻倆至今仍不清楚感染源頭，但被告知2人應是同時被某人傳染。
麗塔先是和觀眾報平安，表示她與湯姆漢克目前身體狀況正常，並憶述當時疾病發作的經過，「當時感覺非常疲倦之餘，身體也極度疼痛不適與不想被觸碰」，症狀持續到第9天時，她曾高燒至38.8度並失去味覺與嗅覺；反觀湯姆漢克卻沒有發燒，也沒有失去味覺及嗅覺。
她也分享當時使用抗瘧疾的氯奎寧（chloroquine）治療，自爆服藥後出現嚴重副作用，感到作嘔、暈眩和肌肉無力，也提醒大眾一定要小心用藥，因為不知道是否安全無虞。麗達更透露與湯姆漢克已捐血給醫院研究，看看是否能將血液中的抗體協助製成疫苗，希望藉此能幫助其他病患。</t>
  </si>
  <si>
    <t>新冠疫情急升，美國四處搜括醫療物資。德國柏林警方傳訂購20萬個大陸製3M口罩，但運至泰國曼谷時竟轉運往美國。德官員批美方的舉動儼如現代海盜，批評華府不應如此對待盟友。
據《東網》報導，柏林州內政部長蓋澤爾（Andreas Geisel）表示，即使在全球危機中也不能採用「西部狂野」方式攔截醫療物資，呼籲美方遵循國際貿易準則。柏林市長米勒則指美國總統川普不團結，行為不負責任。不過，3M否認德國的說法，指沒有收到過柏林警方訂購中國製口罩的訂單，亦無證據顯示有口罩被沒收。白宮暫未回應事件。
此前，法國官員曾宣稱，一批即將由中國付運給法方的口罩，被美國買家當場試圖以高3至4倍的價錢買走。但華府官員否認指控，強調沒有購入「中途截劫」物資。</t>
  </si>
  <si>
    <t xml:space="preserve">台灣新冠肺炎疫情嚴峻，全台三級警戒持續，並希望民眾減少不必要的外出，且端午連假將至，指揮中心跟各地政府都繃緊神經，全力呼籲眾人不要返鄉，以免因移動而讓疫情擴散，藝人Junior(韓宜邦)今凌晨po文，表示有些話考慮了很久，決定還是要說出來，透露身邊仍有不少朋友會外出運動，雖然他能理解這個想法，但其實很憂心，也揭開一項關鍵作為，表示如果能做到：「疫情降溫的速度絕對會快很多的」。
Junior在臉書透露，自疫情爆發以來，他還是有不少愛運動的朋友，會戴著口罩去人少、相對安全的地方跑步，他覺得能理解但還是很不安，「仔細想想，為什麼希望我們沒事別出門？其實是種自我隔離」，覺得應該思考的方向，不是不出門、不接觸人就不會被感染，而是「把自己當個染疫者」。
他認為自我隔離，是為了保護他人，把身上可能的病毒守在家裡，「你也許會說，我都趁沒人的時候或找沒人的地方去跑步啊～換個方向思考，如果一個染疫的人這樣跟你說，你接受嗎？」，Junior自認是高風險群之一，所以疫情一爆發，就通知經紀人非必要不用來帶他去通告，他涉足的危險是無可避免的，但至少希望能保護家人、朋友，直言想著1、2個人不算群聚的當下，「你應該思考的是如果自己是染疫者，你著實的害了你的朋友」。
Junior表示，自己不是要譴責那些愛運動的朋友，「我瞭解不能做自己喜歡的事情的痛苦，」也表示口罩戴好，當然還是能做那些想做的事情，但他想說的是，「不要把自己當作未染疫者，反過來把自己當成染疫者吧，疫情降溫的速度絕對會快很多的」。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 xml:space="preserve">食藥署今完成4批高端疫苗的檢驗封緘，其中有一批代號SP2101的疫苗共5175劑，效期僅到9月11日，遭疾管署剔除驗收清單。疾管署副署長莊人祥解釋，由於SP2101疫苗為高端送檢的確效品，因此並不會驗收納入公費疫苗接種平台，一般民眾打不到。
食藥署表示，高端日前送檢的4批疫苗批號分別為SP2118、SP2119、SP2120、SP2101，其中SP2118產量8萬6161劑，效期至明年1月5日；SP2119產量8萬5813劑，效期至明年1月8月，SP2120則有8萬6437劑，效期至明年1月12日。
不過批號SP2101的產能僅5175劑，且效期只到今年9月11日止，食藥署受訪時表示，並不清楚疾管署是否會驗收這批疫苗，莊人祥則進一步指出，疾管署並不會驗收這批疫苗，因為這5175劑高端是廠商送交的確效品，僅供食藥署做內部測試。
截至目前，高端共送交22批疫苗，目前食藥署已核准13批87萬7790劑，目前仍有8批疫苗補件中、1批待檢驗。
此外，上周一通過食藥署檢驗封緘的SP2103，共計5151劑、效期到今年9月23日為止的高端疫苗疾管署也未驗收，因此目前疾管署實際驗收的高端疫苗僅有11批共86萬7464劑。
</t>
  </si>
  <si>
    <t xml:space="preserve">新冠肺炎疫情在美惡化，截至12日已有1215確診病例、36死，其中紐約市白思豪表示，現今該市確診人數為95人，但估計下周恐破千，因此宣布紐約市進入緊急狀態，並稱這場疫情「恐長達六個月」。
據美媒《CNBC》報導，紐約市確診病例原本95人，但24小時之內突增42起確診。對此，市長白思豪（Bill de Blasio）在記者會上表示，目前該市有1780人正在自主隔離、29人須強制隔離，並預計下周確診人數恐上升至千人，因此宣布紐約市進入緊急狀態。
白思豪表示，為了防止疫情擴大，大型的聚會所如布魯克林籃網隊主場館巴克萊中心（Barclays Center）、麥迪遜廣場花園（Madison Square Garden）可能關閉數月。他表示，宣布緊急狀態賦予市長新權力範圍廣泛，包括實施宵禁、關閉大眾交通系統、關閉公共場合、糧食配給、商品價格限制以及停止酒類品銷售。
白思豪坦言，過去一天的發展「令人震驚」，疫情「很可能演變成6個月的危機」，宣布緊急狀態並非輕率決定，情勢已達不得已的地步。他也表示，想大多數的人都沒有經歷過像現在如此的公共生活，並向紐約市民透露，「每日將會有重大改變」措施。
不過提到是否會此取類似大陸武漢市的「全市隔離」，白思豪表示這只會讓人生活品質降級，且不切實際。白思豪也強調，雖然許多公共場所將關閉，但他會竭盡全力確保學校正常上課，「孩子們需要食物，家長們也需要讓他們有地方去」。
此外，就在白思豪宣布緊急狀態前，紐約州州長古莫（Andrew Cuomo）也宣布紐約州即日起禁止500人以上的大型集會，包括百老匯劇院；學校、醫院、公共運輸則排除在外。
</t>
  </si>
  <si>
    <t xml:space="preserve">美國總統川普昨（18）日暗示新冠肺炎疫情大爆發可能是大陸蓄意而為，他說美國政府尚在調查疫情失控是大陸的「疏失」或是「故意為之」，如果北京「負有知情責任」，那麼大陸得「面臨後果」。
綜合路透社、《華盛頓時報》（Washington Times）報導，美國總統川普18日在白宮記者會上提出新冠病毒是由大陸實驗室外洩的可能性，他說，「如果疫情失控是過失，那就是過失，但是如果他們負有知情責任，那麼肯定會面臨後果。」
川普在記者會上提及福斯新聞（Fox News）上周有關武漢病毒實驗室的一則報導，該則報導指出實驗室很可能製造了病毒，以證明大陸有能力辨識、對抗病毒。川普說美國政府正在調查新冠病毒是否就是源自於大陸的實驗室。
他說現在的癥結點在於，新冠病毒失控是「疏失」，「還是蓄意為之？」「這兩者差異很大。」川普還認為大陸對疫情感到很丟臉，「我認為他們知道情況很糟，我認為他們感到丟臉。」
川普批評，「在疫情開始前，大陸本應該可以阻止卻沒有阻止，導致全世界都在受苦。」
他坦言和北京的關係已成過去式，指出美陸過去保持良好關係，「一直到他們做了這件事（指新冠肺炎疫情爆發）」，「突然間你聽到了這件事。」
不過川普並未提到，如果病毒確實是大陸蓄意為之，北京將面臨何種後果，他也沒有說明美國將採取哪些行動，只說不排除任何行動，一切將以調查事實為基礎。
川普在記者會上再度質疑大陸的死亡人數，根據約翰霍普金斯大學（Johns Hopkins University）的全球疫情統計，美國至今仍是全球疫情最嚴重地區，確診人數超過72萬人，逾3.7萬人喪命，不過川普強調，美國不是死亡人數第一高的國家，大陸才是，而且遙遙領先，和美國有很大的差距。
</t>
  </si>
  <si>
    <t>新冠肺炎疫情引爆家遠距工作及遠距教學強勁需求，進一步帶動伺服器、筆電及平板、WiFi網通設備等銷售大幅增加，也推升4月DRAM合約價出現續漲行情，其中，標準型DRAM合約價大漲逾10％，伺服器DRAM合約價大漲15～20％，利基型DRAM合約價也出現3～5％漲幅。法人看好南亞科、威剛、十銓等概念股4月營收及獲利表現。
新冠肺炎疫情不僅沒有對DRAM市場造成影響，在家遠距工作或遠距教學推升伺服器、筆電及平板、WiFi設備等產品銷售，而且每單一系統的DRAM搭載容量明顯增加，例如筆電平均搭載容量由8GB提升至16GB，每台伺服器平均搭載容量提升至128GB起跳，反而帶動DRAM市場需求提升且供不應求，帶動4月合約價出現明顯漲幅。
根據集邦科技統計，標準型8GB DDR4模組的4月合約均價大漲11％達28.3美元，換算每顆8Gb DDR4顆粒平均價格達3.29美元，為去年7月以來的十個月新高。
利基型DRAM的4月合約價平均漲幅達3～5％，其中8Gb DDR4 x16顆粒均價達3.80美元，亦創十個月來新高。至於伺服器DRAM的第二季合約價大漲，三大廠的64GB DDR4 RDIMM模組合約價已站上320美元，漲幅高達15～20％。
模組業者表示，標準型DRAM第一季合約價漲幅約達4～5％，但4月合約價漲幅已明顯大於第一季整季漲幅。對DRAM廠及模組廠而言，雖然新冠肺炎疫情尚未獲得明顯控制，但4月合約價格上漲仍有助於營收及獲利回溫，第二季營運表現不看淡。
模組業者指出，新冠肺炎疫情帶動遠端服務需求應可延續到第二季底，5月之後的伺服器及筆電的銷售動能續強，但上游DRAM廠第二季沒有新增產能開出，反而因為製程向1y/1z奈米微縮，導致實際月產能出現自然縮減。
現階段預期DRAM市場仍供給吃緊，5月標準型、伺服器、利基型DRAM合約價仍有續漲空間，行動式DRAM則因智慧型手機銷售減弱而出現易跌難漲局面。
南亞科總經理李培瑛日前於法說會中表示，歐美新冠肺疫情嚴峻，未來恐影響全球經濟，將持續密切觀察全球疫情後續發展，並採取必要措施以確保整體營運穩定。對於第二季，智慧型手機DRAM需求減少，但伺服器、筆電及平板等DRAM需求增加，整體來看，疫情仍導致許多不確定性，南亞科位元出貨與上季持平，但價格可望好轉且漲勢可望延續到第三季。</t>
  </si>
  <si>
    <t>根據約翰·霍普金斯大學（Johns Hopkins University）統計，全球已有超過300萬人感染新冠狀病毒，超過21萬800人因此病故。
新冠肺炎去年底在中國武漢爆發，之後在短短幾個月內迅速蔓延全世界。
約翰·霍普金斯大學的數據指出，美國的新冠肺炎確診病例已經超過98萬7,000人，確診死亡人數超過5萬6,000人。
歐洲方面，西班牙確診病例超過22萬9,400人，義大利確診超過19萬9,400人。法國、德國與英國的確診病例都超過15萬8,000人。</t>
  </si>
  <si>
    <t xml:space="preserve">
新冠肺炎肆虐，歐洲各國紛紛祭出封城令、居家令，除非必要，民眾不得外出。不過禁閉關久了，悶壞的人們想盡各種方法出門。就有網友貼出照片，西班牙街頭驚見「人裝狗」，一名男子全身穿著毛茸茸的衣服，裝成一隻狗，4肢著地「溜自己」。
為防控新冠肺炎疫情，西班牙首相佩德羅桑切斯3月13日宣布西班牙進入國家緊急狀態15天。26日西班牙國會投票通過，將全國緊急狀態再延長15天，直到下月12日。進入國家緊急狀態，意味著西班牙政府有權採取更多措施，如臨時徵用公共和私人資源、對不服從相關規定的行為進行處罰等。
所有西班牙人必須待在家中，除非是購買食物或藥品、前往醫院或工作，或者是處理緊急事務，此外，可以外出遛狗、遛寵物。沒想到民眾抓住這點，各種遛狗奇招都出籠。
推特就瘋傳一張照片，一名男子穿著毛茸茸的衣物，4肢著地，裝成一隻狗逛大街。照片拍攝地點據悉在西班牙中部的托雷多（Toledo）。除了「人裝狗」，甚至還有人拍到，一隻霸王龍逛大街。
</t>
  </si>
  <si>
    <t>本土疫情嚴峻，連續兩日確診人數都達3位數，防疫保單的詢問熱度大增，目前銷售中的保單隔離最高理賠5萬元，確診最高理賠6萬元，住院理賠最高為每日5000元，為減少實體接觸，保險公司呼籲想投保的民眾可透過官網或專線查詢。
根據金管會統計，截至5月12日為止，產險防疫保單熱銷前3名為台灣產險、富邦產險與國泰產險，不過，台產保單已暫停銷售，富邦產險保單年保費為1509元以及2515元，隔離以及確診補償保險金都是3萬元及5萬元，萬一確診住院每天可賠3000元及5000元，最高可領45天。
國泰產險的保費則從888元至2100元，隔離的理賠金額為1-2萬元，確診理賠金額為3-6萬元，萬一確診住負壓隔離病房每日給付為1200-1500元。
旺旺友聯的防疫險保費相對親民，為841元及1167元，隔離保險給付最高2萬元，確診補償保險金最高為6萬元，兆豐產險的隔離、確診補償保險金最高則分別為2萬元、5萬元。
除了產險公司的保單外，壽險公司也有防疫保單，主要保障在住院每日給付部分，國泰人壽的住院日額保險金為1000元起，南山人壽為1倍日額，想投保的民眾可查詢了解相關投保條件，選擇適合自己的保單。
另外，疫苗保單的詢問度也很高，目前有安達產險與富邦產險兩家業者推出，保費均不到400元，萬一接種疫苗後身體不適住院每日有3000元至5000元的保障。</t>
  </si>
  <si>
    <t>中央4日發出110萬封細胞簡訊，造成社區篩檢站擠爆人潮，新北昨天篩檢量翻倍，新北共篩檢了2430人，其中1262人是收到簡訊約莫50％，今到中午共有2552位民眾前來篩檢，其中1098位收到簡訊，約占43％，新北市副市長劉和然今主持疫情說明會表示，新北社區目前有32處篩檢站，呼籲民眾有徵狀隨時可到篩檢站採檢，找出隱性傳播鏈。
劉說，社區篩檢站費用由公費來出，至於經費如何分配會再跟中央討論，相信中央經過這次發送細胞簡訊後，之後模式會有所調整。
★《中時新聞網》提醒您：因應新冠肺炎疫情，疾管署持續加強疫情監測與邊境管制措施， 如有疑似症狀，請撥打：1922專線，或 0800-001922， 並依指示配戴口罩儘速就醫，同時主動告知醫師旅遊史及接觸史，以利及時診斷及通報。</t>
  </si>
  <si>
    <t>新北市政府衛生局日前通報刑事警察大隊協尋1名逃逸外籍移工為失聯確診對象，刑事警察隊立即組成專案小組積極追查行蹤，所幸不到二天即循線至桃園市龜山區1處社區掌握藏匿住所，經協請桃園市政府衛生局、龜山分局等單位支援協助，順利尋獲失聯確診逃逸外籍移工，並隨即由桃園市衛生局人員派遣專車載送檢疫所隔離治療。
警方調查，印尼籍瑪00（女性，40歲）去年來台擔任看護工作，今年1月下旬突然離去不見蹤影，大約三天前依約前往新北市某醫院準備從事臨時看護工作，途經醫院體溫檢測站發現體溫異常，醫護人員立即做快篩顯示陽性反應而遭禁止入院，二天後確診即失聯。刑事警察大隊展開全力追查，案經調閱沿途監錄系統，並運用科技追查，於昨(6)日晚間順利循線在桃園將她尋獲到案，後續交由桃園市政府衛生局安排隔離事宜。
新北警局統計，自5月中旬疫情升溫以來，截至昨日新北共有756名確診者因第一時間無法聯繫而被列為失聯對象，經本局刑事警察大隊動員外勤警力投入協尋工作，以偵辦刑案手法分析個案人際關係，多方查訪確認行蹤，這756名失聯個案均已全數尋獲。警方也呼籲民眾，在篩檢時務必提供正確聯絡方式，以利衛生局後續能在最快時間給予協助。</t>
  </si>
  <si>
    <t xml:space="preserve">疫情趨緩，台灣本土確診出現多日＋0，似乎看見回到原本生活的一線曙光，然而， Delta 變種病毒的威脅依然存在。政府遂宣布延長二級警戒至10月18日，不過在遵守防疫規範的情況下，可以適度在特定場域「口罩微解封」。
《Social Lab社群實驗室》透過《OpView社群口碑資料庫》追蹤全台網友對「口罩規定鬆綁」相關話題近1個月的網路聲量，帶您了解網友們對此議題的看法。
●10月5日口罩規定鬆綁 台北市長柯文哲提前引爆網友討論
從9月初便開始陸續有針對「口罩規定鬆綁可能性」的零星討論，而聲量的最高點出現在規定宣布的前1天的10月2日，台北市長柯文哲對於本次調整表示「民眾知道原則就好」，網友也因此紛紛討論到：「通勤族的疫苗覆蓋率要高，才有辦法真正的摘下口罩」或是「我還在排隊等疫苗，等打完第2劑才會去想要不要脫口罩」，大多認為「疫苗」才是口罩能解禁到什麼程度的關鍵。
而到了隔（3）日，指揮中心宣布將於兩天後開始口罩禁令適度鬆綁，開放山林或海濱活動可以視情況脫下口罩。不少網友表示「疫情雖然趨於穩定，但現在還不是拿下口罩的時候，風險還是存在，在外面隨時帶著還是比較安心」，一些民眾則持相反意見，認為這次的放寬還是有些保守，應該可以再多開放一些場域，像是有運動習慣的網友們說「在河濱公園跑步，能脫口罩會比較方便一點，尤其晚上的時候人也不多，能保持好距離的話，我覺得不一定要一直戴著口罩」。
●口罩解禁太著急？網友對於規定放寬想法兩極
雖然日常生活、通勤和大部分的休閒活動，依然還是規定口罩「戴好戴滿」，但在山林 （含森林遊樂區）、海濱這些「上山下海」的活動，只要可以確實保持社交距離，目前已經允許將口罩適時拿下來，大口呼吸芬多精或是海風！
不過，在病毒還沒有遠離之際，就開始鬆綁口罩這個「病毒守門員」的相關規定，是不是有一點太過著急？網友們對此留下不同的想法：支持口罩規定鬆綁的網友們，普遍也認同口罩的重要性，但認為並非長期硬性限制，而是要隨著疫情趨緩而逐步放寬，網友提到：「打完兩劑疫苗，還是需要戴著口罩比較保險，但偶爾可以拿下來喘口氣不想被放大檢視」、「戶外空曠處、空氣流通且人少的地方，強制戴口罩其實不太合理」，認為打完兩劑疫苗已經有一定的保護力，加上連續數天沒有本土案例增加，應該還給民眾戴口罩「選擇的權利」。
而不支持口罩令鬆綁的網友們，則是認為現階段疫苗覆蓋率尚未達標，許多人都還在排隊等疫苗，況且疫苗阻絕病毒的效力並非百分之百，在這樣的情況下鬆綁口罩禁令，紛紛擔心表示：「國外至少完整兩劑覆蓋率6成以上，才開放不用戴口罩。現在疫苗覆蓋率沒達標就鬆綁，有點太過躁進」；另一方面秋冬將至，根據過往的經驗擔心病毒更加活躍，在這個時候卸下防護的話有點小看病毒的威力，致使疫情捲土重來，有網友因此建議「流感季節來了，接下來3個月還是把口罩戴好，防新冠順便防流感、感冒，讓我們繼續把化妝品的錢省下來！」。
隨著疫情逐漸趨緩，大家的生活逐漸步回原來的軌道，鬆綁與限制之間該如何調解，讓人能在口罩外大口呼吸自由空氣之時，也不會讓病毒有可趁之機？越接近抗疫成功的終點，越是不能輕忽。期盼疫情前的日子真的離大家不遠了！
</t>
  </si>
  <si>
    <t xml:space="preserve">2020年港都盃全國田徑錦標賽，今日上午在高雄國家體育場點燃戰火，此次共吸引超過4000名國內好手參賽，一同在國際級的指標場館「高雄國家體育場」角逐桂冠，而國內近日因新冠肺炎疫情尚未取得穩定控制，主辦單位為確保參賽選手健康無虞，積極規劃健全的防疫措施，採訪封閉式比賽。高雄市政府運動發展局長許文宗表示：「全力讓每位選手在『健康』的狀態下，能締造佳績、滿載而歸！」
港都盃全國田徑錦標賽至今邁入第47年，過去往往被譽為全國中等學校運動會及全國大專院校運動會前夕最重要的「前哨戰」，而今年適逢2020東京奧運的舉辦年，賽事更被許多國內頂尖好手視為「兵家必爭之地」，期望能在此站奪得叩關奧運的門票，例如「台灣最速男」楊俊瀚、「奧運級『欄』神」陳傑等好手，都將披掛上陣，因而讓本屆賽事張力再升級！
近年來，港都盃全國田徑錦標賽已朝向國際化發展，中、日、韓、澳門、英國等國家均有選手參賽，儼然成為聞名國際的田徑賽事；而今年考量新冠肺炎疫情尚未全然平息，主辦單位為做全面性防疫控管，除了婉拒國外選手參賽，更積極規劃具體防疫措施，例如：一、賽事場館出入口將安排工作人員測量入場人員體溫，設置酒精以供消毒，如檢測出發燒者，將謝絕進場。二、選手檢錄區亦將設置體溫檢測站，如有發燒者將安排強制送醫。三、相關裁判人員及工作人員皆配戴口罩。四、現場設有醫護人員及相關通報機制，如有身體不適者隨即協助送醫。五、競賽場內廁所，每日將定時安排人員消毒與清潔。六、積極宣導選手與教練作好自主性健康管理，如有身體不適者均建議退賽返家或協助就醫。
許文宗指出，港都盃全國田徑錦標賽是許多選手升學、遴選國手、重大賽事參賽依據等重要指標，故此次與高雄市體育會攜手合作，設置全面性的防疫機制，讓每一位選手都能安心、專心及全心的投入賽事。
高雄市體育會田徑委員會沈煥瑤總幹事表示：「非常感謝高雄市政府提供的行政協助，讓每位選手都能無後顧之憂地專心出賽，也謝謝高雄市政府長期的支持，讓高雄市田徑運動的發展能扶搖直上，未來將與市府持續研擬培訓及推廣策略，讓高雄市田徑人才源源不絕！」
</t>
  </si>
  <si>
    <t xml:space="preserve">蘋果昨晚間發布新款13吋MacBook Pro筆記型電腦，以剪刀腳鍵盤(Magic Keyboard) 取代蝶式鍵盤，以改善鍵盤損耗問題，並將儲存容量擴大一倍。今年Apple在新冠肺炎爆發後加速新款MacBook機型開發，鍵盤供應商精元(2387)、導光板模組供應商茂林-KY(4935)、鍵盤薄膜觸控開關（MTS）供應商科嘉-KY(5215)營收可望吃補。
iPad Pro推出全新巧控鍵盤，同樣採用剪刀腳設計，讓相關供應鏈吃下大補丸。巧控鍵盤採用懸臂設計，以磁力吸附iPad Pro，能順暢調整至最適合觀看的視角，還有專為iPad OS中的多點觸控手勢及游標的設計。
巧控鍵盤供應鏈自3月開始量產出貨，鍵盤供應商精元、鍵盤薄膜觸控開關（MTS）供應商科嘉-KY、以及導光板模組供應商茂林-KY都是獨家供應商。
新款MacBook Pro一改舊有蝶式鍵盤設計，採用與去年改版的16吋MacBook Pro和新款MacBook Air相同的剪刀式鍵盤，較蝶式鍵盤多增加0.5公釐鍵程，且鍵帽厚度約0.2公釐，能為使用者提供更加舒適的按壓手感，按鍵回彈力也更加靈敏。
精元3月受惠於美系客戶新機種出貨，且中國廠房全面復工，3月營收達14.31億元，年增37.22％，為2015年11月以來單月新高，累計第一季合併營收達27.28億元，相比去年同期成長12.17％。
</t>
  </si>
  <si>
    <t>澎湃新聞報導，香港大學微生物學於11月30日宣佈成功從臨床標本中分離出新冠變異病毒Omicron毒株。這是亞洲首個研究團隊成功分離和培養Omicron毒株，分離出來的毒株將可用於開發和生產滅活（不活化）全病毒疫苗。
據瞭解，該毒株的分離和培養都是在香港大學生物安全三級實驗室嚴格按照操作規範下進行，研究團隊正在對該病毒株進行進一步的分離與培養，以得到更大量的毒株用於後續實驗。培養出來的病毒將用於動物模型，以評估其傳播性、免疫逃逸性和致病性。團隊也在積極探討合作開發和生產滅活（不活化）全病毒疫苗的各種可能。
這項研究的負責人香港大學醫學院微生物系講座教授袁國勇說，「我們立刻認識到Omicron變異株有很強的潛在威脅性，分離該毒株是展開緊急研究的第一步。」</t>
  </si>
  <si>
    <t>中研院女研究人員感染新冠肺炎，台北市長柯文哲認為不太可能從動物傳到人身上，外界認為做實驗發生病毒外洩要有人負責。柯文哲10日表示，出問題擺出究責態度，大家就忙著湮滅證據，不必忙著究責應先補破洞。
柯文哲今早主持防疫記者會指出，當然這是個破口，但有問題時不必忙著究責，先補破洞，重來一遍，P3實驗室處理新冠肺炎病毒的工作人員有症狀，怎麼會讓她趴趴走，11月26日第一時間就應該攔下來，現在不用煩惱過去14天足跡造成多少炸彈。
柯文哲表示，這就是人員訓練、管理，但他的經驗，出問題擺出究責態度，大家就忙著湮滅證據，還要去了解破口有多大，環境要採檢，人員進出管制還是要查，進入一個較文明國家，不究責是一種文化，錯了就錯了，快把問題補掉就好。</t>
  </si>
  <si>
    <t xml:space="preserve">
日前北部一名高中生出遊希臘返台後出現身體不適症狀，已於3月15日確診感染新冠肺炎。當大家議論紛紛探詢到底是哪一所學校，記者隨機採訪住在雙北兩市近10名的民眾，大家竟都知學校的名稱且答案都相同，也都祝福這名學生早日康復，痊癒出院。
一名家中有孩子就讀公立高中的家長說，她是從孩子端知道是XX高中的孩子，可能是因為都是同年齡層的孩子，大家口耳相傳聽到說「那一所學校有一個班級停課」的消息。另外一名家長則是說，是聽公司科長家的高中生說的，可能是因為有地緣相近關係，輾轉從認識的同學中聽到消息的。
還有一名是剛當上新手爸爸的上班族跟記者說，他是上網看資訊在論壇聽網友討論時，提到這一所學校的名字與某個很知名的食物類似，然後進一步上網查再對照學校的名稱，竟發現有相同之處，才想說應該就是這一所學校吧。
而住在該所學校附近的住戶說，目前是並未被當地里長告知，但有鄰居看到附近的捷運站做消毒，不知道是否有關連性，但已經拜託家中有慢性疾病的父母這段期間，儘量勿靠近學校及步行路線可以改往他路，避開學校四周學生可能行走的路線與搭乘的捷運站。
而這些居民都說，希望包括這名高中生等的確診患者，可以在優秀醫護人員的照料下挺過這次疫情的侵襲，早日康復出院和家人團聚。大家也說，因為政府說不能亂傳消息，大家也不敢隨意公開說學校的名稱，況且也不知道是不是正確消息，只能互相打氣，彼此要好好照顧自己身體健康，共同挺過新冠肺炎疫情的煎熬。
</t>
  </si>
  <si>
    <t>新冠肺炎疫情升溫，造成人心惶惶，由指南宮為禳除疫情主辦3天的祈福大法會，持誦經懺《呂祖無極寶懺》、《孚佑帝君醒心真經》、《孚佑帝君大洞真經》等祈福消災，撫慰人心，並期盼大眾同步同時虔敬祈福。22日上午9點在指南宮凌霄寶殿祝天祈福，下午3點則在純陽寶殿甘露施食。
高雄鳥松林內大安宮21日上午特別來祈福，由劉副主任委員率同委員等人到指南宮，虔誠向孚佑帝君呂仙祖參拜祈福，期盼「疫情」能逐漸趨緩，民眾都能平安健康。中華道教純陽祖師協會理事長蔡秋棠、指南宮主任委員高超文陪同，彼此交換經驗，而大安宮與指南宮有60年的道誼。
指南宮表示，21日早上誦《孚佑帝君醒心真經》，其中所記述的，多是人在一般生活中的倫理道德規範，因為自己的私慾，而不能遵守，必將招致禍害。《醒心經》告訴我們這其中的道理，滌慮並洗心，使內心清楚明白，教導改過遷善，自然能消除一切災難。
指南宮說，《呂祖無極寶懺》為道藏裡面重要經典，而《孚佑帝君大洞真經》中記述：「佑帝。辟邪除瘟。神欽鬼服。吉星臨門。妖魔鬼怪。滅沒無存」便有辟邪除瘟之意，能祈福消災，撫慰人心。
指南宮強調，「孚佑帝君呂仙祖」是三教的梯航，除瘟消災的仙聖，分別在各宮觀安排誦經，達到整體與個別的除瘟祈福效果。部分宮觀表示，對於這次新冠肺炎疫情十分關懷，基於協會共識，團結共同力量，在這3天中將延續辦理「為新冠疫情禳瘟祈福大法會」，請示呂祖祈福消災，撫慰人心。</t>
  </si>
  <si>
    <t>金管會18日舉辦「獎勵本國銀行加速辦理紓困振興貸款方案」第二期評比優等銀行表揚典禮，主委黃天牧指出，全體銀行共較上期增加1.78兆元的紓困貸款，且自辦部分超越公辦部分，顯示各銀行有很好的風險控管能力，亦充分體認疫情下共同協助客戶的重要性。
應邀出席的行政院長蘇貞昌表示，台灣不只防疫做到世界第一，執行紓困措施的效率及經濟振興成績也不遑多讓，感謝各銀行協助辦理紓困，不僅讓12萬家廠商免於倒閉，更讓112萬名從業人員免於失業。後續針對三倍券兌領事宜，仍請各銀行協助及努力。
新冠肺炎疫情去年蔓延全球、嚴重衝擊全球各國經濟。為因應疫情對台灣經濟發展及民眾生計影響，行政院公布新冠肺炎防治及紓困振興特別條例、並編列預算協助辦理紓困，紓困規模達1.05兆元，各部會亦訂定相關紓困振興貸款辦法以協助企業及民眾。
為鼓勵國銀積極辦理各部會及自辦紓困振興貸款，金管會去年4月9日訂定「獎勵本國銀行加速辦理紓困振興貸款方案」，分別就金額、件數、效率3面向共17個項目分組進行評比，另對協助振興三倍券發放等配合政府紓困後振興經濟作為，亦列入評比加分項目。
金管會根據各國銀截至去年6月底辦理紓困振興貸款成效，於7月29日首期評比優等銀行表揚典禮，共有14家銀行獲表揚。考量國外疫情持續，為審慎因應對國內經濟金融情勢影響，金管會於9月底修正為對13個項目評比，並將第二期實施期間延長至去年底。
據金管會統計，截至去年底國銀配合各部會紓困及自辦、企業及個人的受理件數共達143萬4034件，申請額度計3兆1574億元，已核准127萬3079件、核准額度計3兆567億元，核准比例分別達89％、97％，成效顯著。
根據截至去年底各銀行辦理紓困振興貸款成效，共有合庫銀、輸銀、華銀、台銀、北富銀、臺企銀、中信銀、一銀、國泰世華銀、土銀等10家銀行，在第二期評比中獲得前三名佳績。其中，以合庫銀奪得7項冠軍最強，華銀及北富銀各拿下2項冠軍居次。
若以在13項評比項目中獲得前三名的總計數觀察，亦以合庫銀共拿下9項稱霸，其次依序為臺企銀8項、華銀6項、一銀5項、台銀3項，中信銀及北富銀各2項，輸銀、國泰世華銀及土銀各1項。
金管會表示，與上一期相較，全體銀行共增加1兆7843億元的紓困貸款，尤其自辦超逾公辦，顯示各銀行充分體認在疫情下共同協助客戶的重要性。盼透過相關政府機關、銀行公會及銀行業者共同努力推動及辦理紓困振興貸款措施，協助國人及本土產業度過疫情衝擊。</t>
  </si>
  <si>
    <t xml:space="preserve">八大行業全歇業，但敵不過生理需求和經濟需求，各式各樣的「人與人連結」依舊持續發生。一名飯店員工上網爆料，表示天天都接到小姐打電話來詢問「可不可以休息」，氣得他忍不住怒轟：一天不打炮會死是不是？
這名網友在臉書社團《爆怨2公社》發文，表示自己是飯店業員工，每天都想著如何保護自己、保護朋友、保護同事、保護客人⋯。還是每天會接到很多小姐打來問「可不可以休息」，原PO無奈拜託，在疫情嚴峻的現在，少一點人跟人之間的連結可以嗎？最後仍忍不住飆罵：一天不打炮會死是不是……。
其他網友則紛紛回應：「不打炮=沒工作=無收入=會餓死=妳會失業=沒工作.......結論，不只她會死。」、「不是一天不打砲會不會死的問題，是她有砲打才有收入，她也是在討生活」、「一天不打炮不會死!!問題已經十四天了」、「板主阿!!一天不打砲其實還行!!但是你看看&gt;&gt;都一個月了!!下個月&gt;&gt;還要在繼續呢!!!」。
還有網友中肯表示：「如果妳開始放無確定期限的無薪假，妳也會常常打電話問公司能不能上班～」、「飯店不就是給人連結嗎？沒人入住休息。飯店倒你也沒頭路呀！但要保護好自己倒是真的啦！」。
</t>
  </si>
  <si>
    <t>新冠肺炎疫情嚴峻，許多人開始在家自己煮，但想吃得健康，關鍵在於食材是否新鮮！Panasonic電冰箱的三大保鮮科技全面讓你的食材即使在炎熱夏天也能保住一整周的新鮮美味！
Panasonic電冰箱的三大保鮮科技，第一是「新鮮急凍結」，能配合平時保鮮及烹煮需求，切換「急凍」、「急冷」與「冷卻」模式，能快速鎖鮮，料理省時又方便。再者「-3℃微凍結室」在食材表面形成冰膜，維持鮮度與營養，就算放七天也一樣新鮮，不用等解凍就能直接料理。
此外，蔬果就放「智慧保濕蔬果室」，搭載自動控濕濾網，能自動調節濕度，維持蔬果最佳保鮮狀態。
另外，再搭配全新nanoeX健康科技，全室循環強效抑菌、除臭！還有大容量設計及100％全開，即使防疫期間減少出門買菜，一次採買整周的量也放得下！有了這台電冰箱食材輕鬆保鮮，吃得更健康！</t>
  </si>
  <si>
    <t>國內持續擴大新冠疫苗覆蓋率。不過近日有一名男子表示，自己是高端的受試者，前兩劑分別是國產高端，第三劑則為輝瑞／BNT，並將其PO上網分享，他開心地說「我可能是全台灣，甚至是全世界第一個」，大批網友看到這段經歷後，卻忍不住開酸。
原PO昨（13）日於PTT八卦板爆卦指出，自己打到第三劑疫苗，前兩劑皆是國產高端，第三劑則是BNT，他掩不住興奮地說「我可能是全台灣，甚至是全世界第一個打完2劑高端，再打BNT的人」。
原PO曬出兩張疫苗黃卡，只見他今年2月23日及3月23日，於林口長庚各施打一劑高端疫苗，另一張黃卡則是昨日施打的BNT。
原PO說，當初因為支持台灣生技及醫療研發產業，因此參加高端臨床試驗，當國產受試者，沒想到臨床試驗才走到第二期，高端就直接上線開打，認為自己像一隻白老鼠，「總之體制下我可打到第三劑，甚至是第四劑，我沒有違法，跟大家分享我的喜悅」。
貼文曝光後，引發大票鄉民熱烈回應，「這麼高調，你會被查出來的，GG了」、「怎麼不低調一點，刷什麼存在感」、「世界第一恭喜，台灣之光」、「打了高端幹嘛還搶疫苗」、「這樣算混打嗎？」、「打那麼多劑是要幹嘛」、「高端那兩劑沒紀錄，所以官方認可是第一劑」、「賺爛了賺爛了」、「要怎知道兩張疫苗卡都是你的」。</t>
  </si>
  <si>
    <t>南韓人氣女歌手請夏7日確診新冠肺炎，TWICE成員Sana因為近日與她有近距離接觸過，與TWICE其他成員都接受了檢測，稍早檢查結果岀爐，全員都顯示為陰性，讓粉絲們鬆了一口氣。
TWICE所屬公司JYP娛樂稍早發聲明表示，「包含Sana在內的所有TWICE成員以及經紀人檢測結果，全員顯示都是陰性。」並表示Sana將遵守衛生當局的防疫方針，在12月18日之前施行居家隔離，其他成員將依照計劃完成原訂行程。
另外，請夏7日得知確診消息後即在Fan Cafe發文，想著Byulharang（粉絲名）若沒看到她的消息一定會擔心，便發聲告知大家，表示自己非常非常抱歉，「明明很小心了，是我做得還不夠吧」，承諾會再以健康的樣子和大家見面，喊話粉絲們也要小心再小心，「別太擔心，我們很快就再見面，再一次對不起。」
而除了TWICE之外，請夏確診前還參加了gugudan成員康美娜的生日派對，一起聚會的還有宇宙少女成員延靜、DIA成員鄭彩娟，動線重疊者都已進行檢查並自行隔離。</t>
  </si>
  <si>
    <t>新冠肺炎全球大流行導致日本國內外需求急凍，日本3月製造業活動創下2009年來最嚴竣的萎縮，再度印證企業與經濟因這場公衛危機受到的衝擊，並突顯出日本政府面臨的挑戰。
au Jibun Bank日本3月製造業採購經理人指數（PMI）經季調後終值為44.8，符合先前公布的初值，較2月終值47.8下滑，並創下2009年4月來新低。
產出與新訂單分項指數均跌至2011年4月（311強震海嘯後一個月）以來新低，某些公司報告生產全面暫停。新出口訂單分項指數大減，且製造業對未來12個月的生產前景看法極為負面，創下歷來新低。
負責這項調查報告的財經數據服務公司IHS Markit表示，未來幾個月，日本製造業加速衰退的可能性很高，新冠狀病毒疫情對全球經濟造成的衝擊將降低V型復甦的機會。</t>
  </si>
  <si>
    <t xml:space="preserve">澳洲奧委會(AOC)雖未採取加拿大奧會的強硬態度，但他們也支持把東京奧運延後1年。AOC在23日發布聲明：「澳洲運動員應該把東奧時程預設為2021年北半球的夏季。」換言之，AOC認為東京奧運在今年辦不成了。
總理莫里森(Scott Morrison)已經講明了，他近期頒布的出國禁令同樣適用於運動員，如果新冠肺炎疫情持續下去，就算東奧7月開幕，澳洲國家隊也根本出不去。莫里森說：「澳洲人民的健康勝於一切。」包括奧運亦被當成是「非必要」的出境。
澳洲自1896年雅典奧運(亦稱為首屆奧運)就沒有缺席過，這次奧會與政府一條心，AOC上周聲明：「人民正飽受疾病、失業之苦，我們必須傾全力保護運動員的健康。」若國際奧會最終不肯延期，澳洲國家隊已有缺席奧運的心理準備。
</t>
  </si>
  <si>
    <t xml:space="preserve">長榮航空3名機師確診風暴延燒，由於確診足跡遍布雙北、桃園、新竹、苗栗、台中和高雄7縣市，指揮中心昨天(4日)發出110萬則細胞告警簡訊，長榮則針對近1500名機師全面普篩，抓出染疫黑數，且染疫危機還燒到後艙的空服員，疫調發現台中2名空服員與染疫機師密切接觸，導致空服員及其同住家人遭到隔離，範圍之廣可能成為下波疫情關鍵。
長榮目前已有3名機師，1名機師兒確診，足跡擴散至雙北、桃園、新竹、苗栗、台中和高雄7縣市，加上擔心是傳染力極高的Delta變異株，指揮中心昨緊急發布110萬則細胞告警簡訊，提醒8月13日至9月2日期間曾經與確診者足跡重疊的人若出現症狀，趕快就醫。其中案16120機師於8月26日飛芝加哥，28日發病，返台加強自主管理期間回苗栗探親、違規與友人聚餐，8月30日飛澳洲布里斯本時還在健康聲明書上隱匿症狀，31日入境後私下到診所就醫，不通報衛生單位，直到9月3日才確診，已遭到長榮開除。
不只如此，現在疫調發現台中一名29歲空服員與案16120是密切接觸者，30日一同飛布里斯本，當時案16120已經有傳染力，導致空服員及他的同住家人都遭到隔離。
而案16119機師則是足跡廣，到過桃園、新竹、高雄，21日出現症狀前曾經和妻子去高雄推拿館按摩，28日還去過內灣老街、家樂福中原店、29日去2021桃園蓮花季等。8月30日飛布里斯本，31日入境，當天就去湖口車站和新豐鄉某汽車旅館，下午轉戰藏壽司青埔店吃飯，9月2日採檢、3日確診，雖然短班僅需自我健康監測，但確診機師的自由隨興，卻讓全台百萬人陷在感染風險中。
同時，昨天(4日)也傳出台中另一名空服員是案16119密切接觸者，於8月23日飛馬尼拉時接觸，同住7名家人也一起遭到隔離。
至於案16119和案16120兩名機師是是何時遭到感染？指揮中心醫療應變組副組長羅一鈞昨指出，，案16119和案16120於9月2日採檢，Ct值分別為30、28，隔天再採Ct值下降為18及28，病毒量增加，顯示是近期的感染，社區風險也增加。
</t>
  </si>
  <si>
    <t xml:space="preserve">美國各州面臨醫療物資緊缺，聯邦政府不只幫不上忙，還加入搶物資的混戰當中。美麻塞諸塞州乾脆自求多福主動對外採購，同時為解決緊迫的運輸問題，州長還情商該州代表性的美式橄欖球「新英格愛國者」(New England Patriots)派出私人專機，在中國大陸官方協助下，專程前往深圳載回120萬片N95口罩。
據《觀察者網》報導，美國聯邦政府處理醫療物資短缺問題飽受各州政府的批評，甚至還要與聯邦官員攀關係才買得到手。有些州自行對外尋求協助進行採購，麻塞諸塞州在決定在大陸採購170萬張N95口罩後，經過多方聯絡與協調，在大陸駐美使領館協助與陸企配合下，該州通過職業橄欖球隊「新英格蘭愛國者」的私人飛機，從深圳運回了首批120萬張口罩。
報導指出，這架漆有「Patriot」字樣的私人波音767噴射客機於周三清晨抵達深圳寶安機場，穿著防護服的工作人員將一箱箱物資運進艙內，3個小時後飛機再度起飛離境，於美東時間週四抵達麻州波士頓市的洛根國際機場。
這架私人飛機所有者是喬納森·克拉夫特（Jonathan Kraft），他是美國麻州職業橄欖球隊「新英格蘭愛國者」主席，這架飛機平時用於運送球隊隊員，機身漆有「6XChampion」字樣，意指球隊曾6次獲美國超級盃大賽冠軍。
據美媒《華爾街日報》報導，兩周前麻州州長貝克(Charlie Baker)擔憂醫療物資緊缺，計畫從大陸採購170萬張口罩。雖然訂購了口罩，但在當前的情況下，如何確保從大陸及時運回物資成為難題。加上大陸已於上月底限制各國航班每周每地每家公司只開放一班，州長只好找上「新英格蘭愛國者」隊老闆幫忙，專程為麻州運回大批醫用口罩。
報導說，麻州訂購了170萬隻N95口罩，加上後勤運輸與飛機的各種費用共約400萬美元，「新英格蘭愛國者」球隊老闆克拉夫特家族支付了其中200萬美元。麻州州長還表示，由於對約州疫情嚴重，州長科莫應對疫情的表現讓他很感動，經雙方溝通後，飛機上的30萬張口罩將贈給紐約州。
</t>
  </si>
  <si>
    <t xml:space="preserve">新冠肺炎造成全球疫情險峻，竟然還有人散布假訊息製造恐慌，散布者還是名警察！桃園市一名員警今天1月在臉書上打卡，地點在大陸武漢地區的「華南水果批發市場」，甚至在文章提到「來這邊帶點好料的回去和大家分享」，桃園地院事後依違反「傳染病防治法」判罰20萬，檢方不服上訴，高等法院日前駁回確定。
該員警今年1月在臉書上打卡在武漢地區之「華南水果批發市場」，並將隱私設定為公開，在發文內容中提到「來這邊帶點好料的回去和大家分享」等文字，並附上他在網路上下載的華南市場招牌及不詳人士身穿防護衣的照片共2張，貼文下方也有網友留言，「你真的飛過去喔！出差嗎?」他還開玩笑回覆「回去一一拜訪」、「我們有門路，自由進出」。
該員警事後辯稱「只是想開個玩笑」，許多同事也說知道他在開玩笑，但該貼文遭網友截圖後仍在網路上引發喧然大波，檢方獲知後依「傳染病防治法」散播有關傳染病流行疫情之不實訊息起訴該員警，一審判該員警20萬元罰金，檢方檢方不服上訴。
高等法院考量事發後，該員警即關閉臉書帳號，並申請退休，決定維持一審判決且不給緩刑，全案確定。
</t>
  </si>
  <si>
    <t xml:space="preserve">中央流行疫情指揮中心指揮官陳時中昨在記者會上提到，年輕人染疫比例增加，顯示年輕人防疫鬆懈，提醒年輕人要降低群聚。一名女網友發文痛批執政黨想甩鍋，一名就讀台大的女網友則爆氣留言，因為年輕人沒車、沒房，只能通勤上下班，部長可以考慮補助每人一台車、一間套房，這樣大家就不用冒險辛苦出門賺錢了，留言引發年輕世代共鳴，吸引3千多人狂讚。
一名女網友昨在Dcard上發文表示「XXX的民進黨，當年是我們把你們送進總統府，結果遇到疫情爆發就只想甩鍋，拚命東西南北地甩鍋，現在連我們都敢甩了？」引起網友熱烈討論，「20至39歲是上班的主力要怎麼避免群聚？」、「年輕人命苦要上班賺錢養活自己啊，又不像有房、有存款的中老年人可以請長假，話說這波疫情好像是中老年XX癢捅出來的鍋」、「不意外啦，沒事政府好棒棒，有事就都是人民的錯」。
一名台大女學生看了爆氣留言說，「年輕人大部分只能通勤上班，不然部長可以補助一個人一台車，或是一人一間套房，大家都可以不用這麼辛苦出門賺錢」。留言引起許多年輕世代的共鳴，吸引3000多位網友狂讚。
但留言處也有網友認為，陳時中只是看數據去判斷，善意提醒大家要注意而已，「那是因為年輕人染疫機率增加，所以才善意提醒，若不是年輕人鬆懈趴趴走染疫，難道是病毒飛去你房間找你嗎？」、「這是看數據去判斷，現在顯示上年輕人的確診比率就是上升 所以提醒，這有什麼問題」。
</t>
  </si>
  <si>
    <t>劉樂妍3月時回台治療腸沾黏，又因涉賄選案出庭，沒想到因新冠肺炎疫情讓她一度被卡在台灣，令愛狗的她淚喊：「想回家了」。昨(1日)她終於搭到回上海的飛機，將接受隔離兩周，她分享當地防疫旅館的「開箱照」，一晚要價人民幣300元（約台幣1270元），看來乾淨整潔舒適，直呼賺到。
劉樂妍3月在微博分享多張愛犬照片，說：「想念小玉，想念所有的小狗。想回家了」，並強調很浪費時間又折磨人，昨她在桃園機場發文，宣告即將返回大陸，稍後她再分享近況，坦言回來的一路上很忐忑，在台北時最便宜的防疫旅館一晚要2780元，沒想到飯店知道她剛出院不肯收，劉樂妍則回嗆：「不收拉倒」。
這次要回大陸，劉樂妍做了不少功課，先開出條件是人民幣200到300元（約台幣846到1270元），後來被工作人員推薦進現在入住的這間，上網查一晚要560元（約台幣2371元），她牙一咬答應後，沒想到到了現場，工作人員竟算她300元。
劉樂妍對此寫下：「感謝政府體貼我們，真的非常感恩，非常感謝，讓我們花300塊就可以住到這麼好，這麼好的房間。而且工作人員都非常的貼心體貼。」還可以訂外賣，但劉樂妍已從台灣準備好足夠糧食，所以不用訂餐也不用叫外賣。對此，網友回應：「五一啊，超值了」、「這房間300塊超值，不過現在餐飲旅遊酒店業不太景氣，這個價也是正常價了」、「還有浴缸，太好了吧！」、「這檔次300一晚真心不貴」。</t>
  </si>
  <si>
    <t xml:space="preserve">今年73歲的資深影星汪明荃，出道以來演出過許多經典戲劇作品，甚至開過演唱會，是香港演藝圈的大姐大，地位無人能取代，她的老公羅家英在圈內也備受景仰，而夫妻倆即使名利雙收，但對社會仍相當關心，近日她到郊外散心，看見疫情期的亂象，仗義直言，直接公開照片開罵。
汪明荃跟老公羅家英在演藝事業上打下亮眼成績單，但下了戲他們喜歡靜謐與大自然，因此婚後定居在郊外的獨棟豪宅，每天睜眼就能看到海，還堅持在宅子旁邊做綠化設計，可以想見夫妻倆對於天然環境的重視與嚮往。
如今適逢新冠肺炎疫情高漲期間，汪明荃夫妻的豪宅地點跟設計，恰好符合防疫，她也非常關心香港民眾的安好，因此在疫情爆發的第一時間，防疫物資正缺乏時，汪明荃就大方將大量口罩、洗手液庫存，分送給第一線醫護人員以及寺廟，表示雖然成了「防疫窮人」，但堅持捨身為人，受到眾人讚揚。
昨天(12/2)她趁著好天氣外出踏青，本想舒緩嚴峻疫情下的緊繃心情，沒想到越散步越火大，po文透露在香港清水灣附近看見滿地垃圾，她就拿了樹枝邊撿，走了不過1小時，整根樹枝勾了滿滿的廢棄口罩，讓她氣到大罵：「有的人真是沒有公德心！」，網友看了也氣到不行，跟著罵「扔垃圾已經很過份了，亂扔口罩更過份」、「不知道有没有病毒啊」，讚汪明荃身體力行做人民的好榜樣，正是娛樂圈需要的藝人。
</t>
  </si>
  <si>
    <t>國產高端疫苗今起開打，不過桃園市卻傳出有3人打完疫苗後，分別出現想吐、暈倒及短暫失去意識等狀況，送醫檢查後皆無大礙。中央流行疫情指揮中心指揮官陳時中證實，3人狀況皆為暈針，目前均無異常，已返家休息，並呼籲有慢性病或身體狀況不穩定者，暫緩施打疫苗。
陳時中今（23）日於疫情記者會中指出，有接獲3例接種高端後不適個案，狀況都是暈針，因此血壓相對較低，心跳比較快。在桃園市大有國中接種站，一名為30多歲的美籍女性，施打後出現暈倒狀況，現場量測血壓111/79、心跳122，後來表示並沒有不舒服，在上午11點多返家休息。
第二例為47歲男子，打完疫苗後有點喘、想吐，血壓為111/79、心跳122，經現場醫師評估送至榮民總醫院桃園分院，心電圖、抽血檢查皆正常，中午12點多離開醫院。第三例為26歲女性，在桃園市中原國小接種站打疫苗，接種後意識突然喪失，經現場醫師處理後恢復意識，血壓為116／74、心跳110，評估後送聯新醫院急診室就醫，心電圖、抽血檢查皆正常，中午12點多離院。
針對有民眾打疫苗暈針情形，陳時中也呼籲，若有慢性病、狀況不穩定的，建議先不要打疫苗，另外打疫苗時也不要太緊張，現在針具非常發達，護理人員注射技術也都很好。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在全世界蔓延，美國主持人傑西沃特斯（Jesse Watters）日前在節目上開炮，要求大陸為疫情應該向世界各地道歉。澳門「賭王」何鴻燊的兒子何猷君，昨(4日)在微博發文要求大陸網友翻牆出征該主播的IG討公道，更說：「要我們中國人道歉？吃屎吧」。
傑西沃特斯是福克斯新聞頻道的新聞評論員，本周一他聊到新冠肺炎疫情，指出因大陸政府糧食分配不足，讓人民餓肚子，才會有人生吃蝙蝠與蛇，導致疫情爆發，此番言論一出引發各界議論，連賭王四房兒子何猷君也開罵。
何猷君曬出自己在IG上標註傑西沃特斯的發文截圖，他用英文寫下：「假如你希望看到中國人講句『Sorry』，那麼你成功了。我在這裡代表我們國家對你說：我們希望對你的父母說我們為他們感覺到Sorry」，大酸傑西沃特斯的父母花了多年培育他，他卻成為「全世界最沒腦子、講話不動大腦、沒常識、沒禮貌的傻X」。
何猷君火力全開說，大陸人感到可惜，但不是因為新冠肺炎，而是惋惜傑西沃特斯的父母要忍受他一輩子，最後還用英文爆粗說「Fuxx You」，大陸網友回應：「哈哈哈。何公子性情中人。棒。」、「說得好！！！給我進攻！！」、「我翻不出去… 但是我還是想要罵他全家」。</t>
  </si>
  <si>
    <t xml:space="preserve">據《美聯社》報導，中國大陸國家衛生健康委員會副主任曾益新22日正式表態，由於違背科學原則，北京不接受世界衛生組織(WHO)針對新冠病毒起源的第二階段調查計畫。
曾益新強調，所謂的實驗室外流理論根本是與常識及科學原則背道而馳的謠言，WHO想要進一步調查新冠肺炎大流行的起源，甚至是病毒到底是不是由大陸實驗室外流一事，讓人感到震驚，「我們不可能接受這樣的病毒起源調查計畫」。
《美聯社》分析，追溯新冠病毒起源已脫離科學議題，成為外交爭議並讓北京與華府等國關係惡化。美方與他國指責，北京在大流行初期的諸多事情上並不透明；相較之下，北京則抨擊西方把科學議題泛政治化。
WHO秘書長譚德塞日前承認，歷經第一階段調查後要排除病毒為大陸實驗室外洩的說法，仍為時尚早。因此，他希望北京能在第二階段展開合作以獲取大陸方面的數據，並「提醒北京」2021年初走訪大陸的疫情調查團，在取得原始數據上面臨重重挑戰。2019年年底，武漢首次發現該病毒。
《美聯社》指出，大多數專家認為實驗室外流說的可能性甚低；但問題是其可能性是否小到足以忽視，還是有進一步研究的必要。在WHO調查團於2021年初來到大陸，並與大陸科學家進行調查後，該團隊指稱沒有進一步研究的必要，卻引發軒然大波，外界質疑WHO屈服於陸方要求。
如今譚德塞則表示，自己也是實驗室的研究員，更是免疫學家，在實驗室工作過，實驗室發生意外常有的事情，目前仍無法輕易否定實驗室外流說。德國衛生部長史巴恩（Jens Spahn）則呼籲，大陸官方應允許WHO繼續調查病毒的起源。不過，曾益新則堅稱，武漢實驗室不存在可直接感染人類的病毒，更強調今年稍早走訪該實驗室的WHO國際專家小組也總結，實驗室洩漏的可能性很小。
當時WHO國際小組表示，病毒很可能由動物傳染給人類，估計可能是蝙蝠；蝙蝠傳染給穿山甲，穿山甲又是大陸菜市場常常出售的桌上佳餚。
曾還表示，有關於武漢實驗室的工作人員感染病毒再傳給他人的報導，也純屬子虛烏有。「大陸支持以科學的方式調查病毒起源，並希望這樣的努力擴張到全球多個國家與地區，但我們堅決反對調查工作範政治化」。第二階段的調查應該和成員國充分協商與討論後，並以第一階段的結論為基礎。
《美聯社》表示，對於外界指責大流行源於武漢，且因為官僚主義作歲與企圖遮掩導致疫情傳播等指控，北京總是迴避不願正面回應。
</t>
  </si>
  <si>
    <t>中壢超級傳播者（案13091）在短短2周內釀近20人確診，其中包括「中壢旅宿王」（案14590），桃園市衛生局長王文彥坦言他最初供出的20名友人有的沒電話、有的複雜，市府只找到18人，「可能還有漏掉的！」但因他已插管、無法持續疫調，只能加強匡列隔離。
中壢有位50餘歲的超級傳播者（案13091），在短短2周內，分別造成7名家人（包括中壢某食品廠3員工）、1名家人同事及11位朋友群共20人先後確診。
王文彥說，中壢超級傳播者確診後，有提到約20個朋友，但「講沒多久以後他就插管了！」原本提到的朋友有的沒有電話、有的很複雜，市府花了很大的行政跟警察力量，才找出18個，目前有10個已經確診。
「可能還是有漏掉的！」王文彥直言，中壢超級傳播者插管後，資訊獲得困難，像是「中壢旅宿王」（案14590），是從案14590回追才知道兩人在4月的時候有見面，但是可能跟朋友的朋友之間互相有來往而染疫。
王文彥多次提到，這群友人關係很複雜，指標個案又因插管不能再繼續提供資訊，所以目前為止僅能用現有的疫調結果加強匡列、加強隔離關懷，「看能不能把這個網能夠網住！」
至於中壢超級傳播者未在第一時間供出「中壢旅宿王」，是否涉及隱匿？王文彥認為，如果有隱匿應該不是有意的隱匿的，強調他一開始就提到20個友人，已經把很多朋友都交代清楚，有時候人的記憶，可能交往太多會忘記，是有可能的，後續會再判斷釐清。
另外30餘歲的中壢旅宿王（案14590），19日至24日間足跡遍及8旅店，有商務旅館、汽車旅館、還有電競旅館，不乏一天跑遍中壢和桃園，王文彥也提到已匡列其女友，採檢陰性，仍在隔離關心中。</t>
  </si>
  <si>
    <t xml:space="preserve">中央流行疫情指揮中心今（16）日再公布新冠肺炎單日零確診個案，這是一周之內兩度零確診，日前高雄漢來飯店為慶祝這個好消息，特別將大樓外牆排成笑臉圖案，今晚又有新招，排成「＋0」字樣，令人相當驚喜。
漢來飯店營運總處總監陳素娟表示，今天這個好消息出來，大家非常的開心，網友就用「＋0」的諧音，並大喊「＋0我愛你」慶祝，所以今天漢來飯店就用「＋0」跟大家報佳音；亮燈活動將持續到6月30日，未來會視狀況變換不同的圖案。
漢來也趁勢在網路推出優惠活動，為了把愛傳出去，特別舉辦抽獎活動，4月16日午夜12點前，公開分享貼文，留言「嘉玲我愛你 漢來飯店」並Tag3名好友，即抽出1名幸運得主，可獲得「市景雙人房」住宿券1張且免費升等港景房。
另外，高雄福華飯店也響應愛心串連活動，點燈成愛心圖樣，力挺醫護人員，每晚6時至9時亮燈，歡迎民眾打卡，「彼此加油，我們一直都在！」
</t>
  </si>
  <si>
    <t xml:space="preserve">日本相撲協會10日公布，有1名幕下力士感染新型病毒，經病毒檢測確診為陽性。這是日本相撲力士確診的首例。
該協會指出，這名力士4日發燒，後來2天退了燒又再發高燒，還出現倦怠感、呼吸困難、咳血痰等症狀。
他於8日接受簡易檢查，醫院先說是陽性，後來又說檢查結果有誤，應該是陰性。由於力士本身患有宿疾，為慎重起見，9日再到東京都的醫院住院檢查才確診。
這名力士隸屬的相撲部屋有多位力士都身體不適，但目前只有1名力士接受過病毒檢測，該部屋已停止相撲訓練，同一部屋的力士和工作人員都將接受病毒檢測。
</t>
  </si>
  <si>
    <t>台北市今舉辦防疫記者會，市長柯文哲指出，北市有14天沒有不明感染源，接近降到一級標準，剩下就是最快速度，把疫苗覆蓋率打起來。
柯文哲指出，中央公布本土案例1例，境外7例，台灣疫情趨緩，但世界蠻嚴重，每天有40萬到60萬案例，北市從每個禮拜確診18人、11人、10人，到現在這週是0，大概已經有五個禮拜時間，確診數少於5人。
柯表示，其實比確診數更重要是不明感染源，回溯到上一個差不多是14天前，雖有確診數但是找得到感染源，狀況好一點，七家醫院篩檢，昨天做1200個，當然是沒有確診；從新北幼稚園群聚感染，當時匡到1500個，現在居家隔離昨天只剩下150個，數量已經降到新低。
柯文哲提到，這麼長的時間都是零零星星（確診），到底降級要怎麼處理，事實上一開始在中央疫情指揮中心有分四級，只要出現感染源不明本土案例就是第二級，北市有14天沒有不明感染源，接近降到一級標準。
柯接著說，但畢竟首都生活圈，高鐵一日生活圈，重點不是台北市而是整個台灣狀況，不明感染源就算全台灣來算已經非常低，達到降到一級標準，剩下問題是有沒有可能反撲，答案是有可能。
他認為，解決問題方法是疫苗覆蓋率，結論是這樣，北市五月到現在把感染壓到最低，剩下就是最快速度，把疫苗覆蓋率打起來。柯也說，過去兩天北市在高中打了1萬3325多劑，身體不適有131人，大部分算是輕症。</t>
  </si>
  <si>
    <t xml:space="preserve">美國總統川普27日說，中國大陸原本可以趁新冠肺炎席捲全球前遏阻新冠肺炎疫情，淡確沒這麼做，美國政府要認真加以調查。
據路透報導，這是川普矛頭對準大陸，把新冠肺炎疫情大爆發歸咎於北京的最新批評。「我們認為，當初可以在源頭就遏阻。原本能迅速阻止，不必蔓延全世界的。」美國國務卿蓬佩奧（Mike Pompeo）上周說，華府強烈認為，北京沒有及時通報新冠肺炎疫情，並掩飾的新冠肺炎的嚴重性。
而中國大陸外交部發言人華春瑩周一推文說，蓬佩奧應該「停止玩政治遊戲，放更多的精力在拯救生命上」。
如今全球有超過300萬人感染新冠肺炎，其中美國就佔了約1/3。而全世界死亡人數也突破20萬人，而美國便有約5.6萬人。周一稍早白宮貿易顧問納瓦洛（Peter Navarro）指控中方，送劣等，甚至仿冒的新冠肺炎病毒抗体測試組給美國，以在疫情大流行期間從中牟取暴利。
納瓦洛在接受福斯新聞（Fox News）專訪時說，要讓美國人結束封成，重返工作崗位，對病毒和抗體進行更多檢測是很重要的。不過，他也強調，美國不能容許中方提供那些造假和仿冒試劑，因為那將是很有破壞性的。
</t>
  </si>
  <si>
    <t>近日，成都出台《關於統籌新冠肺炎疫情防控和經濟社會發展奮力完成2020年經濟社會發展目標的意見》，從聚焦支持企業穩產滿產和擴能增效、築牢產業功能區生態集成優勢、深度融入國際供應鏈體系等10方面提出33條具體措施，為奮力完成2020年經濟社會發展目標提供制度保障。
在支持企業方面，《意見》提出設立「應對疫情穩定經濟資金池」，劃撥10%以上的產業專項資金用於貸款貼息和紓困補貼，重點扶持餐飲、住宿、文旅、會展、交通運輸等行業。同時，將實施中小微企業金融紓困專項行動，建立企業紓困白名單。此外，成都還將創新政府採購服務，力爭面向中小企業採購比例達80%以上。
根據《意見》，成都將建立完善重點企業用工「一對一」聯絡和24小時調度保障機制，深化與勞務輸出大市大縣跨區域合作，定點定向、按時按需保障企業用工。
《意見》提出，將加大防疫物資保供力度，消毒用品、口罩等存在缺口的企業可提前2個工作日向行業主管部門或產業功能區申請，由市和區（市）縣政府負責統籌。
如何將應急政策與長效支持政策結合，化危為機推動發展？《意見》提出：構建高能級產業生態圈，鼓勵企業參與產業功能區建設；深度融入國際供應鏈體系，建設適航適鐵產業供應鏈中心，深化「一帶一路」供應鏈合作；出台成都營商環境政策3.0版，全面建立符合國際慣例和國際規則的市場經濟運行機制和體系。
疫情讓基於數字技術的各類需求被激活。對此，成都將大力發展新經濟，推動實體經濟數字化轉型；制定創新產品（服務）目錄，建立「新經濟新產品發布會」工作機制；建立創新產品（服務）交易平台，設立新經濟專業銀行。
針對「補短板」，《意見》明確：健全重大公共衛生應急管理體系，修訂突發公衛事件應急預案，健全超大城市重大疫情監測預警、醫療救治、緊急徵用等制度；加快完善重大風險源頭防控體系，完善重大領域風險辨識預警機制；系統優化城市應急智慧指揮體系，搭建基於大數據、雲計算的應急指揮信息化系統。</t>
  </si>
  <si>
    <t xml:space="preserve">美國疾病管制暨預防中心（CDC）17日發布報告，指出少數青少年及年輕成人在施打新冠疫苗後出現心肌炎（myocarditis），CDC已經就此展開調查，目前尚無法認定心肌炎是否和疫苗有關，強調染新冠的風險大於施打疫苗的副作用。
《紐約時報》（New York Times）22日報導，美國CDC轄下的疫苗安全技術工作小組（COVID-19 Vaccine Safety Technical Work Group）17日在官網公布報告，指出至今發現少數青少年、年輕成人在施打莫德納（Moderna）或是輝瑞及德國BioNTech研發的mRNA新冠疫苗後，出現心肌炎的案例，這些案例發生在男性的比例高於女性，多數在施打第2劑後的4天內發病，當中多數為輕症。
心肌炎是心臟肌肉發炎，主要由感染而起，CDC指出，目前對這些案例的調查仍在早期階段，尚無法判定是否由疫苗而起，CDC已經要求醫護人員多加注意年輕人施打疫苗後是否出現不尋常的心臟症狀，不過也強調民眾接種疫苗後的心肌炎案例和預期差異不大。
紐約貝爾維尤醫院中心（Bellevue Hospital Center）傳染病專家剛德（Celine Gounder）指出，民眾接種疫苗後出現心肌炎有可能只是巧合，「因為現在太多人打疫苗了，比較像是碰巧發生。」
專家強調，與罹患新冠肺炎相比，出現心肌炎罕見副作用的潛在風險根本是小巫見大巫，甚至，急性新冠症狀本身就可能引發心肌炎。
根據美國小兒科學會（American Academy of Pediatrics）統計，截至13日，全美有超過390萬兒童染疫，逾1.6萬人住院，約300人病歿。
一般來說，每年每10萬人中，會有20至30人出現心肌炎症狀，症狀包含疲倦、胸痛、心律不整、心臟驟停等，許多人症狀輕，甚至不曾被診斷出來。
美國CDC強調，目前年輕人接種疫苗後通報的心肌炎案例，看起來並沒有比平常還要多。
</t>
  </si>
  <si>
    <t>新冠肺炎無法出國，高市交通局估計，今年春節南部出遊人潮、車潮將比往年同期增加2、3成，尤其初三、初四高峰期，對交通維運是一大考驗；交通局官網規畫資訊專區，呼籲民眾出門前上網掌握路況，安心享受出遊樂趣。
高市交通局分析往年資料，挑出10處交通疏運景點，包括西子灣、哈瑪星、駁二特區、旗津、壽山、佛光山、義大世界、旗山、美濃、崗山之眼。
交通局副局長黃萬發指出，新冠肺炎不能出國，加上高鐵取消自由座，預估南部春節車潮人潮增2、3成，呼籲民眾利用交通局官網的即時交通資訊網查詢路況，並用手機APP「高雄好停車」找停車位。
此外，南橫公路已通到梅山口，勢必吸引遊客前往，由於當地是單線道路，可能較壅塞，交通局已協調中央公路總局加強宣導，並請當地警方設管制哨。
計程車部分，7日至16日止跳表已加計50元春節加成，按表計費即可；而全市公有路邊及路外平面停車場（不含立體停車場及委外平面停車場）從除夕到初三暫停收費。
春節期間，高雄捷運維持營運至晚間12時，輕軌則從晚間10時延長營運至12時，交通局也規畫各景點「捷運＋接駁公車」方案，將車輛停於轉乘捷運站停車場，搭捷運或轉乘接駁公車即可快速進出景點，再搭配電子票證享「一日二段吃到飽」、公車轉乘及輕軌等優惠。</t>
  </si>
  <si>
    <t>全球股市如「大怒神」般驟跌，台股受到新冠肺炎疫情影響，持續震盪整理；全球央行持續端出降息、寬鬆貨幣政策，隨歐美各國疫情擴散、封城，仍抵擋不住跌勢，導致全球今年第1季GDP增長率受到疫情影響而減緩，全年GDP增長率將全面下修，現在要期待的是，疫情能像2003年的SARS經驗在夏季好轉，整體市場將恢復至常軌。
中國大陸2月份PMI表現不佳，主要是受到新冠肺炎疫情停工影響，這樣的結果實屬合理、不需過度擔憂，目前大陸治癒人數逐日增加，疫情已漸漸受到控制，復工情況也好轉，估計最快3月份PMI數字將恢復正常；後續觀察指標為國外疫情擴散是否影響消費者信心，進而影響手機、電視、平板及筆電的需求。
在需求方面，受到疫情擴散影響，許多經濟學家紛紛下調經濟成長率的預測，對於某些產業而言，需求的下降並不會在疫情好轉後恢復，如餐飲業、觀光旅遊業以及航空業等等；但另一方面，有些產業的需求並沒有消失，像是科技產業及相關產品，預估應收以及獲利將在第2季或是下半年反彈。
從政策面來看，陸美雙方皆採取積極措施，包含降息以及對市場注入流動性，估計其他國家央行也會效仿，而台灣政府將首先支持國內的餐飲業以及旅遊業，從過去經驗來看，將會有效刺激消費。
投資建議上，近期股市過於震盪，建議選擇殖利率較佳以及今年成長性高的類股，短期間內避開航空、觀光等受疫情負面影響較大的產業；受到停工影響，供應鏈的存貨將在1、2季內消化完畢，下半年將會恢復正常產業秩序，因此建議逢低布局長線看好類股，包含5G基礎建設、Data Center、伺服器、半導體相關產業。
對於偏好短線的投資人，看好宅經濟相關類股，包含遊戲、線上教育、辦公以及網路購物等，受到宅經濟的帶動，伺服器相關產業需求，將較不受疫情影響，持續值得關注。</t>
  </si>
  <si>
    <t>坎城影展如火如荼舉行，在今年有4部片在影展播映的新一代「龐德女郎」、法國女星蕾雅瑟杜（Léa Seydoux），卻傳出在出發參加活動前，新冠肺炎病毒檢測呈陽性，可能因此取消去坎城影展的行程，而經紀人也證實此消息。
據《綜藝報》10日報導指出，蕾雅瑟杜正在拍新片，每天都接受檢測，不過還是在拍攝期間染疫，目前已在巴黎家中自我隔離了一個多星期。她的經紀人指出，儘管她已完全接種疫苗且無症狀，但她檢測呈陽性。在醫生認為她可以安全前往坎城並活動之前，將繼續隔離。
作為後疫情時代下的國際活動，防疫作為備受關注，不過也陸續有群聚染疫的傳聞。坎城影展向《綜藝報》嚴正否認這則假消息，並表示影展6日開幕以來4天，在上千人篩檢之中平均每天有3例確診，1天最多曾出現6例，不過沒有發生群聚感染，「如果我們將病例比例與接受檢測的人數相比，是遠低於全國平均水平。」
針對開幕片放映和典禮當天，被拍到許多賓客拿下口罩觀影，且沒遵守社交距離，影展方回應則是：「頭一天大家實在對久違的重聚太熱情了，隨後到了現在，我們有嚴格執行防疫，也加派了更多人手盯場，對自己仍在疫情之下的這件事，我們是很有意識的。」</t>
  </si>
  <si>
    <t>據大陸國家衛健委網站15日消息，截至14日，大陸31個省（自治區、直轄市）和新疆生產建設兵團累計報告接種新冠病毒疫苗90413.4萬劑次，突破9億劑次。
就在6天前，大陸疫苗接種剛突破8億劑次，達8億896.2萬劑次，15日再突破9億劑次。
大陸近期全面加快接種疫苗後，日前更要求6月10至30日暫緩施打第1劑，優先保障已接種第1劑超過28天的民眾接種第2劑。
大陸工程院院士鍾南山日前指出，到今年年底，大陸疫苗的覆蓋率將能達到80％。</t>
  </si>
  <si>
    <t>新北市親友旅遊團爆發6人群聚感染，台北市衛生局表示，其中5人在北市工作，現已匡列職場與相關場域接觸者210人，107人採檢陰性。其中有名個案雖在8日父親節到過信義區知名餐廳「饗饗」，但其用餐時段不在可傳染期，但仍要求業者16日停業1天，復業後禁內用11天。
新北市昨日新增6名確診個案，分別為案15966、15967、15968、15969、15970及15871，前5人曾參與花蓮旅行團，居住於新莊的個案（案15970）再傳給職場同事（案15871），個案曾搭乘台北捷運、高鐵等，足跡還遍及花蓮、桃園、雙北、台中、彰化等多個縣市。
衛生局疾管科長張惠美指出，扣除未成年個案（案15968），其餘5名確診者皆在北市工作，現已啟動疫調、接觸者匡列及通知職場與風險場域進行環境清消，共計匡列210人，其中107人採檢陰性，其餘正等待檢驗報告出爐。
此外，張惠美也證實，昨日傳出確診足跡的信義區知名餐廳「饗饗」為新北個案，擴大匡列內、外場員工及同時段消費者後，共計81人安排採檢，業者也將於16日停業1天清消，復業後11天都採外帶形式，不提供內用服務，一路實施到27日。
張惠美表示，該名個案是在15日發病，距離8日已有一段時間，雖然該足跡不在可傳染期，但為求謹慎仍擴大採檢，也要求餐廳員工配合自我監測，民眾若有不舒服，也呼籲至北市聯合醫院和平、中興、仁愛等7大醫院採檢。</t>
  </si>
  <si>
    <t>你知道我在等你股價回升嗎？新光金控18日舉行法說會，揭露子公司新光人壽2020年底淨值項下金融資產未實現獲利僅16億元，主因就是「台灣大未填息」，造成新壽股票投資出現大量未實現評價虧損，至於未來要不要處份台哥大減損，新壽方面回應「看他要我等多久」。
同時為了增加租金收益率，新壽2021年將清出新光站前摩天大樓的單位，移往新購入的開發金總部大樓，將摩天大樓部分樓層出租，增加租金收入。
新壽先前因積極加碼高股息殖利率股票，其中電信類股投資金額高達新台幣1千多億元，中華電信占約50％，其次是台灣大，新光金財務長徐順鋆表示，新壽之前加碼股價低波動度個股，所以有很多是電信股，在去年未能完成填息，才出現台股大，但新壽股票部位卻是虧損的情況。
由於這些股票新壽都在在FVOCI（其他損益經公允價值）項下，即股價波動影響新壽淨值，即便處份也不會過損益表，只是淨值的增減，所以新壽還在等待台灣大股價回升。
為了降低匯兌成本，又能提升投報率，新壽今年會將外幣保單占比拉高到70％，新台幣新契約保費壓在100億元左右，即不用大量增加國外投資的避險成本，錢會用在加碼國內。
新壽將無上限加碼國內商用不動產，增加收益率，加上去年有新冠肺炎紓困的免租或減租措施，今年陸續會到期，新壽預估租金收入可從去年的42.2億元，拉高到50億元。</t>
  </si>
  <si>
    <t xml:space="preserve">基亞(3176)澳洲子公司TBG Diagnostics Limited (ASX: TDL)旗下轉投資的廈門德必碁生技(廈門德必碁)所開發的新冠病毒核酸檢測試劑已取得歐盟CE認證，而這項認證代表廈門德必碁所生產的新冠肺炎檢測試劑，能在接受歐盟CE認證的國家中以體外檢測試劑(IVD)的資格銷售。
TBG Diagnostics Limited (TBG診斷公司)，為澳洲上市並專注於核酸檢測的生物技術公司，在大陸、美國及台灣均設有轉投資或子公司，該公司開發的HLA的產品已取得體外試劑(IVD)認證並行銷全球22個國家。其中，廈門德必碁為TBG診斷公司在中國大陸的轉投資公司，從事檢測試劑開發、製造與銷售。本次取得歐盟CE認證的檢測試劑所利用的是RT-PCR (q-PCR)技術平台，需搭配RT-PCR設備使用；而TBG診斷公司在台灣的子公司則已開發出取得CE認證的Q6000 RT-PCR 機器，隨時可以出貨。
新冠病毒蔓延全球，目前全球已有超過18萬人確診，其中非大陸地區的確診人數已超過十萬人，歐洲各國在近日的確診人數更是劇烈增加。而提供準確、方便並獲得認證的新冠病毒檢測試劑，有助於各國檢疫的效率，進而防堵疫情的蔓延。
基亞集團除了轉投資的廈門德必碁的新冠病毒核酸檢測試劑取得歐盟CE的認證外，台灣的高端疫苗也已經向食藥署提出新冠肺炎RT-PCR檢測試劑的申請，並與美國國家衛生研究院合作開發新冠肺炎的疫苗。
</t>
  </si>
  <si>
    <t xml:space="preserve">世界衛生大會今天閉幕，今年國際更明確力挺台灣，除14友邦支持外，美國、加拿大等5國發言更直接提及台灣，加上德國、紐西蘭等多國間接聲援，讓中國多次指挑戰「一中」別有居心。
第74屆世界衛生大會（WHA）自5月24日起以視訊方式開議，原訂6月1日閉幕，但因討論進度順利，今天下午提前閉幕。
在台灣參與議題方面，今年國際支持參與呼聲更明確強烈，除教廷為觀察員身分，一向以其他方式表達支持外，14個友邦以提案、致函及會中發言等方式支持台灣參與WHA。
其中馬紹爾群島、聖克里斯多福及尼維斯、諾魯、以及史瓦帝尼等4個友邦更代表台方，分別在總務委員會及全會與中方進行「2對2辯論」，呼籲接納台灣參與。
在理念相近國家方面，美國、日本、英國、加拿大、澳洲及馬爾他騎士團在會中直接發言表達支持，其中英、加、澳三國今年首度在WHA會中明確提及台灣，具有重要意義。
另德國、紐西蘭、捷克、立陶宛等理念相近國家則在發言中強調全球只有落實包容性才能戰勝2019冠狀病毒疾病（COVID-19）疫情，以間接方式聲援台灣。
面對國際社會特別是重要國家以公開提及台灣方式表達明確支持，中國方面則多次在會中行使答辯，指一些國家挑戰一中，是要在國際上製造「兩個中國」或「一中一台」。
雖然WHO連續第5年未邀請台灣參與WHA，但今年美國撤銷退出WHO決定後，在會議期間積極參與討論，也參與包括舉行WHA特別會議制定應對疫情大流行條約、保護衛生及照護工作人員等決議草案，顯示美國在全球公衛議題上強化領導性，未來台灣參與議題可見度仍受期待。（編輯：韋樞）1100531
</t>
  </si>
  <si>
    <t xml:space="preserve">南非專家警告，新冠變異株Omicron在南非各地造成大量5歲以下幼童住院，形容這種情況「前所未見」。
綜合美媒《每日野獸》（The Daily Beast）、美國哥倫比亞廣播公司新聞網（CBS News）報導，南非政府首席醫療顧問賈薩特（Waasila Jassat）3日警告，當地疫情中心豪登省（Gauteng）每周新增的確診人數及住院人數都比之前都高，「各年齡層的住院人數急遽增加，尤其是5歲以下。」
她說5歲以下幼童的住院人數僅次於60歲以上的年齡組別，她說兒童通常不會受到新冠疫情嚴重影響，住院人數也不多。
⚠️KIDS HOSPITALIZATIONS—The “highly transmissible” #Omicron variant is putting disproportionately large numbers of children under the age of 5 years old in hospitals, a top South African government medical adviser said Friday. #COVID19 🧵 https://t.co/ZdYaN19oFr pic.twitter.com/8aaleyNnUf
賈薩特也以南非首都茨瓦尼（Tshwane）大都會地區為例，5月第3波疫情前2周，當地送醫治療的5歲以下兒童人數不到20人，如今第4波疫情前2周，已經有超過100名兒童送醫。
關於為何5歲以下兒童住院人數暴增？賈薩特推測可能和兒童未打疫苗有關，她說，隨著成人疫苗施打率逐步上升，兒童逐漸成為染疫、必須送醫的族群。
另外她也引述茨瓦尼當地醫師的說法，指出醫院裡12至18歲的未成年患者全數未打疫苗，這個族群實際上符合疫苗接種資格。12歲以下未成年不符合接種資格，這個族群的患者中，除了3人外，其餘患者的父母皆未施打疫苗。
賈薩特說這個現象顯示成人接種疫苗才能保護家中幼童的重要性。
</t>
  </si>
  <si>
    <t xml:space="preserve">首批從武漢包機返台的台商有69名於2月3日入住位台中市檢疫所隔離，18日已期滿返家，其中有16位設籍台中，台中市長盧秀燕特別準備了一份包含口罩和乾洗手液由區公所和衛生局人員致贈並附上溫馨關懷單，提醒他們返家後14天內仍應進行自主健康管理。
台中市衛生局長曾梓展指出，18日清晨由中央派車將69名台商分別送到高鐵以及客運站，針對16名台中市民，則由家屬接回，如需自行返家者，則派車一人一車送回。
他強調市長盧秀燕非常關心隔離期滿返家的台中市民，特地準備了一份包含口罩和乾洗手液的貼心禮物，由區公所和衛生局人員親送致贈，並附上溫馨關懷單，提醒市民返家後14天內仍應進行自主健康管理，應儘量避免外出，如果需要外出應全程配戴外科口罩，落實呼吸道衛生及咳嗽禮節，每天早晚都需各量1次體溫，期間如果出現不適症狀，要立刻撥打1922防疫專線或衛生局防疫專線：0928912578依指示就醫。
</t>
  </si>
  <si>
    <t xml:space="preserve">因應新冠肺炎，桃園市長鄭文燦14日到八德視察護理之家，了解第一線工作人員辛勞。他也說，桃園目前還有2萬多劑流感疫苗，鼓勵符合公費對象施打，共同努力加強防疫工作。
鄭文燦表示，旭登護理之家環境良好，提供長者舒適的照護環境，也早在年假前就已經充份準備防疫物資，包括酒精、氧氣瓶及口罩等，相信可有效防止群聚感染。
鄭文燦也提到，適逢重要防疫期間，仍必須同步推動流感疫苗接種。日前桃園市採購的56萬8,500劑公費流感疫苗已陸續施打完畢，全市尚存2萬餘劑，鼓勵65歲以上長者、高風險慢性病、50歲以上中壯年族群、6個月以上嬰幼兒等公費對象，若尚未施打，可盡快攜帶健保卡前往13區衛生所接種，學校老師也可請公假前往施打，共同努力加強防疫工作。
針對消費券部分，鄭文燦說，防疫會議針對政府紓困對策，包括觀光旅遊、交通運輸、5大內需，除了消費券外，政府可以聽聽業者的聲音，讓業者度過疫情。
14日早上召開防疫會議，鄭文燦也說，學校將在25日開學，額溫槍還有不足的部分，除了向教育部申請外，也請衛生局、經發局負責調度，讓學校在開學之前，有充足的額溫槍，公共區域的消毒水供應，也要足夠使用。
鄭文燦也提到，目前桃園有1300多位居家檢疫者，防疫會議中，他也指示民政局要給負責的里幹事手機通話補助，每人約在1000元到1500元間。
</t>
  </si>
  <si>
    <t>新冠肺炎疫情延燒，觀光產業衝擊大，連年有破百萬遊客的小琉球也無法倖免，疑受公主郵輪影響，不少人怕船艙密閉空間感染而引爆退房潮，距離清明連假僅剩2周，但島上民宿訂房率竟5成不到，有別以往一房難求，業者為此憂心不已，紛紛喊話「交通船沒有全密閉」。
琉球鄉觀光協會理事長洪豪昇指出，近年小琉球爆紅成旅遊夯點，平均每年都湧入百萬遊客，連假期間島上更是人山人海，但自爆發肺炎疫情後，人潮明顯減少，尤其在公主郵輪淪陷後，情況更為險峻，遊客似乎因害怕船艙密閉，連交通船也不敢搭。
洪豪昇說，交通船是遊客登上小琉球島的唯一途徑，換言之，遊客不敢搭交通船，也就是無法登島，而小琉球沒了遊客，民宿業者只好喝西北風了，據悉，目前民宿的退房率高達3成，整體訂房率不到5成，以距離清明連假僅剩2周來看，狀況非常不好，往年同期已是一房難求。
為此，他欲向遊客喊話，交通船與郵輪不同，「真的不是密閉空間」，且乘船時間僅20分鐘，再者，船公司在遊客登船前都會進行額溫監控，一旦有人發燒都是拒載的，加上島上空曠又無工廠、空氣清新，絕對是現階段國旅的好去處。</t>
  </si>
  <si>
    <t>近期居家檢疫、居家隔離常傳出有列管民眾趴趴走的情事發生，為落實政策，中央流行疫情指揮中心今天表示，已在本月20日召開地方政府執行居家檢疫及居家隔離措施協調會議，將於3月1日起推出「地方政府居家檢疫及居家隔離關懷服務計畫」，強化指揮體系、第一線人員的橫向聯繫，以及各項策略分工及諮詢整合專線的建置，預料能降低民眾對居家檢疫的排斥。
指揮官陳時中表示，「地方政府居家檢疫及居家隔離關懷服務計畫」，是由22縣市共同推動，重點包含對象關懷、就醫協助、交通安排、生活支持及專線服務等，預計於26日規劃完成，並於3月1日開始運作，以確保民眾於居家檢疫及居家隔離期間能獲得各項生活、心理、及就醫的幫忙，降低民眾對居家檢疫及隔離對象的對立。</t>
  </si>
  <si>
    <t xml:space="preserve">印度有一名少年阿南德(Abhigya Anand)，本身是一名占星師，去年8月在YouTube上傳了一傳影片，竟成功預測到新冠肺炎疫情爆發。近日，他又再度上傳影片並提到，另一場更嚴重的災難將會在2020年12月20日降臨，直到2021年的3月底才會結束。
阿南德去年8月上傳了一段影片《2019年11月到2020年4月嚴重的災難降臨世界》引起了關注，他透過占星術預言全球將遭遇重大危險，且高峰會在3到4月，在5月29日後，流行疾病會逐漸消緩，然而疫情不會完全結束，6月底前不會有好消息。上述一切完全符合現今的狀況。
接著，阿南德又上傳了一支新影片提到，另一個嚴重災難會在2020年12月降臨，這次的災難會比新冠肺炎更為嚴重，時間將會持續到2021年3月。他強調，我們必須獲得免疫才有辦法保護自己，因此需要及早做準備。
同時阿南德也呼籲，人類必須停止殺害動物和地球，否則人類只會面臨地球給予的懲罰。
</t>
  </si>
  <si>
    <t xml:space="preserve">屋漏偏逢連夜雨！美國密西根州除了得應付新冠肺炎疫情，州長惠特莫19日宣布，密德蘭郡（Midland）進入緊急狀態，因為該郡境內的艾登維爾與山佛德兩座水壩，抵擋不住連日暴雨竟然潰決，導致大水灌入農田街道釀災。
#BREAKING: Evacuation orders issued for areas in and around the city of Midland, Michigan following the collapse of the Edenville Dam. pic.twitter.com/sNMtMNJ73D
Devastating flooding near Midland. We’re as East far as we can go on Isabella Street... which is partially flooded itself. These pictures don’t do it justice. Homes behind me are in at least three feet of water. If you have not evacuated, call 911 and please get out. @WOODTV pic.twitter.com/dvWZgyJzcL
目前無人因大水死傷，當地已疏散3千5百戶，超過萬人，惠特莫警告，「在之後的12到15小時，密德蘭市中心恐怕會泡在2.7公尺深的大水中。」
美國國家氣象局（NWS）表示，密德蘭的提塔巴瓦希河，以及鄰近史特林的來佛河都會受洪水威脅，並告知河川下游居民應盡量往高處避難。
</t>
  </si>
  <si>
    <t>新冠肺炎疫苗陸續到貨，台南市大新營區各衛生所，經常湧進大批人潮施打疫苗，近日秋老虎發威，每天氣溫飆到35℃以上，但新營、後壁區衛生所因室內腹地小，民眾只能在戶外等候，台南市議員蔡育輝不忍心看著民眾在烈日下排隊，還搬來電風扇、礦泉水幫民眾解暑氣，呼籲台南市政府應盡速改善施打環境。
蔡育輝指出，新營等地衛生所空間狹小，像上周10月2日那天，一整天下來有上千人要施打疫苗，鄉親卻得在戶外悶熱的帳篷下排隊等待，而打完疫苗後，也得在戶外觀察是否有異狀，民眾熱到受不了，他還搬來6支電扇和50箱礦泉水，讓民眾「消暑」，不過整體環境還是太差了。
蔡育輝提到，疫情爆發已久，他也曾提案要求市府改善，但曾經是縣治所在的新營，卻受到「二等市民」待遇，叫人情何以堪？新營應該有許多具備空調的學校活動中心可借用，若遇到上課日會造成師生不便，那也還有民治市政中心內的南瀛堂可供運用。
蔡育輝說，全球因為新冠肺炎而病故的人數，目前已高達500萬人，隨著台灣向國外訂製的疫苗陸續到貨，未來打疫苗將成常態，他要求南市府應通盤檢討，全面改善施打環境。
台南市副市長趙卿惠回應，這個月有莫德納、BNT、 AZ及高端4種疫苗要打，因此選擇施打疫苗的場地時，得考量施打的程序與時間，以及人力調度安排等；但她允諾，之後一定會盤點有沒有其他更適合的施打地點，再來做調整。</t>
  </si>
  <si>
    <t>中央流行疫情指揮中心今(23)日公布新增國內290例COVID-19確定病例，分別為287例本土及3例境外移入(案4023、案4227、案4228）。另有170例本土個案為校正回歸上週各日個案。確診個案中新增6例死亡（案1912、案2384、案2483、案2986、案3304、案3417）。
指揮中心表示，今日新增之287例本土病例，為138例男性、149例女性，年齡介於未滿5歲至90多歲，發病日介於今(2021)年5月6日至5月22日；個案分布以新北市142例最多(以板橋區32例為多)，其次為臺北市77例(以萬華區38例為多)，桃園市23例，屏東縣、南投縣各8例，宜蘭縣6例，基隆市、臺中市及彰化縣各5例，臺南市2例，花蓮縣、嘉義市、嘉義縣、新竹縣、新竹市、雲林縣各1例。校正回歸個案170例中，為84例男性、86例女性，年齡介於未滿5歲至80多歲，發病日介於4月25日至5月22日；個案分布以臺北市88例最多(以萬華區48例為多)，其次為新北市73例(以板橋區17例為多)，彰化縣6例，宜蘭縣、新竹市及雲林縣各1例。綜上所有個案，其中萬華活動史相關161例、茶藝館相關25例、某社團相關5例、某水果商相關11例、其他已知感染源119例、關聯不明70例、疫調中66例。相關疫情調查持續進行中。
指揮中心說明，新增6例死亡個案，為5男(案1912、案2384、案2986、案3304、案3417)1女(案2483)，年齡介於50多歲至80多歲，發病日介於5月10日至5月20日，確診日介於5月17日至22日，死亡日介於5月20日至21日。上述6名個案，除案2483外，餘5人皆有慢性病史。
指揮中心指出，新增3例境外移入病例中，案4023為印尼籍20多歲男性漁工，今年5月8日自印尼來臺工作，持有搭機前3日內檢驗陰性報告，在臺期間並無症狀，入境後至集中檢疫所檢疫，5月21日進行檢疫期滿前採檢，於今日確診。案4227為菲律賓籍40多歲男性移工，5月7日自菲律賓來臺工作，持有搭機前3日內檢驗陰性報告，在臺期間並無症狀，5月22日檢疫期滿後自費採檢，於今日確診。案4228為丹麥籍40多歲男性，曾於3月30日在丹麥當地檢出COVID-19陽性，4月17日自丹麥來臺工作，持有搭機前3日內檢驗陰性報告，在臺期間並無症狀；因要再次出境，5月22日自費採檢，於今日確診(Ct值30)。
指揮中心統計，截至目前國內累計351,999例新型冠狀病毒肺炎相關通報(含312,689例排除)，其中4,322例確診，分別為1,111例境外移入，3,158例本土病例，36例敦睦艦隊、2例航空器感染、1例不明及14例調查中；另9例(案530、案1589、1676、1591、1886、2067、2068、2528、2530)移除為空號。確診個案中，23例死亡。
指揮中心再次呼籲，民眾應落實手部衛生、咳嗽禮節及佩戴口罩等個人防護措施，減少不必要移動、活動或集會，避免出入人多擁擠的場所，或高感染傳播風險場域，並主動積極配合各項防疫措施，共同嚴守社區防線。</t>
  </si>
  <si>
    <t xml:space="preserve">大陸防疫專家、國家衛健委高級別專家組組長鍾南山院士團隊，發表最新研究文章，預測新冠肺炎在大陸2月下旬達高峰，對於疫情防控，應嚴格實施至4月底。
鍾南山團隊預測，大陸疫情在2月下旬達到高峰，4月底趨於平緩，公共衛生干預措施有效控制疫情發展，但嚴格的防控措施，像是早期篩查，最好實施至4月底，若政府繼續嚴格實施管控，並提高診斷水平、推出藥物，那疫情將得到最大控制。
團隊指出，若管控措施慢5天實施，大陸的疫情規模將擴大3倍，如果減低對武漢的控管力度，湖北可能會在3月中旬出現第二次疫情高峰，並延續至4月下旬。
</t>
  </si>
  <si>
    <t>滿12歲但未滿18歲的高中、國中生將從23日起開始施打BNT疫苗，根據教育部今晚公布的最新統計，共139萬5056個學生符合打疫苗資格，而同意接種人數達129萬8861人、占93.10％，願意接種比例相當高。
學生願意接種比例最高的是桃園市的96.95％，其次是彰化縣的95.41％、新竹縣94.80％、、新北市94.50％、金門縣94.35％及台北市的94.05％。
學生願意接種比例最低的是台東縣的77.62％，其次是花蓮縣87.37％、連江縣88.59％及嘉義縣89.00％。</t>
  </si>
  <si>
    <t>中央流行疫情指揮中心預定今天發布「大型活動指引」，擬建議大型活動暫緩舉辦，有立委詢問歲時祭儀是否要暫緩，原民會主委夷將‧拔路兒說，會針對疫情期間內的歲時祭儀評估，但他強調，但大多的歲時祭儀仍是在戶外，原鄉也沒有確診疫情。
受到大型宗教活動陸續停辦或延期，如大甲媽祖遶境、白沙屯媽祖遶境等陸續暫停或延辦，而依台灣原住民族資訊資源網指出，達悟族會在3月舉行招魚祭、飛魚祭，布農族會在4月、5月舉行射耳祭，賽夏祭會在4月舉行播種祭、祈天祭，邵族會在4月舉行播種祭等歲時祭儀。
到底要不要暫緩舉行？夷將表示，針對最近的歲時祭儀做評估，認為大多的歲時祭儀都是在戶外的，而目前在原鄉沒有確診疫情，部分祭典如本周六鄒族的祭典原本有開放遊客參與，族人希望在疫情期間不要讓遊客參加，希望在疫情尚未控制的期間，能採用這樣的模式。
至於許多原住民會在周末上教會，夷將說，教會是重要的信仰中心，教會屬密閉式的空間，「依衛福部建議應要配戴口罩」，尤其有感冒等症狀更要帶口罩，也已向牧師及神父宣導。</t>
  </si>
  <si>
    <t xml:space="preserve">新冠肺炎疫情在日本快速蔓延，原定於7月開幕的東京奧運能否如期舉行還在未定之天。著名旅台日人「日本人的歐吉桑」紛絲頁版主直言，如果真的辦不成奧運，日本經濟可能會很慘，「經濟真的死定了」。
據《東網》報導，著名粉絲專頁「日本人的歐吉桑」版主為居於台灣的日本人，他在粉絲頁上指出，這幾年日本經濟不佳，日本人仍能努力撐下來，就是因為有東京奧運，因為大家深信奧運將會帶來豐碩的經濟效益，所以投入了大量的資源。如果取消奧運，很多日本公司可能要倒閉。
他表示，由於新冠肺炎疫情重創許多產業，旅遊業尤其嚴重，若奧運無法舉辦，日本經濟真的「死定了」。
報導指出，日本至今共4次申辦或主辦奧運，第1次申辦1928年的東京奧運，遇到了關東大地震；第2次主辦1940年的東京奧運，因日本侵華被取消主辦權，後由芬蘭接辦，但最後仍因二戰爆發而停辦；第3次主辦1964年的東京奧運，當時相首岸信介在安保條約後，因日本學運大暴動下台；第4次主辦2020年的東京奧運，目前陷入新冠肺炎疫情的麻煩。
國際奧委會資深委員龐德亦承認，如果新冠肺炎疫情在5月底前不能得到控制，東京奧運可能要取消。最新預測認為，2020東京奧運會的各項投資已高達250億美元(約合台幣7630億元)，東京奧運會若被迫取消，將對日本造成龐大經濟損失。
東京奧組委去年底公布，單是場地開支已達67億美元，酒店業亦投資數10億美元進行裝修。一旦奧運會取消，相關設施頓成「大白象」，未能創造收入之餘，未來的維修開支更帶來沉重負擔。
報導說，除了硬件外，因應奧運會帶來的門票、電視轉播、商業贊助、周邊商品收入亦會化為烏有，更可能面臨違約賠償及保險索償等「蘇州屎」(粵諺語「爛攤子」)。難怪有分析員慨歎，東京奧運若辦不成，日本分分鐘面臨「破產級」的危機！
</t>
  </si>
  <si>
    <t>一場看不到敵人、也看不見盡頭的戰爭，2020新冠漢肺炎全球數百萬例確診、死亡人數超過30萬，為什麼台灣守得住？這令全球稱羨的祕密關鍵是什麼？
【精彩書摘】包機結
早在一月二十五日，蔡英文即指示研擬包機赴大陸撤僑；二十七日海基會即發函海協會，要求協助武漢台人返台；但海協會始終已讀不回。
直到一月二十九到三十一日間，各國紛紛派包機到武漢撤僑；加上武漢傳出台商確診，武漢政府才緊急安排台灣民眾返台。
台灣政府指派行政院副院長陳其邁全權負責首班包機接機事宜，眼見班機就要降落，他急得像熱鍋上的螞蟻，於是把腦筋動到昔日同事、台中市長盧秀燕身上，並與台中市衛生局長曾梓展通電話，這兩位都是他可以說得上話的人。最終在台中找到檢疫所，連同烏來、林口兩處，備妥三處檢疫所。
按事前雙方協議，我方提出的名單必須與包機名單進行核對之後，才准許登機；但陸方直到登機前一刻，才丟出登機名單，人數不僅多出許多，還都是英文名字。我方立刻喊停，無奈包機已飛上大陸領空，只有二成多符合我方所提的優先名單。
兩岸角力戰接著開打，二月六日台灣宣布暫緩陸籍人士來台。直到蔡英文提出「橫濱模式」，雙方各自妥協後，由東航、華航執飛第二班武漢包機。
據前往接機的八里療養院護理長賴碧蓮觀察，接機過程中，雙方工作人員相敬如賓，似乎深怕斷了下一班包機的生機。當國人看見他們前來接機，有人高興得跳了起來；連東航地勤人員都衝著他們喊：「他們是來接你們的，是你們自己人！」
與華航乘客事先可穿好隔離衣登機不同，東方航空不准醫、護人員將裝備帶上機。賴碧蓮於是和夥伴上演諜對諜戲碼，先將四箱裝備慢慢挪移到登機口，並暗示國人東西就放在那裡，她們有把握利用登機時短暫空檔，教會他們怎麼穿隔離衣。
抵達台灣後，她原以為時間已晚，陳時中部長接完華航包機，應該不會出現；沒想到，當他們穿過長廊，陳時中竟從黑暗中鑽出來，部長一句：「辛苦了！」令他們感動到說不出話來。他們倚著部長合照，護理師擔心臉上的口罩勒痕，讓她們變醜，陳時中回答：「這是妳們光榮的印記、歷史的一刻！」
（本文摘自《戰疫：鐵人部長陳時中與台灣抗疫英雄們》／時報出版）
【作者簡介】
黃光芹
一九六五年生，外省第二代，政治評論員、作家。一九八八年進入新聞界，曾任職於：台灣新生報、自由時報、新新聞周刊、TVBS電視台、衛視中文台、三立電視台、時報周刊；曾擔任記者、資深記者、總策畫、節目組長、撰述委員、採訪組副主任、政治組召集人、副總主筆。</t>
  </si>
  <si>
    <t>新北市長侯友宜今（13日）下午主持疫情說明會，針對轄內17萬學生接種BNT疫苗，侯友宜表示，已與各校長充分溝通，接種後全校採居家線上授課1至2日，確保學生身體健康，若學生仍有不適，可續請疫苗假不列入出缺勤紀錄。
侯友宜說，大家都很關心孩子打疫苗的事情，轄內有17萬學生將在22日入校集中接種，市府擔心學生陸續接種後的身體變化，已與各校校長討論，接種後全校採線上授課，讓家長可以隨時關心孩子的身體狀況。
另外，他也呼籲校方注意幾點，包括：接種BNT布置友善接種環境、說明接種程序及衛教宣導、適時安撫情緒，接種後留觀休息30分鐘，接種後2周內避免劇烈運動，侯友宜說，校方面對疫苗接種除了要更應該戒慎恐懼外，也要做好演練、安排，避免任何狀況發生。</t>
  </si>
  <si>
    <t xml:space="preserve">大陸新冠肺炎疫情緩和，各地開始陸續復工，武漢今日正式解封，市場人士預期，大陸水泥行業最艱難時刻已過，水泥市場需求及水泥價格第2季可望開始回升。今日水泥股多頭氣勢如虹，水泥雙雄的亞泥(1102)狂飆逾6%、台泥(1102)漲幅超過2.7%，嘉泥(1103)及環泥(1104)等紛紛聯袂揚升，水泥類股指數大漲在4%以上，成為盤面上強勢的人氣焦點。
亞泥在大陸的主要生產基地所在華中地區，隨著四川、江西各廠的復工，產能利用率逐步增加，到3月下旬，已達四成水準，湖北廠可望在4月復工，產能利用率將進一步拉升，亞泥營運將再度回溫，今日股價以40元開出，盤中最高曾衝至42.6元，漲幅在6%以上。
大陸水泥市場受疫情影響，台泥所在的華南、西南地區發貨量降低，但隨著3月復工，當地水泥市場漸漸恢復穩定，水泥價格回穩，法人預期，台泥第2季營運將漸回到成長軌道。台泥2019年EPS 4.43元，將配發2.5元現金股利、0.5元股票股利，今日股價開高走高，中場過後，盤中漲幅逾2.7%。
</t>
  </si>
  <si>
    <t xml:space="preserve">受到嚴重特殊傳染性肺炎(COVID-19)疫情影響，COMPUTEX 2020（台北國際電腦展）確定延期至9月舉辦，且9月28日至30日僅三天，天數也縮減。COMPUTEX 2020將呈現5G與通訊、智慧解決方案、電競及創新等主題。
新冠肺炎疫情擴散，目前已累積超過30萬人確診、分布於全球167國，已嚴重衝擊經濟、貿易、交通運輸與會展觀光等各行各業。COMPUTEX主辦單位外貿協會秘書長葉明水及台北市電腦公會總幹事杜全昌23日共同宣布，基於維護參展廠商及參觀者的健康與安全，顧及參展效益與維繫COMPUTEX品牌形象，原訂今年6月2日至6日舉辦的COMPUTEX，將延期至9月辦理。
為了持續服務全球有需求的參展廠商及買主，今年COMPUTEX將延期至9月28日至30日，於台北南港展覽館2館舉行，將呈現5G與通訊、智慧解決方案、電競及創新與新創（InnoVEX）等重點主題。依據麥肯錫最新疫情報告，中國與東亞的疫情在第2季初期會受到控制，歐美地區疫情也會在6月趨緩，外貿協會將透過全球63個駐外單位加強洽邀全球買主來台參觀9月的COMPUTEX。
針對持續力挺COMPUTEX的國內參展廠商，主辦單位將於6月原檔期期間，在台灣經貿網辦理COMPUTEX線上展覽，廣邀全球買主參加視訊採購洽談會，及邀請國內外指標廠商進行線上新產品發表會，同期將邀請國內外資通訊指標性業者，以Webinar型式分享5G與AIoT等智慧科技應用與最新趨勢。
</t>
  </si>
  <si>
    <t>瑞智精密上半年出貨訂單因新冠肺炎疫情而延後至第三季釋出，加上大陸實施空調新國家標準能效，促使大陸空調業出清庫存，造就第三季營運傳捷報，銷量及合併營收雙雙創同期新高。瑞智10月進入外銷歐美旺季，目前接單優於9月，今(12)日將參加元大證券主辦法說會，說明第四季營運展望。
瑞智9月壓縮機銷售150.56萬台，月增1.42％，年成長7.04％，但受限客戶砍價，營收並未隨銷售增長而同步增長，反而呈現負成長。9月合併營收14.36億元，月減0.25％，年減3.37％。第三季銷售台數487.76萬台，年增幅35.72％；第三季合併營收46.29億元，年成長16.59％。前三季累計銷售1,399.61萬台，年增2.81％，締造歷史次高；前三季累計合併營收141.09億元，年減8.89％。
瑞智主管表示，7、8月大陸空調業者拉貨強勁，9月下旬逐漸進入歐美外銷旺季，銷售台數回升，第三季銷售量及合併營收，雙雙改寫同期歷史新高，呈現淡季不淡。
瑞智主管表示，當前全球市場仍受新冠肺炎疫情蔓延、中美貿易摩擦等不確定因素影響，瑞智持續觀望市場機會，隨時因應市場波動。不過第四季進入壓縮機外銷歐美市場旺季，睿智10月接單超過160萬台，勝過9月，大陸廠配合十．一長假放8天假，生產出貨是否受影響，還要看後續出貨而定。</t>
  </si>
  <si>
    <t>高雄市阿蓮區長佑醫院不敵新冠肺炎疫情波及，將在4月底暫時停業，院方並證實，因受疫情影響，病患不敢上門做復健，嚴重影響醫院收入及營運，經考量後決定暫時辦理停業，未來將視疫情狀況再決定是否復業或歇業。
長佑醫院在阿蓮地區經營將近25年，目前設有外科、復健科，醫療人員約20人，長期以來提供偏鄉醫療服務，再加上阿蓮、田寮多為務農人口，而且多是年長的長輩，常常前往復健科門診看診。
地方人士指出，長佑醫院是阿蓮區和田寮區唯一的地區醫院，由前高市議員李長生創辦，由於近年醫學中心與區域醫院增加，院內規模及科別漸漸縮減，今年來受到新冠肺炎疫情衝擊，門診病患確實較以往減少許多。
不過地方也盛傳，院長蔡文中早於2017年就曾以年邁為由，打算退休歇業，有意退休歇業，相關歇業傳聞也在當地社群網站引起不少討論。
長佑醫院總務主任梁武成證實，醫院的確受到新冠肺炎疫情影響，病患不敢上門做復健，4月底將暫時停業，該院醫護人員近日已紛紛向醫政單位辦理離職。</t>
  </si>
  <si>
    <t>東京奧運即將7月下旬開幕，台灣運彩已獲主管機關體育署政策支持放寬獎金支出率上限，未來將開出逾16種投注項目。台灣運彩表示，為了力挺國手為國爭國及炒熱投注氣氛，運彩推出新力挺辦法，從即日起到8月8日（日）台灣國手每得到一面金牌即抽100萬元現金得主，希望讓更多民眾關注選手們在競技場上的精彩表現，一起幫選手奪牌讚聲! 台灣運彩表示，2020年東京奧運7月23日（五）即將開幕，台灣運彩全力開盤相挺，預計將16種以上的運動種類納為投注標的，包含中華隊奪牌熱門的項目，例如舉重、射箭、跆拳道等，及普受大家喜愛的棒球、籃球、足球、排球等團體項目，希望帶動更多民眾關注選手們在最高競技殿堂的精彩表現，一同為中華隊加油，也為選手的精采表現喝采。
為增進國人對於體育賽事之關注，體育署特別專案方式核准台灣運彩獎金支出率免予適用 78％上限及政府盈餘依比例分攤超額獎金，以提高奧運賽事投注之吸引力，增加之銷售額亦可挹注運動發展基金收益，作為政府培育、照顧運動人才及協助產業發展之用。
台灣運彩表示，奧運賽事屬綜合性運動賽會，非常態性職業運動賽事，相關統計資料不易取得，開盤財務風險高，特別感謝體育署政策支持放寬獎金支出率上限，將會提供豐富的項目及玩法讓民眾參與盛會，這次可投注的項目是以國人喜愛的團體賽以及台灣選手參賽的項目為主。
另為回饋給用投注挺體育的消費者及號召大家一起為中華代表隊加油，台灣運彩表示，從即日起到8月8日（日）規劃「台灣英雄來奪金 運彩乎你抽現金」活動，獎項包括價值約5萬元的限量版紀念金幣20枚以及10萬元現金10份，另外還加碼「奧運奪牌獎」，也就是，台灣國手每奪一面金、銀、銅牌，就加碼抽出100萬元、30萬元、20萬元現金，台灣奧運國手奪牌數愈多，加碼抽出的現金就愈多，而且獎金無上限。
由於目前國內新冠肺炎疫情嚴峻，中央流行疫情指揮中心宣布防疫三級警戒延長到今年7月12日，為因應疫情，台灣運彩全新推出「Mobile ID」會員申請服務，大家待在家裡就可以上網申請成為網路會員及進行線上投注。</t>
  </si>
  <si>
    <t xml:space="preserve">All because of toilet paper 🤦🏻‍♂️🤦🏻‍♂️ pic.twitter.com/XGtLeXrKJ5
疫情蔓延的恐慌下，各國開始出現日用品搶購潮，像是美國好市多貨架被清空、瘋狂搶購物資，以備未來宅在家使用。最近澳洲更發生一起超市鬥毆事件，一名黑人女子伸手拿了別人推車裡一袋衛生紙，被當事人抓包想拿回來，但黑人女子不願，開始拉扯對方頭髮，這對母女為了掙脫而反擊，3人扭打成一團有如MMA（綜合格鬥）戰場，互不相讓。
這場大戰發生在澳洲雪梨丘洛拉區（Chullora）的一間沃爾沃斯超市，該超市祭出限購令，每人只能買4袋衛生紙，許多人早在超市開門前提早排隊，直衝貨架開搶，但一名黑人女子似乎是太晚來沒搶到，便從隔壁推車順手劫一袋走，被該推車的母女發現，黑人女子堅持不還，打成一團，互扯頭髮、尖叫、攻擊、撞貨架，格鬥現場一堆人圍觀、錄影上傳推特。
推特影片中，超市職員急忙上前，隔開兩組人馬，最後黑人女子一包也沒搶到，哀求人家「我只想要一包」，但對方表示「一包也不給你」、「請離我女兒遠一點」，火藥味濃厚幾乎再次開戰，幸好被職員勸阻了。
</t>
  </si>
  <si>
    <t xml:space="preserve">台北市好心肝診所昨日傳出深夜施打新冠肺炎疫苗，不少民眾拿著健保卡排隊接種，對此，指揮中心回應，現階段新冠肺炎開放公費接種對象，都需依照指揮中心公布順序施打，違者可處30萬至200萬罰鍰，已請北市衛生局進行了解及處理。另外，好心肝則表示，昨晚施打AZ疫苗的是醫療相關人員的志工，沒有針對一般民眾施打。
前立委、醫師林靜儀昨（8）日在臉書質疑，凌晨12點多，「為什麼台北市某診所依然燈火通明？某醫院據說打不完的疫苗難道由診所幫忙消耗嗎？」更傳出施打對象根本不符合指揮中心公布的第一類至第三類人，引發網友熱烈討論。黃珊珊則回應，有配發疫苗到合約診所，若施打對象非第一類至第三類人員，將會依法開罰。
指揮中心也重申，新冠肺炎疫苗現階段開放的公費接種對象，以雙北地區屬於第一類至第三類未曾接種第一劑疫苗的醫事、防疫人員及高接觸風險者為優先接種對象；雙北以外之縣市，則以未曾接種疫苗的第一類醫事人員為接種對象
指揮中心表示，已請北市衛生局了解及處理，如經查執行其接種作業有違指揮中心相關接種政策或實施對象者，可依傳染病防治法第29條處以30萬至200萬罰鍰，也再次強調中央與地方「標準一致、做法一致、腳步一致」防疫原則，並請各地方政府及醫療院所依據指揮中心所訂新冠肺炎疫苗接種順序，進行施打。
對此，好心肝門診人員今日受訪時表示，昨晚確實有打，但是給門診醫療相關人員的志工施打新冠肺炎疫苗，且很多都有符合醫事人員，強調是「醫療人員的相關志工」。
好心肝門診人員說，目前，沒有針對一般民眾施打，昨天晚上門口大排長龍是醫療相關人員的志工在施打，不知道為何媒體報成這樣。
好心肝表示，其餘很多民眾是打肺炎鏈球菌疫苗，志工是打新冠肺炎疫苗，是相關志工的，診所沒有開放一般民眾施打。並說自己是合約醫療院所。
由於外傳好心肝門診的新冠肺炎疫苗來源是台大醫院，對此，台大醫院也發嚴正聲明：「本院絕無將COVID-19疫苗轉移至任何其他機構，目前仍持續進行醫療人員施打作業」。
</t>
  </si>
  <si>
    <t>隨著NBA在復賽前針對各隊進行全面性新冠檢測，接下來每天就等看誰中標！國王昨天一口氣確認賈巴利帕克、希爾德與艾力克斯連等3名球員感染新冠肺炎，也都隨即進行隔離，溜馬主控布羅格登也被檢測出新冠陽性反應。
先後爆出3名國王球員確診新冠肺炎消息的是《The Athletic》權威記者查拉尼亞，這3名球員也在昨天透過聲明坦承自己感染新冠肺炎，其中希爾德堪稱國王主力戰將，畢竟他不僅拿下今年三分球大賽冠軍，場均更可拿下19.8分。
賈巴利帕克與艾力克斯連都是今年2月透過交易來到國王的球員，真正效力國王時間都不久。國王列在參加奧蘭多復賽的22支球隊中，也跟灰熊、拓荒者、鵜鶘、馬刺、太陽等隊爭搶西區第8種子位置，整體戰力仍受影響。
不過目前距離復賽開打時間，也就是7月31日，還有整整1個多月，聯盟會挑在當前進行全面性新冠檢測，就是期望可以真正在奧蘭多打造一個封閉比賽環境，目前3名球員都在進行隔離治療當中，病情也都不嚴重，應可趕上復賽。
甚至國王也做好備案，前天突然宣布簽下本季都沒上過場的布魯爾，就是聽到陣中可能出現多名確診球員，才會趕緊簽下布魯爾以防萬一，布魯爾上次打NBA是在2018-19年球季，當時就曾短暫效力過國王，當作替補射手毫無問題。
至於溜馬主控布羅格登昨透過官方推特發表聲明，確定自己感染新冠肺炎，他先前曾上街頭參加「黑人的命也是命（BLM）」抗議遊行，而且都沒有保持社交距離，可說做出最差示範，但根據他的聲明看來，應可順利趕上本季復賽。</t>
  </si>
  <si>
    <t xml:space="preserve">台灣境外移入爆風成長8例，讓「漂浪島嶼--munch」也在臉書發聲，防疫部應該只是參考性質，應該要有強制力，來遏止鑽法白目，也呼籲大家別讓阿中部長輸在龜兔賽跑的最後一哩路。
臉書粉專「漂浪島嶼--munch」貼文指出，台灣因為第一時間就對大陸發布旅遊警示，因此成功守住第一波，但對歐美和他國卻僅有旅遊警示，未禁止入團、出團，使得防疫破口顯現，確診數激增，讓人擔心社區傳染發生。
漂浪島嶼--munch表示，防疫應具「法治力」，而非只具「參考性質」的旅遊警示的而已，也不該只是出國警告的「道德勸說」，讓人民無法可循、出現鑽法白目。前期防疫嚴密，切勿在後期破功，政府必須徹底授權，該嚴禁往來的，就不分國別，一切以防疫為重。
漂浪島嶼--munch也說，「別讓陳時中眉頭深鎖，在防疫的龜兔賽跑中，輸在最後一哩路上，甚至折損一位大將！」
</t>
  </si>
  <si>
    <t xml:space="preserve">陸委會今（19）日下午召開記者會，媒體問到滯留湖北台灣人何時可以返台？陸委會發言人邱垂正表示，仍然維持須包機返台、集中檢疫的政策不變。
媒體問到，滯留湖北台灣人的註記可否取消？可否從武漢離開，可否入境？法源依據？陸委會發言人邱垂正指出，陸委會是依據中央疫情指揮中心2月25日發布的措施要點為依據，仍然維持必須使用包（專）機返台，集中檢疫。
至於滯留湖北台灣人可否個別返台？邱垂正表示，目前湖北還是封城，離開當地需要健康證明以及外省目的地接收許可，風險還是很高，因此仍維持之前的決定。
</t>
  </si>
  <si>
    <t>針對新冠肺炎疫情衝擊，高雄市長韓國瑜9日主持完防疫會議後表示，將指定市區及郊區各1所學校，立刻測試遠距教學；另也研議異地上班可能，已請人事處、研討會立刻研究，將找一個單位作測試壓力。另外，也通過校園「新禮貌運動」，人與人之間保持1公尺左右距離。
韓國瑜表示，今天是第11次防疫會議，會中決定將立刻測試遠距教學，檢視師生、設備準備好了沒？將在市區、郊區各找1間學校，立刻實施遠距教學，從測試過程檢討有無需要改善之處。
韓國瑜也提到，針對異地上班及居家上班，也請人事處、研討會立刻開始研究，要做1場測試壓力，找1個單位實施異地上班、居家上班，但當中恐怕出現很多問題，包括上班品質會不會改變、上班打卡、上下班的時數，以及長官部屬橫向聯繫之間有沒有辦法準備完善，將一一檢討改善。
韓國瑜表示，今也通過「新禮貌運動」，希望人與人之間保持1公尺左右距離，小朋友下課之後，也會請學校多鼓勵小朋友到操場多走一走、多曬太陽，不要再繼續窩在教室裡。
衛生局長林立人指出，辦公模式應變機制已做檢討，各局處開始盤點會議模式，哪些核心會議必須進行，哪一些可以暫緩，而未來若隨著疫情發展，社區傳播到達一定規模，將提早部屬做準備，啟動各級視訊或雲端會議因應。</t>
  </si>
  <si>
    <t>全國疫情未見降溫，三級警戒是否「二度延長」至6月28日，成為各界關注話題。不過下周端午連假就要來了，為防堵病毒流動，各界紛紛呼籲異鄉遊子耐住思鄉之情，別衝動回老家，連中央流行指揮中心今（6）日下午都出面，呼籲國人盡量「減少移動」，對此有PTT網友忍不住上網發問「開車返鄉總可以吧？」貼文一出隨即引發熱議，有高人一語戳破盲點，反問「你怎麼能確定你身上沒病毒？」
根據PTT該貼文內容，原PO針對端午連假返鄉的議題提出疑問，表示疫情警戒既然未升四級，政府也沒有宣布封城、封高速公路，那避免搭乘多人群聚，空間又密閉的大眾運輸，改「開車、租車返鄉總可以吧？」
話鋒一轉，原PO認為大家防疫能謹慎，但別過度緊張，因為現在很多通勤族已經全天戴口罩，移動範圍只剩租屋、公司兩點一線，如今北漂青年想返鄉，卻被抨擊是「北毒南送的不肖子」，這讓原PO不禁直言「維持平常心才有辦法再撐個一年兩年啦，語畢，誰同意誰反對？」
不過這則文一出，立馬遭大批網友留言反彈，先後疾呼「你想冒著無症狀的風險那就返鄉吧，記得盡量少接觸他人」、「誰知道你是不是無症狀感染者」、「你怎麼能確定你身上沒病毒」、「就跟你說不要探親訪友了，回去就別再回來」、「我怕我自己是無症狀帶病毒回家孝順父母，萬一中了，鄉下人高概率會亂唾棄家人」。
由此可見，為落實防疫措施，確實遏止病毒擴散，目前公路總局已緊急取消連假客運85折優惠，希望減少台灣人口流動，而高鐵則針對「尖峰時段載客率超過2成」的車次進行換、退票手續，協助人流分散，又台鐵公布退票率達7成6，預估端午連假售票張數可壓到3萬張以下。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口罩國家隊接連爆出假MIT事件，引發民眾退貨潮，不過竟然有網友表示，要感謝第一個被抓到做假MIT口罩的加利科技廠商，引起網友好奇，原因曝光後，網友笑說：「太尷尬了吧」。
原PO在PTT貼文指出，口罩國家隊近來接連遭踢爆混充假MIT口罩，但他卻說「其實認真說起來，是不是應該要感謝加利」，他認為是因為加利被查到之後，政府開始積極介入調查，才發現有這麼多不肖廠商，進一步往後查到更多家。
貼文曝光後引起網友熱議，紛紛回應「確實加利是引爆點，但說要感謝也太尷尬了吧」、「說起來也尷尬，沒爆出第一間，也真的不會查出後面的」、「支持政府繼續查下去…但不至於到感謝」；也有人嗆「那有沒有想過，都不要做這些事就好，哪需要查成這樣」、「政府要檢討管制措施，不是每次都要出事才在徹查，有啥用」。
第一家被查出MIT混充大陸製口罩、流入實名制市場的是加利科技，但負責人林明進受訪時強調，品質比台灣製的還好，政府下令徹查後，又查出「豪品」及「勤達醫藥器材公司」都有混充大陸製口罩及偽標狀況。
</t>
  </si>
  <si>
    <t>新冠肺炎(NCP)疫情不斷升溫，確診人數多達4萬起，造成全球人心惶惶，大陸72歲健身達人邱鈞，曾聲稱自己從未生病，豈料竟染上肺炎病逝。不少專家也表示，民眾防疫不僅靠口罩，「勤洗手」更是重要，近日一名日本網友就透露，在速食店打工11年，卻不曾生病過，獲得7.8萬人關注。
日本網友@kobuta_dq在推特提到，這是一個真實故事，他從高中一年級就在麥當勞打工，如今出社會轉為正式員工，期間總共11年，僅得過1次小感冒，原因就是「在工作中，必須每30分鐘就洗一次手」，讓他直呼洗手非常重要，「洗手是最有力的保護措施，多虧了您，高中3年還得了全勤獎」。
これ、マジな話なんですが、「就業中30分に1回の手洗いを義務付けている」マクドナルドで働いていた高校1年からの11年間（アルバイト→社員）は、1回しか風邪をひかなかったので手洗いは最強の防護策です。おかげさまで高校3年間皆勤賞でした。
這一篇PO文也獲7.8萬人按讚，表示「最有說服力的洗手論」、「浣熊防疫最強」、「這很有可能是原因之一。我也曾在餐飲業工作，需常戴口罩、手套，使用消毒洗手和用紙巾擦拭」、「洗手肯定有效。但如果您洗太多次，手會變得很粗糙，所以外出時我總是戴手套，因為搭車可能會接觸其他物品，回家後洗衣物」，但也有人認為，不僅要勤洗手，還得補充睡眠、運動及營養等，保持身體健康也很重要。</t>
  </si>
  <si>
    <t xml:space="preserve">受到美股走全面收黑影響，台股今早盤震盪走跌，一度摔下13200點，盤中則在權值股台積電等拉抬下，指數翻紅，接近午盤後一路走高，呈現量縮回穩，終場收在今日最高，指數收漲51.55點、報在13273.33點、成交量為1796.71億元；台股周線連二紅、本周上漲299點。
權值股今漸入佳境，台積電(2330)為留住人才，傳出明年將大幅調薪，終場收在今日最高，漲幅逾0.82%，報在462元，股王大立光(3008)早盤後股價翻紅，一路持穩走揚，終場收漲0.9%、報在3360元，鴻海(2317)法說對第四季營運釋出樂觀看法，並預期明年營收將恢復成長，惟今日市場並不買單，收跌0.61%。
除蘋概三雄的漲多跌少外，今其餘權值股方面，聯發科(2454)尾盤翻紅，小漲0.3%，華碩(2357)持續反應第三季財報大驚奇，續揚收漲0.8%。
傳產股中，今航運匯聚資金潮，長榮(2603)大漲3%，成交值僅次台股權王台積電，陽明(2603)也收漲逾1%，另外，造紙股今也相當強勢，士紙(1903)儘管累計前三季虧損，但受惠資產題材，股價上揚1%，永豐餘(1907)則是第三季營運業內外皆美，稅後淨利跳增至22.15億元、每股盈餘1.33元，帶動前三季稅後淨利倍增至41.17億元、每股盈餘2.48元，雙創歷史新高，股價強漲8%。
分析師表示，目前儘管全球新冠疫情持續蔓延，但由於疫苗研發有成，全球金融市場不受影響，考量現階段全球的資金寬鬆，加上新冠疫情有望逐漸緩解、以及未來景氣看升，外資連續買超台股，搭配第四季進入產業旺季以及法人作帳行情，建議持續偏多操作，技術面上，目前技術面短中期均線呈現多頭排列，KD及MACD指標維持多頭走勢，多方格局不變。
</t>
  </si>
  <si>
    <t xml:space="preserve">第二架從上海浦東機場起飛的類包機晚間抵台，中央流行疫情指揮中心指揮官陳時中親自到機場坐鎮指揮，由於指揮中心白天開例行記者會，報告最新疫情，晚上又接著要接應類包機，陳時中幾乎24小時未闔眼，面對媒體關心身體狀況，陳時中笑著以4字回應。
類包機214名乘客昨晚順利返台，陳時中連續兩天親自到現場坐鎮，許多網友都十分關心他的身體健康，擔心指揮官身體吃不消，面對記者詢問「好像越來越憔悴，是否會多休息幾天？」陳時中則大笑回應「應該沒有」。
陳時中離開時特地搖下車窗接受記者訪問，並簡單交代現場狀況，表示目前十分順利，整個流程沒有不尋常狀況。對於陳時中為防疫把關，幾乎24小時未闔眼，網友紛紛表示「他看起來真的很累」、「辛苦了，快點休息」。
</t>
  </si>
  <si>
    <t xml:space="preserve">美國總統川普周四說，他周五將召開「有關中國」的記者會，但並未提供任何細節，而這隨即導致市場下跌。
據CNBC新聞網28日報導，好幾個星期以來，美國政府指控中方新冠肺炎疫情初期掩蓋事實，不斷對北京加強施壓。川普甚至為了新冠病毒起源，還有美國嚴重的疫情，公開責怪北京。而這星期以來，由於中國大陸通過港版國安法，美國更嚴肅地加以應對。
美國國務卿蓬佩奧（Mike Pompeo）周三已向國會報告，宣布香港不再有自治地位，而這意味著未來它也將不再享有特殊待遇。以往川普和大陸打貿易戰時，香港之所以能避開懲罰性關稅，都拜這特殊地位之賜。
美國國會去年底通過香港人權與民主法，求華府制裁侵犯香港基本自由與自治的中國大陸與香港官員，並要求國務院和其他美國政府機構每年審查，以確定香港政治地位的變化，是否有足以改變美國與香港之間特有的貿易關係。
對投資人來說，川普周五宣布取消香港的特殊待遇，將是最壞的結果。至今川普始終不願對北京採取行動，以免緊張的美中關係演變成徹底對抗。川普身為總統，強烈意識到美中互相依賴，大陸不僅是美國出口市場，也是產品供應國。他至今仍認為，1月美中簽署的第一階段貿易協定是他履行競選承諾的亮點之一。
然而，參院兩院都通過「維吾爾人權政策法案」，但川普尚未表示，究竟會不會將它簽署為法律。要是川普加以周五簽署，但不正式取消香港的特殊地位，將被視為採取了較審慎的策略，並受到投資人歡迎。
而另一個川普周五可能提出的議題，就是中方與印度的邊境爭議。中印最近雙雙在邊境增兵，川普已表示願意斡旋。而川普周四說，他已和印度總理莫迪（Narendra Modi）談過相關爭議，但對方「心情不好」。
還有一個比任何政策立場都重大的因素，就是美國人的反中情緒，而這正是川普爭取連任所要利用的。川普將大選的民主黨對手拜登形容為親中份子，甚至想要把他貼上「北京拜登」（Beijing Biden）的標籤。
既然川普在爭取連任中，想要把拜登塑造成對北京軟弱的人，那他就需要對中方展現強悍的態度。可是到目前為止，他主要只在推特上表得很強硬。而美國人周五將拭目以待，看他在對北京一陣狂吠後，是不是會真的狠狠咬下去。
</t>
  </si>
  <si>
    <t>全台新冠疫情嚴峻，本土確診案例持續增加，台東縣全縣11個鄉鎮衛生所設置快篩檢測站，27日提供出現相關症狀且符合特定條件的民眾電話預約，28日全面啟動，限每日15名，請符合條件的篩檢對象預約前往時，全程配戴口罩、勿搭乘大眾交通工具。此外，陸軍花東防衛指揮部也派遣化學兵至台東縣太麻里、金峰鄉實施清消。
為了守護鄉親健康，台東縣金峰及太麻里鄉27日已提供民眾快篩採檢，並於另11鄉鎮衛生所開放符合資格的篩檢對象電話預約，28日起即可前往採檢。縣府提醒，為避免同時段人潮過度擁擠，進而增加感染風險及降低醫療檢測速度，可事先電話預約。
民眾若有出現新冠肺炎症狀如發燒、呼吸道症狀、嗅味覺異常、不明原因腹瀉等症狀，並且符合下列任1條件者：村里長主動關懷對象，並有14日高風險地區旅遊史；外出未配戴口罩受查處者，並有14日高度風險地區旅遊史；衛生所返鄉學子關懷專案對象；有高風險地區旅遊史且提出相關證明；接獲衛生局自主健康管理通知書者，27日起可於設有社區快篩站之衛生所營業時間撥打電話預約。（設有快篩站之衛生所：台東市、卑南鄉、延平鄉、鹿野鄉、海端鄉、池上鄉、東河鄉、成功鎮、長濱鄉、大武鄉、達仁鄉等11鄉鎮）。
另外，為防範疫情擴散，陸軍花東防衛指揮部化學兵連於27日配合縣府至台東縣太麻里鄉三和村等9處及金峰鄉正興村等5處，合計14處執行道路消毒任務，共計派遣官兵27員、車輛機具計2類4項11件，1／2噸偵搜車1輛、悍馬車4輛（搭載MDS-106輕型消毒器4具）、MD-105重型消毒車2輛。</t>
  </si>
  <si>
    <t xml:space="preserve">立法院社會福利及衛生環境委員會安排3月16日(周一)考察「北部地區醫療院所防疫整備狀況」引發爭議；衛環委員會召委邱泰源辦公室發聲明表示， 安排過程十分用心謹慎，不但徵求相關單位的意見，也皆先與拜訪醫療院所之負責主管充分溝通並獲得同意。
聲明指出，對於武漢肺炎疫情防治，台灣在政府卓越領導、醫療防疫人員努力及全民支持下，防疫成果世界各國稱羨。而政府不斷超前部署，鞏固防疫成果，吾人理應全力持續支持。
本次考察安排的主要目的，包括1.立法院同仁關懷鼓勵各級抗疫醫療院所及人員，2.了解各級醫療院所抗疫過程的需求並協助解決困難。
聲明指出，安排過程十分用心謹慎，不但徵求相關單位的意見，也皆先與拜訪醫療院所之負責主管充分溝通並獲得同意。且因考察的檢疫裝備都在醫院外面，絕不影響院內醫療作業。而主管機關隨同考察部分則建議以副主管參與即可並特別限制出席人數，以減少行政機關人力支援，陪同人員遠低於委員會開會官員須出席之人數。
聲明指出，立法院安排之議程一定以防疫工作為最優先，此為朝野立委所共識。而一切疫情訊息則以中央疫情指揮中心所發布為準。
聲明表示，各縣市醫師公會更是從一月初即整合啟動醫界所有力量，全力配合政府協助抗疫至今。全國近兩萬家診所更是一開始即置之險境在社區守住防疫第一線，奠定防疫成效的基石。
</t>
  </si>
  <si>
    <t xml:space="preserve">隨著全球新冠疫情持續惡化，大陸宣稱多次在進口冷凍食品上檢出新冠病毒，大陸網路與媒體正開展一場病毒起源的言論戰，對進口冷凍食品檢出病毒以及任何早於去年底在外國出現新冠病毒跡象的訊息擴大報導，再次試圖以媒體宣傳戰扭轉國際上對於病毒起源於武漢的印象。
《美國之音》指出，這場宣傳戰是由官方媒體推動，關鍵訊息是許多城市都發現零星的新冠肺炎感染案例，經過詳細調查後，發現許多進口冷凍食品與其包裝中檢測出病毒痕跡，包括厄瓜多爾的蝦、俄羅斯的魷魚、挪威和印尼的魚、巴西雞翅、以及巴西和紐西蘭的牛肉。
另有一例原被認為是德國豬腳，最後以號稱是福爾摩斯探案手法追查到實際感染源是北美豬頭，「德國豬腳」與「北美豬頭」立即成為網路熱搜題材，受到網民嘲諷。這些冷凍食品染疫的爭議，也被外國食品出口商質疑其背後的科學性，懷疑可能構成大陸拒絕引進某國食品的藉口，形成不公平貿易壁壘。
不過大陸媒體更感興趣的並不是進口哪一國或哪一種冷凍食品，而是近期又有義大利國家癌症研究所發現去年9月的樣本中發現新冠病毒抗體，大部份陸媒與網路對此再度廣為傳播，並重新掀起新冠病毒並非起源於武漢的論戰，以進口冷凍食品染疫來證明去年的新冠疫情是由外國輸入到大陸。
另一篇曾於今年早些時候發表的論文也有類似說法，研究人員在2019年3月採集西班牙巴賽隆納污水系統樣本中發現了新冠病毒的痕跡，但這項研究與義大利的研究都一樣招到西方學術界不少批評。
報導說，這是中共自病毒大流行爆發以來對病毒源頭提出的最新看法。在此之前，中共官方多次改變說法，曾將病毒來源歸咎於義大利、西班牙、美國等。大陸外交部發言人趙立堅甚至個人推特指責是美軍把病毒帶到武漢，並要求美國給世界一個解釋，當時陸媒也同時展開病毒來源自美國的各種論證與宣傳。但此舉隨後遭到美國的大幅反彈，陸媒有關起源的言論戰才受到制約。觀察人士表示，或許是害怕美國和西方國家聯手向北京追責，才逐步降低了把病毒起源推給美國的聲音，轉而悄悄地把責任推給進口冷凍食品。
報導認為，武漢是最先發現病毒並觸發廣泛疫情的重災區，被視為重要的源頭之一，但北京一直拒絕外國研究組織進入武漢，近期世界衛生組織(WHO)才表明，已獲中共保證盡快安排前往武漢進行新冠病毒調查。
倫敦大學學院(University College London)的遺傳學家巴盧克斯(Francois Balloux)在推特上說：「在沒有對更廣泛的現有證據進行必要的審查和考慮的情況下，一些用站不住腳的證據支持的主張被廣泛報導。」他說，即使病毒在9月份出現在義大利，也不一定意味著它起源於那裡。
巴盧克斯對《路透》說：「一個強有力的證據是，到目前為止，我們所知道的最接近SARS-CoV-2的病毒是在中國的蝙蝠中傳播的。隨著時間的推移，源頭仍有可能在東亞， 最有可能是中國，然後傳播到世界的其他地方。」
</t>
  </si>
  <si>
    <t>竹北舊市區的竹仁國小25日開學首日，校方以三角椎設置防疫通道，學生排隊經過體溫檢測站，校方以專業大型額溫槍檢測學生體溫，比小型要接觸額頭的額溫槍還快速，家長們也很配合讓小朋友戴口罩，與其他學校一樣，秩序還算良好。
「總算開學了！」李姓家長說，新冠肺炎疫情讓學校延後半個月開學，他和很多上班族一 樣，不可能每天陪小孩，小朋友在家整天玩電腦和手機的日子總算結束，學校事先有宣導要在家先量體溫，上學戴口罩，防疫很重要。
「應該再延後開學！」謝姓家長認為，現在新冠肺炎疫情好像愈來愈嚴重，國內不斷出現確診病例，萬一發生社區群聚傳染，後果難以想像。
大部份小學生對開學都很高興，有的說在家實在太無聊了，能上學和同學一起玩真好。但小學生說，口罩的味道不好聞，好像要戴口罩上課一整天，實在會很難受。</t>
  </si>
  <si>
    <t>台灣今增17例死亡，其中最年輕的死亡個案僅40多歲，個案5/13就發病，但就醫PCR採檢結果為陰性，後到了5/21再次採撿，結果轉為陽性。中央流行疫情指揮中心專家小組召集人張上淳表示，即時就醫也是相關因素，一次陰性不代表真正陰性，若症狀持續可以繼續接受採撿。
指揮中心今公布國內新增17例死亡，共計為男性13位、女性4位，年齡介於40多歲至90多歲，發病日介於5月12日至5月25日，確診日介於5月14日至5月27日，死亡日期介於5月28日至6月1日。
對於死亡案例逐漸出現年輕人，專家小組召集人張上淳表示，這波開始，都是年長者比較容易死亡，但偶而也有看到年輕個案，也沒有什麼疾病的狀況，先前已經說明過，現在疫情狀況下，沒辦法做更詳盡死因的探討，而所謂的不明死因探討，在醫學治療上，是指病理解剖。
對於今天的死亡個案從有症狀進入醫院，前面篩檢因為是陰性，張上淳表示，到醫院時間慢了點，即時就醫也是相關因素。希望有症狀就要及時出來接受篩檢與檢查，一次陰性不代表真正的陰性，若症狀持續的話，也可以繼續接受篩檢，早一點分流安排，需要到醫院就早一點，或許可以減少重症或是死亡個案。</t>
  </si>
  <si>
    <t>根據澳盛銀行上周出具的報告，中國、南韓與新加坡是企業債增加最快、最多的亞洲經濟體。
報告指出，過去幾年，中國、南韓與新加坡的公司債迅速增加，而新冠肺炎疫情打擊公司營收，連帶影響其償還債務的能力。
報告指出，中國、新加坡與南韓的債務累積規模與速度都是最高的，因爆發新冠肺炎疫情，以及隨之而來的政府相關舉措，某些產業的企業營收已經受到衝擊，如果這個情況持續下去，恐將導致債信評等降級、債務違約，並拖累經濟成長減弱。
報告指出，新加坡與南韓的能源企業受創尤重，而中國的地產業則已處於信用過度擴張。
報告並指出，新加坡企業因面臨現金流與匯兌兩大風險，似乎更為脆弱。10個企業產業別中，有6個正面臨高度槓桿與現金緊絀的處境。南韓企業的匯兌風險雖然較低，但面臨資金非常吃緊的風險。
三個國家中，以中國企業的情況最好，10個產業中僅有3個產業的企業處於信用過度擴張，而由於大部分債務屬於國有，也算是一種防止倒債的保證。</t>
  </si>
  <si>
    <t>新冠肺炎全球確診累計人數突破千萬，單日新增確診人數來到新高，WHO示警疫情進入新危險階段，美國多州紛紛縮減經濟重啟的措施。
雖然歐元區6月消費者信心指數仍維持於-14.7，但根據歐盟執委會數據顯示經濟景氣指數回升至75.7、服務業與工業景氣指數亦分別回升至-35.6與-21.7，美國5月待售房銷售月率突增至44.3％，表現優於預期的經濟數據紓解投資人的避險情緒，加上市場預期歐元區6月景氣將持續回升之下，激勵歐元期貨價格盤中一度突破月線反壓，29日9月歐元期貨收盤上漲0.21％以1.1241作收。
國泰證期顧問處分析師吳佩奇表示，對於全球新冠肺炎二度疫情擴大的擔憂，市場資金避險需求，為近期支撐美元走勢的主因。然而，各國政府與央行競相提出的經濟刺激方案與貨幣寬鬆計畫，以及各地試行解封後經濟數據的表現則影響貨幣間價格的消長。
在籌碼面部分，從6月23日當周CFTC大額交易人報告中，管理基金與投機交易在歐元期貨的多頭部位占該商品未平倉量的比率分別達43.5與20.2％，顯示國際資金持續布局歐元的動作。
在全球經濟數據不佳，以及對於疫情再度擴大的擔憂之下，資金持續轉往避險貨幣仍為近期匯率市場的基調。聯準會主席鮑爾提及在經濟前景面臨極大不確定性時，切勿過早撤回任何刺激措施的證詞，暫時紓解投資人擔憂的情緒，美元指數走弱，一度激勵歐元期貨價格站回11300整數關卡，但仍在6月中旬以來的箱型區間內。
由於歐元期貨上方有短、中均線的反壓，因此在帶量突破前述均線前，仍應保守看待歐元期貨走勢。（國泰期貨提供，李娟萍整理）</t>
  </si>
  <si>
    <t>《北京日報》用戶端3日報導，全球什麼時候能夠恢復正常人員往來？中國什麼時候能夠打開國門？大陸「網紅」醫生、復旦大學附屬華山醫院感染科主任張文宏作出最新判斷，指中國在2022年上半年可以有條件地跟一些國家恢復往來；至於未來是否需要反覆接種疫苗，取決於今年接種疫苗後，隔年底再行評估時有多少人打了疫苗還感染狀況而定。
博鼇亞洲論壇全球健康論壇第二屆大會「實現全民健康-新冠疫苗的研發、可及性與可負擔性」分論壇2日晚間在山東青島舉行。
張文宏說：「世界各國有條件地恢復人員往來，今年下半年就會開始。我們希望中國在2022年上半年可以有條件地跟一些國家恢復往來，這取決於打疫苗的速度。」
張文宏表示，一些疫苗接種率已經比較高的國家，比如以色列、美國、英國，會「偷偷」地在今年下半年先開始恢復人員往來。並非別的國家不接納他們，而是別的國家疫苗接種還沒有完全結束。「所以，中國要趕快在今年年底把這個事情做了。」
同場論壇上，大陸國務院聯防聯控機制科研攻關組疫苗研發專班工作組組長鄭忠偉介紹，中國已向全球提供超過3.5億劑新冠疫苗。在2021年剩下的7個月，無論通過雙邊方式還是通過新冠肺炎疫苗實施計畫（COVAX），中國向全球供應疫苗的數量一定會遠遠超過前5個月。
張文宏認為，即使中國向全球大量供應疫苗，但由於其他更多國家疫苗供不應求，只能優先保證國內使用，全球70多億人口全部完成接種也得好幾年。「所以全球什麼時候恢復往來，不知道。但是一些國家有條件地恢復往來，今年下半年就會開始。我們希望中國在2022年上半年可以有條件地跟一些國家恢復往來，這取決於打疫苗的速度。盡快接種疫苗，滿足有條件開放的需要，中國就可以跟世界上疫苗打得不錯、發病率低的國家有條件地恢復人員往來。」
未來新冠疫苗會不會像流感疫苗一樣每年都要打，也是公眾頗為關心的問題。在回答這一提問時，張文宏坦言，雖然大多數推斷對此都得出肯定的答案，但目前還不能確定。他舉例說，新冠感染者康復後帶有抗體，但仍有20％的機率再次感染。同樣，疫苗接種後的保護率隨著時間推移會不斷下降。
「所以，未來人們是不是需要反覆接種疫苗，取決於今年接種疫苗以後，在第二年年底再進行評估，看看有多少人打了疫苗還感染。第二年如果沒有再次感染那就再等等，等到第三年看看有多少人感染。直到打過疫苗的人普遍出現再次感染的現象，這個時候就是一個節點，是疫苗重新佈置的最好時機。」張文宏說。
中國與大多數國家的疫情情況存在很大差異。張文宏直言，有關新冠疫苗是否需要反覆接種的相關資料，一定來自於其他國家。屆時，中國可以參考由其他國家獲得的科學資料，非常從容地進行新冠疫苗接種的「第二次佈置」。</t>
  </si>
  <si>
    <t>職場群聚感染發生，勞動部職業安全衛生署和桃園市政府研議，若上班時間因公染疫，視同職業災害。桃園市長鄭文燦4日主持防疫會議說，適用勞工職業災害補償相關規定，包含工資、醫療、失能補助、死亡給付等等。
鄭文燦表示，這段時間陸續發生職場群聚感染，社會也討論，這算不算職災？根據職安署、市府研議，若因公染疫視同職業災害，可用勞工職業災害補償相關規定、勞工災害保險法規定等，需有工資、醫療、失能補助及死亡給付等等，他也說，不只市府勞基法人員，民間企業也適用。</t>
  </si>
  <si>
    <t xml:space="preserve">
香港爆發第3波新冠肺炎疫情，近10天來就新增了上千起病例，對當地經濟及民生運作造成嚴重衝擊，港府再次收緊「限聚令」至2人，並要求民眾儘量待在家中。由亞洲博覽館改建而成的「港版方艙醫院」，已於8月1日正式啟用，約有20位病況穩定的確診者在午後陸續入住。
香港醫管局質素及安全總監鍾健禮表示，展館內第一階段可容納約500張病床，啟用初期每日收治數十名病患，年齡落在18歲至60歲之間，患者入院前會先在分流站接受檢查，確定未出現任何病徵，或是症狀輕微者才可留下，以便將公立醫院設施用於年長者及更有需要的患者身上。
此外，醫管局指出，為了減少與確診者的接觸，展館特別採用「視訊診斷」方式，有別於一般傳統醫院，不過一旦有緊急情況發生時，醫護人員依舊會穿戴防護裝備後，進入病區進行診治；8月1日啟用後，已有14名醫生及50名護士進駐，為首批入住的確診病患提供服務。
更多 CTWANT 報導
</t>
  </si>
  <si>
    <t>清明節連假期間，國人高興出遊，雖然發布國家級警報，仍不敵部分民眾的玩興。對此，重症暨胸腔科醫師黃軒表示，17年前SARS爆發高峰，就是在清明節過後。
黃軒在談話性節目《驚爆新聞線》中表示，2003年那一年，他在第一線工作，那年他看到SARS病人從可以說話、躺下來昏迷，一直到死亡。黃軒指出，當年清明節之後，就是一個大爆炸，清明節後的兩個禮拜到3個禮拜，和平醫院封院了，因為一群人得到群聚感染、醫護人員也染病。接下來好幾個禮拜、甚至好幾個月的時間，他感覺，整個台灣幾乎快被冠狀病毒毀滅。
黃軒表示，如今民眾太放鬆了，看到清明節的人與人接觸以後，深深感受到SARS爆發時的心情。留意出現清明連假後的恐懼高峰，這句話並不是「超前憂慮」。</t>
  </si>
  <si>
    <t>新冠肺炎疫情在今年5月如死灰復燃般席捲全台，目前染疫個案雖以中老年病人為主，但此波疫情擴及嬰幼兒及學生族群，國際間也已發現變異病毒株的感染開始轉向年輕化。羅東博愛醫院小兒科吳淑娟醫師表示，大部分嬰幼兒為無症狀感染者，若為輕症，其臨床症狀不明顯，有些只是微燒、咳嗽、流鼻水或腸胃道不適，和一般感冒相似，不易分辨。
目前醫界臨床發現，部分染疫嬰幼兒出現類似川崎氏症的病徵，包含全身皮疹、結膜炎、口部黏膜發紅、腹痛、腹瀉等，嚴重者甚至會如川崎氏症影響心血管功能，造成急性心臟衰竭或冠狀動脈擴張。吳淑娟醫師呼籲，若發現小孩手腳身體有長疹子或小紅點、發燒２大症狀，應提高警覺、及早就醫，且若與染疫者的活動史重疊或有相關接觸史，就要高度懷疑是否受到COVID-19病毒感染。（本文由羅東博愛醫院提供）</t>
  </si>
  <si>
    <t>新冠肺炎疫情擴散，教育部也在20日公布大專院校停課標準，只要1校內有2位以上師生被中央流行疫情指揮中心列為確定病例，全校就必須停課。日前曾因肺炎趨勢預測圖而登上《經濟學人》的台大化學系教授徐丞志對此表示「台大、淡大剉著等！」，更預測全台第一間停課的學校會是台大。
徐丞志20日在臉書PO文，表示台大3萬多名學生，再加上教職員工已達4萬，占了全台人口數0.2%，若全台有1000人確診，按照比例來算台大就要停課了。
徐丞志補充說，有第一例的話，要出現第二例的機率會大幅度增高，加上台北都會區染病的機率遠高於非都會區，公館又是台北的交通要衝，然後醫學院又跟台大醫院是相連的，因此台大要停課，恐怕不需要等到累積1000人就會發生。
徐丞志表示深深覺得台大會是全台第一間因新冠肺炎停課的學校，希望衛福部能頂住。徐丞志也在留言中表示，公館每天經過的人潮實在太多，而文化大學人數看似比淡江多，但地點較偏遠，以機率來說，台大＞淡江＞文化。</t>
  </si>
  <si>
    <t>中央研究院南港P3實驗室一名20多歲的女性研究人員疑似在實驗室染疫，讓連續35天本土+0破功，消息一出引起人心惶惶，台北市市立聯合醫院忠孝院區醫師陳昶宇指出，因感染源明確，還不需要過度恐慌，不過他也說，如果真的連一例Delta都擋不住，外面世界還一堆Delta甚至Omicron等著進來，那我們也別想開放邊境國門了。
陳昶宇指出，感染的女性研究人員近期沒有出國，以當前社區疫情狀況，要在社區感染機率很低，目前看起來有高度可能性，是在中研院P3實驗室接觸病原體時感染，另外個案曾被實驗鼠咬到，但實驗鼠帶的是Alpha變異株，所以可能不是感染原因。
他指出，這幾個月來，有在顧專責病房就會知道，一堆肺炎篩檢都是陰性，社區根本不可能會有來源不明的Delta，應該就真的是實驗室感染無誤了。
陳昶宇說，感染來源明確，目前只有一例，做好疫調匡列隔離，就算多少有擴散出去，以台灣這幾個月卯起來打疫苗，目前疫苗覆蓋率第一劑達78.39％，第二劑也有62.85％，影響應該還不至於太大，如果真的連這樣一例Delta都擋不住，外面世界還一堆Delta甚至Omicron等著進來，那我們也別想開放邊境國門了。
陳昶宇表示，目前75歲以上長者疫苗施打覆蓋率，第一劑都還停在73.7％真的太低，有病人擔心，慢性疾病太多，身體太差不適合打疫苗，但身體越差就越該施打疫苗保護。
他呼籲，病毒無孔不入，如果沒有特別不能打的因素，真的還是建議要打個疫苗，至少就能降低9成以上重症死亡的風險。</t>
  </si>
  <si>
    <t xml:space="preserve">小編今天（26日）精選5件不可不知的國內外財經大事。台股主流股風水輪流轉，當沖標的也大風吹，萬海及長榮當沖比退燒至69.29％及61.8％水位，此外，愛普、敦泰、晶心科及世芯-KY當沖比則攀升至61.72～72.86％。
【1】搶航海王風采 四檔半導體 進當沖十強
台股主流股風水輪流轉，25日電子股取得發話權，但電子股股價偏高，影響市場「沖沖沖」的意願，上市當沖比下滑至46.74％，創近四日來新低，但仍有59檔個股當沖比破五成，法人表示，當沖名單中，航海王不再獨領風騷，愛普、敦泰及晶心及世芯共四檔半導體股也擠進熱門當沖前十強名單。
【2】電子股絕地大反攻 小心明MSCI甩尾
全球通膨疑慮降低，美國公債殖利率下滑，推升美股科技類股大漲，台股受此激勵，25日電子股展開絕地大反攻，成交值比重回升至49.02％，也帶動加權指數大漲257.38點，以16,595.67點作收，收復季線。市場分析師認為，台股萬七點反壓不易突破，將步入漲股不漲市的走勢，投資人應居高思危，並留意27日MSCI明晟半年度調整的賣壓。
【3】疫情熱區銀行能暫停營業？銀行局給答案
新冠肺炎疫情延燒，銀行業為保持服務不中斷，每天仍照常開門，然而全國分行人員確診個案已激增到23人，全金聯發函金管會希望能授權金融業可暫時關閉部分據點。金管會銀行局局長莊琇媛25日表示，因應疫情銀行業得授權以「較彈性」的方式提供金融商品及服務，但據法規，目前只有「永久裁撤分行」的相關規定，沒有「暫停營業」的先例，但銀行可申請調整營業時間。
【4】美反傾銷稅終判 台灣輪胎業無奈苦吞
美國商務部24日宣布對台灣、南韓、越南及泰國等四地輸美轎車胎（含輕卡車胎）課徵反傾銷稅，及反補貼稅終判結果出爐。台灣輪胎業者中，正新終判反傾銷稅率20.04％，是台灣輪胎廠中稅率最低的業者；反觀，南港輪胎終判稅率101.84％，高於原初判稅率98.44％。其餘台灣輪胎業者包括建大、泰豐，及華豐等多家輪胎廠，反傾銷稅率均為84.75％。
【5】人民幣離岸價升破6.4關卡 創近3年新高
在美元指數走弱以及中國人民銀行近期對匯率明確表態後，離岸人民幣匯價25日順勢飆漲，一舉升破6.4元整數大關，來到6.3950元附近，創下近三年新高。在岸價盤中亦多次蠢蠢欲動、叩關6.4元價位。
</t>
  </si>
  <si>
    <t xml:space="preserve">台灣已出現無旅遊史新冠肺炎確診案例，民眾憂心防疫更加困難，有專家甚至直指「沒有旅遊史完蛋啦，它就跟流感一模一樣」，而且病毒可能會躲過人體免疫系統的攻擊，初期很難被偵測到。
對於無出國史確診案例，外界擔心國內將出現社區感染，過去曾擔任SARS指揮官的中華民國防疫學會榮譽理事長王任賢，接受媒體訪問時表示，若沒有旅遊史就跟流感一模一樣，很難從芸芸眾生裡篩出，他建議政府，應該從偵測轉向防護，清空部分醫院，讓確診病患集中治療。
目前官方認定，新冠肺炎病毒潛伏期約14天，但日前已出現潛伏期長達27天才確診的案例，王任賢認為，新冠病毒恐勝過當年的SARS，傳染力更強，可能會躲過人體免疫系統的攻擊，而且少量病毒初期很難被偵測，一旦變成家庭感染，疫情可能會一發不可收拾。
</t>
  </si>
  <si>
    <t>大聯盟宣布因新冠肺炎疫情影響，開幕至少延期2周，不過這並不代表2周後就能撥雲見日，目前大聯盟與各球團還在制定今年的賽程以及各項應變計畫，但尚未有進一步說明，讓球員不知所措，小熊隊球員奇普尼斯(Jason Kipnis)就在推特上以球員角度提出疑問，卻沒有人能給他正確答案。
大聯盟延後2周開幕，不過華盛頓州、紐約、加州等地方政府都宣布禁止超過250人聚會，且尚未有終止時間，較嚴重的華盛頓州至少到4月底前都禁止大型集會，因此即使大聯盟能在4月10日恢復比賽，但也不代表能正常進行。
除了春訓取消、大聯盟延期，小聯盟例行賽也無期限延期，這讓數以千計的美職球員無所適從，小熊隊球員奇普尼斯在推特上點出所有球員的疑問，「所以我想問……我們現在該回家嗎？留下來繼續訓練？何時、開如何開始備賽？多出來這兩周有什麼計畫？我們仍能拿到薪水嗎？一切都好怪。」
大聯盟官網報導，響尾蛇老闆肯德瑞克（Ken Kendrick）周五開始繼續讓球員訓練，並備好訓練員及食物；釀酒人則制定不同的訓練計畫，以保持球員身體狀況；水手執行長史坦頓(John Stanton)則表態，選手會繼續在沒有觀眾的情況下進行春訓計畫，直到球季開打。</t>
  </si>
  <si>
    <t>大陸河北省近日爆發新冠肺炎疫情，更下令對石家莊市、邢台市、廊坊市全域實行封閉管理。不幸的是，前女團「F4」成員劉樂妍恰巧就住在河北省的廊坊市，今(14日)更在微博曝光樓下鄰居一家人被救護車帶走的驚恐畫面，害怕自己也會感染新冠肺炎。
37歲台灣女星劉樂妍，這陣子都住在河北省廊坊市，她今日更在微博透露疫情狀況，指社區群組炸了鍋，因為樓下的超市老闆一家人全部被救護車帶走。最可怕的是，原來樓下超市老闆疑似是密切接觸者，包括她自己，全社區的人都曾跟老闆接觸過。
隨後劉樂妍也曝光了一段超市老闆全家人被救護車帶走的現場直擊4秒影片，崩潰寫下：「本來以為病毒離我很遠，結果在樓下，哎呦我去，我每次還跟他聊天聊這麼久。現在他們一家都被帶走了。全部人都趴在樓上往下看，小賣部老闆被120帶走。」還透露超市老闆摸過她的食材。
劉樂妍曝光的影片也引發大陸網友熱議，不少人就留言安慰她放寬心，「沒事不慌，他們測出來陽性才會抓你們」、「別炸鍋，你們社區被封的可能性極高。你們屬於密切接觸者的密切接觸者」、「他只是密接，不是陽性，怕啥」、「沒事的！注意自我隔離就行」。</t>
  </si>
  <si>
    <t xml:space="preserve">美國疫情最嚴重的紐約州州長科莫（Andrew Cuomo）表示，紐約州的部分地區可能會在一周內重新開放，但各地在重新開放前必須詳細檢視是否具備足夠的條件，包括新增確診病例數、醫療體系負荷能力、診斷與病毒檢測能力與追蹤接觸者的系統運作能力。
美國《有線電視新聞網》(CNN)報導，科莫表示，正在為5月中旬重新開放紐約州做準備，在重新開放某些地區之前，大約還有一周的時間。該州各地區之間的重新開放條件有些差異，必須根據各地的實際狀況決定開放的時間。
科莫在疫情發佈會上說，紐約州所轄地區將不會同時重新開放，該州將監測新增確診病例數、醫療體系能力、檢測能力和接觸者追蹤能力等4個核心因素後，才決定某個地區是否能重新開放。
科莫說，紐約州將從疫情較輕的地區開始，分階段恢復商業活動並放鬆對日常生活的限制。包括：建築、製造業和部分零售商店可能在第一階段重新開業；第二階段將包括金融、行政、房地產等行業；第三階段開放餐飲、酒店服務，和藝術、娛樂等休閒設施；最後開放教育機構。
科莫指出，紐約州重新開放將遵循美國疾控中心(CDC)的指南，包括：1.以3日滾動平均值計算，住院和死亡總數必須連續14天下降；2.以3日滾動平均值計算，不能超過15例新增病例或5例死亡；3.每10萬居民必須少於2名新增確診患者；4.至少有30%可使用的空病床與加護病床要開放，以防病例突然暴增；5.醫院至少90天的個人防護設備儲量。
據《紐約時報》統計，截至當地時間5日17點59分，紐約州累計確診326659例，較前一日新增2302例；累計死亡25028例，較前一日新增死亡病例240例。
</t>
  </si>
  <si>
    <t>大陸澎湃新聞1日報導，復旦大學等3國團隊研究成果最近登上頂級學術期刊《科學》（Science）雜誌，研究認為，大陸爆發疫情期間，僅實施社交距離政策，就足以控制新冠肺炎或降低峰值發病率40至60％，並延遲疫情。以年齡言，14歲以下最不容易受感染，65歲以上人更容易受到感染。
報導指出，大陸疫情逐漸平息之際，美國、西班牙、義大利等國形勢仍舊嚴峻。各國該選擇怎樣的疫情控制政策是科學問題。
來自大陸、美國、義大利團隊的研究報告〈Changes in contact patterns shape the dynamics of the COVID-19 outbreak in China〉，4月29日刊載在《科學》指出，截至目前，關於年齡、接觸模式、社交距離、感染易感性和新冠肺炎傳播動態之間的相互作用仍不清楚。他們試圖為更具有針對性的長期防控策略提供科學依據。
合作研究團隊成員有：復旦大學公共衛生學院博士生導師、公共衛生安全教育部重點實驗室主任余宏杰、義大利ISI基金會、湖南省疾控中心、義大利布魯諾．凱斯勒基金會計算流行病學家Marco Ajelli、美國立衛生研究院（NIH）福格蒂國際中心、美國東北大學生物和社會技術系統類比實驗室。研究的通訊作者是余宏杰與Marco Ajelli。
研究團隊分析了新冠疫情暴發之前和疫情暴發期間，武漢和上海的接觸調查資料，以及來自湖南省的接觸者追蹤資訊。
研究得出，在執行社交距離疏遠政策期間，武漢和上海兩地平均每天的接觸均減少了80％左右，大部分的互動僅限於家庭。研究還發現，0-14歲的兒童比15-64歲的成年人更不容易受到感染，而相比之下65歲以上的人更容易受到感染。
基於這些資料，研究團隊建立了一個傳播模型，他們認為，大陸暴發疫情期間，僅實施社交距離政策，就足以控制新冠肺炎。另外，雖然主動關閉學校本身不能阻斷傳播，但它們可以將峰值發病率降低40％至60％，並延遲疫情。
總的來說，這項研究提供的證據表明，在武漢和上海實施的干預措施，以及由此導致的人類行為變化，大大減少了日常接觸，從根本上減少了互動。這使得了新冠肺炎傳播的急劇減少。
研究團隊總結認為，或許最重要的是，實施嚴格生硬的封鎖策略在經濟上和心理上都極具較大影響，「從長遠來看，更有針對性地阻斷傳播是更好的選擇。」</t>
  </si>
  <si>
    <t>北市爆發士林養護機構與北農群聚感染，台北市長柯文哲21日在議會表示，養護之家原本確診都送去收治，怎料還有潛伏者發作感染，因此對於養護之家、洗腎機構、甚至是遊民，他都認為全部先打疫苗，凡是製造困擾、太難處理，就先用疫苗撲滅。
柯文哲說，北農之前就陸續感染，快篩也有抓出幾個確診，太快篩太難用，全省都有人會來北農的市場，每天約1萬人，所以對北農採新戰術，與其每周快篩、管制人流，不如北農4000人全打疫苗，花2、3天內全打完，用疫苗圍堵疫情。
柯說，不然每周快篩陰性，要在有效期限內才可進來，這規定3天、一周有啥用？從士林養護之家他學到一課，將設法對洗腎、護理之家，先全部打完疫苗，這些都製造他的困擾，還有遊民人不多，每天盯他們太辛苦，不如全打完，每天盯太痛苦，凡是他認為那裏太難處理，先撥疫苗來撲滅打掉。</t>
  </si>
  <si>
    <t>雙北疫情持續升溫，新北市長侯友宜17日下午舉行防疫記者會時表示，現在已經要慢慢走到第四級，已經開始強化三級防疫，非必要活動還有相關規定都要嚴格執行，已經沒有勸導期，視同走到準四級，拜託市民努力配合，一起作戰，盡快恢復新形態安全生活。
侯友宜說，新北市已做好準備社區無法控制下的高度管制生活，請市民心理要有準備，強度管制會越來越高，對市民真的很抱歉，疫情不斷上升，一起面對， 大家要有耐心，疫情不可能一天就過，給他們時間。
對於中央第四級標準不清，侯友宜說，中央標準沒有詳細說明，新北板橋已經連續3天超過20例，如果標準是全國100個，那新北市是否只要連續14天超過20例就要進入四級管制？人口數沒有一定標準，這部分要趕快討論。
侯友宜也說，中央是否要授權給地方視情況全權處理，只要採取高密度管制，強度就會很高，採取低密度活動，這部分要中央要彈性給授權給地方。
侯友宜說，這兩天很謝謝新北市民朋友，基本所有餐廳暫停營業，馬路上很多店全部關門了，民眾自律性是非常高，未來往上升要滾動式檢討「該封就要封」，不能等待。
侯友宜強調，不能拘泥於一個標準，手段要有效控制，這傳播鍊會越來越快，尊重CDC同心齊力，會跟熱區的區長討論，隨時準備升到第四級，當然事前要向民眾作好宣導。</t>
  </si>
  <si>
    <t>國內新冠肺炎本土疫情嚴峻，波及各大醫療院所，連醫界龍頭台大醫院日前也都爆發工務室15名員工確診，台大院長吳明賢今天特別發信給住院醫師，內容直言「所有的重大災難，都是一面照妖鏡！」痛批藉機放長假的住院醫師「無情且傲慢！」讓師長們痛心。吳明賢隨後接受媒體訪問時強調，自己是要提醒年輕的住院醫師，不要太早有功利主義。
台大醫院在上周發生感染事件，有10名工務室員工染疫，院方緊急啟動全院快篩，針對全院近一萬人普篩，最後又抓出5名行政同仁確診，迅速防堵病毒向外傳播，因感控得宜，沒有任何醫護染疫，為台灣防疫注入一劑強心針。
台大院長吳明賢今天在公開信中提及「所有的重大災難，都是一面照妖鏡！大多數的住院醫師不忘初衷的熱血行為，讓人熱淚盈眶」，「但是聽聞有少數科別之住院醫師，把自己當成局外人，甚至藉機放長假，這些行為不僅無情而且傲慢，讓師長們痛心」。
信中強調「我要重申醫道即人道，想要在醫學生涯走得遠，必須要培養團隊及體系意識，學習配合」，「人生不是線性的，千萬不要以為一班車就能把你從現在的位置帶到你所期待的位置。缺乏系統思維的人，總是從此時此地去衡量一件事情眼前的價值，不懂得把這件事情放在人生系統中去衡量，所以經常放棄「看起來無用」的事情，這是典型的功利主義者」。
吳明賢在發出公開信之後，接受媒體聯訪表示，表示自己動機很單純，是提醒住院醫師們也要注意身體，並謝謝他們的付出，但的確有少數科別的老師反應 有住院醫師藉機放長假，是另一個大問題。
吳明賢進一步表示，此次台大醫院在短短3天內、做完超過1萬人次的全院篩檢，比台北市做一周還要多，並肩負起照顧確診病惠的責任，正是因為不只動員一個科別就做到，全賴各科別主治醫師、住院醫師以及行政人員，挑燈夜戰，同舟共濟完成了不可能的的任務，讓台大醫院暫時脫離困境，他也要致上十二萬分的謝意。</t>
  </si>
  <si>
    <t xml:space="preserve">新冠肺炎擴散全球，6日確診人數已突破十萬大關，雖然病發地大陸疫情逐漸轉緩，但歐美與中東地區轉為嚴峻。對此，醫學權威期刊《刺胳針》6日發表社論指出，疫情對開發程度不同的國家造成衝擊，除了點名非洲、拉丁美洲與中東地區還沒備妥防疫措施之外，並引述世界衛生組織的報告指出，各國政要可以學習大陸防疫經驗。
《刺胳針》（The Lancet）在社論「新冠病毒：太少、太晚？」（COVID-19: too little, too late?）一文中指出雖然WHO尚未將新冠病毒感染定義為全球大流行疾病，但該病毒已證實可能會傳播到全球大部分國家，目前在大陸以外的地區呈現規模擴大的趨勢，各國衛生部長也倉促採取適當措施以延緩病毒傳播，但他們的行動仍不夠充分，而現在真正的危險是，其他國家在遏止疫情採取的應對措施「太少、太晚」。
社論指出，根據「世界衛生組織─中國聯合專家考察組」的報告，大陸的表現呈強烈對比，並指出大陸在應對新冠病毒疫情採取的公衛措施可能是「歷史上最有雄心、最靈活與最積極的疾病控制工作」，雖然嚴重影響了經濟，但目前看起來已避免了大量可能傳染病例。
社論指出，在應對疫情中，大陸的成功可能很大程度歸於強大的行政體系，這一體系在面臨挑戰時擁有極強的動員能力，以及大陸人民一致同意並願意遵守嚴格的公衛程序，儘管其他國家沒有像大陸這樣對政治與經濟的指揮力度，但各國政要仍可從大陸的經驗學習，但種種跡象顯示，世界各國還並未從其中吸取經驗。
社論也提到面對新冠病毒威脅，高收入與低收入的國家面臨的挑戰並不同，但疫情大規模爆發可以輕易壓垮中低收入國家的醫療體系，更殘酷的現實是位於撒哈拉沙漠以南的非洲國家尚未準備好應對新冠病毒的流行，拉丁美洲和中東的許多國家也是如此。
社論最後指出，有證據顯示大陸政府巨大公共衛生投入已成功挽救成千上萬的生命，此時高收入國家正面臨各自國內疫情爆發，各國必須承擔合理的風險並採取更果斷的行動應對疫情，限制公眾自由可能對大眾生活與社會經濟造成短暫負面影響，但各國都應該拋棄這種負面影響的恐懼，應堅定選擇暫時限制公眾自由，並將其作為控制新冠病毒傳播的措施之一。
</t>
  </si>
  <si>
    <t>上海市衛健委12日通報，通過口岸聯防聯控機制，6月11日0-24時，無新增本土新冠肺炎確診病例。境外輸入性新冠肺炎確診病例報告8例。其中1例是在台灣生活，自台灣出發的大陸籍人士，於6月9日抵達上海浦東國際機場，入關後即被集中隔離觀察，其間出現症狀。綜合流行病學史、臨床症狀、實驗室檢測和影像學檢查結果等，診斷為確診病例。
各病例綜合流行病學史、臨床症狀、實驗室檢測和影像學檢查結果等，診斷為確診病例：
病例1為中國籍，在塞內加爾工作，自塞內加爾出發，經法國轉機，於2021年5月31日抵達上海浦東國際機場，入關後即被集中隔離觀察，其間出現症狀。
病例2為中國籍，在美國旅行，自美國出發，於2021年6月7日抵達上海浦東國際機場，入關後即被集中隔離觀察，其間出現症狀。
病例3為中國籍，在泰國工作，自泰國出發，於2021年6月8日抵達上海浦東國際機場，入關後即被集中隔離觀察，其間出現症狀。
病例4為中國籍，在吉布地工作，自吉布地出發，經埃塞俄比亞轉機，於2021年6月8日抵達上海浦東國際機場，入關後即被集中隔離觀察，其間出現症狀。
病例5為中國籍，在台灣生活，自台灣出發，於2021年6月9日抵達上海浦東國際機場，入關後即被集中隔離觀察，其間出現症狀。
病例6為中國籍，在美國工作，自美國出發，於2021年6月9日抵達上海浦東國際機場，入關後即被集中隔離觀察，其間出現症狀。
病例7為中國籍，在以色列工作，自以色列出發，於2021年6月9日抵達上海浦東國際機場，因有症狀，入關後即被送至指定醫療機構隔離留觀。
病例8為中國籍，在英國留學，自英國出發，經荷蘭轉機，於2021年6月9日抵達上海浦東國際機場，因有症狀，入關後即被送至指定醫療機構隔離留觀。
8例境外輸入性確診病例已轉至定點醫療機構救治，已追蹤同航班密切接觸者176人，均已落實集中隔離觀察。</t>
  </si>
  <si>
    <t>中央疫情指揮中心15日公佈嘉義縣新增1確診個案，嘉義縣長翁章梁今天下午召開疫情線上記者會表示，案13302是42歲女性，在東石鄉永屯村便利超商當店員，13日因發燒不適就醫採檢，14日確診，目前匡列的接觸者採檢皆為陰性，感染源仍在釐清中。
縣長翁章梁表示，案13302為便利超商店員，衛生局即刻請超商暫停營業2天，並進行清消作業，全案匡列家庭接觸者10人，職場接觸者14位，20人PCR檢驗為陰性，4人採檢中，另，也依書面實聯制電話訪視340名顧客，1人有症狀，轉介篩檢為陰性，疾管家QR Code資料1218筆以簡訊通知自我健康監測。
衛生局長趙紋華指出，案13302居住於東石鄉與父母同住，有慢性病史、生活單純，服用過敏免疫風濕科的藥物，13日感覺疲累，晚間出現喉嚨痛及發燒症狀，由父親開車至醫院就醫、採檢後返家，6月14日採檢結果為陽性，由119救護車後送至醫院住院。
趙紋華說，該名個案在便利超商上日班，除上班時間在超商，下班就返家追劇、料理等，6月11日曾到快樂超市停留約10分鐘。至於該案感染源為何？翁章梁說，目前感染源仍在釐清中，針對兩個方向持續追蹤，一是物流司機另外則是超商的外地客人。
另，是否比照先前個案開啟擴大篩檢專案，翁章梁表示，目前還在觀察中，因除確診者外，其他接觸者皆採檢陰性，居家隔離中，因此是否有社區感染疑慮還在研判，必要時才會啟動擴大篩檢。</t>
  </si>
  <si>
    <t>新北市政府與旺旺文教基金會共同舉辦「讓奉獻成為一種榮耀」榮耀二十．志力傳承公益演唱會，13日下午在新北市政府多功能集會堂舉辦，邀請多位民歌知名藝人齊聚獻唱，向在場社福、文化與環保志工致敬。
新北市社會局副局長許秀能於開場致詞時，除代表市府感謝旺旺文教基金會促成這場公益演唱會以外，並向在場志工夥伴表達謝意，感謝志工們在新冠肺炎疫情嚴峻時，協助送餐、物資發放、電話問安及疫苗接種站動線引導等工作，110年上半年志工所投入的服務時數逾1089萬小時，換算產值可高達17億元！新北市志工共有24個類別、1342個志願服務團隊、人數達17萬1千多名，隊數及人數皆為全國之冠在非常時期仍有此服務成果，新北志工無私奉獻的精神，令人感到敬佩。
旺旺文教基金會周哲仁主任示，疫情打亂了台灣民眾生活作息，表演藝人衝擊更為嚴重，需多藝人這段時間幾乎沒有任何收入，感謝新北市政府能提供這麼好的場地，讓出席藝人有個表演舞台，用歌聲慰勞新北志工，旺旺集團用行動力關懷社會，為默默奉獻社會的一群無名英加油打氣。
演唱會由音樂磁場歌手涂佩岑擔綱主持，於活動過程中展現厚實的主持功力，志工們全場笑聲不斷。資深藝人葉佳修壓軸時前以一首外婆的澎湖灣喚起大家的年輕記憶，金曲獎二重組南方二重唱天籟之音撥動了全場觀眾的心弦、冰冰姐愛徒木工歌手陳思瑋高亢嘹亮的歌聲憾動全場、中視我愛冰冰秀主持歌手台一線及迷霧森林樂團以西洋搖滾演唱曲風贏得全場志工喝采，團長宋昱錦為創作歌手，去年以一首〈相守〉專輯唱出時代的背景，讓新北市志工、眷屬度過愉快難忘的周末假期。</t>
  </si>
  <si>
    <t>SEMI（國際半導體產業協會）10日公布最新全球晶圓廠預測報告（World Fab Forecast），全球晶圓廠設備支出將從2019年的低點反彈，2020年穩健回升後，可望在2021年大幅增長，並創下投資額歷史新高記錄。
不過，因為新冠肺炎影響中國市場支出計畫，SEMI小幅下修今年晶圓廠設備支出預估至578億美元。
SEMI表示，2020將是緩步成長的一年，晶圓廠設備支出規模年增率約3％來到578億美元，主要受到2020上半年仍因2019下半年市場低迷陰影籠罩所影響，預估衰退達18％，但情勢將於今年下半年好轉，市場開始出現復甦跡象。
新冠肺炎的爆發使中國2020年晶圓廠設備支出受到影響，也因此SEMI更新並向下修正去年11月發布的全球晶圓廠預測報告。儘管新冠肺炎影響持續發酵，中國今年的設備支出仍將較去年同期成長5％左右，並超過120億美元規模，2021年年增率將一舉升到22％來到150億美元規模。中國市場投資動力主要來自三星西安廠、SK海力士無錫廠、中芯國際和長江存儲等。
在晶圓代工龍頭台積電和記憶體大廠美光（Micron）投資的帶動下，台灣將成為2020年最大設備支出市場，總金額將接近140億美元，但2021年將下滑5％跌至第三位，支出仍會超過130億美元。
2020年韓國在三星和SK海力士投資助長下，成為第二大晶圓設備支出市場，年成長率達31％達到130億美元，而2021年將以26％大幅增長態勢躍居第一。此外，2020年也是以新加坡為主的東南亞地區強勢成長的一年，年增率達33％約22億美元規栚，2021年預計將持續增長，年成長率將來到26％。
在所有地區中，歐洲與中東地區2020年的設備支出成長最強勁，將增長50％以上來到37億美元，在英特爾、意法、英飛凌投資加持下，2021年也將維持此一增長幅度。
日本目前的晶圓廠設備投資主要由鎧俠（Kioxia）及威騰（WD）、索尼、美光等引領，2020年晶圓廠設備支出幾乎無變化，年成長率僅2％，2021年將小幅躍升近4％。美洲市場則呈現下滑趨勢，2020年支出預計將比2019年縮減，晶圓廠設備投資下跌24％至62億美元，2021年將繼續下探再降4％。</t>
  </si>
  <si>
    <t>因性侵案被判23年監禁，才剛入獄的美國著名電影製作人哈維·韋恩斯坦，被爆新冠病毒檢測呈陽性，並且引起美國人公憤。
有當地知情官員向媒體透露，紐約州文德監獄有2名囚犯的新冠病毒檢測呈陽性。但當地主管監獄部門的負責人稱，出於隱私相關法規，他們不能透露確診者姓名，但該監獄中確實有2名囚犯的檢測結果呈陽性。
而根據《環球時報》引述當地媒體報導指出，因性侵案被判23年監禁的著名電影製作人哈維·韋恩斯坦，被爆新冠病毒檢測呈陽性。然而，相比他確診一事，美國民眾更關心的卻是：在很多重症患者都得排隊等待檢測時，為什麼他能馬上得到檢測？
但相較於韋恩斯坦這種大人物確診，美國民眾不約而同地把注意力放在了這事上：為什麼一個性侵罪犯能馬上接受檢測，而其他百姓還得排長隊？
有民眾表示：「我一個出現症狀的孕婦朋友，無法得到新冠病毒檢測，為什麼韋恩斯坦居然能被檢測？他們該把這人隔離起來，不該把寶貴的檢測浪費在他身上。」
此觀點引來不少同病相憐的其他網友，他們紛紛表示，自家年邁且症狀持續很久的老母親，也沒得到檢測機會。「我們需要一個答案」，其中一個網友在評論中寫到。
另外，憤怒的美國民眾也爆料說，前幾天，NBA湖人隊、籃網隊的球員，在沒有症狀的情況下，全隊接受了檢測。有人諷刺，「看樣子，他們已經給所有NBA球員做檢測了，當成功人士真好。」「美國國會快來查查，為什麼這些人能優先檢測，其他重症患者卻得苦等著。」
據報導，韋恩斯坦目前正在文德監獄接受關押和隔離，此地距離紐約市中心約6小時車程。在待審期間，韋恩斯坦一直被關押在利克斯島監獄，也曾因高血壓和胸痛，被送往紐約市貝爾維尤醫院（Bellevue Hospital）。但截至目前，仍未有確切消息證明他是在何處感染了病毒。
截至美東時間3月22日18時，美國新冠肺炎確診病例已超過33073例，其中僅紐約州就達15777例，占全美確診病例近一半。</t>
  </si>
  <si>
    <t>彰化縣5月14日爆發新冠肺炎家庭群聚感染案例，水果盤商家族有12名親人相繼確診，一家人順利康復出院，擔任社區理事長的長子與母親接受本報專訪，述說住院治療期間被當成戰犯圍剿的複雜煎熬。盼政府、媒體和社會別再獵巫，一起做好防疫該做的事、多些體諒與包容，讓康復者出院後有勇氣面對未來長路。
變異病毒找到國門邊境破口長驅直入，新冠疫情5月起如海嘯席捲全台，水果盤商家庭一夕間成為繼新北獅子會長後最受全國矚目的焦點，透過喜宴、歌唱班員直、間接傳播，整個傳播鏈共計112人染疫，占全縣確診人數逾5成，溪湖鎮成為萬華第二的重災區。
理事長表示，沒有人自願染疫還導致全家人感染，他們也是受害者，住院期間母親身心煎熬、天天以淚洗面，媒體大肆渲染貼標籤，母親彷彿成了超級帶原者，全家被譏諷為葡萄王，有不理性民眾肉搜後打電話咒罵，甚至專程帶幾大袋垃圾砸向他家，幸好鄰居及時發現制止。
他強調，家人沒出國，父母只是去趟萬華將葡萄交給訂貨的客戶，母親初期沒症狀，才會去吃喜酒，等看到新聞報導去診所，醫生開了感冒藥要她回家多休息，接著大姊也出現症狀察覺不對，2人主動前往彰基自費篩檢才知確診。
住院期間家人每天通話，母親得知他與論及婚嫁的女友、弟弟、姊夫、外甥，連親家母、親家嬤都住院，幾乎寢食難安；看著母親心碎令他好心疼，母子倆常在電話中無語哽咽。
仍在防疫旅館隔離的他指出，父母為了討生活，30幾年來靠賣葡萄養大3姊弟，照顧許多葡萄農收益；出院後千頭萬緒、生活如何重新開始？全家人恐將失業好一陣子。姊夫的阿嬤近日病逝，親友見不到最後一面，更讓母親無顏面對親家。
雖慶幸家人在醫護悉心照顧下都能康復，也肯定彰化縣衛生局快速圍堵阻絕疫情策略成功，但想到其他案例個資都隱匿，只有他們家身分被揭露在媒體上不斷報導，心情還是氣憤、難以釋懷。
母親則說，不會怪任何人對他們指責、不諒解，疫情來的實在突然，所有人生活失去重心、措手不及，尤其害到女兒婆家、歌唱班學員，非常自責、難過，不知如何面對他人眼光和這些受影響的家庭，除了透過媒體記者向大家表達最深的歉意，也盼望這場疫情能早日結束，全民恢復正常的生活，希望確診者都能早日恢復身體健康。</t>
  </si>
  <si>
    <t xml:space="preserve">近期因數量較多的接種疫苗者遭變種病毒感染的案例發生，有專家建議補打第3劑加強針的說法極受重視。大陸疾控中心專家表示，疫苗接種後幾個月抗體水準會有所下降，但仍然有相當的保護力，是否補打第3針還需要開展相關研究，包括接種疫苗後人體的免疫記憶是否增強。
在大陸國務院聯防聯控機制疫情防控和疫苗接種的新聞發布會上，大陸疾控中心免疫規劃首席專家王華慶做出上述表示。他說，當務之急還是建立群體免疫屏障，消除免疫落差。至於後續是否需要加強免疫？如果要加強，怎麼樣加強？需要做更多研究。
另外，如果開展3劑次或後續加強免疫，要對安全性進行評估，只有綜合獲得充分證據以後，才能決定是否加強免疫。
對於接種疫苗後為何還感染，是否因為疫苗保護效力不夠？王華慶表示，目前為止，新冠疫苗不管是在臨床試驗獲得的保護效力，還是疫苗上市以後獲得的保護效果，其保護率都不是100%。有些人接種疫苗之後還感染，並不意味疫苗保護效力不夠，「不管是保護效果也好，還是保護效力也好，其實是對一個群體得出的一個結果。」要預防新冠肺炎，目前最好的辦法還是接種疫苗，如果人群當中有免疫力的達到一定閾值，就可以降低新冠肺炎的流行強度或者阻斷它的流行。
另一位大陸疾控中心研究員馮子健則表示，就廣東新一輪疫情來看，確診病例中沒有接種過疫苗的人群，轉為重症或者發生重症的比例顯著高於接種疫苗的人，表明接種以後對變異毒株仍然有保護作用。
在針對60歲以上老年人接種疫苗的安排上，大陸衛健委疾控局官員崔鋼表示，已經安排對60歲以上有接種需求，同時身體狀況比較好的老年人進接種疫苗工作。官方專門制定《新冠病毒（SARS-CoV-2）疫苗接種技術指南（第一版）》。對於60歲以上老人的接種工作有一系列統一的接種建議和具體要求。
</t>
  </si>
  <si>
    <t>據江蘇當局發布，3月12日0-24時，江蘇省無新增新型冠狀病毒肺炎確診病例。新增出院病例2例。江蘇累計確診的631病例中，在院病例1例。重型病例1例（無錫市1例）。累計出院病例630例。
截至3月12日24時，江蘇省累計報告新型冠狀病毒肺炎確診病例631例。其中，南京市93例、無錫市55例、徐州市79例、常州市51例、蘇州市87例、南通市40例、連雲港市48例、淮安市66例、鹽城市27例、揚州市23例、鎮江市12例、泰州市37例、宿遷市13例。
累計確診病例中，在院病例1例。重型病例1例（無錫市1例）。
累計出院病例630例。其中，南京市93例、無錫市54例、徐州市79例、常州市51例、蘇州市87例、南通市40例、連雲港市48例、淮安市66例、鹽城市27例、揚州市23例、鎮江市12例、泰州市37例、宿遷市13例。其中，南京市、徐州市、常州市、蘇州市、南通市、連雲港市、淮安市、鹽城市、揚州市、鎮江市、泰州市、宿遷市12市的確診病例全部出院。
目前，江蘇省追蹤到密切接觸者12652人，已解除醫學觀察12630人，尚有22人正在接受醫學觀察。</t>
  </si>
  <si>
    <t>台灣新冠肺炎疫情趨緩，政府研擬在7月推出第三階段振興方案。投顧法人出具最新報告，認為餐廳業者及零售商將是主要受惠者，看好寶雅（5904）、統一超（2912）、統一（1216）、瓦城（2729）及台灣高鐵（2633）等以本地消費者為主力的公司，業績將更快復甦。
台灣政府預計7月推出400～460億元振興方案，研擬發放消費券及旅遊補助刺激國內經濟。方案規畫每人可支付1000元取得3000元振興券，並提列40億元紓困預算補助觀光業，自由行每房補助1000元、團體旅遊每人每天補助700元，預估可創造近900億元收益。
投顧法人分析，在2008年金融海嘯後，台灣政府於2009年1月發放860億元消費券，儘管產生收益360～560億元、提升2009年GDP約0.28～0.34個百分點，刺激效益低於預期，但台灣零售及餐飲業2009年營收分別年增0.6％、5.1％，扭轉連2季衰退。
其中，零售業中以超市營收年增3.6％最多，百貨公司和便利超商則下滑0.6～0.9％。而餐飲業營收年增達5％、飲料店營收年增達4.4％，均超越其他零售通路。
而因應來台陸客減少衝擊，台灣政府2018、2019年接連推出旅遊補助措施，總金額分達12～15億元、36億元，帶動去年飯店住房率上升3.4個百分點，但住房收入年增5.2％，仍低於餐飲業的年增5.7％，且飯店餐飲營收仍年減1.8％。
不過，儘管餐飲業去年業績復甦動能較強，但投顧法人指出，觀光類股指數去年上漲達18％，餐飲類股則僅上漲8％。
隨著台灣已連續46天無本土新增病例，驅使政府逐步鬆綁大型聚會、國內旅遊等防疫相關規定，投顧法人認為以本地消費者為主的零售與餐廳業者，相較於過度仰賴國際及商務旅客的飯店業，業績表現將更快反彈。
基於過去政府祭出振興政策，零售商及餐廳業者可望明顯受惠，投顧法人看好以本地消費者為主要客群的零售及餐飲業者，如寶雅、統一超、統一、瓦城及台灣高鐵等公司，業績復甦速度可望更快。</t>
  </si>
  <si>
    <t xml:space="preserve">毅嘉(2402)10月自結合併營收約為6.11億元，較去年同期增加達一成，創下今年次高水準。
毅嘉10月自結合併營收金額約為6.11億元，月減少4%、年增加10%，其中軟板產品之營收為4.71億元，機構整合元件產品之營收為1.4億元；毅嘉累計前10月合併營收約43.42億元，較去年同期減少17%。
毅嘉表示，在全球車市逐漸回溫復甦的情況下，第四季度整體之營收及獲利，將可望較第三季增長。
毅嘉第三季度因全球經濟解封，帶動客戶訂單逐漸回籠，單季合併營收金額來到15.44億元，季增加46%，創下今年新高，單季稅前淨利更是創三年新高，單季毛利率達18%，更是攀上6年來的新高水準，展望第四季，隨著解封後汽車市場持續回溫，毅嘉在車用產品持續挹注營收下，第四季營運將續旺。
</t>
  </si>
  <si>
    <t xml:space="preserve">美國捐贈的250萬劑莫德納疫苗將在傍晚抵台，外界關心這250萬劑莫德納任務很急促，可否解釋接洽過程？以及莫德納跟AZ疫苗能否混打，對此指揮中心指揮官陳時中表示，非常謝謝AIT努力把台灣的情況傳回美國，我們真的很感謝。關於疫苗混打可能，還在密切注意中，
陳時中表示，整體溝通方面，不管外交部、駐美辦事處都非常努力，天天都在跟他們相關單位在溝通聯繫，也非常謝謝AIT儷英傑處長努力把台灣的情況分析，並不斷的傳回美國讓他們瞭解我們在疫苗取得上的急迫性，在這要強調，非常謝謝美國，他們以前講說台美是真朋友，我們是真的很感謝。
另外，至於疫苗是否有混打的可能，有些國家已經有這方面的想法，我們會持續密切注意相關發展。
</t>
  </si>
  <si>
    <t>中央流行疫情指揮中心今(26)日表示，斯洛伐克政府為協助各國對抗疫情，共同維護全球衛生安全，繼7月16日宣布捐贈我國1萬劑疫苗後，又將捐贈數量提高至16萬劑AstraZeneca(AZ)疫苗，經斯國衛生部與我國斯洛伐克代表處之通力合作安排，已於9月26日上午順利運抵桃園國際機場，並在完成通關程序後，直接運送至指定冷儲物流中心進行後續檢驗封緘作業。本批疫苗效期至110年10月31日及11月30日，將由指揮中心統籌規劃運用，提供國人接種。
指揮中心說明，全球面對疫情肆虐，國際社會竭盡一切努力，透過相互援助遏止疫情蔓延，斯洛伐克為感謝我國去年捐贈70萬片口罩之情誼，此時伸出援手提供並加碼捐贈這批COVID-19疫苗，讓我國感受到國際間正向循環的良善力量，此批疫苗將有助我國提升疫苗覆蓋率，指揮中心謹向斯洛伐克政府與人民致上誠摯謝意。</t>
  </si>
  <si>
    <t>今天大年初四，國內疫情連續第三天無新增境外移入個案、本土病例。中央流行疫情指揮中心指揮官陳時中今天仍親自主持記者會，並指出目前部立桃園醫院回溯採檢剩下2人結果未出爐，預計桃醫在2月19日恢復營運。
桃園醫院上月爆發新冠肺炎群聚感染，預計年後分階段恢復正常營運，中央流行疫情指揮中心指揮官陳時中今天宣布，回溯採檢昨天有9人採檢中，今天7人檢驗結果為陰性，目前只剩2人檢驗中，結果預計今天會出爐，2月19日恢復營運。
陳時中表示，桃園醫院感染事件需要隔離14天的人共有4346人，目前醫院相關醫護工作者通通都已經結束隔離。
桃醫工作人員全部都已完成採檢，外界關心在這次群聚感染事件學到的最大教訓為何？陳時中表示，桃園醫院被檢討的其中一個原因，就是我們的分艙分流是否有做到徹底，這方面確實有相對困難，只能盡量朝著做到完整，目前已經針對這方面做檢討。
此外，陳時中也表示，匡列速度是否可以更快一點，現在手頭的資料都有，若要即時都收集起來，很多跟資料熟悉相關的人都已經被隔離了，增加收集整理這些資料的困難，這是以前SOP沒有設想到的，這次因為是大規模的隔離，人隔離開了，都要想到各病室病房的隔離等。
他強調，未來針對分艙分流的落實、讓資料整理更系統化，都是在持續檢討中。過完年後會再做一次部桃的專案報告，由專家來檢討，再來做桃醫的巡檢，看現在各項SOP有沒有做得完全。</t>
  </si>
  <si>
    <t>在新冠肺炎疫期，鑽石公主號郵輪等多郵輪在海上「漂流」多日，讓在郵輪上民眾有如經歷一場夢魘，不過，搭高檔郵輪出國仍是未來旅遊趨勢，尤其目前旅遊綜合險並沒有保障郵輪上的旅遊不便，因此，若民眾要搭郵輪出遊，要買「郵輪綜合險」對搭乘郵輪者才會有較多保障。
據了解，產險業者在未來考慮推「郵輪綜合險」，但截至目前為止，兆豐保險仍是目前國內產險業者唯一推出「郵輪綜合險」的產險業者。
至於「郵輪綜合險」有那些專屬的保障？兆豐保險說，舉例來說，如果被保險人或其同行夥伴如罹患新冠肺炎，或被保險人本人因疑似罹患新冠肺炎被強制檢疫，而致其必須取消預定之旅程，若有投保郵輪綜合險，即可申請「旅程取消」理賠。
兆豐保險說， 如果被保險人於海上旅遊期間，被保險人或其同行夥伴如罹患新冠肺炎被確認，還可以申請4項保險理賠。因新冠肺炎為法定傳染病，只要被保險人或其同行夥伴罹患新冠肺炎被確認者會即認定「符合重大傷病」，所以可申請下列4項：
1.程縮短保險：被保險人於海外旅行期間內，必須提早結束旅程而返回中華民國境內之住居所，所需額外支出之交通費用及住宿費用。
2.郵輪假期保險：海上旅遊期間於岸上觀光後錯過登船費用。
3.郵輪緊急衛星電話費用保險。
4.海外急難救助費用保險─醫療轉送費用。
兆豐保險表示，若被保險人於海外旅遊期間，被保險人罹患新冠肺炎於國外當地醫療機構就診或住院，也可以申請海外突發疾病醫療健康保險之給付，包括海外突發疾病住院醫療保險金、海外突發疾病門診醫療保險金以及海外突發疾病急診醫療保險金。</t>
  </si>
  <si>
    <t xml:space="preserve">當載防疫物資用品大貨車到時，穿著襯衫、西裝褲，捲起袖子幫忙搬運防疫物資下車，全身一下子就汗如雨下濕透了！市議員吳瓊華說，赫然發現一起搬貨的人居然就是捐贈者～這種精神真的令人感動。
吳瓊華指出，在一個機緣認識台灣水木清華校友會長朱長生以及林昭仲教授，他們就提起想要以最實用的防疫用品捐給第一線防疫人員，希望透過服務處來協助！這一次在瓊華的服務選區（烏日、大肚、龍井）區公所、消防隊、警察局、清潔隊、衛生所、戶政等單位，數量多達近200箱的防疫用品！
台灣水木清華校友會是個民間團體，朱會長提起因今年六月初，有感於家鄉新冠疫情嚴峻，承諾將自海外進口至少3櫃消毒洗手液及2櫃防護口罩來台，無償分享給弱勢防疫單位及一線守護單位。至今已入倉5櫃消毒洗手液約25萬瓶及4櫃防護口罩約800萬片，尚有4櫃消毒洗手液約20萬瓶正於美國來台途中，將於近日抵達台中港。
吳瓊華說，最近陸續透過中央及各地方民意代表的協助，將約10萬瓶消毒洗手液及約160萬片口罩，無償分享給台北地區、新北地區、桃園地區、台中地區、新竹地區及宜蘭等地區一線防疫單位！
朱長生表示：「我們不是捐贈也不是援助，是透過有限的防疫物資來分享無限的關懷及傳遞無限的熱情，再次非常感謝所有支持與協助的朋友們，是您們共同凝聚了這份良善與溫暖。」
吳瓊華強調，病毒無情，人間有愛！疫情停止，愛心延續～希望這些最貼身實用的防疫用品能夠保護著每一個第一線的工作人員！感謝這些默默守護防疫戰線的無名英雄！
</t>
  </si>
  <si>
    <t>離東京奧運開幕只剩最後一天的時間了，世界各國好手都陸續抵達日本東京備戰，中華隊好手有的也開始展開賽前訓練，目前都平安無事，相信接下來他們會全力將目標放在奪牌上面，不過有幾位選手可沒那麼好過了，繼昨天傳出智利跆拳道選手染疫退賽後，今天又傳出壞消息。
據俄羅斯游泳協會稍早表示，俄羅斯18歲游泳好手鮑羅廷(Ilya Borodin)染上了新冠肺炎，目前確定退出本屆東京奧運游泳比賽，相當令人震驚，而據悉他是在抵達東京前就已經確定染疫，俄羅斯游泳協會發聲明說：「他是歐洲冠軍，也是奧運代表團領袖之一，他在新冠肺炎檢測呈陽性，意味他不會參加奧運。」
World Jr Record Holder Ilya Borodin Will Miss Olympics After COVID-19 Positive https://t.co/aoG9FgrKIc
而奧運還沒開打疫情似乎就開始蔓延，除了智利跆拳道好手和鮑羅廷之外，另外還傳出英國射擊選手希爾(Amber Hill)、捷克桌球選手席魯切克(Pavel Sirucek)、荷蘭滑板選手賈可布斯(Candy Jacobs)染疫退賽，目前一共有5人因為新冠肺炎無奈退出東京奧運，這對世界各國及日本主辦國都是一大打擊。
18歲游泳小將鮑羅廷是2020年男子400公尺個人混合歐洲冠軍，並在2019年歐洲青年夏季奧林匹克節200、400公尺個人混合獲得金牌，才小小年紀就有超齡的成績。另外捷克桌球好手席魯切克目前世界排名52，因2020年東京奧運《2020東京奧運會運動項目特殊規則》，在桌球比賽中被標記為「Did Not Start」(簡稱DNS)，即「放棄參加比賽」！</t>
  </si>
  <si>
    <t>國內新冠肺炎疫情嚴峻，三級警戒延長，再加上疫苗短缺，民怨達到高峰，台北市長柯文哲坦言，疫苗覆蓋率需達7成以上才有群體免疫效果，若在此之前先行解封，感染人數就會上升，目前戰略要先撐到疫苗到再說。
柯文哲表示，疫苗覆蓋率需要70％以上才有群體免疫效果，覆蓋率不夠要放掉三級管制，感染人數就會上升，這也是一個很困難的題目，從其他國家例子可看到，封城來回好幾次。
柯文哲重申，他主張只要國際上有認證、價錢不會太理譜的疫苗，能買就先買，買多少算多少，防疫管制在不影響經濟的狀態下鬆到什麼程度。如果不行的話，大概就是要咬緊牙關撐到疫苗來。
柯文哲強調，他不在中央，也不知道疫苗的狀況，目前策略是，以最低成本維持三級管制效果，撐到疫苗可以打到70％，這是戰略，沒有達到70％就放開，感染人數會上去。</t>
  </si>
  <si>
    <t>政府持續出手打炒房，各部會接連出招，加上股市表現熱絡，引發投資圈是否「棄房轉股」的討論。安新建經表示，目前自住、置產的買盤還在，房市剛性需求不衰，建議首購族與換屋族應持續關注市場，維持敏感度，長期投資的消費者則不要有太高的槓桿操作，選擇區域時，則要跟著「交通」、「重大建設」、「大型企業進駐」三大指標走。
近來政府持續強打囤房族與大戶法人，讓房市多頭氛圍略為消散，安新建經執行經理劉易昌指出，政策性調控主要是針對短期投機客，近期並沒有看到明顯資金退潮，主要是因為新冠肺炎疫情爆發後，台灣投資市場體質健全、政府又歡迎資金流入，導致熱錢豐沛，也推升新台幣持續升值，投資市場資金充裕，自住、置產的買盤仍在，只要有較優質的標的釋出，詢問度還是很高，也多數能順利成交。
劉易昌建議，如果是首購族或換屋族，還是要持續保持對市況的關注，畢竟土地是稀缺性很高的產品，好的物件原本就不容易覓得，「賣一間、少一間」；也要維持對價格的敏感度，隨時關注實價登錄與有口碑的房仲資訊，才有機會用實惠的價格買到好房。
至於投資族，則建議以長期投資為主，不要有太高的槓桿操作，自有資金至少要有三成，而且要是閒錢為主。劉益昌強調，雖然房價不容易快速飆漲，但低利率的大環境不變，有租金投報率的物件還是頗為吃香，通常只要有3%至5%的投報率，就頗受歡迎。
在選擇區域時，劉易昌建議，可以掌握三大指標。第一，是有交通利多，例如有捷運路線將興建或在規劃中、有新的交流道或快速道路等等，都會帶動周邊房地產走勢。第二，要有重大建設，這不限於圖書館、公園、學校等公共建設，民間投資諸如商場、大賣場等等，也算在其中；第三，若有大型企業進駐，提供就業機會、帶動人口流入，更為加分。以桃園地區來說，中正藝文特區、青埔等區域，就符合這些評估指標，這也是近期區內交易熱絡，不受打炒房影響的主因。</t>
  </si>
  <si>
    <t>一如外界預期，在新冠疫情持續延燒之下，四大賽歷史最悠久的溫布頓錦標賽今晚正式宣布取消今年賽事，也是這項一年一度的盛事自1945年第二次世界大戰以來，第一次無法舉辦。
全英網球俱樂部今天召開緊急理事會，也正式作出取消賽事的決議。其實台灣「網球一哥」盧彥勳透露，上周參加球員委員會會議時，就已得知溫網無法舉行，只是仍需等到官方正式確認。
原訂5月進行的法國網球公開賽，此前已經宣布要延到9月底，但溫網沒有延期的空間，因為每年的草地網球季節僅有6周，且只有這段時間英國的日照時間夠長，可以舉辦溫網，加上場地濕滑就無法進行草地比賽，溫網也無法移到較為寒冷、多雨的時節，今年只有取消一途。</t>
  </si>
  <si>
    <t xml:space="preserve">新冠肺炎持續襲捲美國全境，至今已有160萬確診、9.6萬人死亡，不論確診與死亡人數皆排名全球首位。雖然美國總統川普宣稱「美檢測能力領先全球」，不過根據美媒「國家公共廣播電台」（NPR）報導，美國疾病管制與預防中心（CDC）在報告檢測數據時，合併了病毒檢測結果與抗體檢測結果，專家擔憂可能會導致檢測能力的誤判，使檢測率偏低，而CDC也承認此一錯誤。
報導指出，CDC檢測的報告中，在大部分檢測是否確診的基因測試中，結合了「聚合酶連鎖反應」，以及檢測血液中是否早已感染而有抗體的血清檢測。美國霍普金斯大學流行病學家努佐（Jennifer Nuzzo）表示，對檢測方式表達關切，表示這兩種不同的檢測方式結合在一起，恐怕留下「數據上的檢測量比實際上受檢量來得高」的印象。她表示，「將這兩種檢測方式置於同一項目下是不適當的，這兩種檢測方式差異很大，它們有不同的檢測意義」。
努佐進一步表示，血清檢測並不能檢驗出現有確診數量的即時資訊，結合基因檢測是有問題的，因為這將讓政府與企業對疫情誤認，並指出足夠的檢測量是檢視疫情是否受控的關鍵，特別是美國正準備重啟國門、放寬社交距離限制之際。她指出，「唯有藉由『聚合酶連鎖反應』才能測出誰才是真正確診，且並須列入病歷」，「測試的目標就是要了解我們是否建立起足夠的檢驗病例，唯有實際檢測病毒才做得到」。
努佐說，結合血清檢測可能會減少「呈現陽性結果」的檢測量，降低整體檢測陽性比率，這又是另一項重要指標。霍普金斯大學流行病學家瑞物爾斯（Caitlin Rivers）甚至表示，「我懷疑這是刻意降低確診比率」。
對此，CDC發言人坦承了報告中大部分的數據是結合了病毒檢測與血清抗體檢測，因為一些州的檢測數據中已包含了抗體檢測。不過發言人表示，當前的數據可以幫助掌握疫情資訊，但未來希望能把這兩項數據分開出來。
</t>
  </si>
  <si>
    <t xml:space="preserve">測試大廠京元電子(2449)染疫事件越演越烈，中央疫情指揮中心(CDC)今日有宣布設立京元電指揮所，京元電也公告將自今晚7點20分起停工2天，進行徹底消毒作業，京元電為聯發科(2454)重要封測夥伴，對此，聯發科最新表示，目前與京元電緊密溝通合作中，預期京元電目前的停工計畫對六月營收將有部分短暫影響，但對於第二季、以及全年營運的成長目標依舊維持不變。
聯發科表示，與京元電緊密溝通合作中，期望將因應疫情停工之影響降至最低，聯發科預期京元電目前的停工計畫對六月營收將有部分短暫影響，但不影響第二季營收成長10~18%及毛利率的目標，此外，因終端市場需求仍然健康，聯發科全年營收成長超過40%與毛利率44~46%的目標維持不變。
聯發科先前法說會即預期第二季合併營收將可望季成長10～18％、1,188～1,275億元，也就是說，聯發科第二季營收將可望續創新高水準，同時，聯發科將上調全年合併營收目標達到年成長四成以上，並上修全年平均毛利率區間至44～46％。
聯發科最後也強調，期待在疫情之下大家互聯互助，砥礪前行，同舟共濟，互相扶持，讓台灣早日恢復正常生活。
京元電苗栗竹南廠爆發群聚感染，截至3日已有67人確診，為避免感染擴大，京元電公告將自今晚7點20分起停工2天，針對新竹總部及苗栗竹南、銅鑼廠區進行徹底清潔消毒，預期影響月產能4~6%。
</t>
  </si>
  <si>
    <t>新冠肺炎疫情肆虐全球，黑社會也不閒著。義大利「黑手黨」藉提供免費食物、無息貸款等好處收攏人心，趁機坐大勢力，引發關注。巴西黑幫的防疫作為比政府還到位。
義大利是疫情重災區，內政部長拉莫格斯警告，受到封城影響，商店、咖啡店、餐廳和酒吧被迫休業，數百萬員工頓失收入，「若當局不立即協助這些商家與員工，黑幫將提供服務，加速招攬民眾入幫，進而控制人民的生活」。
英國《衛報》報導，黑手黨藉疫情趁機「送暖」，派員向貧窮家庭配送免費食品與現金，已知活動範圍包括坎帕尼亞、卡拉布里亞、西西里島和普利亞等南部大區。
卡拉布里亞大區的卡坦札羅省檢察官兼反黑手黨調查員格拉特利指出：「黑手黨把城市視為自己的『領地』。他們需要照顧領地上的人民，現在正是他們發揮優勢的時候。他們在大家水深火熱時提供免費食物，猶如英雄，未來黑手黨推舉誰出來選議員，將可得到民眾支持，有利他們黑幫犯罪獲益。」他憂心表示，若國家走慢一步，黑手黨將捷足先登，成功收買民心。
南美洲的巴西，黑幫則出馬協助抗疫。在里約的貧民區，黑幫嫌政府防疫措施過慢，先一步警告民眾入夜後最好從街道上「消失」，還喊出「不洗手就砍手」的口號，比之前無視群聚感染、稱新冠肺炎只是小感冒的的總統波索納羅更認真防疫。
據報導，巴西衛生部長曼德塔表示，希望地方政府與黑幫進行合作，共商遏制新冠病毒的措施。他說，政府需與控制貧民窟的黑幫和毒販對話。公共衛生部門擔心，貧民窟衛生條件差、人口密度高且缺乏隔離條件，一旦疫情蔓延，破壞性會很大。</t>
  </si>
  <si>
    <t>中央6月中公布機組員居檢加嚴政策，未施打疫苗或第一劑未滿兩周，檢疫天數將調整為「7＋7」，有長榮機師坦言目前長榮已有9成以上機組員完成接種疫苗，但因政府政策過於匆忙，加上Delta變種病毒肆虐，班表不斷調整，7月的班表到昨天才出來，另中央規定機組員可於居檢派飛，派飛前若快篩陰性即可出勤，令機師無奈的說「混合派飛風險極高」。
機組員「7＋7」政策於今天正式上線，長榮機師表示，長榮機師約1300名，目前只剩下70人左右尚未施打，大家都在等待接種第二劑疫苗，若血清抗體檢測為陽性則返台不需隔離，但打了第一劑尚未滿兩周的機師仍佔多數，又因Delta變種病毒肆虐，取消了部分飛往倫敦及雅加達的航班，導致排班上造成了巨大變動，直言中央看待機組員的角度有偏頗，沒有顧慮到實際執行的困難度，也從未考量若突如其來的事件發生會導致航空公司難以作業。
機師坦言，機組員一直到6月30日前都還不知道班表如何安排，「明天要幹嘛？」、「7月上班時間為何？」，導致家庭生活的行程也難以計畫，考量每天疫苗接種進度都有變化，公司排班表的人員也都加班處理相關事項，除了政府繁複規定外，又因外界變種病毒的變動，需要隨著外界局勢重新調整。
另中央宣布長程航班的機組員若採快篩陰性，居檢期間可派飛，長榮機師提到，現在機師有分多種狀況，包含未施打疫苗者、有施打疫苗者、施打完是否滿兩周、是否施打兩劑、施打兩劑者血清抗體是否陽性，機師直言，在這樣多分類的情況下混合派飛，風險極大，當初也有建議政府8月再實施「7＋7」政策，否則政策匆忙、飛行員緩衝時間不夠，「大家對政策仍霧煞煞」。</t>
  </si>
  <si>
    <t xml:space="preserve">口罩新制今（9）日上路，14天可購買9片成人口罩，高雄1家藥局下午3時起開賣，排隊人龍已綿延10家店距離，約莫30多人排隊等候，排第1位的陳姓男子說，今天比往日多3倍人潮，雖然14天可買9片，但仍不敷使用，最好是1天能1片。也有阿伯搬來紅色塑膠椅帶漫畫來打發時間，認為新制好不好，政府看大家排成這樣，應該就知道了？
陳姓男子說，一家4口有3位身分證尾數是雙號、1位單號，之前要想辦法排兩次隊，但之前排半小時而已，人也沒今天這麼多，今天自己剛好休假，與老婆兩個人前來，要領取全家4個人的口罩量。
陳男直說，雖然現在推行網路預購口罩，但實際操作仍不太方便，他寧願到家附近的這家藥局排隊，今天約2時到場，2時45分發號碼牌、3時開賣，但2時30分許，人龍已經排到隔壁的10家店外，相當誇張。
針對近來口罩援外，陳男認為，國人自己14天9片口罩都不夠了，可以說自顧不暇了，應該是先把國內需求搞定，再來幫助其他國家，否則像是自己的小孩要上百人以上的補習班，為了要防疫也不能省口罩，還是要每天更換。
70歲劉姓阿伯也在豔陽下等候，特地搬來塑膠椅以及漫畫書，他說，「14天9片不夠啦」，只能盡量節省重複，用蒸的還是不放心，希望政府能想出更便民的方式。
</t>
  </si>
  <si>
    <t xml:space="preserve">新冠肺炎疫情從武漢爆開後，當地成為中國大陸抗疫的主戰場。早先有一群女護士剃光頭赴前線，宣誓抗疫決心引起話題。昨一位赴武漢支援的護士吐露心聲，希望疫情結束後，政府配給一個男友，女護士的心願卡曝光後迅速爆紅。
星島日報報導，這名可愛的護士名叫田芳芳，她任職於湖南中醫藥研究院附屬醫院，2月10日她隨武漢國家中醫醫療隊隊員一行，從長沙出征武漢，趕赴武漢抗疫前線。出發時前她豪氣地說，「沒關係，我是單身，我先上」。
她的父親是一名醫師，也曾在參與抗煞，因此非常支持她赴武漢抗疫。她目前待在武漢方艙醫院，主要是做醫務護理，並對病人作心理工作。
今年芳齡30的她，2月25日工作結束後，在紙上寫下這樣的心願，「希望疫情結束，國家給我分配一個男朋友」。這些話語逗樂現場同事和患者。
國家分配男友的心願曝光後，她在網路成為熱議的話題人物。媒體追蹤問她擇偶條件，她有些羞赧地說，「我1米69不能比我矮。」，還堅信：「男朋友會有的，疫情也會結束的」。
對於女護士的心願，PTT網友紛紛留言說，「肥宅：可以國家分配女友嗎？」、「這要求我是不能拒絕的，來台灣吧」、「國家分配的喔，到時候別後悔喔」、「但疫情不會結束了」、「可惡 我忽然發現中共其實好像也沒這麼差啊」。
</t>
  </si>
  <si>
    <t>台北市長柯文哲27日未開記者會對外說明疫情，不過，他在臉書發文指出，今早接到疾管署通知，1位感染Delta病毒的屏東縣枋寮鄉居民，與2位台北市民有近距離接觸。
柯文哲指出，這2位市民是枋寮個案的妹妹和妹婿，20日上午曾到枋寮探視，2位接觸者只和枋寮個案短暫聊天，全程都有佩戴口罩，兩人在當天就回到台北。
他表示，這兩位市民是自行開車往返，都退休了沒有上班，初步疫調也沒有在北市公共場所的足跡，上午我們一接到通知，立刻安排他們到陽明醫院進行採檢，並且收住到檢疫所進行隔離，目前已經先進行PCR採檢，北市會嚴密注意。
柯文哲說，在全球Delta已逐步取代英國變異病毒株 (Alpha)，成為全球盛行病毒株，席捲至少80個國家，正式成為印度、英國與新加坡境內最強勢病毒株。目前看到相關文獻，光打1劑疫苗的人，對Delta病毒也只有3成左右的保護力。
他強調，在台灣COVID-19疫苗還未普遍施打前，仍然要維持管制措施與邊境管制，要提醒市民朋友特別小心，即使戴口罩，在家戶內近距離接觸，都可能傳染，呼籲大家把口罩戴好，不要亂跑，提高警覺，我們沒有鬆懈的本錢。
★《中時新聞網》提醒您：因應新冠肺炎疫情，疾管署持續加強疫情監測與邊境管制措施， 如有疑似症狀，請撥打：1922專線，或 0800-001922， 並依指示配戴口罩儘速就醫，同時主動告知醫師旅遊史及接觸史，以利及時診斷及通報</t>
  </si>
  <si>
    <t>世界各國近日頻傳完整接種疫苗仍染疫的案例，不少國家為此呼籲要打第三劑疫苗。根據冰島研究，突破性感染發生率最高的是嬌生，但以國內已經施打的疫苗來說，AZ則是最高。中央流行疫情指揮中心發言人莊人祥今在記者會上表示，目前國內9例突破性感染的個案都是打AZ。
中央流行疫情指揮中心發言人莊人祥表示，目前國內突破性感染共有9人，為接種14天後發生，目前感染後都是輕症，而這9人都是接種AZ疫苗。而台電大樓日前確診的一名30多歲的孕婦，個案在8月11日就被列為自主健康管理者，當時PCR採檢結果為陰性，後來在8月13日打完第二劑疫苗，但在8月14日就發病，不算是完整接種個案，因此也不能算是突破性感染。
莊人祥表示，統計累積到接種的母數共有27萬5321人，以當中只有9人發生突破性感染的比率為百分之0.003，也就是十萬分之3，與美國發生率達百了之0.01，也就是萬分之一相比，數字低很多，且美國是接種BNT以及莫德納疫苗，沒有接種AZ，目前看來AZ還是很有效。
不過，台大公共衛生學院教授陳秀熙團隊成員任小萱任小萱表示，冰島接種的疫苗廠牌共有4種，分別是嬌生、AZ、莫德納和BNT。接種比例為莫德納9％、嬌生11％、AZ24％、BNT56％。然而7月開始的本土個案多數都是突破性感染且無症狀，突破性感染的廠牌，由高至低依序為嬌生1.2％、AZ0.45％、BNT0.3％、莫德納0.27％。
其中的冰島7月中後確診數暴增，多數本土個案都是突破性感染，突破性感染比例，又以嬌生疫苗居多。當地自8月中起，已開始針對接種嬌生疫苗者施打mRNA加強劑。
而美國施打疫苗的比例高，但仍有大規模傳播，以色列也考量沒打疫苗的人最容易感染，打過疫苗者需透過其他方式，例如戴口罩來加強。最近也有報告指出，雖然開始病毒量高，但是傳播時間短，比較不會住院和重症，因此打疫苗還是對個人、群體還是有幫忙。
國外案例發現，目前打完兩劑疫苗，但身上的病毒量和沒打疫苗的人相當？對此，指揮中心專家小組召集人張上淳表示，在美國CDC提出的研究發現打過疫苗後，Ct值還是蠻低的，顯示病毒量很高，在美國可以看到施打疫苗的比例很高，但還是有大規模性的傳播出現，在以色列與其他國家都可以看見類似狀況，需要小心關切感染Delta。
不過，最近也有新的報告指出，一開始的病毒量高，但傳播的時間還是比較短，且比較不會發生重症住院，打疫苗還是對於對人的保護以及群體來說還是有幫忙。</t>
  </si>
  <si>
    <t xml:space="preserve">王力宏近年重心轉往大陸，去年底12月29、30日正好在武漢開唱，在1月10日更一度發燒到39度，王力宏一度懷疑自己染疫趕緊就醫，幸好當下排除未中標，為求謹慎回台後進行自主居家隔離14天，如今過了2個月，他日前po出影片和粉絲報平安，20日也po洗手照，用中英文寫道：「謝謝大家這幾天的關心，很慶幸我和家人都健康。」又接著說：「不管怎樣，現在最重要的是大家繼續警惕，一起團結打持久戰，繼續手牽手堅信愛會贏，等疫情過了，一定會出現最美麗的彩虹！」
日前因身體狀況，王力宏告假《天賜的聲音》錄影，在家期間仍然透過通訊軟體開視訊會議，依舊相當忙碌，而他也多了時間陪伴家人，與3個小孩玩Switch，享天倫之樂還兼運動飆汗。王力宏希望大家一起攜手走過這段疫情，「照顧好自己、也就是保護別人！」也叮嚀大家防疫之餘，不要忘了社交，換個方式和親友多多聯繫，「心在哪裡，人就在哪裡喔。」
王力宏近期推出新單曲〈Forever Your Dad〉登上「亞洲新歌榜」港澳台榜的「總分排名」和「社會影響力排名」雙料冠軍，好消息讓他相當感動。而王力宏日前得知高中昔日同窗好友Dave得了漸凍症，隨著時間消逝，包括感官、行動力等身體功能逐漸下降，王力宏決定寫下此曲，並將這首英文單曲的所有收益，透過漸凍人協會（ALS）捐給同窗好友作為醫療費用、以及漸凍症研究基金。
從小在紐約長大的王力宏，認為高中同學Dave很優秀，好人緣加上有才能立刻選為班長，投緣的兩人至今仍是好友，先前在得知好友罹病時，晴天霹靂消息讓王力宏很難過，而好友Dave和妻子育有3女，讓同為人父的王力宏完全感同身受，他在臉書寫道：「爸爸對女兒的愛是獨一無二的！」透過這首英文歌，獻給Dave一家人。
近期因疫情影響美國許多學校停課，Dave樂觀說「因禍得福」多出和女兒相處時間，他也格外珍惜，把握每分每秒。王力宏〈Forever Your Dad〉MV已在王力宏YouTube官方頻道播出。
</t>
  </si>
  <si>
    <t>基亞（3176）新藥開發雙喜臨門！除了與義大癌治療醫院NK（自然殺手細胞）治療將啟動外，與日本Oncolys BioPharma共同開發的溶瘤病毒新藥OBP-301，授權夥伴中外製藥應用於合併放射線治療食道癌的臨床二期試驗，也正式收錄第一名受試者，該臨床預計收案37人。
由於溶瘤病毒治療被視為是新世紀最夯癌症療法之一，讓OBP-301身價大漲，2016年該新藥以1.02億美元授權江蘇恒瑞製藥中、港、澳權利，2019年4月，則以500億日圓授權日本中外製藥擁有日本及台灣權利。依協議，基亞的分潤比例是有三分之一，而Oncolys則占三分之二，因此，OBP-301的臨床開發進度，也攸關基亞階段里程金分潤入帳點。
基亞表示，依Oncolys於3月4日公告，Oncolys接獲中外製藥通知OBP-301合併放射線治療食道癌的臨床二期試驗，已於2020年3月3日正式收錄第一名受試者。
目前OBP-301除合併放射線治療食道癌的臨床試驗外，也在台灣及韓國執行肝癌第一期臨床試驗，美國則執行胃癌及食道癌之合併免疫抑制劑第二期臨床試驗。
營運漸入佳境，除新藥授權外，目前已專注於細胞治療，首個與義大癌治療醫院合作應用於病患治療，將開始啟動。
另外，由於NK細胞也有助於免疫力提升，該公司與香港中基一號集團的合作案，亦延伸至中基二號，預期在新冠肺炎風暴化解，交管解除，營運將吃大補丸。</t>
  </si>
  <si>
    <t xml:space="preserve">根據《洛杉磯時報》23日報導，位居加州洛杉磯的史坦普中心，不僅是湖人、快艇兩支NBA球隊主場，也是美式冰球聯盟(NHL)國王隊的主場，目前NBA與NHL確診新冠肺炎的16名球員當中，竟有8人在美國疫情爆發前夕造訪過這裡！
在NBA宣布無限期停賽前4天，8名確診球員曾在史坦普中心打過球，包含4名籃網球員(其中1人是杜蘭特)、2名湖人球員與2名NHL渥太華參議員隊球員，籃網是在3月11日作客湖人主場，參議員隊則在3月12日跟國王隊對決。
其實湖人在3月9日跟快艇進行本季第3次洛杉磯內戰時，NBA就採取一些相關防疫措施，包含禁止進入休息室採訪、建議減少跟球迷接觸、取消賽前跟球迷擊掌等等，就算兩天後跟籃網交手，湖人也在史坦普中心採取同樣防疫措施。
值得注意的是，籃網與參議員隊並非同一天在史坦普中心比賽，使用的硬體設施也不一樣，兩隊交叉傳染的機率很低，也讓史坦普中心成為最被懷疑的對象，更讓外界擔憂的是，到現在快艇與NHL國王隊還沒有公布他們的新冠病毒檢測結果！
</t>
  </si>
  <si>
    <t xml:space="preserve">
中央流行疫情指揮中心今（14日）宣布無新冠肺炎新增確診案例，是自3／9以來睽違36天的零確診，消息一出令指揮中心和民眾都相當振奮。不過網上也出現不同聲浪，有網友認為，當初說「清明連假後疫情會大爆發」的人，根本可笑到了極點。
台灣喜迎久違零確診令人振奮，卻有人因此出來質疑，當初政府連假根本是瞎操心，表示「不要再幻想清明節會有什麼效應了」。PTT網友指出，過去多少次安全下莊了，明明有很多個案都比清明出去玩的人還要緊密接觸結果都沒事，那些外出趴趴走的人怎麼會有事？另外還要因為曾去過11個旅遊景點而居家自主健康管理，認為這措施「根本可笑到了極點。」
該網友表示，自己早就斷定疫情不會爆發，並舉例說「每晚去全聯一堆人，你有聽過全聯爆發疫情的嗎？」那些餐廳、超市、菜市場等等打從疫情一開始到現在都沒事，「憑什麼清明連假會有事？」至於為什麼台灣能夠防住？他認為只有「口罩」能夠解釋了。
貼文一出，許多人贊同表示「我跟你一直想得一樣，什麼11景點有夠好笑」、「每天通勤上班都沒爆發了，出遊會爆發，我也是笑笑」、「其實每天上班的群聚比清明出遊多更多」。也有人認為「全民戴口罩」真的發揮了很強的防疫效果，「口罩真的很重要」、「全民口罩連流感都被擊敗，就知效果很強」。
許多專家預估清明連假後會有一波疫情高峰，如今零確診，開始讓網友有自信地表示「不用再幻想會大爆發了，現在根本沒幾隻貓進來台灣」、「只有零星傳染源流入，也很快抓出阻隔傳播了，不可能爆發」。不過也有人認為，若不是超前佈署，「如果真的疫情爆發了，原PO說詞肯定不一樣」。
</t>
  </si>
  <si>
    <t>民眾黨立委高虹安昨日（7）痛批，立法院「疫苗調閱小組」4月29日開過一次會後，至今尚未再開過會就在5月31日結束了，下次再重新組成得等到9月底。對此，藥師林士峰直言「實在太多疑點」，認為執政黨在整個疫苗採購疑雲重重，尤其立法委員行使職權，要求行政院院長蘇貞昌專案報告竟如此艱難，令他更是匪夷所思。
高虹安昨日在臉書發文表示，他當日在朝野研商時，提出希望行政院能針對疫苗採購議題進行專案報告，卻經民進黨黨團一度駁回。她呼籲行政院應該要提出正式報告，讓所有的立法委員有詳盡的資訊了解現階段國家對於疫苗採購及到貨、疫苗施打規劃及策略，以保障全台灣人民的健康與福祉。
高虹安更接連質疑，難道立法院立法委員行使職權，要求行政院院長專案報告竟如此艱難嗎？為什麼民進黨團要嘗試阻擋在野黨要求安排專案報告？難道讓人民有知的權利，在民進黨的執政下，竟會是這麼的困難嗎？
針對高虹安的指控，林士峰隨後在臉書發文附和，認為這次執政黨在疫苗採購上，實在太多疑點。林強調，執政黨不但採購量不太順利，連立法院想要求行政院針對疫苗採購進行專案報告，也被民進黨團一度駁回；尤其在野黨的3個黨團行使職權，都希望行政院要提出正式報告結果卻如此艱難，令他相當匪夷所思、無法認同。</t>
  </si>
  <si>
    <t xml:space="preserve">新冠肺炎疫情快速升溫，雲林縣政府再超前部署，19日首次以視訊舉行防疫擴大專案縣務會報，並在雲林國中、斗六國中尋覓場地布置臨時縣府辦公中心，因應萬一必須移地辦公之需。
每月固定召開一次的縣務會報，20鄉鎮市首長必須到縣府與縣長面對面開會，19日首次改以視訊舉行。
縣長張麗善透過電腦螢幕一一問早、點名，這項做法也是率全國各縣市之先。
張麗善表示，透過視訊會議的作法，避免舟車勞頓、人群聚集，讓各鄉鎮市公所練習用視訊的方式溝通，，由縣政府和鄉鎮市公所首長做示範，也是雲林成為智慧城市的開端。
張麗善說，雲林縣已有確診案例，希望大家嚴陣以待，縣政府、鄉鎮公所、村里長都要緊密連結在一起，地方只要有任何風吹草動，有從國外回國的人，任何個案都要去了解關心，希望大家通力合作，絕對不能夠有輕忽的態度。
她表示，原本沒有確診的案例，民眾可能認為雲林縣是一個農業大縣，場地空曠不會那麼危險，但面對旅遊帶來的境外移入案例，務必上緊發條。
她呼籲，室內活動盡量不要超過100人（中央標準是300人以上），室外活動應該低於500人（中央標準是1000人），學校場地目前禁止民眾進入活動。
</t>
  </si>
  <si>
    <t>台灣已經連續28天沒有新冠肺炎本土確診案例，過去例如登革熱，以及SRAS期間，經過28天潛伏期後，就宣佈解除本土疫情，外界關心，是否比照過去疫情，宣布解除疫情？陳時中表示，因為登革熱不是全世界都有，現在境外還是很嚴峻，因此還不會解除本土流行警示。
中央流行疫情指揮中心指揮官陳時中表示，因為登革熱不是全世界發生，境外情況仍然嚴峻的時候我們還是要嚴守相關規範，不會解除本土疫情警示但相關活動人數放寬會持續進行。
而520即將到來，陳時中表示，會看幾幾天如果疫情更穩定建議總統就職人數上可以放寬。</t>
  </si>
  <si>
    <t xml:space="preserve">
台灣今天一口氣再度新增206例本土個案，其中48例感染源不明，究竟現在有多少醫護被感染？且聯合醫院還傳出不少院區都有收到確診者，導致有醫護被匡例，其中包含忠孝院區，對此指揮中心不願證實，並強調，不會針對特定醫院來公布。
聯合醫院傳出不少院區都有收到確診者，導致有醫護被匡例，其中包含忠孝院區？此外，外界也關心，目前有多少醫護被感染？
中央流行疫情指揮中心醫療應變組副組長羅一鈞表示，和平醫院之外的不只有聯醫，特別是一開始沒有問出活動史的，後來又出現相關症狀，照顧過他的急診或是醫護人員，按照疫情調查方式，目前沒有匡列的醫護。
羅一鈞強調，現在醫護都已經有接種一劑ＡＺ疫苗，對於自身保護力是有效的，因此「我們不會對特別醫院來公布」，且目前雙北醫院都有警覺，發布醫療措施，是希望醫院可以放心執行讓入院篩檢。
陳時中表示，現在醫院都有入院篩檢，可以即時發現個案，另外也會要求醫院一定要把個人防護做到位，這是最確實的情況，因為病毒多變，個人責任很重要。</t>
  </si>
  <si>
    <t xml:space="preserve">原定赴立法院備詢的衛福部長陳時中臨時請假，由政務次長薛瑞元代打，薛證實，是因為華航群聚感染惡化。對此，藍委李德維表示，病毒當然是唯一的敵人，傲慢卻是更大的危機；李痛批，然後陳時中說：「公文沒有跑得比病毒快」，這是一句徹底的幹話。
立法院社會福利及衛生環境委員會今（10日）召開第十七次委員會議，原定由陳時中親自出席備詢有關國產疫苗研發進度等相關問題，但今天上午卻臨時取消行程，改由薛瑞元代打，薛瑞元受訪時透露，這是因為今天華航有新增個案，陳時中正召集交通部與華航開會，研擬因應對策。
對此，李德維也隨即在臉書發文表示，今年2月，就有諾富特飯店員工投訴衛福部長信箱，指控飯店內部為落實分流，甚至混居，衛福部行文給桃園市政府，桃園市政府又行文給民航局，民航局再行文給諾富特，而諾富特再回文給民航局，從2月拖到4月中，然後華航發生群聚感染。
李德維痛批，然後陳時中說：「公文沒有跑得比病毒快」，這是一句徹底的幹話！稍微有點責任感的官員，會檢討為什麼口口聲聲說「防疫視同作戰」，卻能讓公文旅行兩個月，稍微有點羞恥心的官員，會檢討為什麼航空機組員隔離與居檢，會出現砂鍋大的制度漏洞與法規空隙，讓這麼多的機關互踢皮球，哪怕稍微有點同理心的官員，至少不會把幹話講得這麼「自自冉冉」。
</t>
  </si>
  <si>
    <t xml:space="preserve">湖北省新冠肺炎第二大重災區孝感市已有逾3000人確診，該市防控指揮部14日宣佈緊急命令，即日起在全市範圍內全面升級防控措施，所有屋苑實施全封閉管理，除防疫人員、醫護人員等民生保障從業人員外，其他居民一律不能外出。所有居民日常生活所需物資，由街道及社區居委會配送到家。市用所有黨員無條件服從調度，主動參與防疫工作。新措施原則上以14天為一個週期，視疫情防控效果而決定解除或延長。
《中新網》報導，據孝感市新冠肺炎防控指揮部14日發佈緊急命令，全面升級防治管控措施。除抗疫車輛、公務用車、救護車及警車等特種車輛外，其它車輛一律禁止出入所有屋苑。所有街道及社區實施最嚴格的管控措施，強闖屋苑、道路出入口的人士，公安機關將依法採取強制措施。
報導說，孝感市所有居民基本生活必需物資由街道及社區居委會組織配送，急需物品實行代購服務。確診和疑似病例的家庭成員必須送到集中隔離留觀點單獨隔離留觀，不得居家隔離，嚴防交叉感染。加強發燒病人的預檢分診、分類隔離治療的管理，不得讓一個發燒病人在社會上流動。
根據緊急命令，孝感市所有黨員幹部居民必須無條件服從居住地社區統一領導和調度，積極主動參與防疫工作。
緊急命令還要求，強化對全市城鎮社區、農村從武漢回孝感，以及曾到武漢人員與密切接觸者的追蹤檢查，所有確診病例及疑似病例的密切接觸者，一律隔離治療。孝感必須構建統一高效的醫療診治機構，全面統籌醫療資源和救治力量，提高發燒病人收治率、治癒率，降低感染率、病亡率。
《東網》報導稱，孝感市雲夢縣公安局週五稍早時曾宣佈，在雲夢城區實施「戰時管制」，規定所有屋苑及樓宇實施全封閉管理，非醫護人員、抗疫人員、基本民生保障從業人員等，均不得出入。
</t>
  </si>
  <si>
    <t>為減緩春節返台人潮，中央流行疫情指揮中心放寬入境檢疫措施為「10+4」，但無論有沒有打疫苗，都是用一樣的標準，因為返台民眾估計台灣為大宗，前衛生署長楊志良認為，指揮官是對大陸台商心中有恨才無法縮短天數，陳時中妙回：我應該是心中有愛吧。
對於春節檢疫改為「10+4」，楊志良認為指揮官對大陸台商心中有恨，陳時中反問，「心中有恨，所以努力把天數降低？應該是有愛吧！」他說，台商是返台最大宗，有恨的話是十四天把門關好來，但當然是接受到很多大家的反應，返鄉心切，我們想盡各種辦法，歡迎大家返鄉。
「加嚴變成21天，才有嫌疑啊」，他說，要減少四天是不容易的，否則北市長不會說困難很多，這樣才能達成多一點人進來。
陳時中也提到，有旅社老闆說變得很複雜，「沒有，我們沒有要求他們去改變動日期」，而是一月二日到十日若有人更改了就會有空房，而不是要求一個一個挪過來。</t>
  </si>
  <si>
    <t xml:space="preserve">金曲台語歌王翁立友推出新專輯《眼中淚》，近來新冠肺炎肆虐，他在台灣5場春酒邀約、新加坡個唱以及海外的演出都先宣告延期，粗估短收破百萬，不過他近10年來幾乎每天都在工作中度過，難得休長假，多陪伴家人。
他說：「休假對我而言是個奢侈的夢想，近來因為疫情放大假，勉勵自己，休息是為了走了更長遠的路，有時間就當母親的司機。」他現經常帶著母親到戶外走走，母親也每天都準備豐盛美食，讓他開心享用。他日前準備新專輯宣傳行程，穿上造型服時，發現腰圍變緊、體重變胖，趕忙跟造型師溝通修改腰圍尺寸，卻被拒絕，造型師勸說：「這樣才能警惕保持身形。」他笑說：「現在我都拜託老媽餐點減量。」
近期因疫情關係，大眾紛紛搶購口罩，他提到原本日常口罩不離身，因他患有鼻腔微血管脆弱，經常流鼻血，被困擾了十年，長期都必須靠口罩保持著適溫的空氣，連開車都必須配戴，翁立友直呼：「一直以來我都是惜罩如金。」
新專輯這次回歸情歌風格，他先前在錄音時，新歌一氣呵成，狂唱60遍，表示看似淡淡感傷的曲風，歌詞卻是溫暖，讓他想起高中的戀愛，分享當時女友希望能早早步入紅毯，但他認為事業都還沒開始，怎能承諾對方給予幸福，因而婉拒，他們最後漸行漸遠，結束青春戀愛時光。
</t>
  </si>
  <si>
    <t xml:space="preserve">永齡基金會、台積電向上海復星採購一千萬劑BNT疫苗定案後，鴻海創辦人郭台銘昨天深夜在臉書上貼文指出，談判過程中從未有大陸北京當局的任何指導或干涉。對此衛福部長陳時中今天也向陸方致謝，並透露自己有意願前往機場迎接第一批BNT疫苗。
郭台銘昨在臉書上指出，自我方提出捐贈案後的洽購期間，並未有大陸北京當局對此次疫苗採購過程有任何指導或干涉，在此感謝能讓採購行為歸諸商業條件談判的本質進行。
今天有媒體詢問陳時中，是否會為因促成BNT疫苗的採購向大陸致謝？陳時中低調表示，這次能完成BNT疫苗的採購，必須感謝所有參與的團體與個人，「我們都致上誠摯的謝意，這是重要的健康議題，我們大家一起來努力。」
陳時中也透露，自己有意願前往機場迎接第一批BNT疫苗抵台，但還要看到時候的行程安排有沒有辦法配合，至於外界關切的BNT疫苗上是否會出現「復必泰」的字樣，陳時中則說，「東西沒有進來前，沒有看到，所以不知道。」
陳時中也透露，永齡基金會、台積電合購的這一千萬劑疫苗，並未寫下任何保留劑量的但書，全部無償捐贈給全民使用，但他說兩家企業也不是說不能來談，「只是目前為止沒有收到這樣的要保留劑量的但書求。」
至於將來BNT疫苗會優先給哪些族群施打？陳時中表示，不管是什麼疫苗，中央當然是規劃給最適合的人打，由於目前AZ尚未開放給青少年打，而國外已開放BNT給青少年接種，因此到時候會先留給青少年接種。
</t>
  </si>
  <si>
    <t xml:space="preserve">人民日報海外版今（26日）以「一場疫情撕下台當局畫皮！」為題，公開點名近來叫台商吃蝙蝠的年代資深主播張雅琴、安幼琪等人，痛批因為人的出身、種族、身份而擁有凌辱別人的權利或只能被別人凌辱，這是納粹還是民主？是黑暗還是文明？
對於人民日報公開點名痛批，年代電視台態度低調，僅向《中時》表示不回應。張雅琴則回應：「我在播報的時候有回答，我就是說事實的狀況，因為他覺得台灣收容中心的菜不好吃，所以他可以回去吃蝙蝠因為蝙蝠有加椰汁也很好吃～」
「一場疫情撕下台當局畫皮！」：
「人民公敵」是個很令人恐怖的身份，因為人人可以得而誅之，不配享有法律保護、人道待遇。過去以為這樣的角色只存在於戲劇和歷史裡，一場疫情，讓人看到在當下的台灣，幾乎每天都產生「人民公敵」。支持兩岸統一，是「人民公敵」﹔稱贊大陸，是「人民公敵」﹔甚至說句湖北家鄉的麵條好吃，也成了「人民公敵」。
24日夜，緊急從湖北回台就醫的病童母子還沒落地，「中國人吃我們的健保」的罵聲就起，某些電視主播、媒體人使出造謠煽動的渾身解數，肉搜病童母親的貼文、短信斷章取義四處宣揚，仿佛她沒有任何隱私權。年代新聞主播安幼琪居然理直氣壯地喊：既然大陸好，為什麼要回台灣來？病童母親和安幼琪擁有一樣的台灣身份，就因為她的娘家在湖北，安幼琪就有權利公開辱罵她嗎？因為人的出身、種族、身份而擁有凌辱別人的權利或隻能被別人凌辱，這是納粹還是民主？是黑暗還是文明？請煽起凌辱之風的民主進步黨自己回答！
令人痛心的是，這絕不是病童母親個人的遭遇，台商、大陸配偶、兩岸婚姻的子女都在新冠肺炎疫情中備受精神煎熬。包機的台商返台抱怨了一句隔離中的伙食，年代電視台的另一位女主播張雅琴惡形惡言：你要不要回去吃蝙蝠？
為了不讓台商返鄉，甚至接下來的清明祭祖，台灣當局用謠言和謊言塑造了這樣一種意識：湖北的台胞回台，就會耗盡台灣的醫療資源，破壞台灣防疫。所以，台灣在這場疫情裡創造了幾個「僅有」，一是醫療資源不夠同胞不能回來﹔二是同胞回來會造成防疫破口﹔三是如果台灣方面不能去檢疫他們就不能上飛機。環顧世界，這絕對是台灣僅有，不知他們是否自認是「台灣之光」！
台灣當局口口聲聲新聞自由，卻放任假新聞假消息滿天飛，談話節目再就假論假發揮一番，三人成虎，仿佛他們親聞親見。假新聞荒謬到什麼程度？電視主播陳凝觀開場就造謠：北京變武漢啦！還有電視台造謠武漢燒屍造成二氧化硫濃聚﹔有電視台截取音樂視頻稱武漢人「夜半尖叫，宛如煉獄」……台灣當局也有媒體管理部門，但卻讓謠言掛著新聞的招牌零成本坐大，讓惡質媒體達到自己挑撥仇恨、醜化大陸的政治目的，無視真相，無視台商生死。
一場疫情，撕下台灣當局民主進步的畫皮！
</t>
  </si>
  <si>
    <t>武漢的新冠肺炎病例新增確診數量大幅下降，但據武漢市新冠肺炎疫情防控指揮部消息，3月13日至17日，連續5天均有新增確診病例來自於門診，武昌方艙醫院醫療隊醫生說，這說明防控還有一定漏洞。
武昌方艙醫院醫療隊醫生說，在武漢封城，社區封閉，疫情形勢趨緩的情況下還有門診新增病例，這是個危險信號，說明防控還有一定漏洞，將會是新冠肺炎死灰復燃的漏洞所在。
另外，他也指出，社區封閉，居民隔離期已超過14天，為什麼在隔離期沒有發病，而最近突然發病，也是一個值得思考和警醒的問題。
他還說，如果這幾天的新增病例是來自隔離點的疑似病例，或是境外輸入病例，說明疫情已經得到了非常有效的控制，待這些遺留病例清零後，小區也可以慢慢解封了，「但如果連續出現小區新發病人，說明防控還有一定漏洞！」
該醫生說，來自社區的新增病例是一個比較棘手的問題，病毒不會憑空而來，社區居民基本封閉在家中超過14天，弄清楚感染源很關鍵，如果是社區監管不嚴，也不是最可怕的，最擔心的是存在未被排查到的病源，這將會是新冠肺炎死灰復燃的漏洞所在。</t>
  </si>
  <si>
    <t xml:space="preserve">對於禁止高中以下師生出國爭議，民進黨桃園市議員王浩宇、社民黨台北市議員苗博雅互槓起來了。
新北市長侯友宜今（16日）表示，除了繼續掌握學生健康狀況、量體溫、校園消毒外，新北市所有師生6月底前一律不准出國，除非有特例，要個案報准核定後才可出國。
桃園市長鄭文燦16日在防疫會議上宣布，桃園各級學校的出國計畫一律暫停到8月底，並指示教育局發函呼籲私立學校也能夠一併暫停。
基隆市長林右昌則在下午宣布，7月14日之前基隆市各級學校出國計劃一律暫停，若有特殊狀況及原因，需呈報各校與教育處專案核准。
社會民主黨籍台北市議員苗博雅針對侯友宜宣布新北市高中以下師生六月底前不准出國。最大的問題有兩個：1. 地方政府自行以防疫為由不准出國，法源依據有問題。2. 只管出國，沒處理回國，治標不治本。
而民主進步黨桃園市議員王浩宇在臉書指出，「紓困特別條例第7條明定，指揮官為防治疫情需要得實施必要之應變措施。因此，為了防疫需求，禁止學生或醫護人員出國，確實是有法源依據的。以上跟阿苗報告。」
但苗博雅不甘示弱，在王浩宇臉書又槓說，「麻煩你評論前至少看一下內文吧，我講的是地
方政府沒有這個權限，我們的「中央流行疫情指揮官」何時變成侯友宜了？」
王浩宇則回應，「地方政府的方式，並不是用法律禁止學生出國，而是透過操行成績的方式控制，還是可以出國，不過學校已經先宣導，會影響到操行成績。」
苗博雅最後在自己臉書說，「如果認為國人不該出國，就直接命令所有人必須有特殊公務報准才能出國，不該只針對未成年學生族群。目前出國旅遊染病回來的，大多數都是成年人、老人，不是未成年的學生。」
</t>
  </si>
  <si>
    <t>勤業眾信發布《2020年台灣產業趨勢展望觀點》，陸美貿易戰烽火未歇，加上新冠肺炎疫情延燒，加速高科技與傳產製造產業供應鏈重組與整合腳步，囿於本土電子業與傳統製造業長期仰賴大陸生產力，高科技與半導體製造市場正出現生產基地「板塊挪移」的現象。
勤業眾信聯合會計師事務所客戶、產業與市場負責人姚勝雄表示，2019年陸美貿易戰局勢多變、英國脫歐、香港反送中、台總統大選等不確定性因素，導致全球經濟發展力道疲弱。近期的新冠肺炎疫情更打亂產業布局步調，除行政院主計總處將2020年GDP成長率下修至2.37％，跨國供應鏈重組與技術轉型的聲浪也逐漸浮上檯面。
勤業眾信指出，陸美互相實施貿易壁壘及懲罰關稅，已導致雙方進出口成本上升，大幅影響兩國消費產業發展，關稅範圍於2019年下半年擴及消費品，致使台商提前購置商品，並加速將供應鏈移往其他國家。
中華信評也認為，將會有愈來愈多的科技公司採取分散策略，移轉部分生產至亞洲其他國家，以降低將大陸作為生產中心的依賴度。勤業眾信強調，面對動盪中的2020年，建議各產業強化「營運持續管理、資安與風險管理、加速外部創新、智慧化轉型」，推動因應對策以應對未知的挑戰。</t>
  </si>
  <si>
    <t xml:space="preserve">新冠肺炎讓高中職以下學校開學日延後，為讓學生在多出來的假期自主學習，嘉義市教育處搜集網上相關線上教學資源，整合成平台，鼓勵學生線上學習，嘉義縣政府也把相關線上學習資訊傳給各校，透過學校管道鼓勵學生自主學習，並推出時數獎勵措施。
不過，卻有偏鄉學生家長或學生反應沒有可上網的設備，城鄉差距讓許多孩子與線上學習無緣，對此，嘉義縣市教育處長皆坦言確實有此狀況，特別嘉縣偏鄉相對明顯，強調教育單位是站在推廣角度，且學習的管道和方法很多，家長和孩子可適情況自主學習。
嘉義市長黃敏惠表示，學習不止步，在延後開學的這段假期裡，家長的陪伴與關心對孩子的成長是很重要的，家裡也能成為孩子的學習場所，並透過親子共學陪伴孩子一同學習成長，所以嘉義市教育處彙整12年國教各領域的教材，放網路平台供學生使用。
嘉市教育處長林立生說明，空白課程與自主學習是12年國教素養課程的內涵之一，透過這些線上學習資源，以持續不間段的方式引導孩子，瞭解孩子，讓停課不停學。
嘉義縣教育處長陳添丁表示，教育處已將相關線上學習資訊提供給各校，像梅山鄉太平國小就把平板電腦到各學生家中，讓學生在家自主學習，不過考量有些學生家裡沒網路，或是沒手機、平板等設備上網，教育處並未強制各學校取消冬令營和輔導課，相較下學生也有多元學習方式。
位在阿里山的達邦國小為讓學生的學習不空白，營隊照常舉辦，校長盧柏全說，因鄉運將舉辦，孩子到校可參與訓練，下午再上美術等課程，在老師義務指導下，孩子的假期生活一樣精彩。
</t>
  </si>
  <si>
    <t xml:space="preserve">美國總統川普18日對世界衛生組織（WHO）下最後通牒，要求WHO必須在30日之內做出重大改革，否則美國將永久凍結對其金援，並考慮退出WHO。不過，國際頂尖醫學期刊《刺胳針》（The Lancet）嗆川普的聲明在事實上根本有誤，他的聲明自稱引用了《刺胳針》去年12月份的報告，但實際上《刺胳針》尚未在當時公布任何與新冠病毒相關的研究。
據美媒《NBC》報導，川普在推特中公布一份致WHO秘書長譚德塞（Tedros Adhanom Ghebreyesus）長達4頁的信件，指出他的團隊盤點十多個世衛的抗疫缺失，包括世衛在疫情爆發之初疏於調查、未認真看待台灣發出的病毒人傳人警示、屈服於北京壓力而延遲發布「全球公共衛生緊急狀態」及疫情「大流行」、持續錯誤稱讚大陸的防疫表現「公開透明」、發布「不須限制旅行」等錯誤指示、漠視大陸吹哨人被禁聲，要求WHO立即改善，否則美國永遠中斷對其金援。
報導指出，《刺胳針》發表聲明表示，川普的信件中稱《刺胳針》曾在12月份有新冠病毒的相關報告，「但實際上，我們在去年12月根本沒有出版關於在武漢爆或者在大陸其他地方所爆發的病毒相關報告」。
聲明指出，《刺胳針》第一份與新冠病毒相關的報告是在1月24日由武漢金銀潭醫院等大陸醫學團隊所發表的「感染2019新冠病毒的武漢患者臨床特徵」，聲明稱，「陸方團隊與我們合作，才快速讓新爆發的疾病病癥得以公布，相關資訊也可讓國際上的讀者自由閱覽」。
《刺胳針》表示，川普對WHO指控的信件，「嚴重損害」國際上強化控制疫情的付出，並強調「任何對於國際事故的檢視，必須建立在正確的事實根據，也就是12月至1月到底發生了什麼事」。
</t>
  </si>
  <si>
    <t>新冠肺炎疫情嚴重的地區，大多集中在亞洲國家，如大陸、日本、新加坡。位於義大利北部富裕的倫巴底(Lombardy)和威內托(Veneto)地區，疫情一夜之間忽然爆發，本周五在一天內就通報了17個新增案例，其中有15例都是在倫巴底區，而威內托北部城市巴多瓦（Padua）已出現一死。
週五稍早倫巴底區首先通報了6個案例，議員蓋列拉(Giulio Gallera)在記者會中說明: 發現了6起冠狀病毒病例。隨即立刻開始檢驗曾與病患接觸過的數百個人，以確定是否發生社區感染。幾個小時過後，官方發出聲明，再增加8名病患，其中5名是醫護人員。
有發現病例的幾個小市鎮，都在米蘭的東南方。當地市政府決定關閉學校、運動中心、辦公室，公共活動一律取消。
義大利衛生部長史班蘭薩(Roberto Speranza)表示，義大利政府有預料到疫情蔓延的可能性。現在正檢查所有有跟病患接觸過的民眾，人數多達上百人，但仍然必須一一檢查。
蓋列拉說明，這些新增的病例，都沒有中國大陸的旅遊史，疑似是在義大利境內被傳染。
根據《CNN》報導，義大利今天新增的第一個病例，就是在接觸過一位剛去過大陸的朋友後，身體出現不適。但這名朋友，自己卻不是病例。衛生單位正在檢測當事人，判斷這名朋友是否曾經帶有病毒，當時傳染給了周圍的人，然後自己在出現症狀之前就自體康復了。
義大利境內在星期五之前，只有三個案例，其中兩名是來自武漢的大陸人，另一名是從大陸被撤僑返國的義大利人。現在一瞬間增加了17個案例，義大利一共累積到19個病例。</t>
  </si>
  <si>
    <t>新竹縣17日新增10個確診者，均為先前爆發確診的2長照機構，其中B長照機構新增8名確診者、C長照機構則有2人，由於接觸者均已匡列，不再重複匡列，縣長楊文科也強調，對於2機構會加強監控，均為第3次採檢後的新增確診者。
楊文科表示，機構內的感染者，都是第一波發病的延伸，有些比較慢發病，「把這個守住，就守住竹東鎮」，一起來守護鄉親的健康。至於16日的確診產婦，其新生兒採檢為陰性。
楊文科指出，10名確診者年齡介於40多歲至90多歲間，共有3男7女，其中9人為機構長期住民，沒有公開活動足跡，剩下1人為長照機構的照服員，6月9日因機構群聚案採檢，當時為陰性，6月10日因案12474確診而居家隔離，12日常規採檢為陰性，15日再度採檢而確診，疫調還在釐清，公開活動足跡將另行公布。
楊文科表示，已與防疫指揮官聯繫，將採取適當措施，包含感染區全數淨空、加強消毒，將未感染住民轉移至縣內或其他縣的醫院隔離收治，以免擴散至社區，全力防堵疫情。
新竹縣確診案例中，機構群聚相關有45例，比例為63.4％，楊文科表示，採取對策為普篩、打疫苗，16家長照機構已經完成1960人採檢，均為陰性，剩下90人明天完成。住宿型長照機構、洗腎病友將全面施打疫苗，由醫護人員到機構及診所施打。機構的工作人員、陪病者都拉高到高風險群聚網，放入接種範圍。
另外，中央今天將配發第2波疫苗總共8500劑，楊文科指出，原住民長者72至76歲、一般長者82至86歲共計約9000餘人將可優先施打，疫苗18日會送至各鄉鎮市衛生所、診所及醫院，通知單將由村里長、幹事送至家中。
楊文科表示，長輩收到通知單後，18日即可到指定地點施打，衛生所周末也沒有休息，以長輩時間方便為主。
竹東鎮16日普篩416人，全數均為陰性，18日將進行第二場普篩，楊文科表示，未來每周三、五將於竹東社區篩檢站普篩，有意願民眾可於竹東鎮衛生所網頁報名。
楊文科也表示，感謝各鄉鎮市長、村里長、村里幹事協助發送通知單，未來也將鄰長納入第7類接種對象。在北埔鄉長莊明增建議下，楊文科也表示，若疫苗施打有剩餘劑量，將授權各鄉鎮市衛生所，可以通知第一至第三類或長輩接種，不要浪費疫苗，彈性調整施打，一點一滴都不浪費。
新竹縣截至17日中午為止，完成5602劑疫苗，僅有一人不良反應為暈針，休息後已無大礙。楊文科也指出，目前住院人數為43人，已有26人出院。</t>
  </si>
  <si>
    <t>國內台中、基隆近日出現2例個案在接種流感疫苗後，疑似引發「格林巴利症候群」（GBS），其中基隆婦女出現味覺異常症狀。台灣感染症醫學會理事長黃立民指出，歐洲研究證實，GBS和新型冠狀病毒病有關，呼籲疫情期間出現GBS患者，應先隔離，避免傳播風險。
黃立民表示，接種流感疫苗出現GBS不是不可能，但「典型」症狀應在2到6周之間發生，台中和基隆這2例則分別在第10、第9天出現，等於是「灰色地帶」，難以證明與疫苗有關。
然而，國際已經證實，許多新冠肺炎患者都有出現GBS。黃立民表示，國際期刊刺絡針《Lancet》旗下期刊《The Lancet Neurology》研究顯示，國際目前發現有19名新冠肺炎患者有GBS的神經系統疾病，並在其腦脊椎液找到新冠病毒，顯示新冠病毒造成GBS的情況並不罕見。
「現在這種季節，如有GBS就該採檢武肺，不驗是很奇怪的事！」黃立民說，現在正值秋冬新冠肺炎蠢蠢欲動之際，這個季節有GBS就應採驗新冠。
他建議，只要有GBS症狀者應採檢新冠肺炎，並將病患「隔離起來」，以避免造成院內感染的風險。
台灣感染症醫學會名譽理事長、柳營奇美醫院榮譽院長莊銀清也表示，很多病毒和細菌都會引發GBS，包括新冠病毒等，但味覺異常也是，建議醫院可以多方採檢。
疾管署副署長莊人祥說，國外提到19例新冠肺炎確診者有GBS，這是幾千萬例個案中的19例，國內目前此一情形，所以不會列入採檢標準流程。</t>
  </si>
  <si>
    <t xml:space="preserve">聯發科(2454)5G再添新兵！聯發科今日最新發表5G系統單晶片SoC新品「天璣820」，採用7奈米製程，瞄準中高端5G智慧型手機，聯發科在5G的布局上，自去年起就持續展現高度企圖心，透過多元的產品布局，力求搶啖更多的市佔率。
聯發科無線通訊事業部協理李彥輯博士表示，聯發科目前已推出旗艦級5G SoC天璣1000系列，以及主攻中高端5G手機市場的天璣800系列，天璣820是天璣800系列的成員，綜合表現堪稱同級最強，天璣820力拚5G市場的突破者之姿推動5G應用普及化。
聯發科目前已經有天璣1000、天璣800、天璣1000+以及最新的天璣820，透過多元的產品布局，盼藉此加速5G的滲透率，也可以讓終端品牌廠可以有更多的選擇，儘管今年遭逢新冠肺炎衝擊，但聯發科今年整體營運還是會力拚合理成長，對全球以及大陸智慧型手機出貨量，預估全球在1.7億至2億支，大陸會佔其中的1億至1.2億支，另外，當下美國、大陸關係緊張，也恐導致大陸手機品牌場降低對高通採購，聯發科順勢受惠，都將為今年營運契機，預估進入下半年5G的貢獻將更加明確浮現。
聯發科表示，天璣820採用旗艦級處理器常用的四大核CPU架構，性能表現出色，尤其在多核性能上遠超同級，天璣820具備高性能的多核架構，大幅提升遊戲性能。結合聯發科HyperEngine 2.0遊戲優化引擎，不僅能加速遊戲啟動和轉場，還可以讓遊戲滿幀運行更穩定，天璣820承襲天璣1000系列的先進5G技術，整合全球領先的聯發科5G數據機，完整支持5G獨立及非獨立組網(SA/NSA)，在全球率先為用戶帶來5G+5G雙卡雙待的功能，先進的5G雙載波聚合技術還可增加30%高速5G訊號的覆蓋。
在5G實網測試中，天璣820的5G上下行速率顯著超越同級，甚至優於旗艦級競品，高傳輸速率加上最低的遊戲平均延遲，提供高速5G連網體驗，同時，天璣820搭載聯發科獨家5G UltraSave省電技術，以全球最低5G功耗帶來更長效的電池續航力，另外，天璣820搭載獨立AI處理器APU3.0，透過專屬硬體加速，帶來強勁的浮點AI運算能力，靈活運用聯發科技獨家的多任務排程技術，在AI拍照、影像優化等多種日常應用中都展示最佳表現。
</t>
  </si>
  <si>
    <t>《太陽報》（The Sun）報導，英國衛生大臣賈維德（Sajid Javid）27日表示，該國有2名新冠肺炎（COVID-19）確診者，已確認為感染「Omicron」變種病毒，並稱2起病例都與南非旅行「有所聯繫」。
賈維德表示，這2起病例分別出現在諾丁漢（Nottingham）和切姆斯福德（Chelmsford），都與南非旅行有關聯，2名確診者及所有家庭成員皆在家中隔離，並會對其他接觸者進行進一步的病毒檢測與追蹤。
賈維德也指出，由於南非出現大量Omicron病例，英國已對南非、納米比亞、波札那、辛巴威、賴索托、史瓦帝尼，以及莫三比克、馬拉威、尚比亞、安哥拉等國施加旅行限制，並正於英國境內進行「針對性的病毒檢測」，希望防堵Omicron進入社區。
除了英國以外，德國黑森邦（Hesse）社會福利局長克洛澤（Kai Klose）27日也在推特表示，一名自南非返國的民眾在進行採檢後，發現他確診且「帶有Omicron的若干典型突變」，衛生當局「高度懷疑」其為Omicron感染者，這名民眾目前已被隔離。克洛澤呼籲，近期從南非返國者「應減少接觸並接受檢測」。
比利時26日已確認出現Omicron病例，是歐洲首個淪陷的國家。比利時病毒學家范蘭斯特（Marc Van Ranst）表示，這名確診病患是一名11日自埃及返國的年輕女性，且她返回比利時的途中僅經過土耳其，並未踏足南非等已出現Omicron病例的國家，顯示該變種病毒傳播的範圍比想像更廣。</t>
  </si>
  <si>
    <t>冰島政府在疫情爆發初期便超前部署，成為全球新冠肺炎病毒篩檢比例最高的國家，成功減緩疫情並讓人民迅速回歸正常生活。
■"I didn't expect the recovery to be this fast," said Iceland's chief epidemiologist, Thorolfur Gudnason.
今年5月初許多歐洲國家的新冠肺炎疫情尚未脫離險境，數百萬人仍被迫居家辦公，但冰島人已回歸家家戶戶出門上班上課的日常生活。冰島衛生局長兼首席流行病學家古納森（Thorolfur Gudnason）表示：「我沒想到我們這麼快就能恢復正常。」
5月初搶先解封
除了酒吧、健身房及泳池以外，冰島各類商家及高中以上學校5月4日起恢復正常營業，民眾也能參與50人以內的集會活動，只是人人之間須保持2公尺社交距離。
即便在5月4日前的六周封鎖期間，冰島人的生活也沒受到太大限制，因為國中以下學校照常上課，餐廳、咖啡館在內用人數低於20人且保持社交距離的情況下也照樣營業。
截至5月8日為止，冰島新冠肺炎確診病例1,801人，只有10人死亡。5月4日冰島解封以來，單日新增確診病例只有個位數，某幾日甚至單日零確診，與疫情高峰期單日新增106例相比疫情大幅減緩，而一切都要歸功於政府力行普篩、追蹤、隔離的三步驟防疫政策。
冰島在2月28日通報國內首位確診病例後，便由政府和民間生技公司deCODE genetics合作擴大病毒篩檢對象。除了已出現症狀或老年人、慢性病患者等高風險族群是由國立大學醫院負責檢測之外，無症狀的一般民眾都可透過deCODE genetics接受病毒篩檢。凡是篩檢結果呈陽性者皆強制隔離14天，並由防疫單位追蹤接觸史，再要求接觸者進行篩檢與隔離。
經濟合作暨發展組織（OECD）在4月底公布的統計指出，冰島全國36萬人口當中已有4.6萬人接受病毒篩檢，相當於每千人中有135人受檢，比例位居OECD會員國之冠，其次是盧森堡，平均每千人有64.5人受檢。愛沙尼亞平均每千人有37人受檢，排名位居第三。
早在今年3月疫情開始蔓延全球時，世界衛生組織（WHO）秘書長譚德塞就呼籲各國擴大篩檢，因為在缺乏普篩的情況下，各國政府等同是「蒙住眼睛救火」。然而，許多國家因篩檢試劑不足、準確度偏低或醫療系統崩潰等種種因素，無法落實全民普篩。
篩檢數據 全球最完整
美國在疫情惡化後雖然擴大病毒篩檢，但醫療資源不足導致篩檢比例有限。資料統計網站Worldmeter依美國各州篩檢人數統計的結果顯示，美國平均每百萬人有7,100人受檢，遠低於冰島的9.6萬人。
史丹佛大學公共衛生與生醫資料科學教授艾歐尼迪斯（John Ioannidis）表示，目前全球最完整篩檢數據來自冰島，且這批數據含有許多值得各國注意細節。數據顯示冰島僅有0.3％至0.8％人口感染新冠肺炎病毒，但這些感染者當中多達半數在受檢時毫無症狀。
deCODE genetics執行長史蒂文生（Kari Stephansson）表示：「這個結果有點嚇人，因為這些無症狀者可能在不知情的狀況下傳播病毒。」
但在冰島政府以疫情搭配普篩的政策操作下，無症狀者一旦驗出病毒立刻隔離，不僅降低傳染風險，也讓大多數民眾得以保有正常生活。冰島根據普篩數據所做的研究也發現，848名隨機抽樣的10歲以下受檢者當中無人呈現陽性，使政府決定封鎖期間16歲以下學童可照常到校上課。
史蒂文生表示：「即便傳染病大流行情況下，運用現代科學仍可有效減緩疫情擴散。」</t>
  </si>
  <si>
    <t xml:space="preserve">磐石艦隊爆發群聚感染，但相較其他國家，我國海軍的感染狀況並不嚴重，迄今僅有三十一例確診，對此中央流行疫情指揮中心專家小組召集人張上淳分析，可能是海軍有盡到分艙分流，以及疫情剛好爆發在磐石艦這艘巨大的醫療艦艇上所致。
在今日的記者會中有媒體提問，海軍磐石艦的群聚感染相較其他國家的軍艦感染程度較輕，是否是因我國海軍登艦前均有施打流感疫苗所產生的保護力？張上淳否認這樣的可能，他反倒認為，疫情剛好爆發在磐石艦上，才是這次傳播速度不快的主因。
張上淳說，一般來說軍艦上的空間都非常狹小，但磐石艦是我國相對較大的艦艇，船上空間寬闊，加上具有野戰醫院的功能，船上甚至備有負壓隔離病房，因此才能快速將確診者進行隔離，加上軍艦上的分艙分流措施，是這次群聚感染程度不大的主因。
他強調，流感疫苗對新冠病毒並不具任何保護力，因此這種可能性不大，關鍵還是在人與人之間的距離能否徹底落實，若是發生在一般船艦上，因船艙空間狹小的關係，恐怕疫情會更為嚴重。
</t>
  </si>
  <si>
    <t xml:space="preserve">每個人都知道，老人感染新冠病毒最危險，但這位105歲的人瑞卻奇蹟似地擊敗了新冠病毒，她的家人說，老人家這一輩子，「凡是擋她路的事，沒有不被她擊退的。」
露西亞．迪克拉克（Lucia DeClerck）住在美國紐澤西州一家安養院，在她105歲大壽當天，院方通知她確診了新冠肺炎。
讓她錯愕的是，前一天她才打完第2劑新冠疫苗。到底露西亞是打疫苗之前就已經感染？還是打了疫苗之後還感染，目前不得而知。安養院裡除了她，還有61名長者確診，有4人已經病逝。
●剛打完2劑輝瑞疫苗　105歲人瑞確診
「我們都很操心，已經做好最壞打算，」露西亞78歲的兒子說，雖然母親症狀輕微，但在疫情肆虐的情況下，實在無法預測1百多歲的老人能否撐過新冠病毒。
露西亞出生於1916年，歷經兩次世界大戰；人類史上兩次嚴重的流行疫病─1918年西班牙流感，和這一次的新冠肺炎，她通通有份
露西亞早年先生早逝，總共有過3次婚姻，生了2個兒子。她靠著小雜貨店養大孩子，現在家族開枝散葉，總共有5個孫子、12個曾孫、11個玄孫。去年疫情爆發前，家族成員通通聚在安養院，為她慶祝104歲大壽。
「天主保佑我，讓我又安然度過疫情。」露西亞說，隔離期間她每天禱告，多少安撫她的焦慮心情。院方指出，露西亞平常身體大致健康，加上已經打過第1劑新冠疫苗，已經有了保護力，病情不至於惡化。露西亞隔離14天之後，已返回安養院。
●法國養老中心確診率超過9成　117歲修女確診
另一名躲過新冠疫情的百歲長者，是法國高齡117歲的安德烈修女（Sister André），她不但是歐陸最長壽的人瑞，同時也是「老年學研究組織（Gerontology Research Group, GRG）」第2名超級人瑞。
「我沒感覺不舒服，」視力已經完全退化、需要輪椅代步的安德烈修女說，確診前她沒有任何症狀，她甚至告訴養老院，把她的新冠疫苗先排給更需要的老人家施打。
「她真的很幸運，在如此高齡的狀況下確診，還能順利康復。」安德烈修女居住的養老中心表示，院內感染的狀況相當嚴重，全數88名住民中，就有81人確診，確診率超過9成，其中 11人很快就病逝。
安德烈修女沒打任何疫苗，在確診後一度出現症狀，不過在3週隔離治療期滿後，就恢復健康。
●人瑞確診後仍治癒　養生祕方幫大忙？
百歲人瑞順利躲過新冠肺炎，專家說除了運氣，老人家的免疫力和生活習慣也許幫了大忙。
安德烈修女在養老中心生活規律，固定參加彌撒與團體活動，認知功能並未明顯衰退。飲食也相當簡單，她喜歡喝香檳、紅酒，也吃雞蛋和培根紅肉。
105歲的露西亞，在疫情爆發前，經常參加安養院的團體活動，兒孫也固定造訪，社交生活相當活躍。
露西亞喜歡自己手做酒釀白葡萄乾，將白葡萄乾放入空罐，注入琴酒，放滿9天後就能吃。每天早上，露西亞固定吃下9顆酒釀白葡萄乾，現在她的子女和孫子都跟著吃，成了家族的防疫秘方。
資料來源：New York Times、BBC、Health
</t>
  </si>
  <si>
    <t xml:space="preserve">藝人阿翔去年6月與謝忻在路邊激吻，兩人爆出不倫戀，事後妻子Grace發文稱「換我為你撐傘」，有意選擇原諒腥夫，夫妻關係也逐漸修補中，不過 Grace日前在臉書上透露被急症纏身，表示是因為「慾望沒有得到平衡」，引起網友議論。
Grace表示趁著連假開始前，跑到秘境短暫充電，但也透露近來被急性蕁麻疹纏身，才終於體會「坐立難安、癢痛而為之瘋狂」的感覺，對此阿翔認為或許與特殊食物誘發有所關聯，不過Grace則認為主因應該是「東西買太少，購物慾望沒有得到平衡」所導致，更向阿翔喊話：「你把卡給我，百貨週年慶過後自然會痊癒」，讓不少網友笑翻。
此外由於許多人趁著連假出遊，Grace也不忘呼籲所有人在疫情期間，要記得戴口罩和勤洗手，才可保護自身和每個人。
</t>
  </si>
  <si>
    <t>台東60餘歲男子在LINE群組張貼「獲取越南超級國家祕方！喝熱開水泡綠茶混入檸檬汁可殺新冠病毒病菌」假訊息，並要求轉發給身邊的親朋好友，警方通知到案說明，詢後以違反嚴重特殊傳染性肺炎防治及紓困振興特別條例罪名移送台東地檢署偵辦。
台東縣警察局接獲民眾檢舉，在軟體LINE群組查獲假訊息「獲取越南超級國家秘方！喝熱開水泡綠茶混入檸檬汁可殺新冠病毒病菌」，經查張貼人為60餘歲男子，經通知到案說明，詢後以違反嚴重特殊傳染性肺炎防治及紓困振興特別條例罪名移送台東地方檢察署偵辦。
該不實訊息內容為聲稱獲取越南超級國家祕方，新冠肺炎在還沒有來到肺部之前，只要檸檬加溫開水就能消滅病菌，並要求轉發給身邊的親朋好友，經台東縣政府衛生局證實為假訊息。
台東縣警局提醒，依據嚴重特殊傳染性肺炎防治及紓困振興特別條例第14條：「散播有關嚴重特殊傳染性肺炎流行疫情之謠言或不實訊息，足生損害於公眾或他人者，處三年以下有期徒刑、拘役或科或併科新臺幣三百萬元以下罰金」， 盼大家不要輕信、轉傳這些不實訊息，如有人誤信，可能影響疫情控制。</t>
  </si>
  <si>
    <t xml:space="preserve">中央流行疫情指揮中心今(3)日公布國內新增4例境外移入COVID-19確定病例，分別自英國(案810)、德國(案811)、美國(案812)及史瓦帝尼(案813)入境。對於昨晚越南新增一例台灣移入個案，莊人祥說指揮中心昨晚立即跟越方聯繫，目前還沒有結果，預計周三才會有結果對外界說明。
莊人祥表示，這4例確診的病毒核酸檢測（PCR）結果，只有案813的Ct值較高，是34，其他人Ct值都較低，病毒量都較高，分別為案810的Ct值19、案811為24、案812是15。
對於外界擔心春節將屆，防疫旅館不夠用，莊人祥說目前防疫旅館有一萬六千間，住房率約50%左右，到農曆春節前，預計會再增加一萬間左右，交通部觀光局跟各縣市政府正在努力當中。
指揮中心表示，案810為本國籍20多歲女性，去(2020)年8月至英國就學，12月30日於當地登機時出現喉嚨癢症狀，31日返國，持有登機前3日內檢驗陰性報告，入境後主動告知有症狀，並於機場採檢；個案於集中檢疫所等待檢驗結果時，因有發燒症狀再次採檢，兩次採檢結果皆為陽性，於今日確診。已掌握個案入境班機前後二排座位旅客共14人，列居家隔離。
案811為本國籍20多歲女性，去年9月至德國就學，12月28日返國，持有登機前3日內檢驗陰性報告，入境後至住處居家檢疫；個案12月31日出現喉嚨痛症狀，1月1日由衛生單位安排就醫採檢，於今日確診。由於個案發病前2日皆獨自居家檢疫，未與他人接觸，故無匡列接觸者。
案812為本國籍60多歲男性，去年10月至美國探親，12月27日返國，持有登機前3日內檢驗陰性報告，入境後至住處居家檢疫；個案12月29日至31日陸續出現全身痠痛、發燒及咳嗽症狀，1月1日由衛生單位安排就醫採檢，於今日確診。已掌握個案入境班機前後二排座位旅客共7人，列居家隔離。
案813為史瓦帝尼籍30多歲男性，去年12月24日來臺工作，持有登機前3日內檢驗陰性報告，入境後至住處居家檢疫；個案12月31日出現頭痛、流鼻水及鼻塞症狀，1月1日由衛生單位安排就醫採檢，於今日確診。由於個案發病前2日皆獨自居家檢疫，未與他人接觸，故無匡列接觸者；另為求慎重，已安排與個案同行來臺之友人1人採檢，目前檢驗中。
指揮中心統計，截至目前國內累計127,453例新型冠狀病毒肺炎相關通報(含125,521例排除)，其中812例確診，分別為717例境外移入，56例本土病例，36例敦睦艦隊、2例航空器感染及1例不明；另1例(案530)移除為空號。確診個案中7人死亡、689人解除隔離、116人住院隔離中。
</t>
  </si>
  <si>
    <t>新冠肺炎（COVID-19）疫情影響全世界，許多影展活動接連受影響，YouTube宣布舉辦「We Are One： A Global Film Festival」線上影展，將於5月29日至6月7日舉行，為期10天，將免費提供全球的影迷觀賞，屆時不會有任何廣告，觀眾可在觀看期間，直接向世界衛生組織（WHO）的「COVID-19團結救助基金」捐款。
該影展主辦單位翠貝卡企業公司（Tribeca Enterprises）與YouTube於27日發表聲明說，自5月29日起，為期10天的「We Are One： A Global Film Festival」將與20家頂尖影展合作，放映柏林、坎城、威尼斯、日舞、多倫多與翠貝卡等影展策劃內容。
《路透社》報導，這次影展將播放影片、紀錄片、音樂、喜劇與訪談，節目內容細節尚未公布，不過不太可能有一般在影展首映的熱門新片。根據《Deadline》報導則指出，新聞稿中強調「新、舊影片皆有」，不過考量商業效益及版權問題，預期劇情片應該是曝光過的影片，而坎城影展只有提供一些經典電影的片源。
不過，即便合作推出「We Are One： A Global Film Festival」，並不代表會取代原本的實體影展。坎城影展日前宣布2度延期後，仍正在評估舉辦與否，主辦單位也曾表示「不可能以線上影展取代」；接下來的夏季於義大利的威尼斯影展，目前則照常舉辦；秋天的加拿大多倫多影展也準備將部分單元以線上方式進行。</t>
  </si>
  <si>
    <t>從警36年的嘉義市警察局55歲吳姓小隊長，6月19日接種AZ疫苗後，出現發燒、腳麻等症狀，本月8日身體極度不舒服，就醫發現有多發性血栓，轉送台中榮總醫院開刀2次，取出約5公分血栓，目前仍在加護病房觀察，親友沉痛籲請政府重視注射疫苗的不良反應事件。
吳小隊長的親友說明，吳小隊長沒有糖尿病、無慢性疾病，血糖有時偏高，有長期慢跑習慣，6月19日接種疫苗後，陸續出現發燒、腳麻症狀，他也曾到醫院看診、服藥，但服藥後症狀仍未改善。
到了本月8日，吳小隊長身體非常不舒服，緊急送醫經心臟外科醫師診斷，其下半身包括腹主動脈、右腎動脈、左股和右股動脈有多發性血栓，動手術急救後再轉送台中榮民總醫院，10日又發生血栓，再次動手術約7小時取出多條血栓，其中1條血栓長達約5公分，血管完全被塞住。
吳的親友說，吳姓小隊長至今仍在加護病房觀察，情況危急，他們認為應與注射AZ疫苗後的不良反應有關。
吳的友人表示，吳小隊長是和同事一起接種AZ疫苗，大部分同事會發燒、不適，但吳出現嚴重血栓，接種疫苗以來各地發生不良反應案例，但政府及有關單位低調應對，希望疫苗不良反應能獲得更多重視，也提醒大家接種疫苗要慎重。
嘉義市警察局表示，本月8日將吳員疑似與接種AZ疫苗後不良反應有關的情形，通報內政部警政署彙辦，並持續關心吳員治療狀況，也透過衛生局促請台中榮民總院全力醫救。</t>
  </si>
  <si>
    <t xml:space="preserve">一組31人的韓國團4日入境北京，隔離期間交出的護照竟意外被大陸工作人員誤以為是垃圾銷毀，陸方已經向韓方道歉，並承諾不收取隔離費用、也會免費重發簽證，但是部份還要轉往美國的韓國旅客相當崩潰，因為相關簽證也已經連帶被銷毀，韓國大使館痛批這起疏失是場「災難」。
香港《南華早報》、馬來西亞《星洲日報》引述《韓國日報》、韓聯社等報導，指出4日一批31人組成的韓國團入境北京，並在飯店展開為期21天隔離，隔離期間大陸防疫人員以填寫文件需要護照影本為由收走所有人的護照，後續卻遲遲未歸還，最後才告知他們護照不小心被銷毀，令韓國旅客相當憤怒。
消息人士指出，由於護照是從韓國攜入，必須消毒，陸方防疫人員便將護照集中放在塑膠袋內準備消毒，不料卻遭其他工作人員誤認成垃圾，將一整袋護照連同其他垃圾一起運往垃圾處理廠焚燒。
南韓駐北京大使館官員形容「這是一場不該發生的災難」，指出韓國政府已經聯繫大陸官員，盡量降低對31名旅客帶來的不便。
南韓駐北京大使館也已經向大陸外交部表達抗議，後者則對這起尷尬事件表示抱歉，大陸官方也承諾31名韓國人不必繳交每人1321美元（約新台幣36716元）的隔離旅館費用，陸方也將另發簽證，並且不向韓國旅客收費。
韓國方面也已經加速為這31人重新辦理護照，不過目前仍不清楚這團韓國團能否在25日隔離期滿前收到新護照。
當中部份旅客之後還要前往美國等其他國家，護照被銷毀讓他們相當崩潰，因為相關簽證也連同護照一併被焚毀。
</t>
  </si>
  <si>
    <t>雲林縣府團隊警覺新冠肺炎疫情的威脅，早在1月16日即成立防疫應變中心，邀集醫療機構代表、醫師公會、消防局、鄉鎮市衛生所研商應變措施，1月22日隨即與各大醫院及相關單位進行防疫演練，第一時間喚醒各相關組織提高戒備，嚴肅以對。
雲林縣府在年前已招標「抗揚塵罩健康」醫療用口罩，緊急在1月22日起陸續發放各公私立國中（含縣立高中）、幼兒園校內學童及教職員醫療用口罩，共計兒童6萬3404盒（幼兒園及國小學童）、成人（國、高中生及教職員）9萬9140盒口罩，舒緩縣民搶購口罩的不安與緊張。
為照顧傷病者，自2月3日起本縣領有重大傷病證明欲就醫之病患及其陪同就醫者，或體溫超過38度買不到口罩的民眾，每人提供1片口罩，保護自己也保護他人。
2月12日雲林縣政府與與台大醫院雲林分院攜手合作，全國首創居家隔離檢疫者通訊診療，透過視訊看診。2月18日縣府團隊再邀集計程車公會、公車業者、雲林監理站等，推動大眾運輸駕駛人優先配購防疫口罩以「1周領1次，1次領7片」，提升防疫量能，讓旅客能安心搭乘。
隨著檢疫及隔離者可能增加，我們緊接在2月27日成立「雲林縣居家檢疫隔離關懷中心」24小時單一窗口服務，（05）5345811或1922專線協助就醫服務、送餐、垃圾清運、遠距通訊醫療、心理諮詢等；3月1日起贈送「雲林防疫錦囊包」，陪伴民眾安心度過檢疫或隔離期間。
我們共同生活在這塊土地上，呼吸著同樣的空氣，面對這波新冠肺炎的威脅，讓我們同心防疫，人人勤用肥皂洗手、減少群聚活動、做好自身健康管理，祈求台灣平安。</t>
  </si>
  <si>
    <t>新竹市5日增1名COVID-19確診個案，案10649為京元電竹南廠群聚案例，為50多歲本國籍女性，為京元電子竹南廠員工，租屋處於新竹市轄內，非竹市市民，6月1日發燒就醫PCR採檢後確診，共匡列3名居家隔離，市府已安排相關足跡地點消毒。
目前以匡列案10649的2名室友與1名同事共3人，2名室友已完成採檢，PCR陰性，目前送防疫旅館居家隔離，1名同事居住苗栗，由苗栗縣安排採檢及居家隔離。
案10649足跡單純，平常騎機車往返公司與宿舍，外出全程戴口罩，並短暫停留外帶購買餐食，或返宿舍烹煮。5月28日曾到過苗栗竹南中華路美而美早餐店及來來健康素食店，5月29日曾到過竹南中華路全家超商，5月30日頭份建國路金色蓮花素食店，5月31日曾到過苗栗竹南中華路美而美早餐店、菿喫甘呷飲料店及來來健康素食店，6月1日曾到過苗栗竹南中華路美而美早餐店、菿喫甘呷飲料店。
市長林智堅透露5日上午與蔡英文總統通過電話，除報告竹科專案篩檢站一切順利，針對苗栗縣疫情升溫，蔡英文也請他向新竹縣長楊文科及苗栗縣長徐耀昌表達關心，請新竹市政府結合兩縣成立防疫共同區域聯防。
林智堅表示，他與楊文科及徐耀昌通過電話，楊文科向他表達協助移工篩檢的需求，徐耀昌則表達需要社區篩檢站經驗以及醫事人員人力不足等問題，市府也已請專人與苗栗縣衛生局連繫，有需要將協助與中央協調人力。</t>
  </si>
  <si>
    <t>美國新冠肺炎疫情仍持續，美國總統川普對戴口罩態度反覆，不過隨著疫情升溫，川普戴上口罩並改口，「戴口罩是愛國表現，沒人比我更愛國」。對此，資深媒體人黃暐瀚表示，面對11月3日即將到來的總統選舉，只要能救選情，川普都會去做。黃表示，全球疫情的前半年，台灣恍如「世外桃源」，但這樣的「與世隔絕」，卻也可能令台灣充滿危機。
黃暐瀚在臉書指出，今年四月，川普在白宮記者會上，強調佛奇建議美國人民出門戴口罩「只是個建議」，並表示「我覺得很好，我不會戴口罩」。然而，隨著疫情增溫，一個禮拜前，川普在推特貼上一張他戴口罩的黑白照片，接下來一週，他幾乎天天戴口罩，現在川普說：「戴口罩是愛國表現，沒人比我更愛國」。黃直言，這就是川普。面對11月3日即將到來的總統選舉，不管什麼事，不管任何話，只要能救選情，他都會去做，會去說。
黃暐瀚提及，全球疫情的前半年，台灣恍如「世外桃源」，但這樣的「與世隔絕」，卻也可能令台灣，充滿危機。台灣有新冠肺炎抗體的人，很少；台灣研發新冠肺炎疫苗的速度，很慢。不管是英國或是美國，誰先研發出疫苗，該國需求都恐不夠，會給台灣分一杯羹嗎？他表示，政治之前，激情亢奮；政治之後，面對現實，政治與現實，台灣得聰明面對，別傻傻跟著某人（某國），一直衝。</t>
  </si>
  <si>
    <t xml:space="preserve">新冠肺炎疫情險峻，戴口罩儼然成為全民最基本的防疫共識，其實透過自製「布口罩」，不但可重複使用，更能將醫療級口罩留給第一線防疫、醫護人員。
慈濟基金會為讓醫療級口罩留給需要的人，讓非醫療及非防疫第一線人員有充足的防疫口罩可使用，特透過全臺各地巧藝志工進行「布口罩製作教學」，2月15日在慈濟雙和靜思堂，更有一群來自各界的年輕人加入慈濟志工的行列，青銀共製布口罩，傳達「罩」顧健康自己就可以動手做。
中央流行疫情指揮中心曾多次呼籲，並透過影音宣導健康民眾不用戴口罩，而目前研究指出，「2019新型冠狀病毒」主要是透過飛沫感染。因此，民眾若是擔心健康又沒有充足的醫療口罩，其實選用布質口罩，並保持替換洗滌的習慣，也可以阻絕一定比例的飛沫。
慈濟志工在二月初，即著手規劃進行自製布口罩，也透過網路宣導獲得各界響應報名，因為受到防疫而延後開學的影響，在雙和靜思堂吸引不少學生主動報名參加，布口罩製作以分工、分組的方式，依照流程SOP進行區分為「描圖區」、「燙摺區」、「車縫區」、「翻面修剪區」、「熨燙裝箱區」及「輸送區」。
家住彰化、目前就讀虎尾科技大學二年級的廖浚頡，帶著兩個弟弟廖淂程及廖昞享，三兄弟一早自行坐火車北上響應慈濟活動，從沒有碰過裁縫的廖浚頡，主動承擔「車縫區」，就讀理工相關科系的他，首度嘗試踩著裁縫車，仔細對著縫線，覺得過程很新鮮，但是專注的神情一點也不馬虎，因為知道這些布口罩，將提供給例如在醫療院所上班的行政同仁，或慈濟環保志工、訪視志工等慈濟的第二線人員，所以非常認真學習。
最小的弟弟廖昞享則在「熨燙裝箱區」，從未拿過熨斗，今天是他首次提起，動作一開始有些生澀，慈濟志工在旁細細指導，因為是左撇子，廖昞享小心翼翼的使用；另外在「描圖區」，目前就讀中原大學建築系一年級的林懷謙，則是帶著就讀花蓮女中美術班的妹妹林詠丞參加，兩人因為都有繪圖、繪畫的相關背景，所以希望發揮專長，加速布口罩的製作進度。
慈濟基金會表示，民眾在缺少醫療口罩時，在一般日常生活使用布質口罩，也是一種自愛、愛人的行為。同時也請不要忘記，除了使用口罩外，世界衛生組織與衛福部更提醒，「勤洗手」跟「戴口罩」一樣重要。生活習慣做得好，全民防疫更有效。
</t>
  </si>
  <si>
    <t xml:space="preserve">（16：00更新）繼突破千人大關後，韓國今（26）日下午再新增115新冠肺炎確診病例，加上上午宣布的169新病例，韓國單日新增病例達284人，累計境內共1,261人染疫。
(URGENT) S. Korea reports 115 more cases of new coronavirus, total now at 1,261 https://t.co/gOq9suW5jN
（10：00更新）韓國確診數突破千人大關，今（26）日再新增169確診，累計境內共1,146人染疫；此外，韓國今日也新增1例新冠肺炎死亡案例，至今已有12人死亡。
韓聯社報導，韓國今日再新增169例新冠肺炎確診病例，累計境內已1,146人染疫。
新增病例中，153例來自於大邱及慶尚北道，目前約8成確診病例都發生於大邱新天地教會及慶尚北道清道郡大南醫院的群聚感染，光是大邱，確診病例數就高達800人。
此外，韓國今日也增加1例死亡案例，韓聯社報導，死者是一名73歲大邱新天地教會教徒，他於26日確診後住院，本身即患有高血壓、糖尿病等慢性病。至今，韓國境內累計12例死亡病例。
韓國中央災難安全對策本部（下稱對策本部）表示，境內幾乎各大城、主要行政區均已出現確診案例，首都首爾今日再新增4起病例，第二大城釜山新增8起病例，京畿道增加1例。
韓國國務總理丁世均今天表示，政府誓言動員所有資源，防止大邱及慶尚北道的疫情擴散。他說，政府將會動用所有資源和措施，以避免失去防治疫情的黃金時間，他也提到，本周是對抗病毒的關鍵時間。丁世均昨日抵達大邱市，這是他首度主持政府防災會議，他預計持續留在大邱監督疫情。
韓國昨（25）日單日共新增144例新增病例，截至昨晚，共977人確診、11人死亡，昨日更首度新增1名外國人士死亡，死者是一名36歲蒙古人。
韓國衛生當局23日將病毒警示層級提升至紅色的最高等級，專注防治大邱及慶尚北道的疫情擴散。對策本部昨日表示，將對新天地教會超過21萬名教徒進行檢疫，專家預期，未來幾天，韓國新冠肺炎確診數將持續飆升。
</t>
  </si>
  <si>
    <t xml:space="preserve">由台積電、慈濟、永齡基金會合購1500萬劑BNT疫苗，其中印有復必泰標籤的200萬劑預計9月初抵台，剩餘疫苗到貨時程今（29）晚也傳出好消息，估計自中秋節後至11月，每周將有70-80萬劑BNT疫苗到貨，更有機會保留明年3000萬劑BNT疫苗。
永齡基金會創辦人郭台銘今晚在臉書發文，透露首批客製化標籤的BNT疫苗進度，有希望在九月中秋節前後開始分批到貨，至少到11月能以每週大約7、80萬劑抵台，讓台灣各年齡層都有機會施打，以「想打的人陸續打得到，疫苗供應週週不斷鏈」為目標。
文中指出，今年被承諾到貨數量大約是800-900萬劑，已向BNT試探詢各國明年疫苗供應的期程及數量，若台灣有考慮繼續採購的條件下，能優先處理我方今年採購剩餘數量提早到貨，以及明年疫苗是否能為台灣保留3000萬劑的額度，則是「獲得很不錯的回應」。
身為三大民間聯合採購團體之一，郭台銘也表示，會盡力為台灣保留機會，給政府做決策參考，也強調疫苗採購的原則不變，「原廠製造、分裝、客製化標籤絕對是必要且無庸置疑」。
</t>
  </si>
  <si>
    <t>台北市長柯文哲24日下午召開防疫記者會，對於北捷有人確診，副市長黃珊珊表示，有1名保全員確診，3人為快篩陽性，22號已啟動全站清消。
北市副市長黃珊珊24日在防疫記者會上說明，台北捷運公司「龍山寺」有1名保全員確診，也要求同仁去做快篩，22日快篩後就啟動清消和全站消毒，相關人員有快篩123人快篩，3人為陽性，已進行相關隔離，不會影響營運，目前為止應該是共同休息室有接觸，全部會交給防疫醫師交給疫調和匡列。
北捷也表示，第一線員工包含站務、司機員、清潔及保全，並非屬於施打疫苗優先順序人員，但已鼓勵員工接種疫苗，並宣導加強個人健康管理及勤洗手，並實施分組輪班及異地辦公。
中央流行疫情指揮中心今（24）日公布國內新增334例新冠本土病例，新北177例最多，其次為台北市99例，另有256例為校正回歸個案。</t>
  </si>
  <si>
    <t xml:space="preserve">三能-KY(6671)2019年受中美貿易戰影響，使得大陸內需市場低迷，拖累營收微減，受惠訂製類產品自動化效率提升帶動毛利率微幅增加與無錫高薪企業優惠稅率等因素，獲利恢復成長動能。法人預估，三能2019年稅後盈餘將在1.8億元左右，年增約2.1%，EPS可望挑戰3元。
2020年首季進入傳統淡季又逢新冠肺炎疫情干擾，法人預估，三能首季營收約3億元，恐將年減20%以上，稅後盈餘將落在0.12億元，年減將超過30%，EPS將在0.2元左右。
展望2020年全年營運，大陸受新冠肺炎影響內需市場消費低迷，三能的訂單與產能同步受到影響，將拖累獲利表現，法人預期，三能2020年營收年衰退將逾1成，約16.7億元，稅後盈餘將年減逾6%，落在1.7億元左右，EPS將挑戰2.8元。
三能股利政策主要配發現金股利為主，2018年股利發放率91%，去年預估三能2019年有機會配發現金股利2.4元，現金殖利率約7%附近。
</t>
  </si>
  <si>
    <t xml:space="preserve">對於新冠肺炎本土疫情已有13584人確診，並釀497人不幸離世，國民黨立委陳以信表示，政府應該負無過失責任，對所有因確診而傷亡者給與慰助金與補償金，畢竟這才是身為政府的目的所在。
陳以信18日在臉書分析，根據國賠的法律規定，認定關鍵會在政府有無過失，雖然他認為政府確有過失，很多人也這麼認為，但法律認定結果很難說。因此他認為，這次補償很特殊，國家應負的不是過失責任，而是無過失責任，亦即是國家不管有無過失，都應該負責補償。
陳以信認為這次疫情國家應負無過失責任的理由為，政府防疫過程技術高度複雜、資訊極端不對稱，人民何能得知政府哪裡出錯？如何證明政府確有過失？更何況，立法院連成立個疫苗調閱委員會，都搞不清楚疫苗採購過程；連想要公開高端疫苗EUA審查會議，都被衛福部推三阻四。請問人民何能握有充足資訊來證明政府過失呢？
正因人民與政府在防疫事項上，地位高度不對等、資訊極端不對稱，因此政府對人民確診者該負無過失責任，亦即是無庸人民舉證政府過失，人民只要受害，政府就該補償。
陳以信認為，人民一舉一動都是聽從CDC指揮，每個人都是這場防疫作戰的戰士，現在國人防疫不成，不幸確診而有傷亡，就好像戰士為國打仗，在戰場上不幸受傷或陣亡，國家難道可以不對傷亡戰士負責嗎？
陳以信主張，萬一國人不幸確診，政府不該為難，非要他證明政府有過失才賠償，政府應該負起全部責任，對所有因確診而傷亡者給與慰助金與補償金。畢竟，這才是身為政府的目的所在！
</t>
  </si>
  <si>
    <t>因近日來新冠肺炎疫情升溫，相關防疫措施升級，中華籃協宣布，本周起SBL超級聯賽新莊體育館總冠軍賽場次改採閉門方式比賽，不開放觀眾入場，僅開放比賽雙方球隊及相關工作人員進入場內。
為配合防疫規定，室內比賽場館不得超過100人，本周六(15日)起第18屆SBL超級籃球聯賽將採取閉門比賽，除球隊職隊員及相關工作人員與媒體，其餘人員包含持貴賓證件等均不得進入場館。
除比賽場上球員與裁判外，全體人員進入體育館須全程配戴口罩且禁止飲食，並於入口處測量體溫及實名制登記。
已購買總冠軍賽門票之球迷，可於即日起至6月10日至年代售票系統辦理全額退費，不需額外負擔手續費及郵資。</t>
  </si>
  <si>
    <t>球王喬柯維奇(Novak Djokovic)似乎差點就要放棄美網了，但他最後還是到達美國紐約。「我差點就放棄，有很多不確定因素，現在也是一樣。我想打球，所以我來了，我個人不害怕處在充滿健康風險的環境。」喬柯維奇已經得過新冠肺炎並痊癒。
喬柯維奇選擇在紐約市外租屋居住，而沒像其他選手一樣住進隔離區的飯店。他告訴《紐約時報》說：「如果我害怕就不敢來了，當然我很謹慎，我必須和大家共同遵守規則。但結果還是無法預測，場內和場外都可能發生任何事。」
由於眾多好手都沒參賽，喬柯維奇被看好可以為自己再添1座單打大滿貫金盃，他表示：「這是我參賽的原因之一，但不是主要原因。身為頂尖球員，我有責任出賽，讓比賽持續進行是很重要的。」如果大牌選手都不來，恐怕比賽就沒人想看了。
喬柯維奇6月舉辦的表演賽造成疫情擴大，塞爾維亞與克羅埃西亞都有人因此染病，讓他被外界罵得很慘。喬柯維奇說：「你問我有沒有罪惡感，當然沒有，你怎能把全部的事都推給我一個人。」「我自認沒做錯事，但我為染病的人感到難過。」</t>
  </si>
  <si>
    <t xml:space="preserve">政府機關陸續異地辦公，國民黨發言人洪于茜今表示，國民黨3月已作相關準備，隨時可因應疫情變化調整異地辦公，中央黨部大樓也進行每天量體溫、噴酒精，並呼籲黨工同仁在密閉空間配戴口罩，主動回報身體狀況，若有身體不適者回報後，可不到班及就診或自主管理。
針對中央流行疫情指揮中心提醒清明連假，曾造訪11個台灣熱門風景區與景點的民眾，須進行自主健康管理。洪于茜說，國民黨也呼籲連假期間有到11個發布警訊地點旅遊的黨工，必須主動告知，到班必須全程配戴口罩。
據了解，中央黨部今天並無通報有黨工在連假赴11處熱門景點。
</t>
  </si>
  <si>
    <t>中央流行疫情指揮中心今(3)日公布國內新增1例境外移入新冠肺炎病例(案449)，為50多歲男性，因工作長期居住南非(前次自台灣出境時間為108年9月)，今(109)年7月1日獨自返國入境。
指揮中心表示，個案因計劃返台探親，於南非當地採驗新型冠狀病毒(採撿時無症狀)，6月27日上午得知檢驗結果為陰性，同日下午出現發燒、全身無力及喉嚨有異物感等症狀，28日至當地醫院就醫，醫師評估為一般感冒，個案服藥後於6月30日自覺症狀好轉，當日自南非搭機至杜拜轉機，於7月1日晚間入境台灣。
莊人祥指出，個案入境時無症狀，因主動告知14天內曾有不適症狀，由機場檢疫人員安排採檢後送至集中檢疫所隔離，於今日確診；個案目前收治住院隔離，經X光檢查診斷有肺炎情形。衛生單位已掌握個案接觸者共27人，其中同班機前後二排乘客13人列為居家隔離對象，同班機機組員14人因有適當防護，列為自主健康管理對象。
指揮中心統計，國內截至目前累計77,157例新型冠狀病毒肺炎相關通報(含76,225例排除)，其中449例確診，分別為358例境外移入，55例本土病例及36例敦睦艦隊。
莊人祥表示，7月4日零時開始實施，外籍人士有居留證者，不需持三天內陰性證明。</t>
  </si>
  <si>
    <t>全球新冠肺炎疫情未止，哈薩克又出現不明原因肺炎。中國駐哈薩克大使館今天發公告，指當地出現死亡率遠高於新冠肺炎的不明肺炎，單單在上月已有628人死亡，當中包括中國公民。
大使館引述哈薩克傳媒指出，6月中旬以來阿特勞州、阿克糾賓州和奇姆肯特市肺炎發病率較同期顯著升高。截至目前，3地已有近500人感染、30多人病危。今年上半年，不明肺炎共導致1772人死亡，僅6月就有628人死亡。
大使館強調，該不明肺炎致死率遠高於新冠肺炎。當地衛生部正對該肺炎病毒進行研究，尚未明確定性；並提醒當地中國公民切實注意相關情況，提高防疫意識，並留意當地政府和中國大使領館發布的信息。
此外，大使館建議僑胞注意個人防護和手部衛生，盡量減少外出活動，避免到人員密集的公共場所；如外出時要佩戴口罩及勤洗手。一旦出現可疑症狀，應主動及時就醫；就診時應告知醫生旅行居住史及接觸人員，積極配合開展相關調查。</t>
  </si>
  <si>
    <t>多吃水果、喝紅酒，也能達到預防新冠肺炎的效益。中國醫藥大學校長洪明奇率領科研團隊，從過去SARS研究結果延伸，發現「單寧酸」可雙重抑制新型冠狀病毒主要蛋白酶與人體細胞的跨膜絲胺酸蛋白酶2，藉此阻擋病毒進入人體，此研究結果並獲國際期刊《美國癌症研究雜誌》刊登。
洪明奇表示，過去SARS疫情期間，研究團隊就針對其預防、治療進行研究，但因SARS流行半年後即消失，相關研究也終止。近來因新冠肺炎在國內外持續蔓延，研究團隊將過去研究資料調出來，重新以新型冠狀病毒的特性持續研究，果然發現「單寧酸」具有特別效益。
洪明奇說，新冠病毒中的「主要蛋白酶」是影響其毒傳播、生長的關鍵角色，而在病毒進入人體時，必須與人體細胞中的「跨膜絲胺酸蛋白酶2」結合，單寧酸則具有抑制病毒主要蛋白酶的效果，且其也能在病毒進入人體時阻絕跨膜絲胺酸蛋白酶2與病毒結合，讓病毒無法真正進入人體細胞。
研究團隊成員、教授王紹椿及副教授陳曄則說，單寧酸屬於水溶性多酚類的天然化合物，在許多植物、水果中都存在，像是蔬菜、香蕉及葡萄紅莓、油桃、紅酒內都有單寧酸。其實，單寧酸除有抑制新冠病毒主要蛋白酶的效果，近期也被證實可抑制癌細胞的代謝、增生與轉移，具有抗發炎效果。
洪明奇強調，目前經團隊研究，確認單寧酸可抑制新型冠狀病毒活性，還可達到一定程度阻隔病毒進入人體，對對抗新冠肺炎疫情有高度前瞻性，接下來團隊將持續研究哪些食物中的單寧酸成分較高。
★中時新聞網關心您：喝酒過量，有礙健康！</t>
  </si>
  <si>
    <t>台灣自疫情爆發後，許多經濟能力許可的民眾紛紛搶購機票赴美接種疫苗。台中市議員陳文政3日憂心說，疫苗能大幅降低感染率與重症率，但仍有染疫帶原風險；建議中央加強未來入境個離管制，延長居家隔離時間。衛生局強調，此案涉及全國性政策，後續依中央規定辦理。
市議員陳文政說，國內疫苗進展牛步，許多經濟能力較佳的民眾開始搶購機票，赴美接種免費的疫苗。這不只是我國有這種現象，馬來西亞、越南近日也因疫情加劇，疫苗供應吃緊，許多富人也都搶機票赴美接種；他聽聞國內有些孝順的子女，為怕家中長輩染疫，僅把同住的長輩送去美國接種。
陳文政指出，已有許多案例與專家證實，接種疫苗不代表「完全免疫」，最主要效果仍是降低感染率與重症率；代表完成接種疫苗者，仍有染疫、帶原的風險。美國全國6月1日確診數仍超過2萬人，加上世界各疫區湧入的接種潮，「美國並不是一個安全的區域」。
陳文政表示，國內醫療系統已瀕臨崩潰，就連台中的醫療系統也開始支援雙北。面對接下來可能出現的接種返國潮，他向衛生單位提出兩個建議，即中央應加強未來的入境個離管制，延長居家隔離時間；家中如有1人返國應該要全戶隔離，不要讓病毒有機可乘，切莫再出現新的疫情破口。
台中市衛生局強調，此案涉及全國性的政策，陳文政議員所提建議案，市府將提供給中央流行疫情指揮中心，後續依中央規定辦理。</t>
  </si>
  <si>
    <t xml:space="preserve">美國有線電視新聞網(CNN)與《衛報》30日報導，美國莫德納生物技術公司公布最新一波新冠肺炎疫苗第3階段臨床測試結果，數據顯示其防疫效果高達94.1%，且能完全避免染疫者惡化為重症。莫德納表示正向美國與歐洲的監管機構申請批准。
據CNN報導，第3階段實驗共3萬人參與，其中1.5萬施打疫苗，令1.5萬人則接種安慰劑。接受疫苗的實驗組僅11人染疫，施打安慰劑的則有185人感染，疫苗有效性約94.1%。
甚至，實驗組的11人並沒有轉為重症，而對照組的185人中，有30人轉為重症、1人死亡。對老人與少數族群而言，莫德納的疫苗也有同樣功效。
《衛報》指出，莫德納目前已將相關研究數據遞交美國、歐洲與英國的監管機構，以獲得疫苗緊急授權。其希望美國食品暨藥物管理局(FDA)能在12月17日的會議上進行審查。除輝瑞已於20日提交申請外，莫德納為第2家向FDA申請疫苗緊急授權的國家。
事實上，英國已購買700萬劑的莫德納疫苗；隨著莫德納公布中期結果為94.5%的有效性，又再購買500萬劑，而上週又採購200萬劑。但是，要到2021年3月才能向英國供應疫苗。目前莫德納已獲得美聯邦政府24.8億美元的(約新臺幣7211.8億元)資金援助。
</t>
  </si>
  <si>
    <t>長榮機師父子染疫，中央發送百萬封警示簡訊，外界質疑如此做法是打臉實聯制根本沒用，也讓地方收爛攤子、埋單篩檢費用。台北市長柯文哲6日表示，唯一辦法是實聯制要確實，他還透露到年底PCR篩檢費用搞不好要上百億，也許終究要用美國、英國和新加坡的戰略，每個人打滿2劑就不管制了，這比較實際，如果每天驚弓之鳥過生活，恐怕撐不了幾年。
柯文哲今午主持防疫記者會指出，現在細胞簡訊是用靠近就發送，以北市一條街店鋪有好幾家為例，民眾不見得有進到店裡，所以老百姓要反省一遍，如果不要讓中央一次發百萬封簡訊，實聯制要更落實，進入店家就要掃描實名制，若大家都不是很確實時只好這樣。
他表示，有些比較麻煩的是大賣場，在入口掃QRcode，但一天進去幾千人，甚至可能有上萬人，到底這個效果如何不知道，發出110萬封簡訊讓篩檢站爆滿，造成人人不安，這條沒有標準答案，大家若不想再出現有發送百萬封簡訊情況，唯一方法就是實聯制要確實，切割的很清楚，大賣場在入口處只用一個QRcode管理，裡面不太管制，這恐怕要再想一下辦法。
柯文哲還提到，PCR篩檢每次是3000元，1萬人就3000萬元，每天做幾千個，他相信健保署還沒想到年底怎麼結算，幾十億元搞不好有上百億元。
他說，也許終究要用美國、英國和新加坡的戰略，每個人打滿2劑就不管制了，這比較切合實際，如果每天驚弓之鳥過生活，這撐不了幾年。</t>
  </si>
  <si>
    <t>政府加速阻止疫情擴散，副總統賴清德今天表示，今天下午40萬劑AZ疫苗將抵達台灣，他呼籲符合疫苗優先施打對象的民眾，儘快前往登記施打疫苗，「唯有提升疫苗接種率，才能從根本阻斷病毒傳染途徑」。
賴清德今天在臉書推廣簡訊實聯制，他說，「五秒三步驟，科技防疫保護彼此！」行政院推出簡訊實聯制，整合現有實聯制系統，不只快速掌握相關足跡，更兼顧衛生、便民與保障個資，是科技防疫的新典範。
他說，如果你是顧客，只要掃描QR code、按下連結、發送簡訊，就可以完成實聯。如果你是店家，今天15：00起，就能上簡訊實聯系統，線上申請登錄店家資訊。
今天下午40萬劑AZ疫苗將抵達台灣，賴清德表示，他也要呼籲符合疫苗優先施打對象的民眾，儘快前往登記施打疫苗，唯有提升疫苗接種率，才能從根本阻斷病毒傳染途徑。</t>
  </si>
  <si>
    <t xml:space="preserve">因應疫情，許多藝文表演延期取消，高雄春天藝術節創新嘗試的《舞筵自然》環境舞蹈系列，由於在戶外開闊處演出，21日將如期舉行，走出廳堂與環境共舞；高市文化局表示，工作人員會自主執行防疫措施，也歡迎民眾戴口罩前往觀賞。
高市文化局指出，春藝首度推出的《舞筵自然》環境舞蹈系列節目包括5團、6檔、16場小型戶外舞蹈，以鳳山黃埔新村為起點，3月21日至4月4日為止，每周末陸續在駁二藝術特區、大東藝文中心戶外廣場、高雄捷運車站等公共藝文場域起舞。
《舞筵自然》系列節目強調「人、環境、藝術」，塑造城市裡最美麗的風景，索拉舞蹈空間舞團21、22日午後在鳳山黃埔新村內的日式老房，新銳編舞家劉依昀創作的《百年樂園》破除時間隔閡，喚醒空間的溫度。
28、29日周末午後，駁二藝術特區將有許程崴製作舞團《換你跳舞》喚醒人類體內的「愛跳舞」細胞、牧夫肢間舞團《代袋無驚》以塑膠廢料為主題、索拉舞蹈空間舞團《時間的身影》頌揚過去的記憶、期待未來的美好。
而薪傳兒童舞團《意象大東》29日在大東文化藝文中心園區演出，4月4日的捷運美麗島站「光之穹頂」，則有人體舞蹈劇場帶來《生命之光》，舞蹈家們將化身「活的公共藝術」，用身體與城市地景共舞，在疫情緊張時刻為市民帶來片刻喘息。
高市文化局主祕劉秀英說，受新冠肺炎疫情影響，雖然許多室內場館的演出延期或取消，但《舞筵自然》是走出戶外的演出，並非高風險場域，且工作人員會做好量體溫、戴口罩、勤消毒等防護工作，開放空間觀賞民眾距離也可拉開，只要戴著口罩，還是能夠放心享受悠閒的周末午後。
</t>
  </si>
  <si>
    <t xml:space="preserve">亞東醫院爆院內感染，17日1名86歲確診者病逝，18日下午新增2名護理師，19日上午再發現1名病人、1名病人家屬、1名看護二次採檢時呈陽性反應，目前累計14人確診，院方表示，已於今日上午陸續對匡列者進行第3次採檢。
亞東醫院17日爆院內感染，9人確診新冠肺炎，其中1名8旬翁不幸病逝，昨日下午又傳出2名護理師呈現陽性反應。稍早院方也證實，今再增3名染疫者，分別為病患、病患家屬及看護，目前累計14人染疫。
對此，亞東醫院表示，目前匡列醫護人員107人、病人及家屬225人，總計332人，今日上午已針對匡列對象，進行第3次採檢。
亞東醫院新增3例確診，外界擔心出現院內感染，疫情指揮中心回應，相關狀況會再去了解，但據了解，中午以前得到的資訊是昨天沒有新增，醫院今天會進行第3輪採檢，因此有新增的案例，應該是居家隔離中、已被匡列的對象，不會對醫院產生影響。
</t>
  </si>
  <si>
    <t xml:space="preserve">曾到高雄金芭黎舞廳消費的確診台商，至今已住院77天，中央流行疫情指揮中心日前曾指出，該名台商因為檢驗結果反覆，因此始終無法解除隔離，但今天指揮中心表示，該名台商傳出「好消息」，應是有望解除隔離。
指揮中心發言人莊人祥今在記者會後，被現場媒體問及曾至金芭黎舞廳消費的台商狀況，莊人祥雖未證實該名台商已順利出院，但仍表示「應該是有好消息」，暗示該名台商頗有希望解除隔離。
</t>
  </si>
  <si>
    <t xml:space="preserve">對新冠疫苗投入大量資金支持研發的比爾與與梅琳達蓋茲基金會執行長蘇斯曼（Mark Suzman）指出，現在各國加速研發新冠疫苗，可望讓這個疾病的疫苗成為人類歷史上研發時間最短、最快時間內推廣使用的疫苗。在最理想情況下，研發周期將縮短至12個月或甚至更短。
新冠病毒剛爆發流行之初，大陸與歐美都有藥廠著手研發疫苗，但在大陸疫情擴大時，醫學界仍認為疫苗研發仍需相當時間，估計時間都在18個月左右。但現在疫情擴散至全球，疫苗需求極度迫切，加上醫學技術進步，新冠疫苗的研發速度可望大幅縮短。蓋茲基金CEO蘇斯曼接受陸媒《財新網》專訪時指出，新冠疫苗可望成為人類史上研發速度最快的疫苗。
報導說，目前全球多國政府及私營藥廠均投入大量資源進行疫苗研發，全球疫苗免疫聯盟（GAVI）CEO塞斯伯克利日前預測，最終研發出來的疫苗數目可能高達200多種。
蘇斯曼解釋稱，蓋茲基金會並不會直接參與疫苗研發競賽，但依靠在疫苗領域的長期經驗以及與GAVI、「流行病防範創新聯盟」（CEPI）的合作關係，蓋茨基金會將會資助最有可能快速研發成功的幾類疫苗。儘管大多數的疫苗研發試驗都可能會以失敗告終，但基金會希望盡力找出最有可能成功的疫苗，然後為其提供支援。
「蓋茨基金會資助疫苗研發的前提條件是支持全球准入原則（Global Access）」，蘇斯曼指出，「大多數政府都在努力為本國公民籌集資金，我們認為這毋庸置疑且十分重要。但是對於全球大流行，我們需要制定全球解決方案」。當疫苗研發成功後，還需要儘快生產70億劑疫苗供全球人民使用。
報導說，當疫苗成功研發並投入生產後，「誰可以優先注射疫苗」，「發展中國家能否負擔得起疫苗費用」等疫苗分配問題也會帶來紛爭。蘇斯曼指出，基金會將在支持研發的同時，為後續的疫苗生產和分配提供支援，讓一線的醫護人員、老年人等易感群體可以第一時間獲得保護
</t>
  </si>
  <si>
    <t>滯留湖北台人的兩岸包機協商卡關，有湖北台商指出，苦等不是辦法，現在有人尋找另個途徑，看是否能從目前僅剩開放兩岸航班的北京、上海、成都、廈門等4地返台。據了解，若是以此「散客」方式返台，只需居家檢疫14天，也不用送到專門的隔離所隔離。但台商直言，這種方式非常蠢，明明有大陸現成的包機不用，還可能造成防疫漏洞。
陸委會法政處長蔡志儒近日說，滯留湖北的國人是政府最優先處理的對象，目前兩岸仍有5個航點可讓在陸國人返台。這段說法引起湖北台商圈關注，解讀這是在暗示他們，可設法前往目前仍開放兩岸航班的北京、上海、成都、廈門等4地，再自行買機票返台，而4地中離湖北最近的為上海。
一位湖北台商指出，若包機真的無望，這不失為一種變通方式，但因當地封城，或許可麻煩地方台辦協助，安排有意願以此方式返台者，先搭機或搭車從湖北到上海，再自行購票從上海返台。據了解，若循此途徑以「散客」方式返台，只要居家檢疫14天，不用像首架包機那般大陣仗檢疫，也無須被送到專門的隔離所。
不過，有台商直言，這種方式很愚蠢，明明有現成又最快可返台的大陸班機可搭卻捨而不用，感覺台灣政府在「耍賴」。
他認為，台灣因堅持用撤僑模式造成雙方協商僵持，但對滯留者而言，能趕快回家才是最要緊的，即便台灣真的派醫護人員事先檢疫，也未必能完全查出潛伏期患者是否確診。他認為，若用散客方式返台，只有居家檢疫，恐造成防疫漏洞，最後出事又發現確診病例，到時候還會害台商更被台灣社會汙名化。</t>
  </si>
  <si>
    <t xml:space="preserve">
據兒盟調查指出，僅有6.4％的家長敢請因應開學延後的「防疫照顧假」，立委詢問為何不給薪或津貼等，勞動部部長許銘春今天表示，如防疫照顧假給薪，初估要百億元。
因應開學延後或因疫情停課時，家長可請不強制雇主給薪的「防疫照顧假」，立委張育美詢問，為何不給薪？勞動部部長許銘春表示，以14天有薪防疫照顧假初估，就要百億元的經費，整體防疫預算僅有600億元，給薪或津貼等會造成財政上的負擔，有限資源應用在合理的分配。</t>
  </si>
  <si>
    <t>多家媒體今天報導指出，北韓已經解除3600多人的2019年新冠狀病毒隔離令。新冠肺炎肆虐全球95國，確診病例超過10萬例。平壤當局實施嚴格限制措施，關閉邊界，試圖避免爆發疫情，而當局也堅持境內沒有任何確診病例。
根據南韓聯合新聞通訊社，北韓官方廣播電台報導說，截至本月5日，已解除江原道（Kangwon）和慈江道（Chagang）約3650人的隔離令。
而官媒北韓中央通信社6日表示，380名接受「嚴格醫療監管」的外籍人士，有221人已解除隔離。
北韓因其核子及彈道飛彈計畫而招致多項國際制裁。當地醫療基礎建設薄弱，禁不起武漢肺炎爆發，分析家表示，防範未然是北韓唯一選項。
北韓領袖金正恩本月5日以親筆信「慰問」抗疫努力不懈的南韓總統文在寅。
南韓今天上午通報93起新增病例，確診病例累計7134起，為疫情源頭中國以外數量最多的國家。
根據南韓疾病管理本部數據，死亡病例新增2起，總數來到50起。
武漢肺炎蔓延全球95國和地區，確診病例已突破10萬。</t>
  </si>
  <si>
    <t xml:space="preserve">英國新冠疫情反彈，右翼組織「Save our Rights UK」24日發起示威遊行，數千人在倫敦街頭聚集，抗議首相強森收緊防疫措施。之後警方介入驅散人群，逮捕至少10人。
示威者從海德公園開始遊行，許多人高舉標語和海報，呼籲取消強制戴口罩規定，還稱防疫措施是暴政和國家監控手段，還有人說新冠肺炎是場騙局。遊行結束後，警方驅散聚集在特拉法加廣場的示威群眾，數人被銬上手銬帶走，並在社群網站推特上發文呼籲示威者和平散去。
英國目前政實行3級防疫警戒制度，北部地區酒吧關閉，禁止不同家庭成員聚集。威爾斯23日也實行緊急封鎖，禁止不必要的購物外出等。地方政府表示，防疫措施不是要為民眾增添麻煩，而是旨在減少外出次數。
</t>
  </si>
  <si>
    <t>台東29日新增5例確診個案，為太麻里林家小館餐宴案延伸，台東確診累計至今13例，縣長饒慶鈴提醒民眾快篩陰性仍須在家做好自我健康監測，並嚴詞強調居家隔離者則請依規定待在家中，怒斥「如果真有需要，可以送你去防疫旅館」。
饒慶鈴今日下午召開記者會，說明縣內新增5例台東確診個案，皆為金峰鄉人，為林家小館餐宴案相關及延伸，另有1例彰化確診案來台東。案7551(女、40多歲)、7552(女、50多歲)、7553(女、40多歲)曾於15日參加林家小館餐宴，延伸出的案7815(女、約20歲)與7816(男、約10歲)為同住家人感染，5案足跡多於住家附近活動，案7815曾於5／25-26到台東市洽公。另一案彰化確診者5／24出現發燒症狀，期間於外縣市活動，5／27到太麻里鄉外帶早餐並於台東市區拜訪親戚。
饒慶鈴表示，全縣13個鄉鎮社區快篩站累計至28日共248人快篩、3人陽性，其中1人PCR結果為陰性、2人PCR陽性分別為案7815與7816。而快篩陰性也不代表沒有感染，可能因病毒數不足或潛伏期無法驗出，仍須在家做好自我健康監測，勿群聚、避免出入公共場所。饒慶鈴也感謝縣內許多熱心民眾、農友及村里長配合，自主協助村里進行環境清潔與消毒，和環保局一起對抗疫情。
此外，為減少不必要的外出，縣內各醫院及鄉鎮衛生所至6月14日前提供視訊診療服務，慢性病複診病人經醫師評估病情穩定，則可採電話問診。</t>
  </si>
  <si>
    <t>美國食品藥物管理局（FDA）顧問小組周二（30日）以些微差距支持默沙東（Merck）新冠口服藥物molnupiravir，主因在於最終試驗結果顯示該藥有30％功效可降低高風險族群住院與死亡。此藥可望於年底前獲得通過，成為美國首款治療新冠肺炎的居家口服藥物。
FDA抗微生物藥物諮詢委員會（AMDAC）以13票同意、10票反對的表決結果，支持FDA給予molnupiravir緊急使用授權，但建議對象僅限於高風險族群。
FDA通常會遵循專家小組建議，預計於年底前做出決定。molnupiravir在英國已獲授權使用。
該委員會歷經數小時辯論後決定支持該藥，原因在於他們認為molnupiravir的好處勝於風險。該藥可讓患者在家口服，不像抗體藥物須借助醫療人員在醫院注射，因此被視為抗疫重大突破。
據默沙東最終臨床試驗結果顯示，與服用安慰劑的成人相比，molnupiravir可降低成人患者住院與死亡機率約30％，遠低於初步數據顯示的50％。許多專家警告，孕婦不應服用molnupiravir，因為此藥可能導致胎兒畸形，同時建議醫生開立此藥前須替女性驗孕。也有專家質疑，此藥作用原理可能幫助病毒突變、成為更危險的變異株。
專家認為，此藥適用於治療輕至中度新冠肺炎的高風險族群，包括老年人以及患有氣喘與肥胖等疾病的人。多數專家表示，已接種疫苗者不該服用此藥，因為研究並未將他們涵蓋在內，未有證據顯示利大於弊。鑒於天氣變冷恐導致新冠病例數量攀升，加上非洲南部發現的新變種病毒Omicron來勢洶洶，默沙東口服藥若獲授權，可望為抗疫大戰增添利器。</t>
  </si>
  <si>
    <t>日前台北市長柯文哲不滿「北部確診婦人至今感染源未明，也不知在哪縣市」，但遭疫情指揮中心指揮官陳時中怒斥：「要把責任扛起來，不能說不知道，中央地方要合作」。今日，日本北海道旭川市一名新冠肺炎確診患者本身經營炸豬排店，為讓消費者了解，讓旭川市政府罕見公布店名，此例可供台灣參考。
據《中央社》引述日媒報導，北海道旭川市政府22日公布住在市內確診新冠肺炎男性經營的餐飲店名，是當地有幾家店面的知名炸豬排店「井泉炸豬排」（tonkatu-isen）。
這名確診患者說，希望讓顧客得知正確資訊，以免心生疑慮；基於男性這樣的想法，旭川市政府罕見公布店名。這患者16日出現咳嗽等症狀，雖然一直在家療養，但22日確診感染後住進市內醫療機構。他從4日以後就沒有到過店面，目前員工都沒有出現症狀。該炸豬排幾家分店已暫停營業進行消毒。</t>
  </si>
  <si>
    <t>友達董事長彭双浪表示，新冠肺炎是危機也是機會點，最近教育市場、醫療市場訂單多，導致客戶頻頻加單。因為疫情對工作、學習、生活型態都造成改變，疫情也導致很多學校停課，採取遠端教學，讓電子媒介（像是手機、平板）需求暢旺，引爆宅經濟商機。
■手機、平板需求暢旺
彭双浪表示，2020年一開始就有新冠肺炎這隻大黑天鵝，不確定因素提升、增加預測的困難度，這是危機、但也是機會點。觀察對於疫情對整體市場的影響，電視方面，因為去年底總體銷售很好，而且庫存不高，現在還有回補庫存的需求，而且很多人關在家裡，也要買電視。
至於比較明確出現負面影響的是汽車，2月大陸汽車銷售只有10分之1，汽車產業鏈長，先前大陸車廠關閉、近期歐洲車廠也關閉，會影響零組件需求。至於教育和醫療應用產品，因為線上教學、以及醫療需求增加，也帶動訂單增加。
■目前接單和生產正常
現在疫情擴散到歐美市場，這是主要消費市場，預期今年經濟一定會受到影響，衝擊多大還不知道。目前接單和生產正常，和原來的計畫沒有太大的差異。
彭双浪指出，從不同角度來看，去年有兩隻黑天鵝，一個是英國要脫歐，市場擔心歐盟解體，沒想到來到今年，疫情全球擴散，歐盟內國家紛紛鎖國，更加衝擊歐盟。另一個變化則是發生在面板產業內，去年中美貿易戰討論最熱烈的是「要求中國政府不能再補貼」。因為以前中國面板廠擴產主要就是靠補貼，但現在太多民生經濟復甦需要銀彈，預期大陸政府對面板產業補貼會減少力度，這樣一來產業秩序應該會更好。
這次中國封閉管理，也讓供應鏈上思考分散製造據點。彭双浪表示，過去20、30年都在大陸，供應鏈移轉需要時間，公司也在觀察下游供應的變化。目前可以先做的是備援機制，面板前段產能本來就在台灣、本地也有部分後段模組產能，可以直接從台灣出貨。然而過去是全球製造，是透過有效率地大規模生產，達到最低的生產成本，一旦分散生產就打破了定律，以後消費產品就不會那麼便宜。
為因應生產模式調整，友達今年也啟動為期3年的台商回台400多億元投資計劃，友達總經理柯富仁說，主要投資在先端、少量多樣場域應用的產品開發，以及智慧製造，並且建置2條車用模組的生產線。</t>
  </si>
  <si>
    <t xml:space="preserve">《中時新聞網》精選5件不可不知的國際大事，帶讀者掌握今（13）日的國際新聞重點。
【1】	白宮官員紛紛戴上口罩 「這一幕」讓台人驕傲了
美國總統川普隨扈與副總統彭斯秘書接連傳出確診，連白宮特勤人員也中鏢，讓川普不得不下令白宮工作人員皆須戴上口罩上班。然而，當白宮人員紛紛戴上口罩時，有媒體注意到他們所戴的口罩，是出於台灣製造，上面還印有「Made in Taiwan」的標誌，讓「台灣能幫助」的理念成真。
【2】	美版陳時中直打臉川普：缺一關鍵 過早解封下場慘
雖然美國總統川普誓言近期就要重啟國家經濟，不過素有「美版陳時中」的國家過敏與傳染病研究院主任佛奇12日透過視訊在參議院聽證會上表示，當前美國追蹤與監控病毒的能力還不夠，如果沒有準備好就重啟國門，疫情復發的風險極高，屆時恐招致「不必要的折磨與死亡」。
【3】	美議員推新冠究責法案 授權川普制裁陸
美國共和黨聯邦參議員葛蘭姆昨日提交「新冠病毒究責法案」，該法案授權美國總統川普，如果大陸拒絕配合國際社會針對新冠病毒起源的調查行動，川普將有權進行一系列制裁行動。
【4】	怕了！川普嚴防新冠 絕不讓死對頭裴洛西代總統
就在美國副總統彭斯的幕僚新冠肺炎確診後，總統川普終於和副手彼此保持距離，以防眾議院議長裴洛西代理總統一職。按照美國憲法規定，萬一正副總統死亡或不能視事，就要由眾議院議長代理總統。
【5】	川普飆罵2女記者失控 共謀對付他
在記者會上對女記者大爆走，要她「去問大陸」後直接走人的總統川普，事後在推特上指控這些「濁流媒體」實在失控，共謀對付他，稱他們是「人民的敵人」，但他仍會贏得11月的大選。
</t>
  </si>
  <si>
    <t>大陸國家衛生健康委員會20日公告，3月19日大陸全境報告新增確診病例39例，全部為境外輸入，新增死亡病例3例。世界衛生組織祕書長譚德塞19日在日內瓦表示，大陸首次報告無新增新冠肺炎確診病例，「這是驚人的成就」。
新華社報導，譚德塞當天在例行疫情簡報會上說，目前全球新冠肺炎確診病例超過20萬例，死亡病例超過8000例，但大陸首次報告無新增確診病例，「這是一個驚人的成就」。
譚德塞說，世衛組織已向68個國家運送了個人防護裝備，向120個國家運送了150萬套新冠病毒檢測試劑盒。世衛組織正根據一份來自大陸的協議供應商名單安排採購抗疫物資，目前正在敲定最後細節。
譚德塞指出，目前許多國家對檢測設備、個人防護裝備等的需求都很大，「未來物資短缺仍將是一個挑戰」，世衛組織目前正向私營部門尋求支持。
譚德塞表示，超過70％的國家建立了國家預防和應對計畫，89％的國家具備實驗室檢測能力，70％以上正在展開新冠肺炎監測，68％擁有多部門合作協調機制，「但這還不夠，我們期望所有國家，無論是否出現病例，都做好準備」。
他說，在大陸共用新冠病毒基因序列僅60天後，首個新冠肺炎疫苗試驗也已經開始，首位入組志工已經接受試驗性疫苗注射，這是一個前所未有的科學勝利。</t>
  </si>
  <si>
    <t xml:space="preserve">美國有線電視新聞網(CNN)報導，曾角逐民主黨黨內總統初選的臺裔第二代企業家楊安澤，13日正式宣布已完成填表登記，將競選紐約市長。身為臺灣移民之子、擁有長春藤名校學歷的楊安澤若成功當選，將會紐約市首位亞裔市長。
楊安澤在推特上表示，25年前搬來紐約。長於斯、戀愛於斯，還在這裡成為父親。當看到紐約市有如此多創痛，令他心痛不已。「讓我們一同為紐約市的未來奮鬥，好讓我們可為此感到驕傲」。
I moved to New York City 25 years ago. I came of age, fell in love, and became a father here. Seeing our City in so much pain breaks my heart. Let’s fight for a future New York City that we can be proud of – together. Join us at https://t.co/TGnxwuBiHB pic.twitter.com/n9zxPybgbh
CNN指出，目前宣布出馬角逐紐約市長的人，紛紛聚焦於紐約市因大流行而產生的問題，包含失業率直線上升，貧困與饑餓人口增加，而預算的緊縮更可能讓下一任市長大幅削減公共部門的工作機會。
因此，楊安澤政見聚焦於基本收入的提升，以及更容易取得的醫療體系服務。甚至，其表示將執行美國有史以來最大規模的現金紓困，以助紐約一臂走出大流行的陰影。
楊安澤2020年爭取民主黨黨內總統提名，不過最終於同年2月宣布退出選舉。僅管在紐約市住將近25年，但當時他仍表態無意競選紐約市長。然而，隨著新冠肺炎蹂躪紐約市，每天都有上百人死於大流行中，讓他決定在危急存亡時刻挺身而出。
他表示，在大流行期間父母仍要工作，但小孩卻在家裡上著遠距教學。綜觀2020年，這已成普遍現象，並引起家長的不滿。
民主黨黨內初選將於6月22日舉行，由民主黨登記選民選出代表民主黨參選的候選人，而紐約市長選舉將於11月2日正式登場。目前表態參選者已有10多人，包括前花旗集團高管麥奎爾(Ray McGuire)、布魯克林區區長亞當斯(Eric Adams)、紐約市審計長史特林格(Scott Stringer)，與曾任白思豪律師的民權律師懷禮(Maya Wiley)。
</t>
  </si>
  <si>
    <t xml:space="preserve">台灣鳳梨、萵苣成功開拓外銷市場！蔡英文總統今天表示，雖然國內正在防疫，但是我們的農產品外銷工作依然沒有停止。最近，終於突破檢疫障礙，把鳳梨丶萵苣丶柑橘外銷到各地。證明不把雞蛋都放在同一個籃子裡的方向正確。
蔡英文今天在臉書以「大突破！台灣鳳梨、萵苣成功再開拓外銷市場！」發文表示，前陣子，我們才把台灣的芭樂賣到美國，「我再跟大家報告幾個好消息，雖然國內正在防疫，但是我們的農產品外銷工作依然沒有停止」。
她說，最近，我們終於突破了檢疫的障礙，要把鳳梨賣到澳洲，也突破長途運輸的限制，把萵苣賣到了沙烏地阿拉伯，還有柑橘持續外銷到了香港、新加坡、馬來西亞及加拿大等地。
這些成果，她都要感謝農委會以及地方政府團隊的努力，「證明我們過去四年，加強農產品外銷，開拓全世界市場，不把雞蛋都放在同一個籃子裡的方向正確」。她也要特別感謝台灣的農民，也要請大家多多支持台灣的農產品，用行動來回報農民的辛苦。
蔡英文強調，未來，我們會繼續加強生產管理、安全用藥，也會更努力行銷台灣的蔬果，讓全世界都享受到台灣農產品的優質風味。文末還標示「多吃蔬果增加抵抗力」。
</t>
  </si>
  <si>
    <t>新冠肺炎疫情在全球延燒，英國近日出現在一天內死亡人數攀升破百人，影后鮑起靜最近到當地照顧女兒，發現女兒發燒，醫院卻以「非緊密接觸者」為由，拒絕讓她入院，鮑起靜氣的飆粗口。藝人黃安見此，卻發文虧說：「糗了吧」。
港媒報導指出，鮑起靜最近拍完網劇後就到英國探視愛女，她先在家中隔離14天，未料愛女這段期間低燒不退，但醫院不收，稱她並非「緊密接觸者」就打發回家休養，幸好最後順利退燒，但鮑起靜仍十分憤怒，發文咒罵說：「那麽多人崇拜的大英帝國！請你不要這麼廢啦！到一個點了！救救你的人民！」又回答朋友說：「要你自生自滅呀！搞什麼X政府！」
對此，黃安發文說：「去年反送中暴動時，多少香港廢青視英國為祖國，各種不要臉的跪舔，如今呢？人家根本不認你，糗了吧？」大陸網友也回他：「經過這次事件，大家會看清楚很多事」、「她們既沒參與政治又沒叛國，還是希望她女兒在英國能平安」、「王儲和首相都感染了」、「鮑姐一家是愛國的」。</t>
  </si>
  <si>
    <t xml:space="preserve">
新冠肺炎（Covid-19）在全球蔓延，美國成為世界確診龍頭，目前已累積155萬確診個案。許多人都認為這病毒只會影響老年族群，不過美國一名壯漢，在染上新冠肺炎後在醫院裡躺了整整6周，期間狂瘦20公斤。出院後他更特地PO出驚人的「對比圖」，希望能喚起年輕人對於新冠肺炎的重視。
根據外媒指出，這名美國壯漢麥克（Mike Schultz），染病前是一名舊金山的護理師，喜愛健身的他在住院前還有190磅（約86公斤），經過6周漫長的治療後，他再次測量體重，竟只剩140磅（約63公斤）。痊癒後的麥克在個人IG上PO出驚人的對比圖，這22公斤的差距帶給他和大家對新冠肺炎從沒想過的震撼。
麥克指出，他想讓大家知道，新冠肺炎嚴重影響了他的肺活量，其中有6周的治療都得靠呼吸器和插管渡過。8周過去，雖然沒有和家人朋友陪伴，但他表示，他能夠感覺到自己一天比一天強壯，肺一天比一天還要健康。
麥克希望他的經歷能夠幫助那些輕視新冠病毒、自認為健康的年輕人。他說「直到真正感染之後，我才意識到病毒有多可怕。我曾經也以為自己還很年輕，身強體壯，就像許多年輕人想的一樣，根本不會感染。」不過麥克想告訴大家，「這種事可能發生在任何人身上。無論你是否年輕，是否有慢性病，都有感染可能。」
 I wanted to show everyone how badly being sedated for 6 weeks on a ventilator or intubated can be. Amongst other things, covid19 reduced my lung capacity with pneumonia. Over 8 weeks I’ve been away from family and friends Getting stronger everyday and working to increase my lung capacity. I’ll get back to where I was in healthier ways this time....maybe even do cardio 😱. #covid19 #caronavirus #recovery #godblessmynurses
 Mike（@thebearded_nurse）分享的貼文 於 PDT 2020 年 5月 月 11 日 上午 7:56 張貼
</t>
  </si>
  <si>
    <t>金門縣衛生局今天宣布，已完整接種新冠肺炎疫苗滿5個月的民眾，可前往衛生福利部金門醫院接種第3劑追加劑（莫德納），提醒符合的鄉親盡快接種，以提升自我保護力，避免感染後重症之發生。
衛生局說明，各廠牌新冠肺炎疫苗接種後之免疫保護力會隨時間而逐漸下降，加上新冠肺炎病毒變異株具免疫逃脫之特性，即使完整接種2劑疫苗，仍可能因免疫保護力不足導致染疫，建議符合接種間隔之民眾可接種追加劑，特別是醫護人員、防疫工作人員、第一線高感染風險工作人員、65歲以上長者、長照機構住民與工作者及容易感染與疾病嚴重風險者。
該局指出，目前金門提供接種第3劑莫德納疫苗追加劑的指定院所為衛生福利部金門醫院，12月份門診時間為17及24日上午，呼籲符合資格之民眾可逕行上網預約掛號接種。
衛生局也提醒符合資格民眾前往接種時，應備妥疫苗接種紀錄卡及健保卡，並於接種前說明過往疫苗接種史，以利醫生評估。未來縣府將視接種人數、服務量能滾動式檢討增加第3劑接種服務院所。
衛生局另提醒10月1日起也開始接種流感疫苗，接種流感疫苗應與新冠肺炎疫苗間隔至少7天，同時疫情期間應落實勤洗手、戴口罩、室內外應保持社交距離，減少不必要的活動和集會，配合各項防疫措施，共同守護金門。</t>
  </si>
  <si>
    <t xml:space="preserve">
新冠病毒傳染力驚人，發病速度和危險程度也不容小覷。近日一位來自武漢的女醫師PO出自己染病的親身經歷，她表示「從沒症狀到不能走路僅幾個小時！」她向所有人發出警示「身體不適千萬不要忍著，應該第一時間去看醫生，這是保住性命的關鍵！」
據《武漢晚報》報導，漂漂灑灑（化名）是武漢市第八醫院的一名急診科醫生，半個月前，她一度以為自己再也回不來，從患病到病危，再到痊癒，度過了難忘的20天，「病情發展之快，超乎想像」根本是從鬼門關前走一遭。
原先的急診科改成發熱門診後，漂漂灑灑一直在坐診，1月23日早上起床，照例量了體溫發現正常，隨後就去上班，早上9點接到醫院通知，全員CT排查一下。結果她拿到CT結果發現「片子有問題，4個地方！」漂漂灑灑隨即自我診斷「我不發燒，也沒有任何症狀，應該處於早期，回家吃藥隔離應該很快就能好。」她立即去藥房拿了藥，回到辦公室收拾東西回家，這時感覺腦袋有點熱，一量體溫38.7度，發現發燒了決定馬上回家。
因為家距離醫院只需步行5、6分鐘，她到家洗完澡準備睡覺休息，但還沒進浴室就開始劇烈頭疼、嘔吐，渾身無力沒勁，沒料到病情發展如此迅速，她認為必須馬上去醫院，此時科主任打來電話，決定立即派人到家社區門口來接。漂漂灑灑回憶，從家到社區門口，平時只要2、3分鐘，那一天足足走了20多分鐘。
漂漂灑灑隨後住院治療，再次醒來已經是第2天下午，高燒了1天1夜，住院期間體溫高高低低、反反覆覆，還不停出汗，一天要換好幾套內衣，「最難受的是頭痛、乏力得厲害，護士來給我打針，我連抬手的勁都沒有，一點胃口也沒有，住院5天只吃了少許稀飯。」
第5天她被確診感染新冠肺炎，第8天轉到武漢市金銀潭醫院繼續治療，隨後用了激素衝擊治療後，第2天上午退燒了，胸廓豁然開朗，人舒服了很多，精神也有了好轉。
但沒想到轉院第3天，漂漂灑灑病情急轉直下宣告病危，她回憶「當時自己呼吸困難、劇烈咳嗽，好像剛跑完1萬米長跑，心臟隨時都會蹦出來，心率很慢，還有一種說不出滋味的胸痛席捲全身，稍微一動，就痛不欲生，」當時她根據症狀判斷自己出現了心包內膜炎，還伴有心包積液，「我隱約聽到護士說『情況不太好，人快不行了』，我自己也覺得當晚熬不過去了。」
所幸醫護人員及時趕到救治，她又幸運闖過一關，之後她的情況一天天好轉，第8天她覺得自己已經恢復的差不多，於是申請CT和核酸檢查，最終在2月11日她康復出院。對於自己患病在鬼門關前闖了一回的20天，漂漂灑灑感慨萬千「只有經歷過生死，才知道活著真的很幸福。」
她很感謝醫院同事對她的關照和支持，也感謝金銀潭醫院上海醫療隊所有醫務人員對她的精心治療，最後她表示，想再上戰場，跟兄弟姐妹們一起拼到最後，等到隔離期滿，還要去捐獻血漿，用自己的血救治更多的患者。
更多 CTWANT 報導
</t>
  </si>
  <si>
    <t>新北市汐止區馨生產後護理之家傳出1名員工肺結核確診，經新北市衛生局證實，5月底接獲通知後已匡列26個嬰孩，均安排X光檢查及預防性投藥9個月，第12個月後會再安排1次X光檢查。產後護理之家今（13日）發布6點聲明，針對這次肺結核感染事件說明。
馨生產後護理之家表示，一、中心自新冠肺炎疫情爆發以來，謹守防疫措施，嚴格管控傳染風險，並且定期依主管機關規定健康檢查，均合乎規定。
二、中心於今年4月接獲新北市衛生單位通知個案同仁經診斷為結核病時，該同仁已請假休養在家，未進中心出勤。
三、 新北市衛生局於今年5月請感染科專家到中心評估現場環境及推斷可傳染期並匡列有長時間接觸史有需要追蹤的被照顧人員。
四、結核病為細菌傳播的慢性呼吸道傳染病，通常不經由衣服或食器傳染，環境保持通風無須消毒，在可傳染期間與結核病個案於密閉空間長時間接觸則匡列為接觸者。
五、 新北市衛生局認為今年5月分處新冠肺炎疫情大爆發期間，考量新冠肺炎危險性較高，且肺結核具有「非立即性傳染、不易診斷」特性，決定暫緩通知，避免父母、小孩在疫情期間至檢疫所感染新冠肺炎的可能性。
六、中心秉持嚴守感染管控規範，關心所有媽媽與寶寶、全體同仁及其家人，中心環境皆依規定進行清潔與消毒，以確保中心所有住民及護理人員健康。</t>
  </si>
  <si>
    <t xml:space="preserve">一名住在苗栗地區的在家檢疫男子，卻在檢疫期間按奈不住「無聊」，搭乘白牌計程車道鬧區「戰酒家」，苗栗縣衛生局開出首例，裁罰這名「疫男」30萬元。
據指出，這名趴趴走的男子是從大陸地區返國，依規定必須居家檢疫14天，但是他去「不安於室」，在本月14日利用深夜偷偷外出，搭乘無執業登記證的白牌計程車道鬧區酒店尋歡。
經衛生單位通報警局，調閱監視器後，確認這名男子的確有外出行為，衛生局說，
衡量可能危害大眾安全程度，予以裁處30萬元。這也是苗栗地區在防疫期間，依「嚴重特殊傳染性肺炎防治及紓困振興特別條例」2月25日起生效後，開罰的首例。
</t>
  </si>
  <si>
    <t>新冠肺炎疫情衝擊全球產業及經濟，造成2020年第一季經濟停滯。KPMG安侯建業健康照護與生技產業服務團隊主持人蘇嘉瑞認為，生醫產業數位化將產生三大改變，包括溝通方式、醫療行為與醫療生態的改變。
中國大陸KPMG認為，此次疫情對於中國大陸GDP的影響將會比SARS的影響更大，依據每日煤電消耗量統計，目前的產業經濟活動仍尚未恢復正常水準。而根據清華大學經濟管理學院及KPMG分析報告顯示，新冠病毒對商業貿易及消費者活動的負面影響最大，對教育訓練及健康照護的影響最小。報告也顯示，第一季中國市場與產業將陷入停滯（Shock），第二季將會逐漸回復，第三、四季則將反彈（Rebound）。
蘇嘉瑞指出，我國於今年3月通過「嚴重特殊傳染性肺炎防治及紓困振興特別條例」，而中國大陸也將在今年6月1日施行「基本醫療衛生與健康促進法」，將順勢加強數位醫療服務系統、分級醫療及基層醫療的強化，另亦會加強新冠肺炎的預防及治療、相關藥品及醫材的加速審核，與集中化藥品採購與管理。
蘇嘉瑞認為，台灣生技醫療業者將因應疫情急起直追提升研發動能，朝檢測試劑、疫苗及治療藥物方向聚焦；至於台灣生醫資通訊則可利用此一機會發展人工智慧與遠距照護。</t>
  </si>
  <si>
    <t>晶圓專工大廠聯電8日公告2月合併營收149.48億元為歷年同期新高，法人預期3月營收開始反映漲價效應可望創下單月營收歷史新高，第一季合併營收可望達成業績展望目標並創歷史新高。聯電同時宣布與微感測器領導製造商Sensirion合作，生產應用於新冠肺炎疫苗運輸的溫度感測器及醫療呼吸器流量感測器。
由於晶圓代工產能供不應求，聯電2月合併營收雖因工作天數減少而月減3.8％，但與去年同期相較，則是成長9.9％，並為歷年同期新高，累計前二個月合併營收達304.77億元，較去年同期成長了10.0％。
聯電對第一季展望樂觀，預估晶圓出貨季增2％，晶圓平均美元價格提升2～3％，法人推估3月營收可望突破160億元，讓單月及第一季營收同創歷史新高可期。
聯電去年第四季針對8吋晶圓代工急單及新增訂單調漲價格，今年第一季全面調漲8吋及12吋晶圓代工價格，以現在訂單能見度已看到下半年，同時產能也將供不應求到年底情況下，第二季可望再度調漲晶圓代工價格。
法人預期聯電漲價效應會在3月之後顯現在營收表現上，全年營收逐季成長趨勢明確。
聯電8日也宣布與Sensirion合作製造醫療相關的感測器IC。聯電將防疫列為最高優先考量，以協助Sensirion生產應用於新冠肺炎疫苗運輸的溫度感測器，及醫療呼吸器的流量感測器，雙方攜手共同幫助對抗新冠肺炎的疫情。
面對後疫情時代，最關鍵的資源就是疫苗。然而全世界疫苗所面臨的議題，除了病毒變種與供應數量是否足夠外，就是疫苗在運送過程中適當溫度的監控。
聯電表示，儘管全球晶圓代工皆面臨短缺，聯電在產能滿載的狀況下，仍全力擠出產能優先提供給Sensirion，生產應用於新冠肺炎疫苗運輸的溫度感測器，以確保疫苗在運輸過程中保持效力，整個過程能更加順利；而針對疫情出現大量醫療級呼吸器的需求，聯電也全力支持生產相關IC，為全球對抗新冠肺炎疫情盡一己之力。
聯電歐日業務副總劉士維指出，自2020年初疫情爆發以來，聯電積極優先處理醫療相關IC的生產與支援，這是身為世界公民的一員在全球對抗新冠肺炎疫情中該有的企業社會責任。聯電與Sensirion合作共同抗疫，身為醫療相關IC供應鏈重要成員的聯電將持續在此領域投入資源，以確保醫療產品的穩定供應。</t>
  </si>
  <si>
    <t>疫情升溫，台股加權指數17日開在15,554.99點，指數回測前波低點15,165點，護國神山台積電（2330）開在544元，其他權值電子股如聯發科（2454）、鴻海（2317）等守住上周低占，指數一度大跌500點，部分遊戲股、電商股及防疫概念股逆勢上揚，為盤面上少數亮點。
美股甩脫4月零售銷售數據不如預期的陰霾，由逢低買盤帶動科技股領軍強彈，但漲幅仍不足以收復過去一週因為通膨壓力跳高，而引發的失土。
道瓊工業平均指數5月14日終場上漲1.06％（360.68點）、收34,382.13點；周K線下跌1.14％。
那斯達克指數上漲2.32％（304.99點）、收13,429.98點，重新站回120日移動平均線（半年線）；周K線下跌2.34％。
費城半導體指數勁揚3.02％（87.48點）、收2,981.42點；周K線重挫4.2％。
法人分析，在台股部分，受新冠肺炎疫情擴大影響，台股大幅震盪，靜待買點浮現。
元富投顧指出，從最近美國聯準會（FED）的發言，推估貨幣政策雖持續寬鬆，但通膨隱憂已再起，不利熱錢流向。台股17,650季線和頸線，成多空重要關卡，目前跌破中，原則上可觀望，也可少量跌深反彈股。
現階段選股，優先選擇下半年展望佳跌深股或原物料創高拉回股，操作觀念「低接電子跌深股；或價差應對，多頭排列的原物料股」酌量操作，包括國巨、祥碩和景碩最具指標。
另外，傳產和金融股部分，包括陽明、長榮、中鋼、中鴻、南紡等，盤中波動大，適合價差應對。目前虛擬貨幣市場走弱，包括比特幣大震盪，還有乙太幣和狗狗幣拉回，視為投機資金風向球，目前不利多方。
近期全球股市隨美股起舞，國際股市紛紛出現高檔拉回，包括美股和歐股都一樣，未來台股高檔上下盪機會大。台積電量能變化，將是本波觀察重點。比特幣和美元中期走勢，將是多空最大變數。</t>
  </si>
  <si>
    <t xml:space="preserve">北京新冠肺炎疫情再起，外傳感染源可能來自國外進口的生鮭魚，為了避免生意大受打擊，許多餐廳都忙跳出來澄清，自家所用的不是鮭魚，而是「優質進口魚」，還有網友踢爆，青海省養殖場所飼養的根本不是鮭魚，而是淡水虹鱒，生吃淡水魚恐更容易造成感染。
北京市新發地批發市場的鮭魚砧板上被驗出新冠病毒，專家警告暫時別吃生鮭魚後，包括超市、餐廳跟日本料理店已全面停售，經追查後發現，餐廳所稱的「優質進口魚」，其實是大陸的國產品種「虹鱒魚」。
大陸有1/3的鮭魚幾乎都是青海省所供應，不過根據大陸《經濟半小時》日前報導，有網友踢爆，該地養殖場所飼養的其實是淡水虹鱒，並非真正的鮭魚，由於淡水魚大多含有寄生蟲，更不宜生吃。
關於北京這波疫情的病毒來源，北京市疾控中心開記者會表示，根據全基因組測序發現，病毒是從歐洲方向來的，截至16日為止，北京新一波疫情，已有106人確診感染新冠肺炎。
</t>
  </si>
  <si>
    <t xml:space="preserve">新冠肺炎疫情蔓延全球，不少人擔心，會不會因觸碰到網購的國際包裹而染病，醫師表示，各類冠狀病毒室溫下最長可存活9天，存活時間比流感病毒多4倍；製衣公會則表示，無法保證絕對不會沾染飛沫，若有疑慮，應先清洗、曝曬後再穿。
有網友在《Dcard》發文詢問「買韓衣會不會有安全疑慮？」，質疑衣服沾到飛沫也不會有人知道。根據世界衛生組織WHO官網指出，新冠肺炎病毒很難在信件、包裹等物體上長時間存活；關務署日前也說明，目前並無證據顯示，來自大陸的郵包及快遞貨物有病毒殘留疑慮，最重要的還是勤洗手、避免觸摸眼鼻口。
製衣公會則表示，無法保證人工處理的部分完全不會殘留飛沫，若消費者有疑慮，收到新衣可以先清洗後，在陽光下曝曬72小時殺菌。醫學期刊《醫院感染雜誌》報導，研究顯示，各類冠狀病毒例如SARS、MERS室溫下平均可存活4至5天，存活時間確實比流感病毒多了4倍，建議可使用酒精或漂白水等加以消毒。
</t>
  </si>
  <si>
    <t xml:space="preserve">中央流行疫情指揮中心今宣布加碼津貼、獎勵，將急診醫護納入範圍，醫師每人每日1萬，護理師每人每班1萬元。行政院長蘇貞昌今晚在臉書表示，急救責任醫院防疫獎勵、收治確診個案獎勵必須全數分配給相關人員，這些措施這些措施追溯自今年1月起算，相關申請作業須知及細節下禮拜就會公佈並通知各醫院。
蘇貞昌指出，新冠肺炎攻陷全球，台灣今天能夠守住，靠的就是第一線辛勞的醫事人員。因此，衛生福利部特別修正獎勵要點，讓急診專責照護人員納入防疫獎勵，醫師、護理、醫事放射人員都有津貼。
蘇貞昌說，同時，新增急救責任醫院防疫獎勵和收治確診個案獎勵，這兩個獎勵都必須全數分配給相關工作人員，包含醫護、醫事放射人員、社會工作人員、行政人員、救護人員及清潔人員。
蘇貞昌強調，這些措施追溯自今年1月起算，相關申請作業須知及細節下禮拜就會公佈並通知各醫院，讓所有辛苦的防疫英雄，都能得到更多照顧，感謝所有防疫英雄。
</t>
  </si>
  <si>
    <t>大陸新冠肺炎疫情嚴峻，疫源地湖北省16日發出通告，要求強化新冠肺炎疫情防控，並首度明確指出：所有社區實行24小時最嚴格封閉管理；嚴管外來車輛，非必需不進出；嚴管外來人員，非必要不入內；嚴管住戶外出。
滯留湖北的台灣同胞其處境可想而知，其染病風險似乎愈來愈高。蔡政府若有心接他們回來，早接比晚接好，否則愈晚愈複雜困難。</t>
  </si>
  <si>
    <t>新冠肺炎疫情趨緩，不過國內今日新增的本土個案比昨天高，達30例，也讓7/26是否能順利降至二級出現變數。而疫情也連帶讓台灣各縣市的實體經濟受不小影響，民進黨高雄市議員陳致中今天表示，包括高雄5大商圈在內，已可以開始見到三步一租，五步一售的情景，令人不禁憂心忡忡、焦急如焚。他呼籲中央及市府苦民所苦、以最基層為念，採取強度最高、覆蓋最廣的方法，讓台灣度過經濟的死蔭幽谷。
陳致中22日在臉書PO文表示，隨著國內疫情趨勢逐漸穩定，三級警戒已有降級的機會。然而從5/15雙北三級再至全台開始，疫情衝擊經濟民生、產業運營直如晴天霹靂、排山倒海襲捲之勢，首當其衝的餐飲、旅宿、零售、百貨、藝文展演等，伴隨人流急凍、商機歸零，業主及從業人員亟待紓困，惡性循環交叉影響之下，專家也預警後疫階段恐現更大規模的、結構性的、骨牌效應式的倒閉潮、關店潮、出走潮之商業沒落蕭條。
陳致中表示，近日查訪高雄市區內的幾個重要商業聚落比如瑞隆商圈、三多商圈、新崛江商圈、六合商圈、南華商圈、鼓山渡輪站等，雖然部分在疫前已受商圈重心移轉影響，有榮有枯，盛景稍褪，但現今走在街上確實明顯可見相比警戒前更密集的房屋租售廣告，三步一租，五步一售，令人不禁憂心忡忡、焦急如焚，台灣好不容易擋住了病毒、守好了家園，但許許多多的商家店號能不能在冷颼嚴峻中撐得過去？！
陳致中提到，雖然這段防疫期間，高雄市政府結合餐飲、計程車、LINE、一卡通及點餐業者推出「高雄好家載」補貼運費，為防疫宅經濟添加柴火，市民都能感受到市府團隊的用心，但面對大火燎原之勢，仍須更全面、更深一層、更大力道的方法措施才能產生立竿見影的救援效果。
陳致中強調，超前部署的重要性不言可喻，蘇揆已公開喊話，等到大家都可以出來活動的時候，政府會想盡辦法、用各種方式給予最大力的幫忙，捧場受衝擊的產業，帶動一波經濟效應。沒有生存振興，就沒有疫後的復甦如常，全國鄉親高度關心後續的經濟振興內容。
最後，陳致中也呼籲中央及高雄市府苦民所苦、以最基層為念，採取強度最高、覆蓋最廣、使用最直接的方法手段，讓台灣度過經濟的死蔭幽谷，得到復興再生的荒漠甘泉。
面對疫後骨牌效應式的倒閉關店經濟蕭條衝擊
籲請政府採取高強度、最普及直接的振興措施
隨著國內疫情趨勢逐漸穩定，三級警戒已有降級的機會，並預期可能配合緩坡鬆綁的作法，希望全國人民的生活及工作能夠早日恢復正常。
然而從5/15雙北三級再至全...</t>
  </si>
  <si>
    <t>台南市政府為減少旅外市民返鄉慶祝端午導致疫情擴散，全台首創推出「端午返鄉車票退票獎勵金」200元政策後，由於溪北地區市民搭乘高鐵多利用嘉義站出入，引發溪北地區民眾及民代的不滿。對此，市府交通局8日特別修訂獎勵金機制，不僅適用範圍擴大到「以台南市以外地區為起點」，針對迄站為高鐵嘉義站的民眾，只要附上個人或親友戶籍地在台南市境內的資料佐證，也將從寬認定發給獎勵金
市府交通局表示，為減少旅外市民返鄉慶端午造成疫情擴散，市府再加碼放寬「端午返鄉車票退票獎勵金」200元的申請發放條件，將原本限定起點為台中以北的適用範圍，擴大到「以台南市以外地區為起點」，同時也讓利用高鐵嘉義站返鄉的市民，也可以共同支持退票活動，同心抗疫。
交通局長王銘德表示，為鼓勵旅外市民不要返鄉與家人團聚慶端午，市府特別放寬「端午返鄉車票退票獎勵金」申請條件，只要符合6月5日前訂購台鐵、高鐵、國道客運預售票並已付款者；預售票搭乘日為6月11日至14日，以台南市以外地區為起點、以台南境內為迄點的返鄉車票；從6月6日起辦理台鐵、高鐵、國道客運預售票退票，並保留相關憑證等3個要件，均能向台南市政府申請退票獎勵金200元。其中，如果以「高鐵嘉義站為迄點者」，只要檢附個人或親友戶籍地在台南市境內的資料佐證，也可申請。
交通局說，此次獎勵金申請方式有二種：一是網路與郵寄申請，交通局將於市府一站式整合服務平台設計網頁，預計1周後完成，民眾可上網申請，或下載填寫後，檢附證明文件郵寄至台南市政府交通局；二是現場申請：從8月1日起至12月31日止的上班期間，向台南市各區公所申請，至於相關申請文件該局也將盡速研擬後公布。</t>
  </si>
  <si>
    <t>「Breaking Defense」14日報導，美國聯邦調查局(FBI)局長瑞伊（Christopher Wray）在出席參議院情報委員會年度全球威脅聽證會時證實，目前FBI進行中的中國大陸調查案已逾2,000起，平均每10小時就新增一起調查案，近年成長率更達1,300%；民主黨籍聯邦參議員華納（Mark Warner）更直指中國大陸、網路與新興科技，為全球前三大威脅。
這場聽證會的登場時機，恰逢美國情報總監辦公室(Office of the Director of National Intelligence, ODNI) 13日公布《2021年度威脅評估》報告。也因此，該報告與國家情報總監海恩斯的證詞，成為聽證會的焦點。相對於報告中列出外國對手、網路安全、全球恐怖主義與氣候變遷等威脅；14日的聽證會則聚焦於中國大陸威脅、網路安全、新興科技與新冠肺炎等一系列跨國問題。
不過，中國大陸帶來的挑戰，無疑是與會人士最為關心的焦點。瑞伊就指出，每10小時就有一起關於中國大陸的新調查案成立，「我可以保證，這不是因為我們的幹員沒別的事幹而一直追著北京打」。日前美國司法部才證實，FBI在未通知當事人的情況下，自美國伺服器上刪除大陸惡意軟體。
ODNI今年的威脅評估報告顯示，許多威脅都與網路有關；不論是外國駭客攻擊，還是全球供應鏈上的網路漏洞，又或是利用網路進行的非法金融活動，皆與網路有關係。
海恩斯更強調，這種趨勢的步調、複雜性與影響，已對情勢轉變產生深刻的效應；華納則在聽完簡報後驚呼，「這真是近來我聽過最驚人的威脅清單」。
ODNI的報告與網路密不可分。其中指出，外國對手愈來愈廣泛地增加網路使用，讓網路的未來更具破壞性並帶來混亂的網路行動。隨著各國展開更具侵略性的網路行動，平民百姓也愈來愈容易受到影響。不論是企業、新聞媒體工作者或宗教上的少數族群，都在影響的範圍之內。甚至，敵對網路戰士採取的行動，儼然成為言論自由的最大威脅。
報告警告，隨著各國面臨內部安全威脅、大型科技企業限制自由言論的挑戰，民主國家將持續爭辯如何保障隱私與公民自由。個人隱私、公民自由與國家安全之間的緊張關係，將持續成為大眾辯論的焦點。
美國網戰司令部(CYBERCOM)與國家安全局指揮官中曾根(Paul Nakasone)更表示，網路威脅的不斷發展下，雖然不會形成新的法定權威，卻可能暴露美國網路安全的盲點，而這讓聽證會焦點馬上聚集在大陸、新興科技與美國因應新情勢的能力。
面對北京發展新興科技並帶來相應威脅，美國應如何建立監控能力，海恩斯避重就輕地回答，「情報界很清楚大陸與美國競爭科技界龍頭的地位」；中央情報局(CIA)局長伯恩斯(William Burns)則表示，CIA下轄的5個處(directorat)中有2個處負責科技與網路威脅。甚至，近3分之1的CIA官員都在積極應對新興科技與網路問題。
瑞伊補充道，除了中國大陸，沒有任何政權能威脅美國的創新、經濟安全與民主理念，或是掌握一系列的工具，能從各種層級、深度、廣度且持續地影響美國企業、學術機構與政府。
當議員詢問中曾根，美國在網路安全上是愈來愈好還是江河日下；中曾根坦言，「我們對手的表現是持續地更好」，但美國整個政府正努力提高網路防禦力與回應能力。
他強調，美國發生過兩次重大駭客入侵事件，分別是美國資訊科技公司SolarWinds與微軟企業電子郵件Exchanger伺服器遇駭。這兩次入侵讓美方掌握對手的攻擊範圍、規模與複雜性。
至於對於私人企業的建議，特別是關鍵基礎設施的營運商，中曾根強調威脅是很真實的。沒有任一間企業或政府部門中的任何單位，能夠提供國家必須的防禦。換言之，團隊合作很重要，這也是美方發展的關鍵。
瑞伊則補充，美國關鍵基礎設施高達90%由私人企業擁有並經營，民間快速偵測並緩解風險的能力相當重要。民間應將網路安全視為戰役，而非單一事件；甚至，這已經不是哪個機構是否會受到威脅的問題，而是何時才會發生威脅。考核過去各種威脅與風險，單就網路安全來看，任何一家企業的興衰，都與其他公司的盛衰息息相關。
聽證會上也談到拜登將於911前將所有部隊撤離阿富汗，並警告這恐讓恐怖主義風險大增，以及「伊斯蘭國」與基地組織仍是國際間重大威脅；不過，海恩斯認為這兩個組織的能力都已經下降。
至於新冠肺炎的起源究竟是否為大陸，海恩斯表示目前情報界仍不清楚最初傳播的地點、時間或方式；不過，情報界有兩種觀點，一種是自然產生，是因為人與動物接觸而來。另一種是因為實驗室意外而外流。</t>
  </si>
  <si>
    <t xml:space="preserve">新冠肺炎疫情影響，各地捐血中心紛告血荒，為號召民眾響應捐血，台南市政府警察局善化分局28日在善化區文康育樂中心，舉辦2020年警察節捐血活動，提供知名酒店餐券、家電等禮物，吸引民眾踴躍參加，也成功募血240袋，共計6萬cc。
善化警分局今日（28）舉辦警察節捐血活動，亦提供癌篩健檢，捐血民眾不但可獲得精美好禮、口罩調整帶、洗髮沐浴組，前40名捐出500cc者，還可自知名酒店自助餐券、高級平底鍋、高級烤箱、全聯商品禮券及白米等好禮中擇1，內容豐富。
善化警分局長方國璽表示，警察維護社會治安全年無休，即便是警察節，也可透過公益捐血活動紀念，雖然今年因疫情影響規模較小，但還是感謝熱心民眾熱血挽袖響應。
</t>
  </si>
  <si>
    <t xml:space="preserve">美國總統川普和民主黨對手拜登美東時間周二（台北時間9月30日）即將在俄亥俄州克里夫蘭（Cleveland）展開大選前首場辯論，由於新冠肺炎疫情顧慮，他們將省去握手的客套，也一併免除開場寒暄，雙方在疫情衝擊、種族問題鬧翻天，還有大法官任命權鬥下，進行一場顛覆傳統的辯論。
綜合外電報導，選戰策略家和史學家說，由於距離大選只剩1個月多，在這場為時90分鐘，分6個主題的辯論中，川普將想盡辦法，縮小和拜登在全國民調上落後近7個百分點的差距。相對的，拜登則會使出渾身解數證明，他是比較理想的人選。
為了達到各自的目標，他們可能會在全國觀眾面前，挑選敏感議題，如攻擊對方子女等下手。共和黨選戰策略家蘇利文（Terry Sullivan）指出，從一開始，雙方就會展開激辯，而川普更會設法刺痛拜登。
而共和黨媒體顧問艾佛哈特（Nick Everhart）說，屆時拜登會在保持風度下傾全力還擊。他指出，拜登打這場選戰的主軸，就是自己不像川普魯莽毛躁，而是個既有能力又穩定的領導人。就算拜登在辯論中重砲反擊，他也會致力傳達，自己比川普穩定可靠的重大訊息。
拜登10日說，他知道怎麼對付惡霸。不過他也強調，會設法不要上鉤，隨川普起舞，和對方當眾吵開。拜登推測，川普在辯論全程大吼大叫，不停打斷辯論。
而在辯論前，川普已痛批拜登，指控他服用增進體能藥物，並質疑他的心智狀態，甚至攻擊拜登次子韓特（Hunter Biden）從中俄獲利。隨著最近民調一路落後，川普也加重對拜登的個人攻擊，單是在9月的競選造勢活動，甚至白宮官方活動中，就提了72次他幫拜登取的綽號「愛睏喬」（Sleepy Joe）。
</t>
  </si>
  <si>
    <t>中國工程院院士、大陸防疫專家鍾南山在接受大陸媒體訪問時，總結兩個多月在防控一線的日子，表示大陸在疫情防控策略是很正確的。早期實施上游堵截，把武漢傳染源截斷，在全國開展群防群治，後來上升為聯防聯控。
什麼叫聯防聯控？他說，自己的理解就是「四早」：早發現、早報告、早隔離、早治療，這在大陸是成功的。在重視醫療的同時，也注意總結規律，比如它有哪些臨床特點，哪些藥可能有效，這些對全世界都有很好的指導作用。
鍾南山表示，經過艱苦努力，現在大陸疫情防控取得階段性重要成效，這非常不容易。但是，境外疫情呈加速擴散蔓延態勢，大陸疫情輸入壓力持續加大。到4月3日，已經有700多例境外輸入病例，而且還在持續增加。所以，要及時調整完善疫情防控策略，把重點放在外防輸入、內防反彈上來，入境人員必須都要做檢測，只要是陽性就要隔離。
「醫生看的不是病，而是病人。」鍾南山指出，在他從醫以來，覺得最大的壓力在於病人最後是救活了還是去世了。把病人救活了、康復了，什麼都好說；如果病人沒有救過來，那他的壓力是最大的。現在抗擊新冠肺炎疫情也是如此，「避免更多的感染，減少死亡，對於醫生來說，還有什麼比這個更重要呢？」
新冠肺炎與SARS相比，除了肺纖維化等共同特點外，突出的特點是支氣管內黏液非常多，阻礙了氣管通暢，容易導致繼發感染。
他強調研製疫苗是很必要的。新冠病毒的傳染性比SARS強很多，傳染係數可以達到3.5，也就是說，1個傳3個半，而SARS頂多是1個傳2個，所以現在有些國家每天增加上萬名確診病例。防治疫情，從歷史的情況看，還是要靠疫苗。</t>
  </si>
  <si>
    <t>香港文匯網報導，據江蘇省衞健委最新通報，昨天（8月31日）江蘇無新增新冠肺炎本土確診病例。揚州市連續5日實現「零新增」，該市在昨日暫停大規模核酸檢測後，今天（9月1日）重新在部分地區開展核酸檢測，總計目標人群約65萬人。
由於疫情趨於穩定，揚州市8月31日暫停了此前每日開展的大規模核酸檢測。不過當天晚上江蘇省委副書記張敬華主持召開揚州市疫情防控工作調度會指出，當前揚州疫情防控形勢持續趨穩向好，但風險隱患尚未徹底清除，必須牢記「針尖大的窟窿能漏過斗大的風」，在思想上持續擰緊螺絲、上緊發條，在行動上堅持嚴字當頭、精準施策，切實鞏固來之不易的防控成果。要毫不鬆懈抓好核酸精準篩查，確保重點區域應檢盡檢、重點人群每日必檢，不斷提高「採、檢、送、報」質量。
同時，要毫不鬆懈抓好社區分級防控，有序調整封閉封控小區管控措施，嚴格查驗「兩碼一證」、核酸證明，錯時組織群眾外出購物。要毫不鬆懈抓好隔離管理，落實健康監測、「足不出戶」、環境消殺等措施，對隔離期滿、康復出院人員做好科學評估和後續管理，嚴防滋生新的風險。要毫不鬆懈抓好社會面管控，小型超市、沿街商鋪、農貿市場等重點場所要加派專人巡查，認真執行測溫驗碼、限制人流量等規定，確保社會秩序平穩可控。
隨後，揚州市新冠肺炎疫情防控工作指揮部發布通告稱，為堅決打贏新冠肺炎疫情防控阻擊戰，切實保障人民群眾的身體健康和生命安全，定於9月1日6點30分繼續開展部分地區核酸檢測。本次檢測範圍包括邗江區邗上街道、蔣王街道、新盛街道、竹西街道、維揚經濟開發區等5個街道、園區；廣陵區廣陵經濟開發區、廣陵新城、灣頭鎮、湯汪鄉、文峰街道等5個鄉鎮、街道、園區；揚州經濟技術開發區揚子津街道；蜀岡－瘦西湖風景名勝區：梅嶺街道、瘦西湖街道2個街道；以及全部集中隔離點。以上範圍內全部居民（含外地在揚人員），總計目標人群約65萬人。
此外，昨天江蘇省新增出院病例54例，均為本土確診病例。7月20日至今，全省累計報告本土確診病例820例（南京市235例，淮安市12例，揚州市570例，宿遷市3例），累計出院本土確診病例695例。目前，在定點醫院隔離治療的確診病例136例，其中本土確診病例125例（輕型9例、普通型116例）。在醫學觀察的無症狀感染者4例，均為境外輸入無症狀感染者。</t>
  </si>
  <si>
    <t xml:space="preserve">
日本安倍首相於前天及昨日分別在日本眾參兩院預算委員會答詢時表示，已向WHO秘書長譚德塞反應臺灣參與世界衛生組織（WHO）的問題；加拿大副總理方慧蘭於渥太華時間昨日也在加國聯邦眾議院表示，加國支持臺灣以觀察員身分出席世界衛生組織大會會議。外交部今（29）日表示，對於日本與加拿大的支持表達感謝。
加拿大副總理方慧蘭（Chrystia Freeland）於渥太華時間29日在該國聯邦眾議院「因應COVID-19特別委員會」上答詢在野保守黨議員趙錦榮時公開說，加國認為讓臺灣擔任WHO大會會議的觀察員角色，符合國際衛生界的利益，且對全球對抗大流行與疾病至關重要；。這是繼加國總理小杜魯道（Justin Trudeau）1月29日在其國會公開宣示支持我案後，加國高層再次於其國會做公開表示。外交部對加國高層重申加國支持我參與WHO之立場，表示歡迎與感謝。
外交部發言人歐江安指出，日前臺灣捐贈加國50萬片醫療用口罩，臺加也透過科技交流等共同努力對抗疫情，對加國政府再次公開支持臺灣有意義參與WHO表示誠摯感謝，至盼持續與加拿大政府與人民攜手合作，深化雙方在各領域的互利友好夥伴關係，共同維護兩國人民及全球的健康安全。
歐江安也說，外交部對安倍首相及日本政府支持臺灣參與WHO及堅定的友我情誼表達最深的敬意與謝忱，她指出，日本政府曾多次表示，臺灣與日本共享自由、民主、人權、法治等基本價值觀，雙方擁有密切經貿關係及人員往來，臺灣是日本的重要夥伴及珍貴友人。歐江安表示，我國盼持續與日方深化疫情情資交換及防疫合作，在既有的堅實友好基礎上，繼續積極深化臺日間各項交流與合作，穩健發展雙方互惠互利的夥伴關係。
更多 CTWANT 報導
</t>
  </si>
  <si>
    <t>台灣山葉機昨（11日）發表新款Limi，外觀採取簡約俐落的車身線條，並優化細節，呈現優雅與個性兼具的獨特風格。原本發表會受新冠肺炎的影響改為線上直播，業者特別邀請金曲新人ØZI助陣演唱，還有莫莉與潮流金童楊艾倫等一共6名Limi風格玩家一同為新車揭幕。
台灣山葉表示，新款Limi具有優異的操控性，即節能、安靜、舒適，符合人體工學的「低重心」及「水平設計」相當容易騎乘，即使是身型嬌小的使用者也能輕鬆駕馭。售價7萬2000元，而配備造型座墊、燻黑頭燈的墨黑版售價7萬2500元。
KYMCO目前正主打新名流125及LIKE 125兩款七期環保機車，前者售價6萬7300元起，購車最高補助2萬500元，光陽限時加贈購物禮券1000元；後者售價7萬2000元起，購車最高優惠2萬2000元，內含光陽加碼市價6700元的時尚車身精品組。SYM本月也主打七期旗艦FNX，提供最高2萬7000元的優惠。</t>
  </si>
  <si>
    <t xml:space="preserve">
食藥署今（26）日表示，研究調查發現，一些市售的布口罩，具有阻擋飛沫的效果，健康民眾在通風環境或開放空間，與人距離一公尺以上時，不需要佩戴口罩，如果還是想要佩戴口罩，這個時候就可以考慮選用「布口罩」。
食藥署建議，在挑選不論是具有防PM2.5、防霾功能或具有中間過濾層的布口罩時，可由口罩包裝標示來確認挑選的產品是否合乎以下要訣：第一，口罩至少要有三層結構。第二，口罩的外層材質要緻密、中間層是不織布材質、內層要柔軟透氣。
食藥署特別提醒，患有慢性病、呼吸道症狀及需要進出醫療院所時，務必要配戴醫用口罩，健康民眾可以考量自己所處的環境狀況，選擇不需要佩戴口罩或是佩戴上述挑選要訣的布口罩，請將醫用口罩留給有需要的人。</t>
  </si>
  <si>
    <t>受到新冠肺炎疫情爆發影響，汽車大廠飛雅特克萊斯勒位於大陸的工廠延長停工時間後，近日將全面復產。此外，德國運動用品公司愛迪達（Adidas）則因大量門市停業，造成大中華區業務重挫。
飛雅特克萊斯勒發言人於義大利時間19日表示，與廣州汽車集團合資的中國大陸工廠即將全面復產。此前該公司的大陸工廠因為新冠肺炎疫情而延長停工時間。發言人指出，位於廣州的工廠於2月17日復工，位於長沙的工廠則將在不久後復工。
另一方面，愛迪達（Adidas）於德國時間19日表示，因新冠肺炎疫情導致公司大量門市停業，同時繼續營業的門市客流量大幅下降，自1月25日以來，該公司在大中華區業務較2019年同期銳減約85％。
愛迪達補充表示，在大中華以外地區的業務尚未受到重大影響，又稱，隨著情勢逐漸變化，目前還無法確實量化2020年全年業務受到的整體影響程度。</t>
  </si>
  <si>
    <t>新冠肺炎從今年元月間在中國首次被檢測確認以來，疫情從首當其衝的武漢地區快速蔓延，迄今將近百日，全球各地幾乎無一倖免。而最令人矚目的是，當初形同冷眼旁觀一副事不關己，甚至幸災樂禍的歐美先進國家地區，不旋踵竟然也先後淪為重災區。先是歐盟地區的義大利、西班牙等國，染疫確診數與死亡人數逐日攀升，超越中國；緊接著則是美國呈現後來居上的態勢，不論是確診數或死亡人數，都已躍居全球首位，並遙遙領先其他各國。
面對不斷飆升的疫情，後知後覺的各國政府，自然只能繃緊神經，卯足全力投入疫情管控和疫苗研發的工作。然而各式各樣的管控措施，所產生的連鎖效應，則是讓眾多產業瞬間淪為「慘」業，並導致失業人口急速擴大，經濟動能陷入熔斷式衰退。於是各國政府除了要防疫之外，同時也要啟動各式各樣的紓困、振興措施。
然而，這些紓困、振興措施，除了要面對是否緩不濟急以及是否真正對症下藥的績效檢驗之外；堪稱雪上加霜的是，邇來眾多國際知名的經濟智庫或信評單位，紛紛發布經濟前景衰退、企業信評調降的「負面」訊息。從而讓諾貝爾經濟學家席勒（Robert Shiller）也忍不住跳出來喊話，認為新冠肺炎疫情對經濟的殺傷力其實並沒有那麼誇張，反而是人們的恐懼心態，才是導致經濟衰退的主因。
除了人們的恐懼心理會讓大家所擔心的經濟衰退噩夢成真，當此全球所陷入的「亂世困局」，其實更可以用來檢視「患難見真情」這句話所蘊含的正向與負向意含。
先從正向的角度來看，「患難見真情」原意指的是人們應該基於有難同當的認知，相互合作來面對疫情的嚴峻考驗，甚至最好還能提升到發揮濟弱扶傾的高度。畢竟各國所面對的疫情衝擊輕重不一，所能投入的資源也有重大差異。因而除了明哲保身之外，當此早已全球化的年代，行有餘力的濟弱扶傾，不只是體現兼善天下的高度，其實救人也就是救己。
然而，令人感慨的是，面對這一波的新冠肺炎疫情，除了少數的國家呈現「患難見真情」的正向能量之外，包括早期歐美各國坐視中國首當其衝，冷眼旁觀甚至惡言相向的言行表現之外；最新的例證莫過於美國川普總統。面對雪崩式的美國疫情，為了維護個人的聲望，川普竟然將全球疫情惡化的過錯推給WHO（世界衛生組織），認為「WHO失職犧牲這麼多條人命」，進而落井下石的宣告，將暫停美國每年向WHO提供4至5億美元的資金。
川普的這一番面對患難時的「真」情表態，連微軟創辦人比爾．蓋茲都看不下去，第一時間大力批評。但究其實，川普其實也不過只是展現人性中「爭功諉過，移轉焦點」的制式反應及負向效應罷了！
比較起來，川普以停止金援來懲罰WHO，其實只能算是人性自私的流露而已。更為可議的是，川普同時也向財政部長穆努欽（Steven Mnuchin）施壓，要求國稅局執行經國會通過的2兆美元振興經濟方案中，直接發放給美國公民的「經濟影響款項」，其中7千多萬人因沒有銀行帳戶，而只能以紙本支票寄送的紓困支票，要在這些支票印上川普的名字。儘管美國法律規定，國稅局付款的支票為確保行政中立，須由財政服務局官員署名，而總統並無權署名。但在川普的堅持下，穆努欽只能讓步，同意將川普的姓名印在紓困支票左下角的備註欄。
川普此舉，除了是創下美國總統史上首例，並坐實知法犯法。但他的本意則是企圖藉由這個小動作來誤導選民，將政府發支票的功勞全攬到自己身上，好為11月的總統大選鋪路。即使最後把姓名放在備註欄，但終歸難逃公器私用與鑽法律漏洞，遊走法律邊緣的質疑。
川普身為美國總統，在疫情嚴峻之際，竟然做出這種種具高度爭議性的行止，如果其他的掌權者也有樣學樣，形同又引爆出民主疫情，併同新冠疫情，以及網路假訊息及酸民橫行的網路疫情，三種疫情交相感染，誠不知其毀滅性的力道將伊於胡底了！</t>
  </si>
  <si>
    <t>美國新冠肺炎確診人數已超越中國，成為全球感染人數最多的國家。我國也出現多例由美國移入的確診案例，例如案192，即是在美國急診時被診斷是「B型流感」，返台後自行到院篩檢，卻檢診為新冠肺炎。美國先前因新冠肺炎的檢驗費用太貴，而致檢驗量低，因此可合理懷疑，美國前一波流感死亡人數甚多，可能也含有新冠肺炎患者。
歐美已成為全球新核心疫區，民眾也都很關心我國是否能抵擋得住這波歐美移入的疫情攻擊，目前在防疫上還有幾點可加強。
首先，暫時性的「社會阻隔」可延緩新冠肺炎病毒的散播，這是國際共識，然而國內還是不斷出現有居家檢疫者不遵守規定，到處趴趴走，或是外出採購、會客，可見目前的規定嚇阻力仍不足。筆者建議對違規之居家檢疫者，一律重罰且採按次或按日，連犯即連罰方式。另外，對於和居家檢疫者接觸的人，除原同戶籍或依賴人口照護之必要者外，接觸之兩方都應採按人次，連犯亦連罰；此外，違規者按情節，延長其隔離時間或納入集中隔離，並可善用公民力量來主動監測可能的防疫漏洞。唯有如此才能有效遏止疫情之擴大，而避免台灣落入封城之困境。
其次，由於新冠肺炎的特性是「傳得快、好得慢」，曾有專家評估20%的新冠肺炎重症病患需要呼吸器治療，這情景已在歐美的疫情重災區可見。歐美政府為了快速增產呼吸器，甚至徵召汽車大廠，一同協助製作呼吸器和其他醫療設備。反觀台灣，雖因重症、無意識的長年臥床者呼吸器的使用量本來就非常大，而有「呼吸器王國」稱號，但本身卻沒有能力生產呼吸器。就算調配得當，未來若疫情惡化，是否有能上場的醫護、足夠的防護裝備或隔離空間，政府應未雨綢繆。
最後，目前有許多國家紛紛向當初疫災嚴重的南韓取經。而台灣和南韓的防疫措施有頗多相似處，但我國並未採取南韓的普篩，已有不少醫界人士建議應用快篩，以界定哪些人需隔離，進而讓病人分流就醫。
此外，確診156案例為長照單位護理人員，為避免傳染擴大，政府除了對醫療照顧工作者與機構應加強監控並訂立罰則外，如何讓視訊診療的使用條件有所依據，而不需費時去更修《醫師法》，也應盡早部署。
期待全民能體認到，在病毒眼中人人都是平等的，而病毒讓我們的命運串聯在一起，我們須合作互助、執行「社交保距」、勤洗手，避免台灣走到封城的那一天。　　　　　（作者為醫師）</t>
  </si>
  <si>
    <t>副總統陳建仁質疑大陸的防疫工作「不透明」「不知檢測了多少人」，還稱大陸將在3月20日之後停止對疑似病例做檢測。陸媒《今日海峽》則比較兩岸防疫工作誰最透明？質疑民進黨政府的防疫工作更透明，你自己相信嗎？
《今日海峽》指出，在只防大陸不防歐美的台灣防疫體系，出現明顯破口，確診病例暴增；反觀中國大陸疫情已趨緩，多地已經連續多日無新增病例出現。3月10日兩架武漢包機相繼降落在桃園機場，361名台胞檢測全部為陰性，代表大陸目前抗疫工作卓然有成。
《今日海峽》質疑，台灣的檢測政策是什麼？大陸強調「應測盡測，應收盡收」，民眾可以隨時前往醫院的發熱門診接受檢測，而台灣的任何醫院都沒有開設發熱門診，其他門診也不開放新冠病毒檢測，對民眾自行申請檢測，也有近乎荒謬的條件限制。
《今日海峽》還點出，大陸公布的個案病例訊息更透明、更詳細、更對民眾負責，疾控部門採集感染者的家、工作店鋪和有關場所的環境樣本，並對相關區域進行消毒。但台灣公布的個案病例訊息，連時間、活動軌跡、病情特徵、收治機構、密切接觸者人數、後續處理等這些最基本的訊息，全都沒有。</t>
  </si>
  <si>
    <t>新冠肺炎疫情延燒，本土確診案例突破6千例，人心惶惶的情況下，許多網友上網留下許多不理性的言論，名嘴黃越綏就透露有酸民留言「希望她確診」，當下氣得反嗆：「萬一如你所願而有個三長兩短，難道你就不怕我三更半夜找你索命嗎？」
黃越綏表示臉書是提供個人或群體分享生活資訊的平台，由於每個人的主張和立場都不同，自然不可能讓每個人都認同，因此只要本著誠意付出，並對得起良心就可以，接著提到常被批評是「是依老賣老的老嫗，醜女人」，對於酸民情緒化的字眼，她表示還在可以忍受範圍，但若是對人不對事，甚至到詛咒別人的地步，就過份到讓人難以接受的程度。
黃越綏透露近來臉書小編發現有網友留言，內容居然是希望她確診新冠肺炎，讓她當下氣到抓狂，直接怒嗆：「步數用到詛咒別人，這就太過分了。何况我年紀大了，萬一如你所願而有個三長兩短的話，難道你就不怕強悍的我，三更半夜會來找你索命嗎？」更強調如果處事心態，老愛用欺負和糟蹋別人來成全自己的暗爽，充其量也只不過是個智弱的社會邊緣人。
對此，網友也紛紛留言：「嘴巴臭的人就會自打嘴巴，這種人如果理他就太不值得了」、「不要理會那個沒水準的人，他造的口業會回到自己的身上」、「臺灣就是有這種不明是非對錯善惡的人」、「其實同島一命不用算那些內應的命進去」。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國內新冠疫情升溫，引發國人高度擔心，要求普篩的呼聲再起。但疫情指揮官陳時中仍然認為時候未到，甚至認為連針對醫護人員進行普篩都沒有必要。目前疫情指揮中心仍以隔離為主要的防疫對策。陳時中還強調，目前並未針對部桃醫院進行封院，台灣也沒有社區感染，民眾不需過度恐慌。
不過，由於之前經常出現其他國家驗出由台灣出發的旅客為新冠陽性，再加上國內一直沒有實施普篩，不少國人對台灣是否已經出現指揮中心所未查覺的社區感染，其實懷有相當的疑慮。
從衛福部所發布的相關統計數據來看，國內是否有隱而未現的新冠肺炎患者，確實值得關注。2020年國人肺炎及流感的死亡人數為21427人，2019年死於肺炎者為15185人，死於流感者為318人，兩者相加為15503人，因此，2020年因肺炎及流感死亡的人數，相較2019年大增5924人。
2018年死於肺炎者為13421人，2017年為12480人，而每年流感的死亡人數在300人上下。比較2019年、2018年和2017年的數字，可以發現，台灣每年死於肺炎和流感的人數較之前一年，大約會增加1000人左右。
如此看來，2020年比2019年大增近6000人，增加的幅度實在太不尋常了，不得不令人懷疑，其中有沒有可能是因為國內未做普篩，而將死於新冠肺炎者誤列為死於一般肺炎或流感，以致於讓2020年出現了近年來超高的肺炎及流感死亡人數？衛福部必須進行深入的了解，並給國人一個清楚的說明。
別為了要讓新冠防疫成績好看，就忽略了疫情可能已在社區流行，甚至造成大量死亡的疫情實況，而疏於防範，置國人健康安全於高度風險中。</t>
  </si>
  <si>
    <t xml:space="preserve">新冠肺炎疫情持續延燒，為避免校園人群聚集及校外人士進校無法掌控，增加肺炎感染風險，台中市政府教育局27日宣布，即日起全市高中職以下學校，室內場地暫不開放外借，後續將視疫情滾動調整。
教育局長楊振昇說，為避免校園群聚效應產生，校園室內場地包括教室、體育館及活動中心等，暫停開放出借，以最嚴謹的態度，全力維護師生健康；校內戶外場地，如操場、籃球場等，考量空氣流通佳，疫情風險相對較低，維持開放可外借使用。
教育局指出，對於部分學校室內外場館及設施，已長期外借並有固定對象的休閒運動者或課後輔導活動者，將要求學校落實14天內旅遊史、健康聲明書、量測體溫等防疫措施，並簽訂契約及切結書，若違規將立即取消借用資格。
教育局強調，市府已在開學前協助全市高中職以下464所公、私立學校完成校園消毒，並要求學校特別注意環境清潔，也督促師生加強相關防疫措施。
</t>
  </si>
  <si>
    <t>新冠肺炎疫情蔓延全球，新北市中和區瓦磘里長林綺芳10日揪團前往西班牙、葡萄牙，返國後還可領取1萬4000元防疫補償金，引發喧然大波；新北市民政局長柯慶忠上午受訪表示，該里長預計今下午返國，全團16位入境後民政局會要求落實居家檢疫，里長也強調絕對不會領取補償金，但其他團員他無法代表回答。
柯慶忠說，昨已跟里長聯絡上，里長表達非常抱歉、造成軒然大波，她說明因在國外通訊不便，無法及時向媒體說明，里長的團從10日出國、前往葡萄牙、西班牙，行程共10天，原訂在20日返國。
柯慶忠說，里長行程從巴賽隆納、里斯本再到馬德里回國，第一天先到巴賽隆納、里斯本時，中央14日發布三級警告時，他們就決定要提前回國，透過旅社安排，15日就從布里斯本回到杜拜，目前正在泰國曼谷轉機，預計今天回到台灣。
柯慶忠指出，因里長為民選沒有服務時間，地方制度法沒有上班時間、差假也不需報備，民政局得知訊息後，已請公所全面調查，目前新北市1032里長都在國內、里內，近期無出國計畫，昨晚也緊急透過系統、區公所向里長轉達全球疫情尚未趨緩，各區應以最嚴謹態度面對防疫工作，防疫期間非有必要不得出國。</t>
  </si>
  <si>
    <t>國內今日再添2名確診案例，其中1名50多歲婦女感染源不明，近期未出國、未外出，卻因出現肺炎症狀被通報，進而確診新冠肺炎，目前仍在進行疫調中。
該女性有糖尿病、心血管疾病等慢性病史，2月14日因低血糖、全身倦怠情形就醫並收治住院，當時無呼吸道症狀，21日起出現咳嗽、喉嚨痛及發燒症狀，26日診斷有肺炎情形，由醫院通報送驗，於今日確診。由於個案近期無國外旅遊史，研判於國內感染，仍在疫調中。
中央流行疫情指揮中心表示，該女性平時未外出、近期未出國，家人也沒有症狀，將進一步調查同住接觸者活動史，及住院期間接觸的病患、醫護人員等，釐清感染源。</t>
  </si>
  <si>
    <t xml:space="preserve">由外交部等單位協調的華航專機，從印度搭載129名旅客，其中包括114名國人及在台工作的15名外籍人士，今天凌晨返台，其中9人因過去14天曾有輕微咳嗽等症狀，在機場進行採檢，隨後全數搭乘遊覽車至檢疫所集中檢疫14天。
指揮中心進一步指出，昨日晚間自印度搭乘專機之129人，其中9名有症狀者經採檢後，已與其他人一起送往集中檢疫所隔離。有關4月20日第三班定點返台專案航班共231名湖北返台民眾，截至目前1人就醫治療中、1人陪同就醫，其餘均已監測期滿解除隔離，今日返家自主健康管理；第四班定點返台專案航班共229人持續於集中檢疫所，預計明日解除隔離。
</t>
  </si>
  <si>
    <t>本土新冠疫情嚴峻，不少民眾外出返家後除了勤於消毒清潔之外，採買的民生物品也會用酒精擦拭，降低染疫風險，不過日前就有民眾透露，將買回來的袋裝義大利拿去水洗，也噴了酒精，沒想到事後發現包裝袋內的麵體竟然發黑，讓她相當錯愕。對此，廠商出面解釋，因為包裝上的一個特殊設計，才會出現發霉情況。
原PO在臉書社團《我愛全聯-好物老實説》PO文勸世，「給那些疫情期間有強迫症，什麼都想洗一洗的朋友，義大利麵不要洗呀！不然會和我一樣沒有午餐吃…」畫面中可見，打開義大利麵包裝袋後，麵條竟出現發黑、發霉的情況，讓她既無奈又錯愕。
貼文一出，原PO就接獲廠商聯繫，對方解釋，「因為義大利麵需要通氣，才不會因為空氣擠壓而破包，所以包裝上面都有細微的小洞，這是正常的，而且世界上所有的廠牌都一樣。」另外廠商也大器表示，「如果妳不介意，我們可以寄一包新的過去給妳，但是不適合用水洗。」
收到廠商的暖心回覆後，原PO也藉著自己的經驗，再次呼籲大家「義大利麵的包裝上面會有小孔，不適合把它拿去洗，變成這樣是人為因素，和廠商沒有關係！」不少網友紛紛留言直呼「長知識了！沒有想過包裝袋有洞啊」、「謝謝提醒～最近什麼都想洗」、「感謝妳的犧牲，下次我會注意的！」、「不經一事不長一智」。</t>
  </si>
  <si>
    <t>大陸近期頻頻輸出口罩、防護服等醫療物資，協助歐洲抗疫，不過在給荷蘭的口罩中，卻被荷蘭檢測發現品質不合格，下令將60萬個口罩收回。大陸駐荷蘭大使徐宏30日對此回應，他稱合作過程中即使出現一些問題也是正常的，可以實事求是地加以解決，而不應作政治化解讀。
荷蘭國家電視台（NOS）28日報導稱，荷蘭衛生部宣布下令收回已發往醫療機構的約60萬個大陸進口口罩，因為這批口罩「不符合安全質量檢驗標準」。荷蘭衛生部決定收回，並把剩餘的部分凍結起來等待處理。
荷蘭當局指，這批口罩存在不能正確地覆蓋佩戴者的臉部，或捕獲病毒粒子的膜狀物不能正確運作的問題。
大陸駐荷蘭大使徐宏30日對此表示，高度關注此事，並在當晚第一時間與荷蘭外交部、衛生部聯繫，了解核實有關情況，也應約與荷蘭醫療護理大臣範萊恩通話。他稱，關於荷方從中國採購的部分口罩不適宜重症病房醫護人員佩戴的問題，荷方正在進一步釐清有關情況，俟有結果，將第一時間向中方通報。希望這一孤立事件不會影響兩國在抗擊疫情領域的友好合作。
徐宏還強調，病毒無國界，國際社會唯有加強團結互助，才能戰勝疫情。中國支持包括荷蘭在內的各國抗疫的目的非常簡單，就是要努力挽救更多的生命，不存在某些人所說的「地緣政治考慮」。合作過程中即使出現一些問題也是正常的，可以實事求是地加以解決，而不應作政治化解讀。
他期待荷方關於口罩質量問題的進一步調查結果，如有需要，中方將本著客觀公正的原則依法協助開展調查。中方也將繼續全力支持荷方的抗疫努力。</t>
  </si>
  <si>
    <t xml:space="preserve">
2020年才過3個月，就已陸續有多位名人過世，還爆發嚴重的流行性疫病，至今更造成上萬人死亡。但星座專家唐綺陽日前透露，預測顛覆現狀的星象「今年將有3波」，目前只是第1波，後面接續還有2波，大家要做好心理準備。
唐綺陽在「3/30~4/05星座運勢週報」指出，3到5月在於一個創造歷史的時間點當中，預測有緊急、意外、激烈的事件發生，更有民情、輿論，或與網路、科技相關的重大影響。由於土星甫進水瓶，爆出各種「體現社群之惡」的事件，像是更多人因群聚而感染疫病、韓國「N號房」性剝削的可怕事件，無論疾病嚴重程度，亦或對生活、經濟都帶來相當巨大的影響。
唐綺陽也表示，31日火星正式進入水瓶，引發各國更積極於社群之戰，或是惡質社群災難降臨，「衝突、凶殺、暴走、激動在所難免」。另外，魔羯星群的木星、冥王星將於1週後相合，是關於「大錢、政府」的星象，她預測接下來會有國際性、影響經濟等攸關企業生死的事件發生，恐怕還有更多重要人物因染病而死。
最後唐綺陽點出，2020年共會有3波衝擊，第1波將在3至4月初發生，第2波則落在6月，第3波則是9和10月。這些事件的影響力驚人，她叮嚀大家要「繫好安全帶」，可能會令人感到不舒適、不適應，但卻無法避免。
更多 CTWANT 報導
</t>
  </si>
  <si>
    <t>新台幣補班日獨家開市，連續4天挑戰2字頭價位，低接買盤趁勢搶進，終場以30.051元平盤作收。不過這波新台幣逆勢走升，對美元來到約1年半高點，對歐元見到32字頭，約是3年高點、對人民幣更是10年高點，散戶若要進場撿便宜，買點相對浮現。
昨天匯市獨家開市，外資、進出口商幾乎都放假去，成交相對清淡，盤中新台幣連4天挑戰2字頭，最高來到29.995元，不過終場硬是被央行壓回去，終場以平盤作收，頗有下周再戰味道。
新台幣延續去年漲勢，今年以來累計至升值幅度是0.25％，在主要非美貨幣中僅次於印尼盾，對於許多美元定存族來說是不錯買點，主要外幣中以歐元重跌2.63％最多、人民幣則是小貶0.1％，可說是結匯的相對好時機。
以歐元為例，光是最近一年，對新台幣匯率已貶值超過6％，等於到歐元區消費就直接打94折，相當划算。
另一個是人民幣，人民幣受新冠肺炎蔓延影響持續走貶，相較新台幣走升，台銀現鈔賣出已跌破4.4元，來到4.351，即期價更瀕臨4.3元關卡，為4.311，幾乎是10年來最低價，若先不考慮貨寄不寄得來台灣，對許多愛買淘寶的剁手族，堪稱是最大利多。</t>
  </si>
  <si>
    <t>新冠肺炎疫情嚴峻，民眾也上緊發條，南投縣防疫聯合宣導小組19日走訪傳統市場、黃昏市場，宣導「配合防疫，停止試吃哦！」、「疫情期間請外帶減少內用」，提醒民眾戴好口罩、保持社交距離、用餐實聯制，19日到竹山傳統市場逐攤拜訪，商家和消費民眾高度配合，連帶著小孫女逛市場的阿嬤都戴口罩。
市場的小吃業者直說，雖然要求防疫，偶爾會挨客人罵，但想到人人自律做好防疫才能安全過關，聽到旁人一句「大家都辛苦了！」這場疫情每個人都不能置身事外。
南投縣府衛生局、建設處、警察局防疫聯合宣導小組從12日起展開傳統及黃昏市場防疫宣導，宣導人員不僅拿大聲公沿途大聲提醒防疫手則，高舉宣導牌讓大家一目瞭然各項重點防疫措施，而且鎖定餐飲攤商查訪，呼籲業者注意防疫細節，保護業者自己也保護消費大家的安全與健康。
到19日止，該列防疫宣導，已完成南投、草屯、埔里、竹山、名間、水里等鄉鎮市，13梯次19個市場的宣導任務，還會鎖定人潮密集的市場尤其是餐飲業，持續落實宣導。
衛生局食品科長謝伶華指出，市場人潮密集，人人都應戴口罩，並且確實保護口鼻，餐飲業除可張貼「減少內用建議外帶」，也有業者自主決定貼出「疫情嚴峻暫停內用」的公告。
餐飲業對於用餐民眾應落實「實聯制」，避免併桌共餐，建議使用隔板區隔，另外，攤商也應停止試吃活動，對於現做食品應以保冰及隔板保護，這些安全衛生的營業措施，不僅值得其它業者採行，更可提供消費者優先購買的參考。
在竹山市場現做現賣鹹水雞的江老闆說，最近疫情實在太恐怖，他加設壓克力隔板，保護攤上展示的 成品半成品，注意衛生、戴好口罩，希望消費者買得安心吃得健康，這些瑣瑣碎碎的細節做習慣了也不會覺得麻煩，反而讓生意有起色回流的老顧客越來越多。</t>
  </si>
  <si>
    <t>新冠肺炎疫情蔓延好萊塢，繼湯姆漢克斯、凱文哈特、巨石強森確診後，4日再傳出因演出電影《暮光之城》系列走紅的34歲英國男演員羅伯派丁森也染疫，據外媒報導，他目前正在趕拍的新版《蝙蝠俠》已二度停拍。
片商華納兄弟公司的發言人表示，「蝙蝠俠製作團隊中有1名成員的新冠肺炎檢測結果為陽性，目前已遵照既定程序進行隔離，電影拍攝暫時停止。」片商雖保護當事人未透露確診者的身分，但已有外媒指出確診者正是男主角羅伯派丁森。
由羅伯派丁森主演的《蝙蝠俠》上月底釋出預告，起初他不被看好，認為經典角色的坎難跨越，且在早前劇組為配合政府實施的疫情封鎖，已暫停拍攝5個月，沒想到復拍才3天，卻又傳出男主角染疫，導致拍攝再度停擺，電影一波三折，原預定在2021年10月上映也因拍攝進度延誤，檔期恐增添變數。</t>
  </si>
  <si>
    <t>新冠肺炎疫情延燒，大甲鎮瀾宮因堅持續辦媽祖遶境活動引發外界熱議，而國內其他大型宗教團體如慈濟、法鼓山、中台禪寺及佛光山，皆對疫情審慎評估，紛紛宣布取消近期的大型法會、禪修與營隊等活動，其中舉辦超過20年的佛光山禪淨共修萬人活動更是首度改為線上直播，法鼓山也表示防疫期間不提供齋食，為的就是全力配合政府的防疫措施。
佛光山國際佛光會表示，因新冠肺炎的關係，讓舉辦超過20年的禪淨共修首次改以線上直播的方式進行，國際佛光會中華總會總會長趙怡補充，禪淨共修是每年佛光山的重要活動，每場都有破萬名的信眾參加，今年原定要在北部的林口體育館、中部的彰化體育館以及高雄小巨蛋舉行，現在因新冠肺炎疫情改為線上直播。
法鼓文化編輯總監果賢法師則認為，現在必須配合政府政策以防疫作為第一考量，因此減少大型集會活動有其必要，法鼓山也已公告直到4月5日前的大小活動，包含禪修、營隊等課程都全數暫停，但考量到仍有菩薩有修行需求，因此僅保留4月的菩薩禮佛活動，但相關的防疫措施也會確實完成，至於因疫情受影響的信眾可透過法鼓山官方網站上的法鼓講堂繼續網路共修，歡迎多加利用。
中台禪寺則是宣布，全省各院精舍及本寺的所有共修課程將全面暫停，待疫情緩和後再考慮是否復辦，並呼籲信眾進入中台禪寺時，配合防疫措施，佩戴口罩、測量體溫，並用酒精消毒雙手。慈濟基金也取消及延後3月份的所有大型營隊活動，其餘共修、一般會務及會議則配合政府防疫規定繼續辦理。</t>
  </si>
  <si>
    <t xml:space="preserve">美國新冠肺炎疫情大反撲，總統川普仍堅持不戴口罩，民主黨籍眾議院議長裴洛西（Nancy Pelosi）昨（28）日接受專訪時，怒嗆川普不是真男人，更火大表示美國早該強制全民戴口罩了，但是政府一直不敢這麼做，是因為怕「惹怒」川普。
綜合美媒「財經內幕」（Business Insider）、《新聞週刊》（Newsweek）報導，裴洛西周日接受美國廣播公司（ABC）節目「本週」（This Week）專訪時，再度對川普應對疫情不力開砲，主持人史蒂法諾普洛（George Stephanopoulos）詢問裴洛西是否認為「是時候要求全美國人戴口罩」，裴洛西回應「早該這麼做了」，她說，「我的了解是，美國疾病管制暨預防中心（U.S. Centers for Disease Control and Prevention，CDC）有建議戴口罩，但是沒有強制要求，因為他們不想冒犯川普。」
JUST IN: @GStephanopoulos: “Is it time to mandate the wearing of masks across the country?”“Definitely long overdue for that,” Speaker Nancy Pelosi says, adding that the CDC recommended use of masks but did not mandate it as to “not offend" Pres. Trump. https://t.co/vK2j2gSewt pic.twitter.com/98dKafdYAv
裴洛西接著說：「總統應該成為榜樣，你知道的，真男人就會戴口罩，成為這個國家的榜樣，戴上口罩，不只是保護自己，也是在保護其他人。」此前，裴洛西曾在大型造勢活動上公開稱不戴口罩的川普是「懦夫」。
美國CDC 4月初曾發布指示，建議民眾戴上口罩，並且指出使用簡單的布口罩也可以減緩新冠病毒傳播，不過CDC的指令純粹為建議性質，並不具強制力。
即便CDC發布建議指示，川普仍固執己見，公開宣稱不戴口罩。
「財經內幕」指出，在美國，戴不戴口罩已不只是健康問題，更是政治問題，許多美國人認為，強制戴口罩違反個人權利。目前美國部分地方政府已強制要求居民在公共場合戴上口罩，不過聯邦政府並未發布適用全美的相關命令。
</t>
  </si>
  <si>
    <t>天后王菲和小她11歲謝霆鋒2014年爆出世紀復合，兩人在公寓客廳中被拍到接吻，關係不言而喻，也引來看好鋒菲戀的粉絲熱烈祝福。近日有大陸網友去打新冠肺炎疫苗，透露在登記處上看到王菲、謝霆鋒名字，指兩人前一天一起攜手來打疫苗，可惜無法直擊，「什麼時候來個偶遇多好」。
王菲和謝霆鋒1999年首度傳出交往，兩人在鏡頭前世紀牽手，閃瞎一票媒體，後來雙方分手後各自嫁娶，又都離婚後繞了一圈，7年前鬆口證實又開始交往。先前有名嘴稱兩人分手，還發誓若不準確願意吃屎，引來謝霆鋒本人反嗆，最近香港記者「香港朱皮」也爆料兩人分開半年，也被狗仔照片打臉。
謝霆鋒之前在直播中脫口表示無法忍受出軌，引來網友狂對號入座，香港朱皮當時稱：「現在霆鋒與王菲已分手半年，霆鋒口中的出軌絕對無法接受，大家心知肚明指的是誰吧？」。但大陸媒體隨後拍到謝霆鋒一身低調，離開北京機場後就直赴多年前與王菲被拍到復合共同生活的愛巢，用行動證明兩人分手傳言都是假象，
近日有大陸網友分享上月24日去打了新冠疫苗第二針，「昨天王菲和謝霆鋒在這裡接種疫苗，今天我也在這裡接種疫苗，喜歡他倆，真夠低調」，她透露是在登記處上看到兩人名字，引來其他網友開心鋒菲又同框，「謝謝妳告訴我這個好消息，夠我甜一陣子了～」。</t>
  </si>
  <si>
    <t xml:space="preserve">滯留大陸湖北武漢的血友病童與母親昨晚搭機返台，下機後隨即被載往醫院隔離採檢，不過對於台灣政府費盡心力送藥，仍遭病童母親痛批無能，除了引發大批網友不滿外，連主播張雅琴也看不下去，播新聞時直接「爆粗口」。
血友病童母親昨晚順利抵台，不過種種行徑早引發網友不滿，先是未搭上首班返台專機，對台灣政府喊話救命藥劑將用罄，希望伸出援手能早日返台就醫，不過被抓包發文第一時間沒感謝台灣政府，接著又被衛福部長陳時中打臉早已經千里送藥，而且夠用到3/28，這讓主播張雅琴揚言看不下去，認為不能夠吃台灣的、用台灣健保，卻又反罵台灣，怒斥血友病童母親「很貝戈戈」。
此外有網友起底這名病童母親身分，過去幾年從事直銷，僅花10個月時間就升到資深總監，月收更高達46萬，這讓網友怒斥如此高收入在大陸怎會買不到藥，怒嗆她不夠格使用台灣健保，對此張雅琴則緩頰符合規定都可以用健保，畢竟台灣是民主社會。
</t>
  </si>
  <si>
    <t>新冠肺炎(COVID-19)疫情期間，即時通訊平台 LINE 宣布，為了協助台灣的政府機關有效傳遞正確的官方資訊，將為中央政府一二三級機關與縣市政府提供「公共服務」帳號，讓政府機關在近期的防疫時期免費推播防疫措施等相關宣導；未來在緊急需求時，LINE 也將放寬訊息上限，讓政府機關發布攸關民生、防災、防疫等資訊，方便台灣民眾掌握最新動態。
由於 LINE 正是在 2011 年日本東北大地震之後誕生，其創立目標就是要讓每個人都能在重要的時刻，與最親近的親友快速有效的溝通，確保安全，減少損失。LINE 台灣董事總經理陳立人表示：「為應對這次新型冠狀病毒肺炎疫情，我們透過 LINE 平台上的各種服務與技術，匯聚政府各部會、與在地夥伴的資源一起做出各種努力。我們希望做我們真正在行的事，並且把我們在行的事做到最好，才能發揮 LINE 的優勢讓我們的用戶受益。因此，除了開放「公共服務」帳號，我們也採取一些舉措希望能協助台灣民眾掌握正確的資訊，也希望幫助居家檢疫者或隔離者，安心居家，居家健康。」
新冠肺炎疫情蔓延期間，衛生福利部疾病管制署便利用「疾管家」帳號（ID: ＠taiwancdc）推播跟防疫相關的資訊，讓將近200萬的台灣民眾掌握正確的官方宣導訊息，達到即時有效的溝通。
LINE 促進正確的訊息流通
除了提供政府機關可申請 LINE「公共服務」帳號，傳遞正確資訊外；LINE 也積極優化旗下平台來配合防疫。自疫情爆發以來，LINE TODAY 協助中央流行疫情指揮中心隨時發佈疫情最新資訊。對於重大的防疫資訊， LINE TODAY 會以首頁加強宣導。截至2020年3月8日止，疫情新聞總瀏覽量達1.3億，平均每天不重複的瀏覽人次達54萬人次。此外，LINE TODAY 在台灣事實查核中心、Cofacts真的假的、MyGoPen、蘭姆酒吐司四家專業的民間查核夥伴的協助下，也利用「防疫闢謠報你知」以及首頁下方的「謠言破解」專區，隨時指正網路上的錯假訊息。截至2020年3月8日止，「謠言破解」專區累積超過126則與新型冠狀病毒肺炎相關的闢謠查核文和澄清文，總瀏覽量達300萬，有效聚合正確的防疫措施與資訊，方便用戶傳散分享。
當醫療用口罩成為重要的防疫物資，如何更便利的買到口罩也成為用戶最迫切的需求，因此台灣團隊從規劃到上線，48小時之內通力協作於2020年2月5日在 LINE SPOT 中推出「口罩地圖」，串接健保局的公開資料，讓全台用戶只要打開 LINE，都能根據所在位置，尋找就近的口罩販售藥局與數量，LINE SPOT 團隊也持續根據疫情發展新增各種防疫補給地圖（點此瀏覽）。此外，2020年3月9日亦公告即日起，LINE 廣告平台一律暫停接受醫療口罩廣告，在所有廣告版位中嚴格禁止刊登醫療口罩廣告。
提供線上內容讓用戶安心居家
LINE 在台灣推出的 LINE TV 與 LINE MUSIC 的線上影音串流內容，這兩種線上服務14天免費體驗序號已提供給新北市、桃園市、新竹市、基隆市、宜蘭縣等地方政府作為居家檢疫包；自2020年3月18日起，LINE MUSIC 的體驗序號將全面開放給全台用戶，作為居家的生活調劑；另外， LINE 也集結韓國、台港的漫畫創作者，分別自2020年3月10日與2020年3月17日起，在數位漫畫平台 LINE WEBTOON 上推出防疫特輯，以自發性的創作內容，接力傳遞溫暖的正能量，為讀者和社會打氣。</t>
  </si>
  <si>
    <t>台北市萬華區3處篩檢站昨檢測682例，市長柯文哲27日分析，看起來比例有下降，雖然萬華是一開始發動的地方，在設置篩檢站把陽性找出來隔離後，這地方慢慢控制下來，但發現其他地方散開。
萬華3處快篩站昨完成682人篩檢，聯合醫院中興院區有219人篩檢、14人陽性；剝皮寮篩檢220人、3人陽性；聯醫和平院區篩檢243人、18人陽性。昨陽性率也掉到5.1％。
柯文哲今午主持防疫記者會剖析，看起來比例有下降，這次反而剝皮寮人數比較少，也可能是有病的都篩出來了，再檢查北市其他醫院快篩情形，發現有散掉，跟統計的數量是符合的。
他指出，把中央已確診案例按發病日倒推回去，若不計較是那一個時間只看趨勢，從報表來看最重要意義就是萬華百分比有控制，反而是其他地方散開，符合在所有臨床上看到的。
柯文哲說，固然萬華是一開始發動的地方，設篩檢站把陽性找出來隔離，這地方慢慢控制下來，畢竟首都是生活圈人會跑來跑去，待數量達一定程度，不能再公布疫調、足跡，因為會有假象安全感，以為疫情只在萬華、只有公布的足跡是危險的，但其他行政區都有，恐怕到新北淡水到新店沿岸都是一樣局面，要把旁邊的人都當成有感染。</t>
  </si>
  <si>
    <t xml:space="preserve">
來自馬來西亞的辣媽 Amanda Seet 在網上人氣超高，從過去在模特兒圈就因澎派身材引發關注，但最讓人印象深刻的，其實是她胸前超醒目的一顆痣！如同標記一樣恰恰好在胸口正中間的位置，讓大批粉絲看了狂讚「果真是胸懷大痣」。
伴隨新冠肺炎（COVID-19）疫情擴大，她不忘發辣照呼籲粉絲動起來抗疫，「大家要乖乖呆家在哦～不要亂跑了！馬來西亞加油吧！」照片中，她身穿亮眼的螢光綠貼身背心配上牛仔短褲，讓少少的布料意外凸顯出豪乳，就連事業線都超明顯。
AmandaSeet（@amandaseet）分享的貼文 於 PDT 2020 年 3月 月 19 日 下午 10:52 張貼
在IG上瘋狂吸引41.9萬人追蹤的Amanda，已經從少女升級當媽媽，育有可愛的兒子Lucas，也幫他開了個人IG記錄成長點滴，除了專心顧小孩，同時也擔任網拍服飾店老闆，可說是人美事業順的人生勝利組。
Lucas Teo Baby Boy（@lucasteobaby）分享的貼文 於 PST 2020 年 2月 月 14 日 上午 4:23 張貼
AmandaSeet（@amandaseet）分享的貼文 於 PDT 2020 年 3月 月 18 日 上午 7:23 張貼
AmandaSeet（@amandaseet）分享的貼文 於 PST 2020 年 2月 月 22 日 下午 9:57 張貼
AmandaSeet（@amandaseet）分享的貼文 於 PST 2020 年 2月 月 26 日 下午 9:59 張貼
</t>
  </si>
  <si>
    <t>新冠肺炎疫情延燒，台灣確診病例逐漸飆高。台灣4月疫情會降溫嗎？命理時事分析家詹惟中解讀籤詩表示，4月份疫情並不樂觀，配合政府防疫措施，輕鬆愉快地去面對它。宅神朱學恒不禁驚問一句：「但物質生活不好，是不是？」
主持人陳鳳馨在談話性節目《國民大會》問說，台灣4月疫情會降溫嗎？由宅神朱學恒抽出籤詩「人生無量壽，精神的生命是永遠不會老死的。」詹惟中解籤說，「人生無量壽」指的是人的生命是固定的，積德行善當然長壽。「精神」是指這個病毒無可預防，但仍要保持心情愉快，運動、樂觀、做正常的活動，這就是正能量。
詹惟中表示，4月份疫情並不樂觀，大家保持精神生活，就不會老死。4月份放鬆心情，但也不要太鬆懈，有所警覺，配合政府的防疫措施，以輕鬆愉快的心情去面對它。</t>
  </si>
  <si>
    <t xml:space="preserve">美國總統川普感染新冠肺炎後，昨（10）日進行首場公開活動，並摘掉口罩，外界關注他是否已經痊癒，不過白宮醫療團隊始終不願證實他的病毒檢測結果是否已經由陽性轉為陰性，昨日公開的備忘錄僅表示川普「已不具備傳染風險」。
綜合美國《國會山莊報》（The Hill）、路透社報導，白宮昨日公開川普御醫康利（Sean Conley）針對川普最新身體狀況的備忘錄，指出川普「已經不具備新冠病毒傳染風險」。
康利在備忘錄中指出，「今晚我很高興地宣布，總統不只符合CDC不需要隔離的安全標準，今天早上的新冠病毒PCR（聚合酶連鎖反應）檢測也顯示，按照目前的標準，他再也不會被視為對他人有傳染風險。」
同時，病毒檢測也指出，「再也沒有證據顯示病毒會主動複製。」
川普2日宣布感染新冠肺炎，住院4天後返回白宮繼續治療，白宮醫療團隊先前坦承，川普染疫頭2天有發高燒、血氧濃度下降等狀況，團隊更讓他使用重症患者才會使用的類固醇藥物地塞米松（Dexamethasone）進行治療，令傳染病專家擔憂川普實際病況嚴重。
川普昨日進行染疫後首場公開活動，他摘掉口罩，站在白宮陽台上對台下數百支持民眾發表長約17分鐘的演說，引發外界關心他是否已經痊癒，以及擔憂這場活動會否淪為新的病毒溫床。
不過白宮醫療團隊昨日仍舊未證實川普的新冠病毒檢測是否陽轉陰，只表示川普「過去24小時已經沒有發燒」，「其他症狀也已經改善。」白宮醫療團隊已經連續幾天宣布川普沒有發燒症狀。
除了10日進行首場公開活動外，川普還計畫12日在佛羅里達州進行染疫後首場造勢活動。
目前尚不清楚川普身上仍有哪些新冠肺炎引發的症狀，不過根據美國疾病管制暨預防中心（CDC）官網公布的指導方針，輕度至中度成人新冠患者如果已經24小時沒有發燒，他們在首次出現症狀後10天才能免除隔離，重症患者則需要更長的隔離期。
</t>
  </si>
  <si>
    <t>北市南港的中研院P3實驗室，發生一名女性研究人員疑似在做新冠肺炎實驗中不慎染疫確診，北市副市長黃珊珊今證實，個案曾兩度被實驗鼠咬傷，10月15日被咬傷後，有做快篩陰性，11月19日在P3實驗室再度被染疫老鼠咬傷，沒有做快篩，11月26日開始出現咳嗽。
黃珊珊表示，這位案16816是25歲女性，在中研院基因體研究是做研究人種，已接種兩劑莫德納，接種時間分別是6月28日及7月26日，從TOCC來看沒有任何出入境紀錄，唯一工作就是在中研院基因體研究中。
黃珊珊指出，個案曾在10月15日曾在實驗室被染疫老鼠咬傷，當時有做快篩陰性，之後便沒有進入實驗室操作；一個月之後，11月19日在P3實驗室再度被染疫老鼠咬傷，但她這次沒有做快篩。
黃珊珊說，個案於11月26日開始出現咳嗽狀況，12月1日開始頻繁咳嗽，12月4日打噴嚏流鼻水，12月8日發現嗅、味覺異常，到診所買快篩劑，在家裡篩檢發現陽性。
黃珊珊表示，12月9日上午由男友帶著她到醫院，後來轉介到聯合醫院忠孝院區採檢，結果PCR是陽性，CT值是15.17，昨天接到第一時間通報，緊急應變、採檢，包括疫調到深夜，收治在忠孝院區專責病房，下午4點15分轉到和平院區治療。</t>
  </si>
  <si>
    <t>工業電腦廠友通（2397）受惠併購效益持續顯現，6月自結合併營收6.98億元、第二季合併營收20.4億元、上半年合併營收42.16億元，三者齊創同期新高。展望後市，由於新冠肺炎疫情未見緩和，公司對下半年展望維持保守看待。
友通2020年6月自結合併營收6.98億元，月增6.61％、年增12.02％，為近3月高點、續創同期新高。第二季合併營收20.4億元，季減6.24％、仍年增16.81％，續創同期新高、亦為歷史第3高。累計上半年合併營收42.16億元，年增32.16％，續創同期新高。
友通6月合併營收續登同期高，主要受惠併購工業自動化整合銷售通路商羅昇挹注。若排除併購公司挹注，友通6月個體營收約3.25億元，月增4.36％、年減32.37％，第二季營收9.4億元，季減15.81％、年減33.63％。不過，上半年營收34.12億元，仍年增34.68％。
其陽（3564）6月自結合併營收1.55億元，月增達43.86％、年增9.47％，登近5月高點、亦創同期新高。第二季合併營收3.77億元，季減11.49％、仍年增14.45％，為同期次高。累計上半年合併營收8.04億元，年增33.65％，續創同期新高。
至於羅昇（8374）表現則續疲，6月自結合併營收2.17億元，月減7.51％、年減17％。第二季合併營收7.22億元，季增14.18％、仍年減13.26％。累計上半年合併營收13.55億元，年減13.94％。
友通董事長陳其宏日前法說時表示，第二季併購效益仍將持續顯現，但歐美需求已明顯受到疫情影響，雖然對下半年營運影響仍不明確，但他個人較悲觀看待，認為需求仍將明顯受疫情影響，預期今年上、下半年營收比重將大致相當。
友通今年將攜手其陽搶攻急速成長的網通、網安市場，透過集團採購議價與生產基地整合來提高產品競爭力，並經由羅昇通路深耕智慧製造領域，強化拓展智慧製造、智慧交通與基礎建設、智慧醫療3大應用領域，以合計貢獻突破6成為目標。
友通總經理蔡其南指出，其陽將專注於網通產品行銷研發，結合友通資源加速開發軟體定義廣域網（SD-WAN）與網安閘道器等新產品。羅昇則致力提升機電整合能力、代理高毛利新產品，並在智慧製造應用方面與友通聯合推廣，持續擴大營收、提升獲利能力。</t>
  </si>
  <si>
    <t xml:space="preserve">新冠肺炎疫情尚未趨緩，房市是否受疫情影響而產生波動，中信房屋研展室副理張漢超說，需等到第一季後才會較為明朗，民眾對房市、房價勿須太過悲觀恐慌。按照過往數據統計，即使大環境負面因素衝擊房市，但影響時間仍然有限，如果區域基本面具有發展性、物件本質亦相當不錯，那麼就不需太過擔心房市短期內的波動變化。中信房屋根據去年不動產交易實價資料，以統計計量方式計算六都各行政區住宅大樓房價相對穩定的區域，其中以新北、台中最多，分別有5個行政區，高雄有4區，台北、桃園和台南則分別各有2區。
台北市的文山、北投分別位處北市南北的邊陲，前往核心市中心距離較遠，整體居住環境較為單純，深受文教或退休族群的喜愛。實價資料統計住宅大樓成屋單價約在50多萬左右，是六都價穩區中價格最高的區域。
仔細觀察南北價穩區就可以發現所在區位大不相同。雙北幾乎都位於市區邊陲地帶，而桃園是緊鄰於房市交易熱區旁，台中、台南與高雄則都位於市區核心之內，張漢超指出上述現象可以反映市場價格敏感度的現象。北部核心區域房價波動度大，對風吹草動較為敏感，而中南部核心區域因有買氣撐盤，房價波動反而較穩的現象，這應該是南北市場結構上的差異使然。
</t>
  </si>
  <si>
    <t>美國FDA核准近20年來首款阿茲海默症新藥，以及新冠肺炎疫苗技術的重大突破，使著醫療產業邁向另一個創新期，法人表示，預期生技醫療產業的創新研發技術將帶動相關企業獲利營收表現，進而推升股價走勢。
生醫股今年來表現原本落後大盤，然在近期FDA通過Biogen一款治療阿茲海默症的藥物Aducanumab，為生醫股再度注入一劑強心針，百達投顧表示，Aducanumab是20年來首度通關的相關藥物，並帶動股價出現大漲走勢，這對於老齡化加劇的全球，在對抗中樞神經疾病上面帶來重大影響，市場解讀接下來類似的新藥研發項目有機會被通過。
過去許多公司因為臨床實驗結果不足而暫停了藥物的研發專案，鑑於FDA此次的態度透露出在藥物有效性證據方面採取了較靈活性審查機制，這對整體生技產業發展是相當正面的利多訊號。
保德信全球醫療生化基金經理人江宜虔指出，以新冠肺炎疫苗開發為例，人類透過已發展20年的基因序列技術作為基礎，同時間，基因排序的成本亦從20年前的1億美金，大幅降低至現在的1千美元以下，利用基因排序的技術合成出mRNA疫苗，且從研發到上市僅耗費不到1年的時間，成為醫療產業研發的一大突破。
百達投顧表示，近期市場較關注的還包含幾場醫觀察過去五年生技指數逐季表現，第二季與第三季平均上漲6.4％與4.27％，是四個季度表現最佳的兩季，也值得投資者留意。
鑑於近期通膨議題再起，江宜虔分析，回顧過往歷史數據，中小型生技股、生命科學工具等以個股題材為主的族群，在利率上揚期間股價整體平均領先美股近4～8％，不妨可透過醫療生化基金來參與生技股漲升。</t>
  </si>
  <si>
    <t>指揮中心今天宣布擴大AZ疫苗第二劑接種，9月29日開打，接種資格為7月22日前已接種第一劑AZ，且間隔滿10周以上的52歲以上，即1969年12月31日(含)前出生的民眾，目前可配送的第二劑AZ疫苗量約111萬劑。
中央流行疫苗指揮中心今(26)日表示，為儘速提升國內第二劑COVID-19疫苗涵蓋率，將自9月29日起陸續配送AstraZeneca COVID-19疫苗(以下簡稱AZ疫苗)，預計開放7月22日前已接種第一劑AZ疫苗且間隔滿10週以上之52歲(含)以上，即1969年12月31日(含)前出生民眾，由縣市政府安排通知接種第二劑AZ疫苗，並可視疫苗庫存、到貨與接種情形，依年齡層逐序向下開放與第一劑AZ疫苗接種間隔滿10週之民眾接種第二劑。
指揮中心說明，本(2021)年7月22日前接種AZ疫苗之民眾，至9月30日間隔將滿10週以上。考量年齡較大者感染COVID-19疫苗後重症風險較高，為使年紀較長之民眾獲得足夠免疫保護力，故目前可配送之AZ疫苗量約111萬劑，將優先提供52歲以上民眾接種，將自9月29日起陸續配送。地方政府衛生局可依現有疫苗庫存及後續配送時間，規劃指定合約院所或接種點提供接種服務，並可視接種量能與疫苗可調度量調整開始接種日期。
另自10月1日起亦開始接種流感疫苗，指揮中心提醒，依我國衛生福利部傳染病防治諮詢會預防接種組(ACIP)建議，接種流感疫苗應與COVID-19疫苗間隔至少7天，請民眾於接種各項疫苗前應攜帶「COVID-19疫苗接種紀錄卡」及健保卡，並於接種前評估時應說明過往疫苗接種史，以利醫生評估。完成接種後建議於接種處或附近至少留觀15分鐘，自我密切觀察15分鐘，先前曾因接種疫苗或任何注射治療後發生急性過敏反應的民眾建議留觀至少30分鐘，以利即時處置該類急性過敏反應；另接種AZ疫苗後28天內，若出現嚴重不適症狀，應儘速就醫，並告知疫苗接種史，以利醫師及早釐清病因，並給予適當臨床處置。</t>
  </si>
  <si>
    <t>美國生技大廠諾瓦瓦克斯（Novavax）蛋白次單位新冠疫苗在保護力及對抗變種病毒的能力都表現優異，國產的高端及聯亞疫苗也是蛋白次單位疫苗，能擁有如同諾瓦瓦克斯疫苗的效力嗎？專家認為，諾瓦瓦克斯做這支疫苗，用上兩項專利：奈米顆粒技術和佐劑，國產疫苗恐怕很難望其項背。
我國開打新冠疫苗以來，AZ猝死數字令人心驚，莫德納開打後也陸續傳出猝死個案，雖然到目前為止無法證明死亡與疫苗有直接關係，不過國內有部分民眾堅定等待國產疫苗，因為他們深信蛋白疫苗最安全。
●同是蛋白疫苗　高端聯亞也和諾瓦瓦克斯一樣優異嗎？
美國生技大廠諾瓦瓦克斯6月中旬宣布該公司研發的蛋白次單位新冠疫苗第3期臨床試驗數據，疫苗整體效力達90.4％，可100%預防中度或重症，對抗英國變種(Alpha)、南非(Beta)、巴西(Gamma)及印度(Delta)變異株效力達93%。
科學家兼醫藥作者巴斯廷（Hilda Bastian）在美國《大西洋（The Atlantic）》雜誌撰文指出，最先上市的mRNA疫苗非常棒，使用蛋白次單位技術的諾瓦瓦克斯又更好，她認為諾瓦瓦克斯是現在最好的新冠疫苗。
國產高端及聯亞疫苗也是蛋白次單位疫苗，可以據此類推，也具有高保護力及對抗變種病毒的能力嗎？
●技術與做法不同　效果就不一樣
「不要以為蛋白疫苗都一樣，」感染權威、台大兒童醫院院長黃立民表示，「技術不一樣，做法不一樣，效果就不一樣。」諾瓦瓦克斯研發的新冠蛋白疫苗有獨特技術，國產疫苗很難有一樣好的表現。
國家衛生研究院感染症與疫苗研究所研究員暨生物製劑廠執行長劉士任表示，即使同是蛋白次單位疫苗，每家公司在疫苗設計和生產技術上仍有不同。諾瓦瓦克斯與國產疫苗不同之處有3：
1.抗原的蛋白質來源不同，諾瓦瓦克斯用昆蟲（秋行軍蟲）細胞培養蛋白，高端及聯亞則用哺乳類倉鼠的CHO細胞去培養。
2.製作技術不同，諾瓦瓦克斯以專利奈米顆粒技術聚合棘蛋白形成奈米顆粒。
3.使用的佐劑不同。他解釋，蛋白疫苗成份單純，對免疫系統的刺激不強，因此必須添加佐劑提高免疫反應，佐劑對於蛋白疫苗的效力至關重要。
●培養蛋白　諾瓦瓦克斯用昆蟲細胞　國產疫苗用倉鼠細胞
長庚大學臨床醫學研究所副教授顧正崙表示，抗體類的蛋白藥物一般使用哺乳類細胞生產，因為製造蛋白時的醣基化過程（利用酵素將醣分子添加在蛋白質上），昆蟲細胞蛋白跟人類不太相同，倉鼠細胞則跟人類極為類似，理論上使用倉鼠蛋白效果會比較好，高端與聯亞用的是倉鼠細胞蛋白，諾瓦瓦克斯則選用的昆蟲細胞，但臨床試驗上看起來效果很好，顯示使用昆蟲細胞也沒問題，而昆蟲細胞還具有產量好、價錢便宜的優勢。
●諾瓦瓦克斯強項之一：特殊的奈米顆粒技術
黃立民指出，諾瓦瓦克斯最強的地方在於用專利的重組蛋白奈米顆粒技術，跟該公司專利的佐劑Matrix-M混合，讓多個抗原蛋白聚合形成奈米顆粒，有效提高免疫反應。
「奈米顆粒的優點是提高免疫系統辨識的效率，」劉士任解釋，人體是靠免疫系統去辨識棘蛋白來刺激免疫反應，「聚合成球的棘蛋白比單個棘蛋白醒目，當棘蛋白目標愈顯著，免疫系統愈容易辨識到，奈米顆粒被免疫系統辨識的效率比較高，抗原性也就比較好。」
●諾瓦瓦克斯強項之二：專利佐劑
顧正崙表示，諾瓦瓦克斯除了棘蛋白可聚在一起的特殊設計，佐劑Matrix-M也是該公司的研究成果，主成分是皂素(Quillaja saponins)與膽固醇、磷脂，以特殊比例組成，可以刺激出非常好的免疫反應。
他指出，佐劑概分3類，一是傳統的鋁鹽，非常安全並廣泛使用，但刺激細胞免疫的效果不是很理想；二是一些免疫刺激性強的類微生物成分，像是CpG；三是皂素等三萜（Triterpenes）類成分。
CpG與皂素屬於較新的佐劑，除了誘發抗體反應好，相較鋁鹽會誘發很好的T細胞反應，近年逐漸使用在各種疫苗上。皂素與三萜類成分，安全係數相當不錯，產生的免疫刺激也非常好，除了諾瓦瓦克斯，英國葛蘭素史克藥廠（GlaxoSmithKline）的佐劑AS03與諾華（Novartis）藥廠的佐劑MF59也是以三萜類成分鯊烯（squalene）為主要成份，效果也非常好，與諾瓦瓦克斯各有各的專利。
國產的高端及聯亞各使用兩種佐劑，高端是CpG1018及aluminum hydroxide（一種鋁鹽），聯亞則是CpG及aluminum phosphate（另一種鋁鹽）。
黃立民直言，高端和聯亞使用的佐劑並不新，「台灣的疫苗公司什麼專利都沒有，技術底子沒有人家好，」至於大眾最關切的保護效力，高端及聯亞疫苗的人體試驗目前只進行到第2期，只能證明安全性沒問題，但還沒有進行3期人體試驗，保護效力不得而知，現在只能從中和抗體效價推估保護效力。
●國產疫苗保護力待驗證　可以施打嗎？
黃立民說，疫苗抗體跟保護力大致成正比，雖說不同實驗室做出來的結果不能直接比，但現在國產疫苗也只有中和抗體效價可參考，如果不看實驗室只看數據，諾瓦瓦克斯是國際標準單位1800左右，而同實驗室做出來的高端與聯亞分別是662與102.3，高端是聯亞的6倍，諾瓦瓦克斯則比兩支國產疫苗都高出許多，「一般認為疫苗效果一定會有差。」劉士任也認為，在欠缺3期臨床數據情況下，從中和抗體效價看起來，國產疫苗的效力比較令人擔憂。
那國產疫苗還有打的價值嗎？黃立民說，國產疫苗還是打得出抗體，總會有一定保護力，安全性也不必擔心，要應付國內疫情可能是可以的，在緊急情況可以使用。目前政府採取的做法是免疫橋接，如果國產疫苗中和抗體的表現跟AZ一樣水平，至少可有6、7成效力，就可獲得緊急授權核准使用。「問題是打了國產疫苗的人要不要繼續打其他廠牌疫苗？以及國產疫苗未獲國際認證出國怎麼辦？這都是複雜的問題。」
不過顧正崙認為，不同種類的疫苗與不同佐劑誘發的免疫反應是不一樣，「只測抗體濃度，或是體外病毒中和實驗，只是疫苗誘發免疫反應的一小部分生物指標（biomarker），並不是疫苗誘發抗感染反應的全部；再者，COVID-19避免重症或感染，是抗體重要？那T細胞的免疫有多重要？目前沒有確切答案。」
顧正崙指出，AZ疫苗所誘發抗體濃度相對於mRNA疫苗來說並不高，但在真實世界中的保護效果還是相當好，「若要經由免疫橋接的方式評量疫苗的保護力，最好是比較兩個類似與近似佐劑的疫苗，會有比較好的評估準確性。不過，評估疫苗效力最好的方式，還是經由臨床試驗研究它在真實世界中對抗病毒的效果。」</t>
  </si>
  <si>
    <t xml:space="preserve">
新冠肺炎疫情持續延燒，讓許多國家人心惶惶深怕受到感染，不過世界衛生組織（WHO）宣布，在三周內將公布新冠肺炎的2項藥物臨床測試結果，不過全球衛生專家呼籲千萬不要草率上市。
根據《CNBC》報導，WHO秘書長譚德塞在記者會上表示，有2種用來治療愛滋病的藥物結合後，還有瑞德西韋（Remdesivir）的抗病藥物，有機會能夠用來治療新冠肺炎，接下來將會開始進行臨床實驗，預計會在3周後得知測試結果。
此外世界衛生組織突發事件管理人Janet Diaz表示，有消息指出有種抗瘧疾的藥物，也能夠用來治療新冠病毒，不過目前還沒有獲得證實。不過也有全球衛生專家表示，研發疫苗是一件漫長、複雜的工作，更重要的關係到人命，所以千萬不要為了求快，就草率測試後就直接上市。
而除了WHO提到的2種藥物之外，美國總統川普在2月初時表示，美國目前也正在進行研發疫苗的工作，而最快在2個月內可以進行測試。
更多 CTWANT 報導
</t>
  </si>
  <si>
    <t xml:space="preserve"> THE WHOLE CARD 🤯 See you on ESPN+ PPV. #UFC249
 ufc（@ufc）分享的貼文 於 PDT 2020 年 4月 月 6 日 下午 6:23 張貼
（4月11日更新）UFC的復賽計畫馬上就破滅了，雖然老總懷特雄心勃勃，最後還是被轉播單位勸退。目前UFC所有比賽都是無限期停賽。
原文：
UFC終極格鬥聯盟準備復賽了，老總懷特(Dana White)決定於本月18日舉行UFC 249。問題是主打明星「大鵰」奈戈梅朵夫(Khabib Nurmagomedov)退出，更重要的是他們能在哪裡打？
根據TMZ爆料，懷特未來打算把比賽搬到一個私人島嶼，用飛機把拳手載過去打！真是瘋狂的點子。懷特幾乎是不擇手段想要復賽，他把比賽陣容都排出來了，至於奈戈梅朵夫是因為新冠疫情而無法離開俄羅斯。
除了防疫較好的台灣，目前敢繼續比的職業賽不多了，白俄羅斯超級足球現在還沒停，此外美國WWE摔角還在閉門情況下打完了年度大賽(分兩天播出，而且打得很激烈)。
懷特的神祕地點尚未曝光，他急於復賽也遭受許多批評，但也有人認為只要做好防疫，有個拳賽可看也不錯，總比現在什麼都沒有好吧。只是美國現有36萬新冠感染者，超過1萬人死亡，如果有染病者一起飛到小島上，後果不堪設想。
</t>
  </si>
  <si>
    <t>中央流行疫情指揮中心6日才宣布，失聯、逾期居留的移工不會因為接種疫苗而遭捕，不過新竹縣1名女移工7日上午由朋友陪同，前往新豐鄉衛生所接種疫苗，卻疑因無健保卡等文件，衛生所通知警方，而先至分駐所問訊，隨後才打疫苗，親友指控「與指揮中心說的有出入」。
新竹縣衛生局解釋，失聯、逾期居留的移工若要接種疫苗，需先前往移民署新竹縣專勤隊開立自首書，後續才能接種，並非「人來就打」。該名女移工7日上午先去衛生所欲接種疫苗，不過衛生所人員發現她沒有在登錄名單上，也沒有健保卡、居留證等證件，因此也不知該如何是好，因此造成風波，後續流程要怎麼進行，「會再請示中央流行疫情指揮中心」。
而發生去衛生所卻進派出所的女移工的朋友則說，是看了新聞，聽到衛生福利部長陳時中等人說，為了避免失聯、逃逸、逾期居留移工成為防疫破口，去打疫苗不會抓，因此才帶這名女移工前往衛生所接種，卻未料還沒打疫苗，就先進派出所，「還要上手銬、戴腳鐐」，跟指揮中心宣布的內容出入很大，女移工的朋友也說，「如果會被抓，誰會傻傻去打疫苗？」
全台失聯、逾期居留移工超過5萬人，移民署規畫「在台逾期停居留之外來人口疫苗接種專案」，採「不通報、不查處、不收費」等原則，鼓勵失聯移工出面接種，不過仍須先去各縣市專勤隊開立自首書，並繳罰單，出入境管理局後續會編列名冊，請各地衛生所協助接種疫苗。
而這名欲打疫苗卻被捕的女移工，已完成疫苗接種，預計將解送至新竹縣專勤隊辦理。</t>
  </si>
  <si>
    <t>衛福部食藥署核准居家抗原或核酸快篩世紀，最快本周業者就能陸續鋪貨。對此，新北市長侯友宜表示，快篩劑準確率高，又有國家品質認證，鼓勵民眾居家快篩，搭配社區快篩站合作，一起找出隱形傳播鏈，這才是脫離社區感染的重要方向。
侯友宜說，居家快篩是自我居家監測方式，鼓勵大家居家快篩，現在快篩準確率蠻高的，又經過國家品質認證更沒問題，至於社區快篩站檢測是搭配居家快篩，有居家快篩、社區快篩一起努力，找出隱形傳播鏈，這才是最重要的方向，只有找出更多傳播鏈，才可能脫離社區感染危害。</t>
  </si>
  <si>
    <t>因新冠肺炎疫情衝擊，兩岸如今只剩5個航點，貨運業者希望開放更多航點讓客機純載貨，中央流行疫情指揮中心上周表示只要業者有合理規劃提出申請不會反對，今天指揮中心記者會上，媒體追問如今有無收到申請了？對此副指揮官陳宗彥表示，兩岸航點還是維持五個，貨運部分會再仔細盤點研究 ，目前航空業者尚未提出申請。</t>
  </si>
  <si>
    <t>京元電子爆發群聚，指揮中心要求勞動部應做好全台勞工體檢，對此，勞動部政務次長王安邦表示，首先會針對100人以上的移工宿舍與地方政府聯合訪視；第二個則會針對聘僱500人以上的企業，進行訪視及查核輔導確認落實防疫；上月17日起，職安署有針對高風險行業如高科技、外籍移工51人以上企業進行查核輔導，針對分流是否有遵造聘僱指引執行，除了苗栗的部分配合前進指揮所要求個案處理外，全台會配合地方政府及職安署針對移工加強查核訪視及輔導。</t>
  </si>
  <si>
    <t>新冠肺炎疫情對觀光餐旅業造成衝擊，台南大億麗緻酒店今（30）日公告，由於營運深受疫情影響，雖然房東國壽多次主動釋出降租善意，但基於多方面因素考量，雙方仍協議終止合約，將在6月30日終止營運。
台南大億麗緻表示，在取得國壽諒解後，雙方協議於6月30日終止不動產租約、酒店於同日終止營運。公司將妥善處理終止營運後的一切相關事宜，有關酒店所有員工及客戶權利，都會依法給予完全保障。
台南大億麗緻酒店位於台南市中西區西門商圈，由生產汽車零組件起家的大億集團與國壽合作，並加盟麗緻餐旅集團體系，2002年1月19日開幕迎賓，為台南市首家五星級國際觀光飯店。飯店樓高22層、地下5層，設有315間豪華客房及套房、260個停車位。
這也是麗緻餐旅集團今年續台中亞緻大飯店後，第2家歇業熄燈的據點。不過，相較於由亞都（5703）直營的台中亞緻，台南大億麗緻為加盟據點，僅由亞都旗下麗緻管理顧問提供管理諮詢顧問，對亞都營運直接影響不大。</t>
  </si>
  <si>
    <t>雙北論壇26日登場，當台北市長柯文哲和侯友宜被問到是否有「順時中者生、逆時中者亡」的壓力，2人互推麥克風後，侯向柯你是地主先答，柯表示，沒有那麼嚴重啦，「我們都擁護中央政府」，特別在疫情期間，政治口水少一點，侯也說，我們大家都認真做事。
雙北合作交流平台今早在北市政府舉行，柯侯被問到對於「順時中者生、逆時中者亡」是否有壓力，支持改「順貞昌」。
兩人先是互推麥克風，侯友宜則打趣向柯稱「你是地主」，柯接下麥克風表示，不要講那麼嚴重啦，我們都擁護中央，順貞昌模問題啊，我們都很認真做事，特別在疫情期間，政治口水少一點，他原本很愛講話現在都不講話，認真做事就是不要造成紛擾。
柯文哲表示，最近確診病例每天都20個、20個，感到毛毛的，還是要先撐過去，1個月候要口水戰再來，國家有危險的時候我們還是成熟應戰。
侯友宜接著表示，大家認真做事，柯市長都是一步一腳印，防疫事情做好並做到位，每天都遵照應變指揮，有狀況馬上處理，有特殊性會跟柯市長保持密切合作共同防疫。
他強調，雙北這次疫情緊張，不管居家檢疫或隔離，都要全力以赴，柯市長也不是打什麼口水戰，他都認真在做事，大家要並肩作戰。</t>
  </si>
  <si>
    <t>衛福部長陳時中今日指出，疫苗施打順序為中央說得算，地方若自行調整將減配疫苗。對此台北市長柯文哲回應，北市從來沒說不照中央順序施打，有問題也會舉手反應，如日前長照機構出現群聚，才會將機構人員接種順序往前移，強調在疫苗施打順序上，北市中央沒有不同調。
疫苗問題吵得沸沸揚揚，配給量與施打順序都讓地方傷透腦筋，外界好奇北市在施打順序上是否會自行調整；此外，由於市立聯合醫院防疫負擔重，內部人員質疑為何不將施打重擔分給基層診所，要求市府應考量人力吃緊給予配套措施。
柯文哲指出，科學問題科學解決，有時媒體標題會有誤差，但北市從來沒有不按照中央順序施打，但有問題會反映，例如長照機構日前出現群聚個案，因此施打順序應該往前移，尤其他有醫療專業，講得有道理的話，中央也會聽取建議進行調整，目前來說北市和中央無不同意見。
此外，柯也說，打疫苗的地點有分3線，這沒問題，但麻煩的是疫苗進來時程變來變去，量也不確定，北市都是臨時被通知，畢竟生產線設計有流程，固定的話就能有效率運作，但他也知道中央難處，因為全世界都在募疫苗，進來的量很不穩定。
柯表示，日前中央說7日打疫苗不用錢，我們都開玩笑說後面還有一句話，「打疫苗不用錢，但是沒有疫苗，有什麼用咧？」但目前不需擔心，會按照中央給的數量擴充生產線。
至於殯葬業者爭取施打疫苗，北市副市長黃珊珊則說，中央與地方的開放順序，都是以第一類到第三類的人員為主，畢竟殯葬業不是所有人都會處理到染疫的人，業者目前也有相應的處理手法，未來疫苗若充足，會盡快將殯葬業者排進施打順序中。</t>
  </si>
  <si>
    <t xml:space="preserve">國民黨立委曾銘宗今日於立院財政委員會質詢，有關新冠肺炎疫情，假設沒有意外，國內疫情在6月底前會不會告一段落。衛福部長陳時中聽完後呆了5秒，表示有這樣的可能性，但以全球來講就不太可能。
曾銘宗詢問，若假設沒有意外6月底疫情結束，到了秋冬時會不會又捲土重來。陳時中回應，近來WHO發表抗體無用論，要看在科學驗證後的結果。WHO近來說抗體可能沒辦法產生一定效果，進而疫苗研發、無效性增加，若如實，秋冬再度死灰復燃是必然的。
</t>
  </si>
  <si>
    <t>美國總統當選人拜登在明年1月20日即將舉行就職典禮，我國駐美代表蕭美琴是否可以出席？對此，外交部今天表示，是否組團還在密集跟美方聯繫中。由於這次基於防疫，就職大典規模縮小，外交部仍在爭取，「我們還沒有真正要到票可以去參加」。
立法院外交及國防委員會今天邀請外交部報告「因應新冠肺炎（COVID-19）疫情，我國人與外國人入出境管制政策之執行現況，及我駐外館處相關防疫作法」。
美國歷次總統就職典禮，我方都會派祝賀團參與，順道與友台人士及各政黨智庫、政要進行交流，不過此次美方大幅縮小典禮規模，藍委陳以信詢問，台灣是否會組團出席？
外交部次長田中光表示，美國就職大典從未正式邀請過各國代表參與，至於是否組團？我方目前也還在密集跟美方聯繫中。
由於時間緊迫，陳以信追問，組團赴美還有可能嗎？田中光回應「當然有可能」。但他也透露，現在美國就職大典規模縮小到各參眾議員只能帶一個人參加，亦即能夠透過美國友人出席參與的名額很少。
陳以信詢問，駐美代表蕭美琴會不會參加拜登就職典禮？對此，北美司長徐佑典重申，這次規模縮小到跟發展國情咨文的規模相當，人數不會太多，如同次長所說「我們還在爭取」，他也透露「現在我們還沒有真正要到票可以去參加，這個部分我們還在爭取當中」。</t>
  </si>
  <si>
    <t>高雄副市長葉匡時16日邀集各局處，了解因應新冠肺炎（COVID-19）首波紓困計劃執行、以及各產業別受影響狀況，並指示儘速提出第二波措施應對，協助業者順利度過疫情難關。
高雄新聞局表示，目前高雄市政府在財政經濟、社會救助、農漁產業、文化觀光、以及交通勞工等面向，都已提出紓困方案，財政部分，除實施延繳、減徵、線上申辦等措施，並主動調降娛樂稅30％，提供質借利息減收一半，且給予展延、安居高雄購屋貸款，包括新住民在內，凡是設籍高市直接、或間接影響的微型企業等，都可申請低利貸款。
經濟上，推出公有市場租金減半、高市府委外經營、已簽約的OT、ROT案，視個案延長營運期、酌減租金、延長繳納權利金，同時對體感科技應用場域提供補助、SBIR研發補助、行政服務線上申請及投資加碼補助等優惠。
高雄新聞局指出，目前正在研擬紓困2.0計畫，包括商業貸款延繳、減收產業園區特定產業維護費、以及商圈市集振興計畫，盼能減緩疫情對產業的衝擊。
由於疫情影響觀光旅遊意願，高市府也積極推動振興國旅方案，搭配不同主題，推出住宿優惠，協助旅宿業建置親善旅館，作為居家檢疫者的家屬暫居所。</t>
  </si>
  <si>
    <t>PLG第1位離隊的洋將出爐了！桃園領航猿突然在29日宣布，洋將沃倫因為個人決定提前結束合約離隊，且在28日就已搭機返美，接下來領航猿將會僅剩傑克、里德兩名洋將，繼續跟「新台灣人」戴維斯組成三洋將陣容拚戰，是否還會找尋新洋將有待觀察，以下是領航猿官方新聞稿：
「開季以來感謝沃倫(WILLIE WARREN)為球隊努力與付出，沃倫有絕對的技術與能力。但由於球風與球隊未能融合打出最佳表現，個人決定提前結束合約離隊，並於1月28日搭機返美。期待球迷朋友一起祝福沃倫未來在其他賽場能有更好的成就與表現，同時也持續為桃園領航猿加油。」
比傑克、里德兩名洋將都晚抵台報到的沃倫，直到今年1月2日才首次登場，本季只打4場例行賽，平均可拿12.8分、6.8籃板與7.0助攻，卻始終沒有展現過往的強大進攻破壞力，外線命中率也只有3成57，其中三分命中率低到1成54，自然不符領航猿預期，走人也屬應該。
目前領航猿戰績5勝3敗，暫居聯盟第2，且領先排名第3的台新夢想家2.5場勝差，主要依賴的仍是他們的三洋將戰力，特別是戴維斯末節能上的絕對優勢，接下來他們只能祈禱洋將不能受傷，否則就將面臨無人可換的嚴重窘境，屆時戰績恐怕也將一路下滑了。</t>
  </si>
  <si>
    <t xml:space="preserve">泰國羽球女子好手伊瑟儂(Ratchanok Intanon)因為是我國好手戴資穎死敵兼好友受到更多關注，她在本屆東京奧運與戴資穎的對決堪稱經典，兩人不但一路死纏對手，雙方拚到同時倒地的畫面也永留人心，最後戴資穎以非常小的差距獲勝，讓伊瑟儂非常不甘心而流下淚水，大家都被伊瑟儂的拚戰精神所打動。
而在前幾天伊瑟儂用母親的社群帳號宣佈了一件壞消息，那就是她的母親過世了，死因是冠狀動脈心臟病引發的心臟驟停，這讓伊瑟儂非常難過，也發文緬懷了母親，直說沒有在奧運拿下獎牌讓媽媽看見非常遺憾，但命運好像不放過她，據泰國媒體《Khaosod》報導，她父親在幾天後確診新冠肺炎。
這對伊瑟儂來說無疑是晴天霹靂，在短時間內父母同時去世、確診，想必她的身心備受打擊，她在今天宣佈確定退出9月舉行的蘇迪曼盃和優霸盃兩大賽事。雖然此前她表示會努力為母親而戰，但她的教練已向泰國羽協表示她將確定缺席，好好調整身心。教練也表示她不該急著出賽，等一切調適完畢再說。
在母親過世時她發文說道：「大家好我是伊瑟儂，媽媽一直很堅強，也持續關心身邊的人，沒讓她看到夢想中的奧運獎牌很抱歉，謝謝大家關心，這是媽媽臉書最後貼文。感謝所有人，希望她永遠幸福且開心笑著。」一字一句都讓人難受，也讓大家知道她有多愛這位母親。
另外父親正在醫院接受治療，據泰媒報導，泰國目前面臨疫苗不足問題，抗議團體向曼谷美國大使館控訴，政府把美國捐贈疫苗拿給軍方官員接種而非前線醫護人員。泰國目前累積2550萬人打過至少1劑，有570萬人打完2劑。此進度還是有點慢，泰國人口約6900萬，估計每日要打70萬劑才可能在今年底達成免疫目標。
</t>
  </si>
  <si>
    <t xml:space="preserve">新冠肺炎疫情造成澳洲搶購衛生紙的熱潮，各地超市一「紙」難求。不過昆士蘭有一名女子卻陰錯陽差的下錯單，一口氣買了全家12年都用不完的衛生紙，讓許多人相當羨慕。
看看新聞報導，澳洲昆士蘭一名女子的2月在網上訂購衛生紙，原本只想購買48卷一箱的衛生紙，結果下成48箱，共買了2304卷衛生紙。等到衛生紙送到家她才知道自己買錯了，她查詢自己的信用卡帳單發現光是買衛生紙就花掉了3264澳元（約台幣6萬多），這些衛生紙幾乎可以維持他們一家人12年的需求。
在衛生紙被搶購一空的澳洲，這家人女成了大家羡慕的對象，而這家人也決定按照原價出售一部分家裡多餘的衛生紙，為社區抗疫募款。
</t>
  </si>
  <si>
    <t>台灣民意基金會今公布最新民調．蔡英文總統聲望45.7％，創21個月來新低。台灣民意基金會董事長游盈隆認為，疫情、停電及黑道是三大關鍵，一年蒸發掉近500萬人的擁戴，長達22個月的執政順境正逐漸走入歷史，第三次執政困境已呼之欲出。這是一個新的變局，也是一個嚴重的警訊 。
他表示，蔡總統民意支持度短期內被大量淘空的現象，牽涉人民支持數量與強度的大量流失。很顯然這和三個關鍵的短期因素有關，五月中迄今疫情大爆發、513和517兩次全國大停電、民進黨黑道黨公職風波。
贊不贊同蔡英文總統處理國家大事的方式，包括重要人事安排與政策；8.5％非常贊同、37.2％還算贊同、4.9％不太贊同、16.4％ 一點也不贊同、13.1％沒意見、不知道或拒答；贊同者只比不贊同者多 4.4個百分點。
游盈隆認為，顯示蔡英文第二任期一周年的 總統聲望大不如前，國家領導方式所獲支持與肯定首次遠低於50％。
他指出，總統聲望本身就是一個變數，總統聲望高低反映的正是 一個多重因素動態平衡的結果；2020 年1月大選結束以來，蔡總統聲望整體的走勢，目前是17 個月來的最低點45.7％，和2020年5月第二任期剛開始時71.2％比，相差25.5個百分 點，等同一年蒸發掉近500萬人的擁戴。
他說，目前不贊同蔡英文總統處理國家大事方式，是17個月以來的最高點，和一年前相比，高出 25.7個百分點，顯示過去一年，尤其是過去一個月，人民的不滿與怨氣的快速大量累積。
他認為，在執政五周年的此時此刻，台灣正處於新冠肺炎疫情強烈風暴中，一個新而險惡的歷史情境已在眼前，將嚴厲考驗蔡英文總統及其執政團隊的治國能力。</t>
  </si>
  <si>
    <t>新冠肺炎本土疫情延燒，中央流行疫情指揮中心今公布國內新增304例COVID-19確定病例，分別為302例本土個案及2例境外移入個案；另有校正回歸本土個案331例，總計635例。確診個案中新增11例死亡，死亡個案中7人有慢性病史，9人有萬華或其他確診個案活動接觸史，死亡案例創下疫情以來單日新高。
指揮官陳時中表示，今日新增之302例本土病例，為158例男性，144例女性，年齡介於未滿5歲至90多歲，發病日介於今(2021)年5月8日至5月25日；個案分布以新北市152例最多，其次為臺北市87例，桃園市21例，基隆市13例，臺中市9例，新竹縣4例，屏東縣、雲林縣、臺南市、宜蘭縣、高雄市及彰化縣各2例，花蓮縣、嘉義市、臺東縣及連江縣各1例。
校正回歸的331例為160例男性、171例女性，年齡介於未滿5歲至90多歲，發病日介於5月13日至5月25日；個案分布以臺北市221例最多，其次為新北市102例，桃園市3例，基隆市及臺中市各2例，苗栗縣1例。經校正回歸後，本土個案的高點維持在5月17日，5月19日也漸漸變高。整體疫情沒有急速惡化，但有沒有改善，值得觀察。
綜上所有個案，其中萬華活動史相關209例、茶藝館相關35例、某社團相關3例、其他已知感染源170例、關聯不明122例、疫調中94例。相關疫情調查持續進行中。
另外，今日也新增11例死亡個案（案2865、2877、3305、3213、3980、4273、4373、4666、4984、5098、5869）中，為9男2女，介於50多歲至70多歲。發病日/採檢日介於5月7日至5月25日，確診日介於5月21日至5月26日，死亡日介於5月23日至5月25日。死亡個案中7人有慢性病史，9人有萬華或其他確診個案活動接觸史，相關疫情調查持續進行中。
至於新增的2例境外移入病例，案5646為大陸20多歲男性，5月1日來臺，持有搭機前3日內檢驗陰性報告，入境後於防疫旅館居家檢疫，在臺期間並無症狀，自主健康管理期滿後於5月24日自費採檢，於今日確診。案5891為本國籍50多歲男性，5月5日於印度出現症狀並檢驗陽性，5月14日以緊急醫療包機自印度返臺，入境時PCR採檢陰性、抗體陽性，入境後入院治療，期間再次採檢，於今日確診。
截至目前，國內共累計6,091例確診，分別為1,120例境外移入，4,918例本土病例，36例敦睦艦隊、2例航空器感染、1例不明及14例調查中；另14例(案530、案1589、1676、1591、1886、2067、2068、2528、2530、3975、3989、3990、3991、4726)移除為空號。確診個案中46例死亡。
指揮中心呼籲民眾，應落實手部衛生、咳嗽禮節及佩戴口罩等個人防護措施，減少不必要移動、活動或集會，避免出入人多擁擠的場所，或高感染傳播風險場域，並主動積極配合各項防疫措施，共同嚴守社區防線。</t>
  </si>
  <si>
    <t>儘管台灣地區已出現新冠肺炎零星社區感染案例，但民進黨立委吳思瑤依然無懼，繼上個月和其他民進黨立委一起呼籲一般民眾在開放式公共場所不需要一直戴著口罩之後，她今天更語出驚人的表示，目前是看展覽的好時機，應鼓勵大家看展。
立法院今日召開財政委員會，民進黨立委吳思瑤質詢時表示，目前固然要要防止新冠肺炎疫情，但不要對藝文活動設防，她個人減少跑攤了，但前進各文化場所，了解他們面臨的困境。人潮少其實更是看展好時機，她去那邊關心各館防疫措施好不好，也告訴大家現在是看展好時機。
吳思瑤接著說，有部分立委質疑紓困預算納入藝文且給8億是否太多，她覺得應該更高，故宮二月份來客數減少八成，兩廳院到四月底許多場次延期取消 ，因此要好好使用紓困預算，不過也要注意場館安全。羅浮宮一度暫時閉館 ，故宮也史無前例的調整開放時間，周一休館，國內現在還沒到休館程度，反而應該鼓勵大家看展，不過場館物資要充足，口罩要夠，目前各館體溫超標沒有禁止入館，也沒有提供口罩。
對此文化部長鄭麗君表示已責成各單位超前佈署，調派給場館防疫物資。</t>
  </si>
  <si>
    <t>演出Netflix影集《彼岸之嫁》爆紅的田士廣，最近初嘗走紅滋味，日前他剛受國際知名品牌COACH吉隆坡旗艦店之邀，回到故鄉馬來西亞出席活動，衣錦還鄉的他全程受到高規格接待。不過才返台兩天，田士廣就驚聞馬國已宣布18日起全國封城兩周，與經紀人差一點就回不來台灣的他忍不住驚呼：「好加在！還好提前回來了！」
田士廣的老家在新山，此行回大馬，他算是過家門而不入，前三天忙工作，後三天忙著探訪音樂界友人聊之後的音樂合作計劃，忙到沒時間回家看家人。由於全球新冠肺炎疫情險峻，他與經紀人從桃園機場出境搭飛機開始到落地、出席活動，全程除了拍照、用餐，其餘時間幾乎全戴著口罩，搭機時更特別戴兩層，吃飯時也完全不交談，防疫做好做滿。
他與經紀人廖麗雯好奇當地朋友戴口罩者不算多，對方苦笑回「因為買不到，我們的口罩都送給別的國家了」，大家都很羨慕他們可以住在台灣，政府和多數百姓的防疫也都做得很嚴謹甚至超前部署。他返台後雖然僅需自我健康管理，但也主動表示會減少外出，採買了一堆備用食材與生活用品後就不再出門。
田士廣高中畢業後，就跟隨哥哥的腳步來台灣讀大學，雖然是科班出身，但星途坎坷，過去7年，為了省錢，僅去年回新山拍《彼岸之嫁》才終於與爸媽相聚。他雖然喜歡馬來西亞的多元文化，但對住了多年的台灣也已有深厚感情，覺得台灣讓他很自在，去年10月拿到台灣居留證後，原本自認身體好，沒打算申請健保卡，但最近新冠肺炎疫情肆虐，他擔心馬來西亞的疫情的同時，對於自己有使用健保的機會覺得很感激，所以這兩天打算去健保局辦手續，之後也會申請台灣身分證，但他強調，若有能力，還是會希望回饋自己的家鄉。</t>
  </si>
  <si>
    <t>過去不乏有酒醉或其他無緊急傷病者，把救護車當「免費小黃」，打119報案叫救護車送醫，讓消防員不堪其擾。新冠肺炎疫情延燒，民眾紛紛避免到大醫院，有消防救護人員發現，這陣子濫用消防救護車的人「消失了」，此外，最近接獲不少車禍案件中，受輕傷的患者，還會主動告知消防員「不用去醫院，只要自己處理即可！」
有消防員指出，過去經常遇到民眾喝了酒動不動就叫救護車，將他們送到醫院後，卻不進去就醫、自行離開；有一次更扯的是，曾經有位5旬老翁自稱身體不適，請同仁載他去醫院，消防員到他家門口時，發現老翁家中明明有家屬可載他去醫院，卻堅持叫救護車。
另外，除酒醉路倒之外，還有許多人因牙痛、頭痛、腳痛等千奇百怪的理由，要求救護車載送至醫院，令消防員頭痛不已。
不過，新冠肺炎疫情升溫後，許多民眾認為醫療院所會收治確診病人，擔心被感染而避免到醫院。讓基層消防員直呼，受到疫情影響，近期濫用救護資源的情況，似乎變少了許多；不僅如此，連車禍受傷的民眾，即使消防員建議到醫院救治，仍堅持不去就醫。
有消防員說，近日接獲1件車禍救護，到現場後發現傷者有明顯撕裂傷，需要到醫院縫合，但該名傷者一直不斷強調「不用麻煩了」，還提到疫情期間不想去醫院，且體恤消防員的辛勞，堅持說自己回家包紮就好，令他印象深刻。</t>
  </si>
  <si>
    <t>國際機器人協會IFR發布最新報告指出，全球工業機器人累計運作數量已達270萬台，創歷史新高。法人指出，在製造業現代化升級、數位轉型需求拉動下，未來三年新增安裝量將逐年成長，為機器人產業醞釀「估值再提升」的多頭行情！
根據IFR報告，去年雖然受到美中貿易戰影響，全球工業機器人新增安裝量只有37.3萬台，低於40萬台水準，但仍創歷年第三高紀錄；而且累計運作數量已達270萬台，創歷史新高。
由於今年新冠肺炎疫情爆發，造成工廠停工，加上美中衝突升溫，機器人新訂單增長不易，不過，隨著中國疫情已獲得控制，歐美地區也出現轉折，預期明年新訂單即可重拾成長動能，並在2022或2023年，重回疫情前水準。
第一金全球AI機器人及自動化產業基金經理人陳世杰表示，過去五年，全球智慧製造、自動化生產發展迅猛，規模已擴增85％。去年來，面對美中衝突、新冠肺炎的考驗，機器人新訂單增長放緩，但累計運作數量仍舊不斷增加。
從數據結果顯示，機器人自動化趨勢並沒有改變。陳世杰分析，美中衝突、疫情影響，刺激企業調整中國布局策略，加快了製造業現代化升級、數位轉型的腳步，而機器人具備快速生產、客製化與成本效益的三大優勢，滿足工廠轉型升級的相關需求。
尤其人機協作機器人，搭配AI人工智慧軟體的彈性調整特色，提供多元化的生產方式，是去年唯一逆勢成長的類別，新增安裝量年成長11％。美林證券預估，未來五年，機器人的使用量將較目前倍增，吸引更多投資人青睞。
陳世杰指出，近幾年，機器人指數的本益比落在21～39倍區間、股價淨值比為2.5～3.3倍區間。在AI技術的幫助下，機器人走向更加智慧化，預期也會帶來「估值再提升」的行情。</t>
  </si>
  <si>
    <t>新冠肺炎本土疫情嚴峻，指揮中心鼓勵各地方政府設置社區篩檢站，並宣布開放企業快篩，台北市長柯文哲認為，不要因病例多就自亂陣腳，熱區做快篩站才有意義，中央應要標準，不能一急就亂撒錢、亂弄。
柯文哲表示，昨天中央突然宣布，允許企業設快篩站，但他認為，做任何事情都需科學基礎，「一年前說要設快篩站時，拚死不做，現在卻突然說要做，前後矛盾」。
柯文哲指出，不要因病例多就自亂陣腳，若該地區的盛行率很高，病例百分比夠高，設置快篩站才有意義，若在澎湖、金門、台東等病例較少的地方，設快篩站就沒有意義。
柯文哲認為，中央應有統計數字，熱區可以做快篩站，若該地區感染率到了多少百分比，這樣設置快篩站才有意義，若該地區感染率僅0.1％，做快篩站就無意義。
柯文哲直言，坦白說要有科學根據，不能一急就亂撒錢、亂弄，該設的就設，不該設的若設置，就會出現一堆偽陽性，反而會亂掉，因此可以設快篩站，但需要有科學基礎。</t>
  </si>
  <si>
    <t xml:space="preserve">在新冠肺炎的衝擊下，全球金融市場大幅震盪，投資人切入市場時間點困難度大增，另一方面，在全球央行齊力貨幣量化寬鬆下，又面臨超低利率甚至負利水準的窘境，台新投信為解決投資人面對「擇時」及「低利」二大難題，特別與全球最大新興市場公司債管理者百達攜手打造台新新興短期高收益債券基金，為國內首檔同時擁有「短期」+「新興高收」雙利基的高收債基金，可掌握收益與波動之間絕佳甜蜜點，將於5月18日開始募集。
台新新興短期高收益債券基金經理人尹晟龢表示，新冠病毒、油價崩跌等事件接連發生，今年來金融資產修正劇烈，低波動率的產品再度成為市場焦點。短天期的債券距離到期日較近，變數因此較少，價格波動也因此較小。新興短期公司債平均存續期間集中在1-3年，過去十年的年化波動度僅5.25%，較傳統與一般債券低；就殖利率水準分析，新興短期公司債殖利率來到8.28%，為近10年新高，也高於美國高收益債和一般新興公司債。此時進場低接，是極佳投資機會。
</t>
  </si>
  <si>
    <t xml:space="preserve">俄羅斯總理米舒斯京（Mikhail Mishustin）今日宣布，將對外籍人士關閉該國與歐洲波蘭和挪威的陸地邊界，以避免新冠疫情進一步擴散到境內。
外媒引述米舒斯京說法稱，關閉邊界措施將於今日午夜正式生效，所有因工作、私人、求學、旅遊等目的入境的外籍人士都將受到禁令規範，白俄羅斯人民、外國官方代表團成員以及俄羅斯居民不受上述限制。
據中央社報導，俄羅斯飛地加里寧格勒（Kaliningrad）與波蘭有短短的陸上邊界，莫曼斯克州（Murmansk）則與挪威北部有長約200公里的陸上邊界。
官方最新統計顯示，俄國迄今約有45人確診新冠肺炎，但尚未出現死亡病例。
俄羅斯當局昨日宣布，將減少往返歐盟的班機，以遏止疫情擴散。上月20日該國已關閉與中國大陸的邊界，並開始限制伊朗與南韓到訪旅客人數。
</t>
  </si>
  <si>
    <t>中央流行疫情指揮中心今日公布，國內新增1名新冠肺炎境外移入個案，個案為20多歲女性(案482)，去年8月因公外派菲律賓，於今年8月13日返國，有配戴口罩、護目鏡等，入境時主動告知曾有疑似症狀，於機場採檢後送至集中檢疫所隔離，今日確診，目前住院隔離治療中。截至目前， 國內共累計482人確診。
指揮中心表示，案482於8月10日出現嗅覺喪失、肌肉痠痛及流鼻水等症狀，曾自行服藥後症狀緩解，未曾於國外就醫。衛生單位已掌握接觸者共8人，其中3人為同班機前後兩排旅客，列為居家隔離對象；另同班機機組員5人均有適當防護，列為自主健康管理對象。
指揮中心統計，國內截至目前累計84,446例新型冠狀病毒肺炎相關通報(含83,352例排除)，其中482例確診，分別為390例境外移入，55例本土病例、36例敦睦艦隊及1例待釐清。
指揮中心呼籲，民眾出入人潮擁擠或密閉場所，如醫療院所、人口密集機構、大眾運輸場站或無法保持社交距離之車廂、賣場或市集、教育學習場所、休閒娛樂場所、宗教場所及活動時，請佩戴口罩，並養成勤洗手、咳嗽禮節等衛生習慣，以降低感染風險。
另莊人祥表示，先前確診的比利時工程師、日本工程師以及赴港台女等人的接觸者都為陰性，指揮中心將交由專家小組進行討論。</t>
  </si>
  <si>
    <t xml:space="preserve">衛福部長陳時中針對疫苗施打順序強調，當然是中央說了算，若地方未根據中央的目標群施打，「我們會減配疫苗」。對此，網友笑稱，「好大的官威」、「最好敢對竹科也這麼硬」、「笑你不敢，減減看阿」！
行政院長蘇貞昌、衛福部長陳時中今（8）日到立法院報告並備質詢，針對疫苗施打順序，陳時中強調，當然是中央說了算，若地方未根據中央的目標群施打，「我們會減配疫苗」。
時代力量立委王婉諭質詢時提到，雙北市、台南市都曾表示要自行調整公費疫苗施打順序，到底誰說了算。陳時中表示，當然是中央說了算，如果地方沒有根據中央的目標施打群施打，將減配疫苗。
對此，網友笑稱，「好大的官威」、「剛愎自用」、「好啊，你減配看看」、「還當自己是賽揚王牌」、「這是在威脅嗎」、「好兇喔」、「最好敢對竹科也這麼硬」、「笑你不敢，減減看阿」！
</t>
  </si>
  <si>
    <t>台積電轉投資封測廠精材（3374）今（13）日召開線上法說，展望下半年營運，董事長暨總經理陳家湘對第三季營運看法樂觀，預期營收可望改寫歷史新高。但新冠肺炎疫情及國際局勢使全球不確定性仍高，客戶訂單需求有逐月修正情況，對第四季僅能審慎樂觀看待。
陳家湘表示，精材上半年營運維持獲利、較去年同期顯著轉盈，主要受惠3D感測零組件封裝需求平穩，相較過往季節性差異明顯縮小所帶動。而8吋CMOS影像感測器（CIS）營收雖有增加，惟受疫情影響，其中車用影像感測器營收年減13％。
精材先前宣布與母公司台積電合作，投入12吋晶圓後段測試代工服務，陳家湘表示，已如期在6月完成產線建置，7月起逐步進入量產階段。由於客戶需求殷切，12吋晶圓後段測試營收已貢獻7月營收近2成，帶動當月營收顯著成長。
精材日前公布2020年7月自結合併營收達6.11億元，較6月4.23億元成長達44.32％、較去年同期5.3億元成長達15.3％，改寫歷史次高。累計1～7月合併營收33.56億元，較去年同期21.16億元成長達58.55％，續創同期新高。
展望下半年營運，陳家湘表示，12吋晶圓後段測試產能預期在第三季將逐月顯著拉升，可望對營運帶來顯著貢獻。不過，上半年需求增加的8吋影像感測器封裝，下半年需求已見轉弱跡象，預期全年營收僅將微幅成長。
陳家湘表示，由於訂單需求狀況良好、稼動率看來不錯，對第三季營運樂觀看待，預期可望優於去年同期的16.7億元、改寫歷史新高，對第四季營運亦有所期待，但仍需審慎觀察疫情及國際因素變化。
陳家湘指出，由於全球疫情持續延燒，近期外部環境變化大，全球經濟不確定性仍高，對消費力道的衝擊不可輕視。加上近期客戶給予的訂單需求有逐月修正情況，因此對精材第四季營運僅能審慎樂觀看待，不敢太大意。
至於開發矽基氮化鎵（GaN on Si）通訊用高頻功率元件加工服務專案方面，精材發言人林中安表示，主要鎖定基地台的射頻功率放大器（RF PA）應用。雖然研發順利且有量產能力，但整體市場需求不如預期，預期今年不會量產、量產時程尚不明朗，看法不若以往樂觀。
精材財務長林恕敏說明，第二季約4％的其他營收，主要包括委託設計費用（NRE）及12吋晶圓後段測試代工的工程試產收入。上半年資本支出1.9億元，全年預估將達11.6～13.5億元，主要用於12吋晶圓後段測試代工無塵室及廠務設施建置、購置研發設備之用。</t>
  </si>
  <si>
    <t xml:space="preserve">
針對國人使用台胞證，以致護照無法辨識往來中國紀錄。行政院長蘇貞昌今天表示，政府很希望想出辦法來，能讓世界上了解台灣跟中國是不一樣的。行政院發言人Kolas Yotaka表示，外交部19日已提出應急做法，可協助辨識有無中國旅遊史。
Kolas說，外交部19日已對外說明，移民署從本月14日開始，有一些應急做法，也就是國民若在外國可去駐外館處申請離台後及抵台前最後一次入出境紀錄，如果在國內，可去移民署申請上次出發回台地點，以及即將去哪裡，協助海關人員進行辨識。
政院表示，由於若干國家要求國人需檢附14天內未曾至中國的入出境證明，外交部已請內政部移民署在今年2月14日開放旅外國人可於駐外館處申請「入出境紀錄」，紀錄載明其離台的第一個抵達點，以及抵台的前一個出發點，以做證明。政院也請外交部立即通知駐外各館處配合辦理。在國內的國人則可自行向該署申請，詳情可洽詢移民署。
</t>
  </si>
  <si>
    <t>台中市大里仁愛醫院9月29日為44名洗腎患者接種AZ疫苗第二劑，應施打0.5CC卻只打了0.1CC，遭台中市衛生局處以COVID-19疫苗接種作業停權處分，並依法裁罰10萬元罰鍰，在近一個月的調查檢討改善流程後，衛生局已核准該院於13期施打時恢復新冠疫苗接種作業。
大里仁愛醫院9月29日爆出新冠疫苗接種重大違失，洗腎室44名洗腎患者接種AZ第二劑，原本每劑應抽0.5CC，卻只抽了0.1CC，直至下午醫事人員發現施打人數與剩餘劑量不符，才發現44名患者都只打了1／5劑量；事後該院立即通知患者回院再補接種劑量，並成立關懷小組追蹤其健康狀況，迄今都未有民眾出現不適。
事件發生後，台中市衛生局立即對該院處以新冠疫苗接種作業停權處分，並依法裁罰該院10萬元罰鍰。
據悉，衛生局實際到院了解作業流程，發現此次失誤主要是，未由專門負責接種疫苗的護理人員為患者接種，且未落實三讀五對，經要求該院對相關人員重新進行教育訓練，並修正流程後，近日也恢復其新冠疫苗接種業務，已於13期開放民眾可至該院預約接種。</t>
  </si>
  <si>
    <t xml:space="preserve">日本政府厚生勞動省將對鑽石公主號上所有人員進行武漢肺炎病毒檢查，只要檢查結果確認是陰性，且從19日起再度確認健康狀況沒有問題，就能依序下船。
日本朝日新聞報導，日本厚生勞動大臣加藤勝信今天說，將對鑽石公主號上所有旅客與船組員進行病毒檢查。
只要能確認檢查結果為陰性，就能在2週觀察期結束的19日後依序下船。
日本放送協會（NHK）報導，加藤在傍晚記者會上宣布，今天確診船上新增67例俗稱武漢肺炎的2019年冠狀病毒疾病（COVID-19）病例。
包括今天在內，厚生勞動省已對船上約3700人中的930人進行病毒檢查，930人中有285人確診，其中有73人無症狀。
加藤表示，船上70歲以上、正在接受病毒檢查的人員，只要結果確認是陰性，並在19日起再度確認健康狀況沒有問題的話，就不需要再度受檢，可以依序下船。
至於船上未滿70歲的人員，也將從16日起依序接受病毒檢查，只要結果確認是陰性，可比照上述原則依序下船。
發生武漢肺炎群聚感染的鑽石公主號，目前停泊在日本橫濱港，船上約3700人中已有285人確診武漢肺炎，其餘旅客及船組員到19日止都得待在船上接受觀察。船上的台灣旅客告訴中央社記者說，船上旅客包含20名中華民國國民，另有10至15名美籍或日籍的台灣人。
</t>
  </si>
  <si>
    <t xml:space="preserve">全球疫情延燒，不僅東南亞疫情讓供應斷鏈，歐美需求市場停擺，台灣中小企業占全體企業97.64％、就業人數將近900萬人，百業停工，整個產業正面臨潰堤。前國民黨主席朱立倫今（20）在臉書發布「台灣早安Ep2」，內容是他赴彰化與中小企業者、商圈業者早餐會對談，立委謝衣鳳也與會；朱立倫呼籲紓困方案申請流程「不能以台北看天下」，「端出紓困牛肉、卻吃不到！」且若不即時協助企業顧員工，恐將爆發失業潮。
朱立倫在早餐會中質疑，政府的經濟預估太過樂觀，「IMF跟我們自己的估計都是負值」，政府官員還在堅持台灣經濟成長率可以保持正1％至2％？朱強調，歐美疫情上個月大爆發，兩個地方佔全世界GDP的50％，也是消費品最大宗市場，若歐美需求鏈開始停擺，台灣沒有理由樂觀。
「接下來就是救失業、中小企業。」朱立倫提出三項目放寬標準，第一是救急，針對產生立即性風險的人、弱勢貧窮救助。他說，台灣底層20％的民眾入不敷出，且真正存款率高的最多擴大到40％，剩下的是真正需要的人，包含很多中產階級在內。
其次，政府應該在需求恢復之前，協助這些中小企業負擔營運之外的龐大的員工薪資，若決定補助四成薪資，動作要快、認定要寬，「否則將迎來失業潮。」
此外，朱立倫針對企業貸款、週轉金提到，QE量化貨幣寬鬆讓資金借貸成本下降，雖撐起資本市場，但能否讓個人商家、小企業受惠，有待觀察。他提醒，目前聽到的都是貸款程序困難、申請證明困難，「一定要盡快排除這些申請障礙」。
貿詮實業總經理賴志峰提到，外國客戶給的是年單，現在死定了，材料都買了，材料不計成本，每個月要出貨，現在不能出，要延後到何時不知道。他表示，目前僅能教育訓練，苦撐員工薪資，加上資金週轉壓力，「隨時可能潰堤」。
彰化縣鹿港廟口商圈協會顧問謝芬玲則說，鹿港商圈大都沒有使用發票，政府紓困會議，講得很簡單，但小商店可能連記帳手札都沒有，「買20斤大麵條直接付現，怎麼提出營收證明？」
台灣廚師聯盟理事長謝秀櫻則分析，政府推的外送平台替代，小本經營商家無法承擔抽成比例，「一碗麵線25元抽30％？怎麼生存得下去？」
立委謝衣鳳表示，將替所有中小企業及商家在立法院發聲，搶救企業及員工生存；目前紓困方案裡的行動支付、外送平台替代，都難以適用中南部距離遠、支付綁定缺乏的產業生態，有必要檢討。
</t>
  </si>
  <si>
    <t>中研院院士陳培哲請辭食藥署疫苗審查委員，並直指組織難以維持獨立性與專業性，國民黨立委賴士葆感嘆，政治的黑手一直伸入要掌控科學研究，讓人為科學家的境遇感嘆。
中研院院士陳培哲五月底請辭國產疫苗審查委員的職務，認為食藥署審查委員無法維持專業性和獨立性。賴士葆在臉書表示，真的不忍看到專業活生生被政治霸凌，連攸關國人生命健康的疫苗研究都想要運用權力來施壓科學研究，作為替政治效力的工具。陳培哲講真話的下場就是被抹黑，被網軍攻擊。
賴士葆也舉例，疫苗試驗計劃主持人謝思民醫師也是講了真話，呼籲希望政治歸政治，科學歸科學，他的粉專就立即被關閉了。
賴士葆感嘆，台灣不缺乏優秀的科學人才，但是他們的專業領域不被尊重，政治的黑手一直伸入要掌控科學研究，讓人為科學家的境遇感嘆。</t>
  </si>
  <si>
    <t>新北市幼兒園老師打過疫苗仍染疫，外界認為採取定期快篩似乎更安全，台北市長柯文哲7日表示，PCR篩檢是黃金標準，作為最後確認，乾脆以簡單、有效、直接的方式，不要用快篩猜來猜去，他強調，還是主張打2劑疫苗後放寬管制，讓生活盡量正常，美、英國家戰略是比較對的。
柯文哲今午主持防疫記者會指出，在這次疫情爆發前還會用快篩，以萬華疫情爆發後的實戰經驗來看，一個地方的感染率很高可以用快篩，感染率不高做快篩就沒用，做完快篩還要以PCR確認，臨床經驗是有症狀的病例快篩陽性，PCR幾乎是陽性，若沒症狀快篩陽性，偽陽性機率很高。
他表示，既然PCR是黃金標準才能做最後確認，乾脆直接做PCR，在5月萬華爆發疫情後，北市7家醫院直接做PCR篩檢，是簡單、有效、直接的方法，不要猜來猜去，PCR雖然比較貴，但數量增加後價格會下降。
柯文哲說，有完整打2劑疫苗就算被感染傳染給別人的機會很低，但有多低還要研究，身為醫生強調統計學，最不喜歡人家說萬一，一萬都不解決了，解決什麼萬一，打過完整疫苗，會再傳染給別人的機率非常低的話，雖然不能保證百分之百沒有，但機會很低就算了。
他強調，如果從此每周都做1次快篩，北市有幾萬名老師，快篩不準再做PCR，天啊，這不行啦，活在世界上要接受合理的風險，而合理的風險是有醫學統計基礎，還是主張打2劑疫苗放寬管制，讓生活盡量正常，美、英國家戰略是比較對的。</t>
  </si>
  <si>
    <t>醫院開刀房、加護病房以人工消毒，至少要花2個小時以上，群聯電子與鼎眾公司17日贈送新竹台大分院3台專業醫療級的「超紫光滅菌機器人」，只要5到10分鐘就能快速消滅抗藥性細菌達99％，為第一線醫護人員增添防疫利器。
新竹台大分院院長仁院余忠仁感謝群聯電子及鼎眾公司，用高科技硬實力支持第一線醫療人員，有了超紫光滅菌機器人後，將應用在該院防疫專責病房、加護病房及開刀房等處使用。
余忠仁並說，開刀房及加護病房都有高病源細菌，一般以人工消毒都要花2個小時以上，超紫光滅菌機器人消毒滅菌則不到10分鐘，能夠有效減少醫護人員及清潔人員直接接觸病源而造成傳染，提供醫護人瞥更好的防疫環境，讓來就醫的民眾更加安心。
群聯電子董事長潘健成表示，院內感染風險一直是醫療院所相當重視的議題，此次捐贈的超紫光滅菌機器人除在疫情期間發揮最大功效外，更重要的是能快速消滅抗藥性微生物達9成9以上，降低院內感染風險，提供病人及醫護人員更安全的醫療環境。
鼎眾公司董事長江春松指出，群聯電子之前捐贈給壢新及新竹馬偕醫院消毒機器人後，這次再捐贈給台大新竹分院2台，是再次以實際行動力支持醫療產業，鼎眾也身受感召加碼捐贈1台消毒機器人，共同響應善舉，希望能共同串連起台灣醫療防護網，將各地醫院的感染控制做到最好。
鼎眾公司董事江欣惠說，超紫光滅菌機器人原是該公司製造的冷門產品，沒想到去年新冠肺炎疫情發生後熱銷100多台，多是企業購買捐贈給醫院在隔離病房、加護病房及急診室等環境使用，只要花5到10分鐘就能達消毒滅茵的成效。</t>
  </si>
  <si>
    <t>新北市議員張志豪昨（26日）晚接獲中和某工業區上班的員工陳情，指某電業公司有篩檢結果為陽性的確診者，但老闆還是要全公司員工照常上班，讓員工和工業區的上班族人人自危。張志豪向新北市長侯友宜喊話，中和已是高風險熱點區，區內產業多是製造業，工業區聚集大量員工，抗疫防線恐怕因公司負責人便宜行事，以致防疫失守，不可不慎，市長務必正視並立即查處，同時建立跨局處通報機制。
據陳情人表示，工業區內鄰近的公司聽聞此事，已引起高度恐慌，大家非常擔心疫情會從這裡蔓延開來，令人痛心的是，該公司員工後來PCR檢測結果為陽性確診後，公司竟然息事寧人，既沒有採取相關必要處置，也沒有立即自行進行疫調，匡列可能的接觸者，進行隔離檢疫措施，而是被動的等待衛生局的通報和疫調。
陳情人説，因為現在中和的確診者真的太多了，衛生局沒辦法即刻進行疫調，以致公司就被動的等待，反正衛生局現在沒有匡列，我自然不用請員工休假，所有人還是照常上班，這樣的結果將令人難以想像，像中和這麼多科技園區，大家長時間身處密閉的工作場域中，病毒蔓延將一發不可收拾。
張志豪表示，基於保護吹哨者的責任，答應要為他們發聲，也請衞生局速查此一確診個案，同時盡速匡列所有可能接觸者。
張志豪要求，防疫視同作戰，為避免再次發生相同情況，市府要立即由衛生局、經發局及勞工局建立一個通報聯繫機制，也就是由衛生局主導，結合經發局及勞工局，除了保護吹哨者，同時保障勞工免於受到疫情的恐慌和疑慮。</t>
  </si>
  <si>
    <t xml:space="preserve">在新冠病毒疫情中的「吹哨者」陸醫師李文亮不幸逝世，引起眾多陸網民憤怒官方為了維穩打壓輿論，甚至在社群網站微博上推動「我要言論自由」，引起全球關注。對此，美兩黨議員推出決議案，除了紀念李文亮之外，更呼籲陸政府提高關於打擊疫情的透明度與配合度。
據《美國之音》報導，參議院外交委員會首席的民主黨成員梅南德斯（Bob Menendez）該會亞太小組主席加德納（Cory Gardner）等議員提出。稱李文亮為「英雄」的梅南德斯表示，大陸即使在危機中，對於資訊的壓制，竟然比陸人民安全還重要，「這是一個相當駭人、但具有戲劇性的例子，它告訴我們壓制資訊，哪怕是最單純有關於疾病的警告，對於習來說更為重要」。
李文亮醫生曾在去年底因向同業發佈有關新冠病毒的消息而遭警方訓誡，並被迫簽署聲明撤回警告，同時承認散播非法謠言。而決議案指出，大陸政府先前長達數周的時間淡化疫情的危險性，導致病毒一再散播，截至11日為止，大陸境內已有至少4萬2千確診病例，逾千人死亡。
該決議案呼籲陸政府及中國共產黨對新冠病毒的研究和調查保持公開透明；確保大陸人民及國際社會有自由、不受約束的資訊管道，不受內容審查或社交媒體控制；與美國政府，包括美國疾病控制預防中心全力進行合作；與其它國家，包括東南亞、非洲、拉丁美洲和其它醫療系統負擔較沉重的地區進行合作；停止將臺灣排除在世界衛生組織和國際民航組織等國際機構之外。
決議除了表示「強烈支持中國人民對言論自由的要求」之外，還肯定李文亮醫生有關大陸應更加開放和透明的信念的至關重要性，除了肯定言論自由有益於社會，能夠讓專家向公眾提出健康衛生警告，並協助人民確保政府能夠解決危機回應中的薄弱環節。
</t>
  </si>
  <si>
    <t xml:space="preserve">大陸防治新冠肺炎疫情是一場持久戰，演藝圈的捐款、捐物資行動也沒停過，武打明星吳京再捐負壓救護車、隔離衣，作家兼導演韓寒也以讀者和影迷的名義，捐贈防護帽及防護鞋套給一線防疫醫護人員，幫助他們執行治療新冠肺炎患者的同時，也能保護自己的健康。
陸媒報導，2月27日，吳京捐贈3輛負壓救護車、10000件隔離衣等醫療物資，並已送達河南信陽。據瞭解，信陽是河南新冠肺炎確診人數最多的城市，因醫療物資相對匱乏，曾多次對外求援。
韓寒在疫情剛爆發時，曾透過中華思源基金會，捐給武漢1台ECMO（人工心肺葉克膜），以及自己老家所在的上海金山區100萬元人民幣，協助購買核酸（DNA）檢測儀系統、過氧化氫霧化消毒器等物資。
最近他又以「韓寒的讀者和觀眾朋友們」的名義，捐贈10萬套防護帽及防護鞋套，陸續送往各地醫院。
</t>
  </si>
  <si>
    <t xml:space="preserve">國內新冠肺炎疫情持續延燒，不少餐飲業者、大型百貨調整營業時間。稍早林口三井Outlet在臉書公告，因應新北市疫情確診數不斷增加，今起至25日，將自主停業3日，進行內部大清消，並表示此決定與指揮中心並無關係。
林口三井Outlet稍早於臉書公告，即日起至5月25日自主停業3日，將進行內部大清消作業。國內疫情爆發後，根據指揮中心公布的確診數據顯示，新北市1282例為全台最多，為疫情重災區，其次為台北市1007例、桃園市131例。
事實上，林口三井Outlet月初時，就已配合新北市全市大消毒，當時也提早閉館進行清消作業，但連日以來，新北市的疫情尚未趨緩，經過開會後決定，自主停業3日，進行內部大規模消毒，並強調與指揮中心沒有關係。
★《中時新聞網》提醒您：因應新冠肺炎疫情，疾管署持續加強疫情監測與邊境管制措施， 如有疑似症狀，請撥打：1922專線，或 0800-001922， 並依指示配戴口罩儘速就醫，同時主動告知醫師旅遊史及接觸史，以利及時診斷及通報。
</t>
  </si>
  <si>
    <t>使用共享汽車服務的人都希望租用的車輛能順利上路，車內亦沒有惱人煙味。當共享車輛被刮傷、有凹痕或有人在車內吸煙時，總讓人感到相當困擾。博世正為車隊經營業者和交通移動服務商，開發全新Ridecare解決方案，希望讓這些共享汽車的難題成為歷史，並為使用者提供更安全、愉快的乘車體驗。
Ridecare的第一個標準功能是煙霧及損壞偵測，為此，博世結合車輛中的感測器盒，透過人工智慧分析雲端數據，再以更快速、貼近需求的方式，進行修復或清潔，優化車隊管理。共享服務商將可即時接收重要、易理解的資訊，識別車輛是否遭受破壞或車內吸菸。
博世集團董事會成員Harald Kroeger表示，以汽車共享而言，提高客戶滿意度的關鍵之一是確保使用者安全愉快的駕駛體驗，為此，博世的Ridecare解決方案為共享市場的客戶體驗，樹立新標竿。該全球技術與服務供應商正在亞洲、北美、及德國的共享服務領導廠商合作，以推出量產的煙霧及損害偵測系統為目標，進行前導專案。博世此項車隊服務日前已獲南德認證檢測公司（TUV Sud）的可靠度等正式認證。
汽車共享服務業者幾乎很少收到其車輛在給特定租賃期內，遭受破壞或使用者於車內吸菸的資訊。使用者通常會回報車輛的嚴重損壞，但服務商往往仍要承擔輕微損傷的維修成本。此外，若前一位駕駛暗自在租用的車輛內吸菸，亦可能造成使用者嚴重不滿，其專業內部清潔的成本則可達到數百歐元。透過博世的Ridecare解決方案，共享服務業者將可輕鬆掌握車隊實際狀況而非根據臆測。車輛中的感測器盒可偵測車內的香菸煙霧及車體的損壞狀況。
此外，用單一感測器元件即可偵測上述損害，更是業界創舉。當前市面上雖有可偵測煙霧或交通事故的感測器，但皆無法同時兼顧兩者。Harald Kroeger表示，博世結合煙霧及損壞檢測，打造並計畫量產世界上第一個能可靠檢測、如實回報車內損壞及煙霧的解決方案。
此外，盒中的感測器非常精準，不僅可偵測事故，亦能察覺停車時發生的意外損壞，例如停在市中心且當下未出租的共享車輛的輕微碰撞。由此，共享服務商得以確定車輛損壞或車內吸菸的責任歸屬。
博世的創新車隊服務包含永久安裝於擋風玻璃內側的感測器盒，以及雲端數據分析智慧軟體。一旦車輛內部事故或煙霧的感測器數據上傳至雲端後台，博世就可以運用人工智慧判讀其嚴重程度，並為車隊操作人員提供分級依據。其智慧演算法結合車輛的動態資訊及道路狀況等附加資訊，共享服務商將可精確地判斷車輛是否僅外觀損傷，或極需立即檢測、維修，以確保車輛可正常行駛。
Harald Kroeger表示，Ridecare服務再一次證明人工智慧物聯網（AIoT）的潛力，結合人工智慧及物聯網，將造福共享服務使用者。此外，借助人工智慧數據分析，博世可以掌握車輛損壞的確切位置，如保險桿或車體底部，此將有助於紀錄及評估損壞狀況。若將感測器盒的數據與影像結合，車隊及交通移動服務業者亦可推估維修成本。
對於共享服務業者來說，快速、透明地記錄車隊中個別車輛的損壞狀況非常重要，因為這是他們提高車輛性能和當機時間減為最低的唯一途徑。除了損壞分級外，Ridecare服務亦會通報共享服務業者，交通事故發生的確切地點和時間，以及車內吸煙的明確時間點。此類訊息可協助車隊管理者和交通移動服務業者維持車輛的完美狀態，增進駕駛和乘客的福祉。
儘管共享需求在新冠肺炎流行期間下降，專家們仍預測汽車共享市場未來將蓬勃發展：取代私家車的交通移動服務在歐洲產值將達1270億美元，其中170億美元來自德國市場。美國顧問公司Strategy&amp;更預估，2035年歐洲汽車共享的業務潛力將成長四倍以上，達5490億美元。</t>
  </si>
  <si>
    <t>苗栗電子廠群聚效應持續擴大，除了京元電、超豐之外，近期疫情也蔓延至智邦，目前只有1名零星個案。智邦證實確有此事，不過，公司已於4日針對員工進行快篩，快篩對象除竹南廠既有的1,400名員工外，連最近這段時間有往來的廠商也會匡列其中，初估納入快篩的人數將上看1,500人。
由於疫情驟起，為嚴控疫情，智邦科技除已將苗栗縣內廠區的確診者收治隔離外，已自4日起展開快篩作業，由於需要進行快篩對象不少，預計下周快篩作業仍會延續進行。
據悉事情發生後，為充分掌握現況，智邦董事長郭飛龍已親赴竹南廠坐鎮，同時召集公司高層召開防疫會議，針對防疫再做部署，希望可以建構全新的防護網。</t>
  </si>
  <si>
    <t xml:space="preserve">英國新冠肺炎疫情大爆發，除了台灣留學生相繼回國，大批旅英波蘭人也趕忙搭上撤僑專機返回祖國，他們說，儘管波蘭醫療水準差一截，但是這次英國的防疫表現實在太慢、太糟糕，他們無法信任，因此選擇回國。
英國新冠肺炎疫情持續惡化，先前強森政府的「佛系防疫政策」遭致批評、胎死腹中，儘管首相強森（Boris Johnson）已經於上月23日宣布全國禁足，但是防疫慢半拍，已經失去人民信任，迫使大批波蘭移民、留學生搶搭飛機返回祖國。
《紐約時報》（New York Times）報導，英國約有超過80萬波蘭移民，疫情爆發之初，波蘭政府就派出撤僑專機，計畫進行的前5天，已經有1.2萬名滯英波蘭人搭上班機，計畫施行的頭11天，波蘭政府已在全球派出266架撤僑專機，當中1／3飛往英國倫敦，另外部分專機飛往愛丁堡。
旅居英國8年的Bacdorf表示，他在和波蘭家人通電話後，馬上開始打包行李，數小時候人已經在倫敦城市機場（London City Airport），準備搭乘最後幾架航班返回波蘭。他說，對許多波蘭人來說，英國的反應太慢了，對比波蘭政府的嚴肅態度，英國簡直是個「笑話」。就連留學英國的波蘭學生Bartosz Zatorski都表示，英國政府反應慢了一個多禮拜。
針對新冠疫情，波蘭政府的反應相當迅速，3月15日，當局就中止國際航班、火車運輸，阻止外國人入境，並且禁止2人以上集會，宗教活動及葬禮限制最多5人參與，設定搭乘公車、路面電車乘客上限。
同時間，英國卻持續開放國際航班起降，甚至也包含那些來自伊朗等疫情重災區的班機降落。
除了政府的防疫措施，百姓的防疫意識也有很大不同。出生英國的波蘭歷史學家Alina Nowobilska描述，當她回到波蘭，所有人都聽從政府建議，待在家中，但是英國人卻相當鬆懈，仍照常踢足球、上夜店。
Nowobilska坦言，英國的醫療水準比較高，有「非常棒」的醫生，她一度也相當猶豫是不是要回去波蘭，但是當她搭上撤僑專機時，大部分的波蘭人都表示，「回去比較安全」。現在回到波蘭的她，也慶幸自己做了正確的選擇。
截至3日，英國已有約4萬人確診新冠肺炎，反觀波蘭，僅約3千人染疫。
</t>
  </si>
  <si>
    <t xml:space="preserve">新冠肺炎疫情衝擊觀光業，高雄旅宿業相當低靡，住宿率持續探底。高雄市長韓國瑜今（26）日中午開直播促銷，首先推出4間摩鐵、飯店，立即被秒殺搶購。韓國瑜直說，這是跳樓大拍賣，疫情間希望大家保持身心靈平衡，雖然不能出國，但熱情歡迎全台旅客來高雄玩，接著還有52家飯店陸續加入促銷方案。
韓國瑜今天實地到「樂逸文旅」關心旅宿業狀況，這家是全台首座以棒球為主題的主題旅館，韓國瑜也特地穿上棒球衣亮相，旅館執行長蔡肇洋一一介紹620顆明星簽名球的棒球牆、經典棒球衣，儼然是座博物館。
韓國瑜提到，希望日本及韓國球團冬天能多到高雄訓練，市府也在大力推動。另外，也積極爭取味全龍隊，明年一軍比賽將澄清湖棒球場當成主場。
接著韓國瑜直播推住宿優惠專案，他說，高雄3月是愛情月，推出海誓山盟路線，包括月世界、崗山之眼、六龜等，愛河已經為人熟知，但還有茄萣、梓官、興達港，可以用驚艷兩個字來形容。
韓國瑜表示，將推出56家旅宿業促銷，今天先提供4家最先響應方案給大家搶購，幫大家荷包省很多錢。像是「御宿汽車旅館」鳳山館，雙人房原價5300元，現在1899元，原本限量3組立即秒殺，後來再另外追加50組，也同樣賣翻。
另外，還有高雄十大摩鐵冠軍「印水涵觀景摩鐵」原價5360元的雙人房，現殺到2020元，再送1000元下次抵用券。福華大飯店原價9900元則下殺到3600元，再送3600元餐飲券。樂逸文旅則是原價2300元，下殺999元含早餐、下午茶。
</t>
  </si>
  <si>
    <t>台灣的防疫成績世界有目共睹，外媒也爭相報導，現連法國最大電視台也給予肯定，這讓來自法國的網紅路易很感動，迫不及待要和大家分享「差點要落淚了」。
法國最大電視台法國電視一台（TF1）在黃金時段新聞中，以「對抗新型冠狀病毒：台灣的秘密是什麼？」為題，分析台灣成功抗疫經驗，除了在一開始就採取迅速有效方式，來減緩疫情的蔓延，在機場、捷運、餐廳都會量體溫，政府也積極生產口罩，提供國人限額使用。
而最讓路易驚豔的是，TF1以「台灣是個很小的國家」來形容，雖然法國政府對台灣的態度很模糊，但最大電視台卻願意以國家來稱呼台灣，讓他非常感動，這是讓法國人認識台灣非常大的進步，因為TF1是每天都有幾百萬人收看的電視台。</t>
  </si>
  <si>
    <t xml:space="preserve">中央疫情指揮中心日宣布，搭乘大眾運輸工具應全程戴口罩，未戴者將先勸導，勸導不聽者將開罰3000元至1萬5000元。台中市政府配合中央政策，民眾即日起在台中市搭乘公車應全程佩戴口罩，並禁止於車內飲食，呼籲民眾配合。
中央流行疫情指揮中心繼4月1日公布「社交距離」指引，進一步宣布搭乘大眾運輸應全面戴口罩，未戴者可先勸導，若不聽從，將依照傳染病防治法處3000元以上、1萬5000元以下罰鍰。
交通局長葉昭甫表示，台中持續超前部署，加強交通運輸工具防疫措施，除計程車、公車全面性消毒等，也已要求大眾運輸業者；依照中央指示配合防疫，並加強與民眾溝通，讓疫情風險持續降低，呼籲乘客佩戴口罩時遵守「開、戴、壓、密」等步驟，讓口罩發揮最佳防護效果。
葉昭甫提醒，交通局已經在臉書「臺中市政府交通局」、公車智慧型站牌、即時公車動態資訊網站、「台中公車」APP、公車內站名播報LED等處提供最新大眾運輸防疫宣導，搭乘公車時戴口罩並勤洗手，如有身體不適（如發燒、咳嗽等呼吸道症狀）請儘速就醫，以確保自身及他人安全。
</t>
  </si>
  <si>
    <t xml:space="preserve">新冠疫苗開始在軍中施打後，驚傳台東2名官兵打完AZ疫苗後出現不適症狀；其中，空軍台東志航基地的士官長一度狀況危急，緊急送台東馬偕醫院治療，經醫生評估裝上葉克膜搶救，目前仍在加護病房住院觀察；另外，台東憲兵隊也傳出有官兵打完疫苗後不適。台東縣衛生局與軍方都證實確有此事，是否與疫苗有關，將由中央判定。
空軍台東志航基地一名士官長上月16日施打AZ疫苗後，27日出現身體無力、血壓升高等不適症狀，緊急送台東馬偕醫院治療，經醫生評估裝上葉克膜搶救後回穩，目前仍在加護病房住院觀察。軍方表示，這名士官長原本就有血壓偏高情況，不過平日身體狀況良好，施打11天後才出現不適症狀送醫，治療後病情已穩定，其他已施打AZ疫苗人員無類似狀況發生。
台東憲兵隊也傳出有人員在接種AZ疫苗後，出現身體不良反應。對此，台東縣衛生局表示，軍方2件官兵接種疫苗後，疑似出現不良反應個案，是否與疫苗有關，將由中央釐清判定。
</t>
  </si>
  <si>
    <t>寒假起跑，遇上國內新冠肺炎疫情升溫，台南市教育局建議師生寒假避免到外縣市並做好軌跡紀錄，至於畢業旅行是否停辦？教育局長鄭新輝表示，畢旅照常但避免到高風險區域，校內寒假營隊、課輔照常舉行，校外營隊若對象為非特定性，如無必要則建議取消。
台南市長黃偉哲今天被問到畢業旅行如何因應時，他說，畢業旅行是夏天的事，目前為止還沒決定，如果大家有防疫考量的話，會請各校從防疫角度思考要不要辦。
鄭新輝說，雖然台南市多數學校畢旅都已辦完，但仍有少部分學校還沒辦，今天已在校長會議告知各校畢旅不用停辦，但不能前往高風險區域，期末戶外學習活動也盡量在台南舉辦。寒假期間校內營隊、輔導課程照常，只需要做好防疫即可，但若是校外營隊為非特定對象，若沒有非參加不可的必要，則建議取消。
鄭新輝說，目前學校防疫物資持續滾動式定期檢討，目前物資無虞，也提醒學校隨時盤點，如有不足應立即補充。此外，他也請學校評估各項活動舉辦或參與必要性及風險性，非屬必要性活動宜改期或取消；必要性活動則採取室內100人、室外500人以上，應確實依集會活動防護措施及辦理原則規定辦理。
至於學校操場一向是社區居民運動場所，因對象具特定性，因此，還是繼續照常開放上學前、下午放學後的時候，提供民眾運動。
另，學校常有民眾來借場地辦活動或辦喜宴，鄭新輝說，若已借用且為婚宴使用，不方便再改變場地，仍出借，但需做好實名制等防疫措施，若為長期借用也要落實實名制，若為一次性出借性質，則暫停出借。</t>
  </si>
  <si>
    <t xml:space="preserve">搶全球之先，英國今天表示，本週準備開始發放美國輝瑞藥廠和德國生技公司BioNTech的2019冠狀病毒疾病（COVID-19, 武漢肺炎）疫苗，首先會在醫院施打，之後再分發到各診所。
第一批疫苗將從8日起施打，英國國家醫療保健服務（NHS）將優先施打80歲以上長者、前線醫護以及長照設施員工與住民。
英國上週批准輝瑞（Pfizer）與BioNTech研發疫苗的緊急使用授權申請，搶先全球，展開史上最重要的大規模接種計畫。共計英國訂購4000萬劑疫苗，足以供給這個6700萬人口國家的2000萬人施打，第一週預料可提供約80萬劑。
英國衛生部表示，從比利時送抵的疫苗將儲存在全國各地安全的地方，進行品質檢查。
由於輝瑞/BioNTech疫苗存放相當麻煩，必須儲存在攝氏零下70度環境，在一般冰箱只能存放5天，因此衛生部表示，疫苗初期將先在50間醫療院所施打。疫苗的解凍和使用準備要花上數小時。
英格蘭國家醫療保健服務（NHS England）已致函家庭醫師（General Practitioner, GP），請他們做好準備，12月14日起，即透過當地醫師服務展開疫苗接種。（譯者：鄭詩韻/核稿：嚴思(示其)）1091206
</t>
  </si>
  <si>
    <t>今年以來，全球主要股市皆因新冠肺炎疫情爆發而波動加劇，投資人的風險趨避情緒明顯上升，資金流入避險型資產。
觀察今年以來債券型商品的表現，無論疫情爆發前、後多為正報酬，其中尤以美國長天期公債上漲14.01％（截至2月底）最為亮眼，富邦投信量化及指數投資部主管粘瑞益認為，美債商品的抗跌特性可作為現階段危機入市首選，風險承受度較高的投資人可選擇長天期的美債ETF，風險承受度較低者，建議選擇較短天期的美債ETF。
由於新冠肺炎疫情迄今擴散狀況仍未控制，影響層面不僅是中國當地復工狀況，甚至擴及全球產業鏈方面。美國蘋果公司也提出警告，因為受到中國疫情的影響，供貨與中國內需都將下滑，3月當季的業績將無法達到先前公布的財測目標，美股應聲下跌。
因為新冠肺炎疫情的黑天鵝事件，資金流入避險型資產，2月12日當周，固定收益共同基金與ETF共進帳了236億美元，是自從2001年以來最大單周流入金額。其中，投入美國債券基金的資金占了154億美元，當中包括103億美元的投資等級債券。
粘瑞益指出，2019年是股債齊揚的一年，股債市場都達到雙位數的表現。儘管美國降息風暫停、利差已經收斂，但是黑天鵝事件的發生，仍為債券市場提供投資契機。觀察今年以來債券型商品的表現，無論疫情爆發前、後多為正報酬。
在近期市場避險情緒上升，資金湧入避險型資產的情況下，粘瑞益建議可以採取不同天期的美債ETF來分散風險，由於長天期的美債對市場風險敏感度較高，波動也較大，在短期市場擔憂情緒未消散的情況之下，風險承受度較高的投資人可以選擇如富邦美債20年（股票代號00696B）ETF擇機進場布局。
相對地，而對於風險承受度較低的投資人，則可以選擇較短天期的富邦美債7-10（股票代號00695B）ETF，不但可以參與債券價格上升的投資機會，也可以達到抗波動的效果。</t>
  </si>
  <si>
    <t>疫情指揮中心指揮官陳時中今日表示，採檢的民眾在等待通知期間，無論是等待多久，都先待在家裡不要亂跑，現在也會拉進健保的健康存摺系統，想辦法把篩檢陰性報告及時通知，讓大家查得到。
日前疫情指揮中心向採檢的民眾衛教要求，等待通知的時間，就先在家中自主隔離3天，如今時間差還在縮短，有媒體問到，是否要提醒民眾，不管要等幾天，都先待在家裡不要亂跑？陳時中回應「是的」。
陳時中說，現在會努力把及時通知民眾篩檢陰性報告，拉到健保系統，讓大家可以在健康存摺上查到。</t>
  </si>
  <si>
    <t>台微體（4152）子公司盈擘醫藥，26日宣布最新一篇描述ISPM21與ISPM19的潛在優勢的科學摘要，獲國際醫學氣霧劑學協會（ISAM）的科學委員會接受，並將於第23屆ISAM大會中發表。
盈擘專注於微脂體吸入劑型藥物開發，此次發表的研究報告為「利用吸入式微脂體抗病毒藥物之標靶傳輸來治療新冠肺炎之策略」，是屬於新醫療器材和新興療法類別的海報，將於大會網站上以電子版本呈現，並搭配口頭簡報，將在今年5月22至26日於美國愛達荷州博伊西市會議中心進行的大會中以實體方式呈現。
ISAM大會乃世界上最大的肺部藥物傳輸和呼吸健康會議之一。此研討會將聚集數百名與會者，包括臨床醫生、呼吸健康護理專業人士、重症監護專業人士、氣霧劑科學家和工程師、製劑科學家以及產品開發和監管專家。大會的目的乃促進當前醫學氣霧劑最新技術的科學討論。
台微體曾於瑞士舉行的第22屆ISAM大會中發表以吸入式微脂體尼達尼布來提升肺部疾病治療的科學海報。該海報的科學摘要刊登於氣霧藥物與肺部藥物傳輸期刊的新醫療器材和新興療法。</t>
  </si>
  <si>
    <t xml:space="preserve">新冠肺炎衝擊永安石斑魚外銷市場，漁民苦不堪言。市長韓國瑜日前開臉書直播，化身「賣魚郎」，讓訂單爆表，光石斑魚就賣出近9000尾，業績一舉突破200多萬元。高市海洋局16日再趁勢推出「高雄海味熟魚祭祖」組合包，搶攻清明節商機。
永安區漁會總幹事黃鶯指出，永安石斑魚外銷市場占7成，主要銷往大陸、香港、澳門，但因疫情影響，幾乎沒有訂單，就連國內桌菜市場也銳減，因此祭出平常買不到的優惠價，本來1尾石斑魚要價5、600元，現在只賣299元。
黃鶯表示，由於訂單爆量，石斑魚是新鮮現撈，無法全自動化處理，必須依賴人工清腮、清鱗、清魚肚後，再透過真空包裝送達消費者手中，目前會先消化完現有訂單，趕在3月底前全面出貨，另外預計再開放下一批促銷。
海洋局漁業推廣科科長林琳說，市長開直播拍賣，主要是因石斑魚外銷短期有停滯情形，因此鼓勵國人多多購買，促進內銷市場，活動開賣沒幾個小時訂單就突破百萬，可見價錢相當優惠，吸引民眾興趣。
海洋局長趙紹廉16日宣布，聯合高雄永安區漁會、得意中華及安得利食品，共同推出超值「高雄海味熟魚祭祖」組合包，包含高雄熟製的石斑魚及鱸魚等超值水產品，減少民眾外出至公眾場所採買的機會，更不需任何廚藝及烹調，簡單加熱就能食用；價錢從888元起，即日起限時開賣至25日12時止。
</t>
  </si>
  <si>
    <t xml:space="preserve">
新冠肺炎疫情在大陸31個省分全都出現確診案例，在四川，就有一名女子因為接獲消息，發現自己在確診患者出沒的地方工作，懷疑自己染上新冠肺炎，也怕因此傳染給家人，選擇離家出走，沒想到，10天後竟成了浮屍。
這名劉姓女子住在四川德陽，和丈夫在市區的市場經營雜貨店，日前因為聽到鄰居說，「某患者發病前曾前往該市場購物」，因此開始擔心自己感染新冠肺炎，更害怕傳染給家人。
劉女擔心感染，儘管家人不斷勸說，甚至已前往醫院檢查，結果正常，她仍心有餘悸。劉女在12日凌晨3點起床，穿上棉襖、戴著口罩出門，當時丈夫以為她是出門散心，沒想到上午5點仍沒有回家，感到情形不對勁，立刻出門尋找但沒發現她的蹤跡，只能報警處理。
當地警方接獲報案後，立刻動員仍找不到劉女，21日當地救援隊也介入協尋，調閱監視器畫面後發現，劉女12日曾走上黃河路大橋，但卻沒有過橋的身影，實際到現場看見橋上石頭欄杆和石階上有被踩踏的痕跡，初步研判婦人可能跳河輕生。
家屬隨後請消防隊打撈，但由於水面未發現婦人，猜測可能是被閘門口附近的潛流吸附在水底，最後決定開閘門洩水後再行救援；經過幾個小時的搜索，當地消防水上救援隊發現了「疑似人體」，為了怕被病毒感染，消防隊員先穿上防護服，才前往將人體撈上岸，最後順利將遺體轉運到岸邊。經家屬辨認，證實是失蹤10日的婦人，而這也讓家屬感到相當悲痛。
對此，德陽市疫情應急指揮部心理干預工作組專家劉平指出，劉女就是屬於「疑病狀態」，她從擔心被傳染，到懷疑有病，再到心理確認自己有病，其實就是疑病妄想，「如果是這樣的情況，建議患者和家人認真對待，最好及時到醫院心理科精神科尋求專業幫助，大陸中科院心理研究所副所長陳雪峰建議，在面對疫情時，一定要穩定情緒、理性分析，若真的無法放心，一定要主動尋求心理援助，才不會做出不理性的行為。
更多 CTWANT 報導
</t>
  </si>
  <si>
    <t>電子支付服務商PayPal周三盤後股價劇烈震盪，目前大漲8.52%，報139.24美元，稍早前一度下挫5.7%。該公司上季營收獲利不如市場預期，但看好即使防疫封鎖措施開始鬆綁，但保持社交距離的要求仍將帶動線上購物需求，本季電子支付業務將強勁復甦。
PayPal公布第一季營收年增11.8%，為46.2億美元，落後市場預期的47.4億美元。淨利為8400萬美元，年減87.4%；經調整後每股盈餘為66美分，落後市場預估的75美分。
但PayPal表示，新冠肺炎疫情為線上交易業務注入強心針，在截至3月底的季度，線上交易業務較去年同期成長18%，達到1910億美元。4月份新增客戶達到740萬人，創下歷史新高，當月電子交易業務額年增22%，為680億美元。5月1日的交易額更創下單日歷史新高。
執行長Daniel Schulman在法說會上表示，PayPal的產品與服務從未如此受到需要與歡迎。</t>
  </si>
  <si>
    <t>新冠肺炎疫情全球肆虐，停在日本橫濱港的「鑽石公主號」截至目前為止，已累計218名旅客和船組員確診，其中11名屬於重症患者。對此，就有網友好奇「海上郵輪，真的很好玩嗎？」貼文一出隨即掀起熱議。
數日前，停泊在基隆港、船上載有1738名旅客的「寶瓶星號」，我國中央流行疫情指揮中心登船替旅客進行發燒篩檢，其中128人採檢送驗，結果出爐，全數檢驗陰性過關。
對比現如今的「鑽石公主號」疫情險峻，就有網友在PTT「八卦板」PO文指出，「最近那兩艘海上郵輪，鬧得沸沸揚揚，一艘回台大家可以回家啦，全體歡呼；一艘還停在日本，簡直像個大毒窟…」
讓他不禁好奇，「郵輪確實是台灣最近很夯的旅遊方式，我雖然沒試過，但實在不能理解，一艘大船在海上漂泊幾天，然後偶爾靠港，到底有什麼好玩的？有沒有海上郵輪有真的很好玩的八卦？」
貼文一出隨即掀起網友熱議，紛紛留言回應「船上設施吧」、「還不錯！很多餐廳可以吃、表演可以看，把它想成一間移動式的五星飯店」、「公海就可以賭博了，就跟你跑去澳門一樣」、「躺在甲板上看海耍廢還蠻舒服的，好處其實就是你不用安排一堆旅程，純享受」、「好玩啊，有生之年要去一次，想快速玩一遍三天，慢慢玩五天」。
不少內行人更一面倒推爆一優點，「睡飽吃、吃飽睡，基本上自助餐廳都是開放的，不用再付錢，所以嘴饞就走到餐廳吃點東西，然後去玩玩郵輪設施，肚子餓再來吃東西」、「搭過一次公主號，體驗真的超棒的，3餐都有供應，隨時想吃東西都可以去；半夜肚子餓，大廳還有Mini Bar吃到爽；講真的郵輪超適合肥宅去的，絕對吃到爽」、「目前吃的最好的，就是現在有名的鑽石公主」。</t>
  </si>
  <si>
    <t xml:space="preserve">波蘭環境部長渥斯（Michael Wos）今天指出，他經採檢對2019冠狀病毒疾病（COVID-19，武漢肺炎）呈陽性反應，已自我隔離，還表示他目前覺得狀況良好。
法新社報導，波蘭確診病例已達156例，有3人死亡，已實施禁止外國旅客進入及關閉學校等預防措施。
29歲的渥斯推文表示：「一名我接觸過的國家森林員工昨天經檢測感染冠狀病毒後，我即進行隔離和檢測。」
這名已婚育有一子的波蘭環境部長說：「檢測結果是陽性。我現在覺得良好。我很感謝醫護人員，並對每一位患病者傳達聲援之意。」
其他感染武漢肺炎的國際政治人物，還包括法國文化部長里斯特（Franck Riester）、西班牙平等部長孟蒂羅（Irene Montero）和伊朗副總統艾伯特卡（Masoumeh Ebtekar）等。
</t>
  </si>
  <si>
    <t xml:space="preserve">航空業有4名包括機師及空服員確診，其為高風險公共服務業，外界質疑指揮中心只公佈病例數及曾到美國工作，資訊不透明，疫情指揮中心指揮官陳時中表示，如果無法確定其足跡，才會公佈，至於航空業等高風險共公服務業確診案例，未來會再研議是否針對其航班等資訊再做進一步的說明。
</t>
  </si>
  <si>
    <t>大陸這波的新冠疫情仍在持續，江蘇省原本的重災區南京8日病例「零新增」，但揚州連續7天新增本土病例超過30例，一省之內猶如冰火兩重天。不過，南京市衛健委副主任丁小平提醒，零新增並不等於零風險。由於揚州市的疫情居高不下，昨日起展開主城區的第五輪大規模核酸普篩，管控也再次升級，封閉社區管理、嚴格實行「足不出戶」，每戶每3至5天限一人外出採購。
疫情中高風險區216個
根據大陸國家衛健委9日通報，大陸8日新增確診病例125例，其中本土病例94例，（其中河南41例、江蘇38例、湖南12例、湖北3例）；境外移入病例31例，（包括上海8例，廣東8例、雲南8例、北京3例、內蒙古1例、浙江1例、四川1例、陝西1例），疫情中高風險地區216個。
南京市政府新聞辦公室9日舉行第20場南京新冠疫情防控新聞發布會，南京市衛健委副主任丁小平表示，南京8日無新增本土新冠肺炎確診病例，2個中風險地區降為低風險。但他也強調，「零新增並不等於零風險，當前疫情形勢依然嚴峻複雜，防控不能放鬆。」
南京新冠病例零新增後，市民們關心健康碼如何從示警的黃色轉為安全的綠色？丁小平表示，黃碼轉綠有2條件：一是居家健康監測滿14天（自碼變黃之日開始計算）；二是近7日內三次核酸檢測陰性，絕大多數人滿足這2個條件時，黃碼都會自動轉成綠碼。
南京市疫情成功壓制下來，但揚州市疫情仍處於高峰。揚州8日新增38例確診病例中，4例為輕型，33例為普通型，1例為重型。
7月20日至今，江蘇省累計報告本土確診病例592例，其中，南京市231例，揚州市346例，宿遷市3例與淮安市12例。揚州成為新的疫情風暴中心，累計確診病例比南京與湖南張家界的總和還多。
每戶一人 3至5天外出採買
由於揚州新增確診病例持續大量增加，為迅速查清並阻斷新冠肺炎病毒傳播鏈，揚州市9日上午6時30分起，展開主城區第五輪大規模核酸檢測。
揚州此輪檢測的範圍包括邗江區、廣陵區、經濟技術開發區、生態科技新城、蜀岡—瘦西湖風景名勝區範圍內全部居民（包含外地在揚人員），江都區參照主城區同步開展大規模核酸檢測。
揚州防疫管控於8日下午再次升級，實施範圍除主城區外，又增加江都區。封閉管理社區嚴格實行「足不出戶」，封控管理小區每戶每3至5天限一人憑出入證和蘇康碼、核酸檢測陰性證明等，經測量體溫後外出採購生活必需品。
有大陸專家就直言，揚州疫情可說是大陸二、三線城市面對Delta疫情時力不從心的縮影。與一線城市相比，小城市疫調水準不高，病毒傳播鏈難以精準回溯，且小城市主要以老人與小孩為主，除了疫調難，也增加治療難度。</t>
  </si>
  <si>
    <t>巴西衛生部長曼德塔(Luiz Henrique Mandetta)本周三召開記者會，宣布巴西確定出現首例新冠肺炎的病例，患者是一名61歲巴西男性，日前曾前往義大利北部，衛生部將追蹤搭乘同一班飛機返回巴西的其他乘客。
這名患者是一名住在聖保羅市的巴西男性，二月初因工作需要，單獨前往義大利北部倫巴底區(Lombardia)，於2月21日返回巴西後身體不適，25日住進聖保羅愛因斯坦醫院檢查，結果呈新冠肺炎陽性。巴西衛生部又委請病理化驗所進行第2次檢驗，結果也呈陽性，才宣布確認為巴西首個確診病例。
由於這名病患返國期間，恰逢里約狂歡節，機場進出旅客流量大，衛生部官員尚不排除有其他感染案例的可能性。衛生部表示，目前巴西還有22例疑似病例，其中11例在聖保羅。
2月初自武漢撤離回巴西的34名巴西僑民，在安納波里斯(Anapolis)空軍基地隔離檢疫14天後，新冠病毒檢測皆呈陰性，日前已准許各自離開基地返家。
南美洲為全球六大洲，最晚發現確診新冠肺炎病例的地區，巴西的第一起案例，也是南美洲的首例，顯示疫情已經遍及全球。當地正值夏天，專家正在觀察這種病毒在熱季的表現。</t>
  </si>
  <si>
    <t xml:space="preserve">世界衛生組織（WHO）組成的專家已在大陸的北京、廣州以及四川就地調查新冠肺炎疫情，但未到訪爆發原點武漢市，引起外界懷疑陸方是否有所不願公開。對此，WHO秘書長譚德塞宣布，正在大陸考察的國際專家聯合小組22日將前往武漢，在疫情爆發中心展開工作，增進了解病毒與疾病的嚴重性。
自大陸武漢市自2019年12月起爆發2019年冠狀病毒疾病（COVID-19），並擴散至各省及世界各國。而譚德賽先前表示世衛將組織派出國際專家聯合小組前往大陸後受到高度矚目，從專家人員組成到考察地點都成為新聞焦點。不過自傳出WHO專家參訪行程中包括了北京、廣州與四川，但並未包括疫情爆發核心湖北省武漢市，引起外界懷疑陸恐有所隱瞞。
據新華社報導，譚德塞宣佈WHO專家小組將前往武漢，在疫情中心展開調查工作。此前譚德塞表示，該團隊匯集包括美國在內的全球9個機構的流行病學、病毒學、臨床管理、疫情控制和公共衛生專家，如美國疾病預防控制中心、美國國家衛生研究院、俄羅斯國家肺結核和傳染病醫學研究中心、德國科赫研究所等機構的專家。
而中國衛生政策與管理學會會長陳希先前也已表示，為何WHO原先參訪行程未經過武漢市或湖北省，主要原因應該是湖北當前處在防控疫情的關鍵期，接待能力有限。
</t>
  </si>
  <si>
    <t>北市本月15、16日高齡長者接種疫苗後死亡個案，其中士林區96歲朱姓老翁、大同區92歲婦人以及新北市淡水歲81歲洗腎婦人，均在接種疫苗當天、隔天猝死，士林地檢署原本排定22日解剖釐清死因，但因家屬提供相關病歷資料，其中士林區、大同區案例均排除與疫苗有關，檢察官22日解剖新北市淡水區洗腎婦人，釐清死因。
96歲朱姓老翁16上午接種AZ疫苗後，告訴家人身體不適，在房間內休息，傍晚突然猝死，家屬告訴警消因老翁年事已高，放棄急救，但為了釐清死因，檢察官、法醫原本要解剖，家屬以老翁有心臟瓣膜方面的問題，並提供相關病歷資料，檢方排除死亡與接種疫苗有關，今下午決定不解剖，而大同區婦人也是類似情形。
新北市淡水洗腎婦人，15日洗腎後即接種疫苗，檢方決定明天解剖釐清死因，後續將根據簡體分析死因，釐清是否與疫苗造成的副作用有關，家屬可依預防接種受害給付相關規定，若有相關可申請50萬到600萬，無法確定的話將可申請30萬到350萬。</t>
  </si>
  <si>
    <t xml:space="preserve">隨著全球新冠疫情大流行，新冠疫苗的需求更加迫切。不過，在許多疫苗研究團隊宣佈取得進展的情況下，大陸的新冠病毒臨床研究項目數量卻出現停滯，其研究立項在全球相關研究比例從2/3減至1/2。大陸防疫專家鍾南山認為，要在大陸進行大規模臨床藥物或治療研究，已經沒有機會了。
據《英國廣播公司》(BBC)報導，目前除了大陸之外，世衛組織(WHO) 也牽頭協調資源研發疫苗，全球兩大製藥商英國葛蘭素（GSK）和法國賽諾菲（Sanofi）宣佈聯合研發疫苗，也有英國科學家們在臨床結果尚未完成前先讓疫苗小規模生產。
據WHO統計，全球臨床試驗已由4月7日的927項增至1135項。而大陸相關臨床試驗全球占比已從一周前的近2/3降至近1/2。英國牛津大學流行病學教授陳錚鳴對BBC表示：「中國前兩個月的臨床試驗，全球矚目。當時沒有協調，浪費了資源。」
陸媒指出，大陸現有598項新冠病毒臨床試驗通過專案立項，同時也有40多個項目被撤銷。陳錚鳴表示，大陸一下子上的專案太多，每個專案都需要病人，最後搞得零打碎敲。一個項目可能用了10個，20個甚至100個病人，但是什麼問題也解決不了。例如被譽為「人民的希望」的瑞德西韋（Remdsivir）在大陸的兩項臨床試驗已「暫停」，原因是「當前新冠肺炎疫情已得到良好控制，沒有符合條件的患者入組」。
鍾南山在《中國科學報》上指出：「很多研究被撤銷，是因為大概誰都想不到中國會那麼快控制住疫情。現在要在中國進行大規模的臨床藥物或是治療的研究，已經沒這個機會了。」他也坦承，「在中國，我們協作是相當困難，這是我自己的體會。全國一盤棋針對一些最要害的問題來協作，表面上都可以，但實際上有些是不行的。」
世衛組織最近期牽頭成立了一個由科學家、醫生、資助者和生產商組成的全球疫苗研究小組，以減少效率低下和重複勞動問題。先前世衛組織已聲稱，有3種疫苗進入臨床試驗，一種在大陸，另二種在美國，還有67種疫苗還在研發中。
報導說，英國牛津大學研究團隊將於今年9月有100萬支疫苗面世，但這批疫苗被標示為「可能有風險」，目前該疫苗正在招募志願者參與試用。牛津大學詹納研究所教授兼所長艾德里安．希爾（Adrian Hill）說，現在不僅是小規模生產，它們還在全球7個地區有生產商，其中3個英國，2個在歐洲，1個在印度，一個在中國大陸。
</t>
  </si>
  <si>
    <t>新冠肺炎風暴讓血庫鬧血荒，彰化縣福興東區扶輪社辦捐血活動使出送口罩妙招，掀起熱血沸騰，9點半才開始活動，卻從清晨4點多，就有人來排隊，讓人傻眼沒見過捐血這麼熱的，「怕是口罩荒比血荒還嚴重啊！」
彰化縣福興東區扶輪社年年辦捐血，疫情升溫本想暫停，經過討論後決定如期舉行，加碼捐血送口罩等物資，掀起熱血響應，天一亮就已經隊伍綿延了，9點主辦趕緊發號碼牌，200號、10分鐘發完，讓等待空檔，可以先歇歇，外地人逛逛鹿港風情。
縣長王惠美也到現場，表示現在是過渡期，政府加緊腳步趕工口罩產量，也希望鄉親正確地使用口罩。福興東區扶輪社是由鹿港福興地區企業家第二代新創立，除了捐血活動，也捐贈15個社區每個月20斤豬肉、25斤雞肉，讓長者在社區照顧關懷據點快樂用餐。
福興東區扶輪社長許書林表示，半年前開始籌備這次活動，社友捐各式物資，如鹿港古早味特色點心張大衛鹹蛋糕、保久乳、延長線、乳液、衛生紙、火災偵測器等，口罩做為贈品是個意外，始料未及啊。
捐血掀起轟動也引爆網友們熱烈討論，上午就在臉書呼籲如果是拿口罩就別來排了，「希望量力而為，凌晨4點就來排，別捐血完暈了」「哈哈哈！人性啊！畢竟口罩太缺了」。
有趣的是一邊排隊捐血領口罩，和衛生局排隊買口罩交鋒了，東區扶輪社安排人力進行酒精殺菌消毒及體溫量測作業，讓參與捐血有最好的防護。</t>
  </si>
  <si>
    <t>全球新冠肺炎疫情迄今沒有減緩趨勢，雲林縣政府再招標採購16萬多盒口罩，盼在學期末前發給學生，對象並擴及教職員工，每人2盒。
今年初剛傳出新冠肺炎時，雲林縣政府率先發口罩給幼兒園至縣立高中學生，1月22日先發1盒，10月間再發第2盒，小學三年級以下發的是幼兒口罩，共發出16萬2500多盒，耗資約810萬元。
鑒於全球疫情仍未受到控制，縣府教育處本月再招標明年度幼兒園至縣立高中生醫療口罩，額度仍是每人2盒，預計分兩梯次發，教育處盼下月就可發給學生，最遲在放寒假前。
教育處長邱孝文表示，除防範疫情外，東北季風季節縣內揚塵、境外汙染物移入的衝擊愈來愈大，他盼新採購的口罩早點發，目前各校仍維持上學前記錄體溫，小朋友也愈來愈習慣戴口罩。
雲林縣明年主辦全國中等學校運動會，防疫是一大挑戰，共有21項競賽，比賽場館目前如火如荼整修中，防疫物資也有備無患，邱孝文表示，將添購口罩、酒精、額溫槍、熱感測儀。
衛生局指出，雲林縣日前新增1確診個案，該個案入境即入住集中檢疫所，未涉足雲林縣，也無縣內相關接觸者。
縣長張麗善呼籲，12月1日起秋冬防疫專案啟動，出入醫療照護、大眾運輸、宗教祭祀、教育學習、觀展觀賽、洽公機關、生活消費、休閒娛樂等八大場所務必戴口罩，勸導不聽者將罰3000元至1萬5000元罰鍰。</t>
  </si>
  <si>
    <t xml:space="preserve">
隨著新冠肺炎蔓延，用於醫療的血液庫存也將告急。義大利傳出在60位捐血者中，有40人驗出新冠病毒，相當於將近7成的人感染，專家認為這些人可能都是無症狀感染者。
據《Oggi Scuola》報導，義大利洛迪省的一個小鎮卡斯蒂廖內達達（Castiglione Dadda）在60位捐血者中，有40人的血液被驗出是新冠病毒陽性，這時患者才驚覺自己染病，在這之前仍一直維持戶外活動，目前這些患者已進行隔離治療。
當地科多尼奧醫院（Codogno）醫師馬里歐（Mario Grazioli）表示，我們將對捐血站的每位捐血者進行病毒篩檢，若捐血者呈陽性反應，會立即進行隔離治療；若為陰性，經72小時後做第2次篩檢，以確保這些血夜是安全的。
歐洲新冠肺炎大流行，義大利是疫情重災區，確診人數達12萬8948例，不過在5日通報死亡案例是兩周內來最低，重症病患及非重症病患人數都有下降，代表疫情有趨緩的跡象。
更多 CTWANT 報導
</t>
  </si>
  <si>
    <t>國際穿戴大廠Garmin林口廠區1名員工染疫，桃園市衛生局表示，接獲消息後立即協助全廠區近500名員工採檢，目前356人結果出爐，全部呈現陰性反應。該確診員工為新北市民，相關疫調由新北市衛生局負責調查。
桃園市衛生局指出，7日當天接獲Garmin林口廠區1名員工確診的消息，緊急於當日進行全廠區採檢工作，採檢人數將近500名，初步356人結果出爐皆為陰性。雖然廠區地點在桃園，但因該員工落籍新北，相關疫調由新北市府進行。
中央流行疫情指揮中心指揮官陳時中表示，目前初步篩檢沒有群聚的現象，但目前仍在檢驗中，檢驗至今尚未發現有陽性。</t>
  </si>
  <si>
    <t>馬偕醫院17日傳出以跑馬燈方式，要求有板橋、萬華活動史的民眾禁止進入醫院，須自戶外就診。衛福部長陳時中17日回應，這「並非」讓民眾「不得入院」，而是比照戶外的發燒篩檢站，先在戶外做檢查，降低院內感染機率，保留醫療量能，而醫院執行防疫措施也要依據緊急與必要性。
至於媒體問及是否比照大陸設置「方艙醫院」，陳時中明確回應，「目前沒這考慮」，現在是要把有可能感染、與沒感染的人做好區隔即可。集中檢疫所近來擴充了200～300房，正持續擴充中。</t>
  </si>
  <si>
    <t>台灣抗疫今天是第一百天，中央流行指揮中心今天暢談一百多天來的新路歷程，其中專家小組召集人張上淳表示，這次民眾表現以及媒體精準報導，和當年SARS相比，進步很多，也謝謝居家檢疫與隔離的民眾配合。
疾管署署長周志浩表示，這一百天天天有驚喜，覺得我們國人大家都很沈穩，一關一關得很平穩的度過，感動的是台灣是個團結的社會，對國家更有信心。
發言人莊人祥說，想謝謝民眾每天固定這個時間收看直播說名，讓阿中部長一戰成名，也謝謝媒體報導，未來希望很快可以結束這場戰役。
張上淳表示，過去一百天除了指揮中心成立一百天但我們開始動作是12月31日開始，當中很謝謝阿中部長帶領的防疫團隊與跨部會合作，讓國家維持這樣的狀態是世界的典範，背後要感謝的很多，包含CDC同事，長久工作在一起真的很辛勞，一路下來不眠不休超過百天的努力工作，好多次除了CDC防疫團隊醫療工作同仁，也包含地方政府很多的衛生單位人員的一起參與疫調工作。
其次是警覺開始偵測到病人，這些病人分散在醫療體系許多醫院中，工作同仁包含通報採檢等，都很辛苦，隨著新病毒，全世界疫情狀況，專家團隊一直改變通報定義，第一線工作者非常辛苦，在醫院系統都還沒改好下一版又出來，他們幾乎追不上，一開始他們也抱怨中央一改再改，有點覺得不容易理解，但也知道我們為何需要這樣，但也讓台灣疫情可以密切追蹤監視到現在。
張上淳也強調，當然也謝謝所有民眾，水準很高，在先前跟ＳＡＲＳ年代完全不同，衛生習慣的養成和改變都是這次能順利控制疫情順利。「大家可以知道我們偶而會說要居家檢疫隔離啪啪走者，其實加起來所有的數字很可觀，當中只有少數個案沒有遵照規定，決大部分都是遵守規定，真的很不簡單。背後當然是部會一起設計的支持監測系統。」
他指出，居家檢疫目前有11萬人，居家隔離有9千2百多人，這樣數字只有少數沒有遵守規定，決大部分都是遵守要求的。因此真的很感謝民眾的配合，讓其他人可以更安全。
「零零總總加起來，過去超過一百天跟大家一起工作，讓我們國家可以更領先全球的成果，真的很感動。」
張上淳最後也提到，他曾經在電視節目說，媒體朋友比起當年SARS也進步很多，當年有說媒體是亂源之一，這次媒體精準的報導沒有製造恐慌，也很謝謝媒體做出正確精準的報導。很謝謝媒體幫忙國家一起做防疫。</t>
  </si>
  <si>
    <t xml:space="preserve">在雪梨一名16歲學生的新冠狀病毒感染檢測為陽性後，澳洲周五下達第一個學校關閉令。此外，該國總理莫里森（Scott Morrison ）警告，治療感染病患的公共支出可能會超過10億澳元（約6.61億美元）。
澳洲總理莫里森表示，他已經發函給澳洲各省政府，為治療新冠肺炎患者設立一筆規模達10億澳元的基金，同時警告所需經費可能更多。
目前為止澳洲的新冠狀病毒感染確診病例為60人，其中兩名確診的年長者死亡，而澳洲政府仍無法遏阻疫情擴散。莫里森在2月底時表示新冠肺炎爆發全球大流行是可能發生的事，他今天則首度詳述相關醫療成本。
澳洲最大城市雪梨的一名16歲學生成為該國最新確診病例。新南威爾斯省政府因此下令關閉雪梨這所「艾平男子高中」（Epping Boys High School），為期至少一天，成為該國因疫情關閉學校的首例，將近1200名學生與職員必須在周末期間自主隔離。
新南威爾斯省衛生部門表示，該名確診學生應是曾與其他感染者有過接觸而遭到感染，因此本地感染再添一例。
</t>
  </si>
  <si>
    <t>南韓新冠肺炎確診案例暴增，今更出現首名死亡案例，當地政府宣布進入社區傳播階段。中央流行疫情指揮中心宣布，即起起提升南韓旅遊疫情建議至第1級注意（Watch），提醒民眾遵守當地一般預防措施。至於重災區日本，指揮中心則擬將旅遊疫情建議提升至第2級警示（Alert），加強對日預警。
南韓新冠肺炎病例數快速上升，今日突破100例，更出現首名死亡案例。中央流行疫情指揮中心表示，南韓確診個案約7成為當地或疑似當地感染，其中有幾例感染源不明，並已出現多起群聚事件。
指揮中心指揮官陳時中表示，考量我國與南韓往來密切，昨起提升南韓旅遊疫情建議至第1級注意（Watch），提醒民眾遵守當地一般預防措施。
至於疫情持續延燒的日本，陳時中表示，非常可能進一步提高旅遊疫情建議等級，由第1級注意（Watch）提升至第2級警示（Alert），亦即加強預警，呼籲民眾前往當地需加強防護。
截至今日，國內共新增30例疑似個案，累計通報1941人，其中1844人已排除，其餘仍在隔離檢驗（42人初驗陰性、其餘待檢驗）。24名確診個案中，1人死亡，其餘個案病況穩定。個案接觸者尚有161人持續居家隔離，其中6人有症狀已通報（5人排除、1人檢驗中）。
指揮中心呼籲民眾，應落實肥皂勤洗手、避免觸摸眼鼻口，做好咳嗽禮節。若參加聚會活動，應做好防範措施，有呼吸道症狀者應在家休息。自國外入境時，如有發燒、咳嗽等不適症狀，應主動通報檢疫人員，配合各項防疫措施。返國後14天內如出現疑似症狀，可撥打免付費防疫專線1922，依指示戴口罩就醫，並告知旅遊史、職業別、接觸史及是否群聚(TOCC)，以及時診斷通報。</t>
  </si>
  <si>
    <t>據全國公信力民意調查民調今公布是否支持政府普發現金紓困，結果顯示有66.1%的國人支持普發現金來紓困，在透過交叉分析，高達53.4%的民進黨支持者、68.1%的無政黨傾向的民眾皆支持普發現金，對此，國民黨立委洪孟楷直言，難道這對民進黨來說，還不是多數民意嗎？蔡政府紓困振興還要慢幾拍。
洪孟楷今（30日）在臉書發文表示，一早出席國民黨中央記者會，公布全國公信力民意調查民調，用數字告訴民進黨背離民意到底多遠，疫情期間，百業受到嚴重衝擊，更有許多弱勢家庭連三餐都要煩惱，自己在選區響應的「愛心待用餐」很快就發放完畢，「隱性的窮困」非常的多，換言之很多人亟需援手、度過難關，用最快速的時間發現金，解燃眉之急真的很困難嗎？
政府若能直接普發現金，洪孟楷認為，不用重蹈行政成本、不需印製時間和拿現金來換，且直接使用沒有限制，更重要的這就是多數民意的展現，他希望政府，不要再用意識形態讓錯誤政策繼續「擾民、傷財」了。
洪孟楷稱，立法部門總共通過四次紓困預算，分別為600億、1500億、2100億及4200億，共8400億來幫助人民度過難關，現在還有 1600億空間可以運用，拜託蔡政府看見民意、聽見民意，正視紓困不周延、規劃慢半拍的問題，謙虛地傾聽民意、趕快普發現金，幫助大家度過難關。他直言，足夠的疫苗、直接發現金，這是多數民意、更是台灣在後疫情時代重振精神的解方，持續要求一個有責任的政府，向人民負責。</t>
  </si>
  <si>
    <t>國產疫苗還沒做臨床三期就被蔡總統「欽點」表示7月底可望開打，引發爭議；國政基金會永續發展組召集人陳宜民建議，可以讓國產疫苗在雙北疫區做三期試驗，引發熱議。台北市長柯文哲4日下午在防疫記者會中指出，「在台北市政府做得到的範圍內，一定會協助國產疫苗的試驗。」陳宜民隨即表示感謝柯P回應，並建議可以用「圈選接種」（Ring Vaccination）的理論所設計的臨床試驗。
國政基金會永續發展組召集人陳宜民4日在臉書表示，感謝柯P回應他的建議，願意考慮在台北市做第三期新冠肺炎疫苗臨床試驗。
陳宜民並附上聯亞疫苗王長怡董事長提出，由她的顧問Dr. Tom Monath建議、針對確診者接觸者的第三期臨床試驗。這是一個利用「圈選接種」（Ring Vaccination）理論設計的臨床試驗。
陳宜民說，「圈選接種」不會給參與者打安慰劑，而是把他們分成兩群，一群馬上打疫苗，另外一群則等三15天後再打疫苗，再比較這兩群疫苗接種者發病的比率。這種「圈選接種」臨床試驗已經應用在天花及伊波拉病毒的防疫工作上。
陳宜民說，希望柯P能夠與他及王長怡董事長見面討論一下，「因為面對新冠病毒持續蔓延的疫情，我們沒有鬆懈的本錢！」</t>
  </si>
  <si>
    <t xml:space="preserve">上海市衛健委今天指有一名在台工作的陸籍人士，17日從台灣出發入境上海，在隔離期間出現症狀，20日確診。這是上海第5例從台灣來的確診個案。中央流行疫情中心發言人莊人祥表示，目前已連繫對岸但對方尚未回覆，並統計從去年疫情爆發至今，台灣已輸出60例確診到大陸、菲律賓、日本、越南等國。
上海市衛健委今早通報3月20日的4例確診個案中，其中一例來自台灣，為一名大陸籍人士，在台灣工作，自台灣地區出發，於3月17日抵達上海浦東國際機場，入關後即被集中隔離觀察，其間出現症狀。綜合流行病學史、臨床症狀、實驗室檢測和影像學檢查結果等，診斷為確診病例。為第5例台灣輸出的上海確診病例。
對此，莊人祥表示，今天上午已透過大陸窗口，希望取得這名在上海確診案例的資料，不過對方尚未回覆。莊人祥也指出，從去年到現在共有60例台灣輸出的個案，但至今這60案都沒看到對台灣疫情有影響。
</t>
  </si>
  <si>
    <t>上海今（18日）20時起，啟動3至5歲人群登記預約接種新冠疫苗。據了解，此次接種人群暫不包括於3至5歲外籍人士、港澳台人士、華人華僑。
根據上海市疫情防控工作領導小組辦公室消息，上海按照「知情、同意、自願」原則，分步有序推進接種工作。此前已啟動6至17歲人群新冠疫苗接種服務，從今（18日）起，將為有意向接種的3至5歲人群開通新冠疫苗登記預約接種服務。
據了解，目前接種疫苗為國藥、科興疫苗，基礎免疫全程接種2劑次。至於3至5歲外籍人士、港澳台人士、華人華僑則根據有關部署安排，另外適時啟動接種工作。</t>
  </si>
  <si>
    <t>北京台商協會日前已開始受理登記在京台商台胞接種新冠疫苗，《自由時報》日前刊出報導，有台商投訴被「半強迫」接種。大陸國台辦發言人朱鳳蓮今天(27日)反批，這是惡意造謠、用心卑劣，她現場展示一份「同意書」，證明台胞是在知情同意下自願接種。
朱鳳蓮表示，目前大陸各地新冠肺炎疫苗接種工作正在有序實施，對包括大陸台胞在內的符合條件的民眾，都會作出妥善安排。多位台胞受訪表示，對大陸疫苗有信心，願意盡早接種。
朱鳳蓮表示，北京市從1月1日開始啟動新冠肺炎疫苗重點人群接種工作，已完成超過190萬重點人群第一劑疫苗接種。在京自願接種疫苗且符合條件的台商台胞接種工作，由北京市台辦協調北京市台資企業協會進行安排。
「需要強調的是，大陸疫苗接種完全在自願申請、知情同意的前提下進行。」朱鳳蓮痛批，「島內某些政客及某些媒體臆造所謂『半強迫』接種完全是惡意造謠。」「事實勝於雄辯。民進黨當局和島內某些媒體誣蔑抹黑大陸疫苗接種，用心卑劣。」
「可以給大家看一下，接種疫苗都需要簽一份疫苗接種知情同意書」，朱鳳蓮現場拿出一張黃色的紙張向媒體展示，「每一位接種的台胞都會填寫知情同意書來表達個人意願。」
朱鳳蓮表示，去年12月15日大陸正式開展重點人群新冠疫苗接種工作以來，截至1月20日，已累計開展疫苗接種1500萬人次。已有40多個國家提出進口大陸新冠疫苗的需求，有的已批准使用大陸新冠疫苗。這些都充分證明瞭大陸新冠疫苗良好的安全性。
朱鳳蓮表示，大陸疫苗接種工作有序推進，並實施全民免費，使符合條件的群眾都能實現「應接盡接」，逐步構建起免疫屏障，阻斷新冠病毒傳播。</t>
  </si>
  <si>
    <t>新冠肺炎疫情持續蔓延，目前全球累計超過14萬確診病例，死亡人數達5千多人。BBC整理出世界衛生組織（WHO）秘書長譚德塞（Tedros Adhanom Ghebreyesus）多次公開發言內容，網友看完拳頭都硬了。
BBC中文網摘錄出譚德塞發言，在臉書表示，「新型冠狀病毒疫情爆發以來，世界衛生組織總幹事譚德塞都公開說過什麼？」
1月23日譚德塞說，「中國分享疫情信息非常及時，及時採取相應措施，展現出相當高的透明度。」
1月31日，「世衛反對任何針對中國的旅遊及貿易限制」。
2月11日，「中國以外的疫情傳播可能『冰山一角』……必須團結對抗病毒，確保疫情不會失控。」
2月12日，「比起恐怖襲擊，病毒能引發政治經濟文化動盪的威力更大……國際應該更積極對抗疫情，把這項病毒視為頭號公敵。」
2月21日，「中國新型肺炎新增病例持續減少，趨勢令人鼓舞。」
2月24日，「現在使用大流行一詞不符合事實，肯定會引起恐慌。」
3月2日世衛組織再次表示，2019冠狀病毒疫情仍未構成全球大流行。3月11日，世衛組織正式宣布，2019新型冠狀病毒肺炎成為大流行疾病。
譚德塞說詞反覆，日前才終於改口表示新冠肺炎「全球大流行」，網友留言罵翻，表示「反指標」、「打臉總是來的快」、「除了說廢話，他到底幹了什麼？」「他說什麼，反向思考/動作就對了」、「他是否欠全世界一個道歉？」</t>
  </si>
  <si>
    <t>截至15日下午4時，台灣新增6例境外移入新冠肺炎病例(從案54到案59)，指揮官陳時中表示，這次一口氣確診6位創下國內單日最高紀錄。對此，婦產科名醫蘇怡寧在臉書上怒轟「我真心不理解，這個時候出國旅遊的概念是⋯？」嘲諷性PO文一出，立刻引起大批網友跟著痛罵。
蘇怡寧在臉書上分享中央流行疫情指揮中心針對案54到案59的確診通報資訊，他語帶諷刺地吐槽詢問眾網友：「我真心不理解，這個時候出國旅遊的概念是⋯⋯🤔🤔🤔請給我一個合理的答案，謝謝」
網友們一看也紛紛譴責，幫回答罵說，「可能覺得自己沒那麼幸運會被傳染～」、「捨不得已繳團費+僥倖我不會被傳染到的心態」、「政府應該請他們全額自付醫療費用！」、「超自私！讓國人曝在風險中，應該自付所有醫療費用！」、「好好待著不要趴趴走很困難嗎」。不過也有人理性留言，「阿中部長有交代，不要給他人貼標籤，要正向防疫」。</t>
  </si>
  <si>
    <t xml:space="preserve">
受到新冠肺炎的影響，日本厚生勞動省從3月18日開始，提供自由業者每日4100日圓（約新台幣1,147元）的救濟，同樣的問題在澳洲也存在，沒有保障的臨時工（causal worker）現在嚴重陷入工作危機。
在澳洲，工作的僱用方式分成全職、兼職及臨時工，其中臨時工因為工作時間不固定，保障較少，也沒有特休，他們多半是在咖啡廳及餐廳工作。隨著新冠肺炎爆發，餐飲業受到巨大影響，對於19至30歲的年輕人，許多收入不足的人，可能會變得付不起房租而無家可歸。尤其在墨爾本或雪梨等大城市，房租更是驚人，就算能領到每周失業津貼198澳幣（約新台幣3,542元），租金的佔比可能就超過59%，嚴重影響生活品質。
其實在澳洲，約有650萬人是低收入所得，雖然政府提供一次給付750澳幣（約新台幣13400元）的救濟，但並不包括臨時工的部分，政府打算提出要提高臨時工時薪的政策，但遠水可能救不了近火。
目前澳洲的工作者，每4人就有1人被歸類在臨時工的範圍，雖然並非全部都低收入，但畢竟例外是少數。根據澳洲統計局的調查，臨時工的存款超過2400元澳幣（約新台幣43,000元）的佔34.6%，600元澳幣（約新台幣10,700元）以下的也有27.4%，更有超過11.5%的人負責中。如今受到新冠肺炎影響，臨時工們可能連工作都保不住，政府要如何顧及這些人，也是很頭疼的問題。
更多 CTWANT 報導
</t>
  </si>
  <si>
    <t>流感疫苗開打，南投縣衛生局5日前進名間鄉松柏嶺集會所，由副縣長陳正昇率先示範接種疫苗；衛生局長黃昭郎表示，今年公費疫苗施打對象，取消先後排序，因此請符合條件民眾，就近到衛生所或醫療院所施打。
陳正昇表示，新冠肺炎疫情尚未結束，除了遵守新生活運動，配戴口罩以及保持社交距離外，更應注意保護身體的健康；每年10月至隔年3月是流感好發的高峰期，接種流感疫苗是預防流感最有效的方式，鄉親若符合公費施打的條件，應踴躍接種疫苗以避免流感。
黃昭郎表示，今年衛生局購置13萬7000劑的疫苗，若以全縣人口覆蓋數量計算，可達到27.5％，這樣的比率能夠有效確保社區防疫的安全；另外，往年公費疫苗施打對象，有安排先後順序的差別，今年則將排序取消，因此，如果符合公費施打條件的民眾，請持健保卡至衛生所，或102家流感合約醫院及診所接種。
疫苗接種除自費施打外，如果符合公費流感疫苗接種對象，如50歲以上成人（59年次）；出生滿6個月至五專三年級以下學生族群；高風險慢性病患、肥胖者BMI≧30；罕見疾病患者、重大傷病患者；孕婦及家中有6個月以下幼童之父母等皆可免費接種。
流感病毒傳染力強，感染後容易併發重症的心肌炎、腦炎、肺炎等疾病，嚴重時可能造成死亡，一般人接種流感的保護力達30-80％，接種流感對健康成年人達70-90％保護效果，對老人則降低50-60％嚴重性併發症及減少80％死亡率。
此外，為提供接種可近性及便民服務，縣府亦請各衛生所及醫療院所，在社區活動中心、關懷據點、發展協會等，廣設社區接種服務，如果企業、工商團體、社區管委會等單位，揪團人數達35人，衛生所可提供便利接種服務， 請撥打衛生局專線（049）2220904或免費防疫專線1922洽詢。</t>
  </si>
  <si>
    <t xml:space="preserve">大陸新冠肺炎確診病例已破4.4萬宗，死亡人數也超過千人，疫情蔓延全球近30國。如今德國證實，南部巴伐利亞邦新增2例，使這歐洲人口最多國家的新冠肺炎病例增為16例。
據路透報導，巴伐利亞邦衛生廳說，新增2例和慕尼黑西方斯坦柏格（Starnberg）地區汽車零件供應商「偉博思通」（Webasto）的員工間傳染有關。
偉博思通1月說，一名陸籍員工在拜訪慕尼黑附近的史托克多夫（Stockdorf）總部後，返回中國大陸時確診感染新冠肺炎。報導說，這名陸籍員工在訪德期間，顯然將病毒傳染給幾名德國籍同事。
另一方面，世界衛生組織（WHO）今天將去年12月31日在中國大陸首度確認的致命冠狀病毒疾病正式命名為COVID-19，而這種傳染病俗稱武漢肺炎。
</t>
  </si>
  <si>
    <t>Omicron病毒來勢洶洶，世界各國陸續傳出本土病例，衝擊我國年底的跨年、耶誕等大型活動。衛福部長陳時中今天表示，雖然現在臨時變動的可能性不高，但大家仍要做好心理準備。
立法院社福及衛環委員會今天就新冠變異病毒Omicron，邀陳時中出面說明疫苗、邊境管理等因應政策。民進黨立委邱泰源質詢，使否有提出阻擋Omicron病毒入侵的具體措施？陳時中表示，除積極安排第三劑接種外，還將改變旅客入境後的採檢模式。
陳時中說明，旅客入境後必須住進集中檢疫所、防疫旅館，並在第七、十天接受採檢，由於此階段感染者的病毒量較高，為避免病患將病毒帶入醫院，將安排採檢人員至集中檢疫所、防疫旅館進行採檢，現在已完成配對，讓採檢報告能在一天內完成。
陳時中也提到，Omicron的空氣傳播可能比較強，由於秋冬期間大多民眾都關在室內，民眾除注意通風外，還要加強快篩，雖然現在變異病毒對台灣還沒有影響，年底的大型活動臨時變動的可能性不高，但民眾仍要有心理準備。
陳時中指出，一旦在邊境驗出Omicron病毒，第一圈必須守很緊，包含匡列對象須擴大二至三圈，包含同班機旅客、防疫計程車等都要注意，至於變更大型活動舉辦則是不得已的最後手段，但現階段仍是防疫優先，盼民眾能夠體諒。</t>
  </si>
  <si>
    <t>當前新冠肺炎疫情蔓延全球，2月28日又傳出有紐西蘭、奈及利亞、亞塞拜然等國出現首例確診病例，讓全球出現疫情的國家數增至56國，總感染人數突破83,000人。世界衛生組織（WHO）祕書長譚德塞日內瓦時間27日發出警告，此病毒具有成為全球流行病的潛力，輕忽將是「致命的錯誤」。
此外，隨著日本也因持續增加確診病例，我中央流行疫情指揮中心22日將日本旅遊疫情調升為二級警示，外交部28日晚間也宣布，自即日起調升日本旅遊警示燈號為「黃色」，提醒國人特別注意旅遊安全並檢討應否前往，也調升北海道旅遊警示燈號為「橙色」，建議避免非必要旅行。
截至2月27日，全球總感染人數83,746人，較上日新增1,241人；累計死亡人數2,861人，較上日增加52人。而中國大陸27日新增327例確診，創1月23日以來新低，死亡人數新增44人，雖然新增病例逾一個月新低，但大陸國家衛健委專家組組長梁萬年28日強調，防控疫情形勢仍然嚴峻複雜，不能盲目樂觀。譚德塞27日出席於瑞士日內瓦舉行的記者會上表示，伊朗、義大利和韓國的疫情正處於決定性的時刻，這三個國家的疫情顯示出新冠肺炎病毒的能力。
我對日本警示升至黃色
我外交部28日強調，日本新冠肺炎確診病例持續增加，近八成為當地或疑似當地感染，其中未知感染源者高達29％，且已發生數起社區及醫院群聚感染。加上美國疾病預防管制中心（CDC）已將日本列為第二級旅遊「警示」（Alert），綜合考量下，決定即日起將日本的警示燈號提升為「黃色」警示，特別注意旅遊安全並檢討應否前往，並調升北海道旅遊警示燈號為「橙色」，建議避免非必要旅行
中央流行疫情指揮中心28日宣布，國內新增二例新冠肺炎確診個案，第33例為北部30多歲男性，2月中參加日本大阪旅遊團返國出現症狀，這也是首例從中港澳以外境外移入案例。第34例為50多歲女性，近期無國外旅遊史，研判於國內感染。</t>
  </si>
  <si>
    <t>主持人李培禎12日爆出確診新冠肺炎，她透露5月中旬疫情爆發後，便一直在家陪小孩，3周內才出門3次，即便防疫措施做到滴水不漏，卻依舊染疫，今（16日）稍早除了在臉書發文報平安，表示隔離滿一周之外，也不忘提醒大家要保持運動習慣。
李培禎至今隔離滿一周，稍早在臉書跟所有人報平安，透露這段期間除了一日三次回報健康狀況，就是規定自己每天要運動三十分鐘以上，接著表示相信所有人都聽過「快樂缺氧」，也就是身體在不自覺情況之下缺氧，如果疫情期間只是躺著滑手機，便不容易發現身體變化，因此提醒大家除了要保持運動習慣之外，運動前後更要觀察血氧變化，更強調「如果運動後血氧反而降低，就要注意囉」。
接著不忘建議所有獨處狀態的人，最好能找一個伴一起視訊運動，這樣不但安全，也能激勵彼此堅持下去，更強調：「不要跟我說加油，要請你跟我這樣做」，樂觀面對病情的正面態度，讓網友紛紛留言：「在此之前，我以為感染者都是病懨懨，希望妳趕快好起來」、「辛苦你了，祝福你未來會越來越好」。
李培禎雖然正在防疫旅館隔離，但慶幸的是老公與2個小孩都未感染，也沒有症狀，更不忘提醒所有人：「永遠不要低估新冠肺炎病毒，就算很小心，也不代表不會染疫。」呼籲所有人要做好防疫措施，才能提升免疫力。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國際半導體產業協會（SEMI）公布最新北美半導體設備出貨金額，5月達23.46億元，衝上三個月以來新高。SEMI全球行銷長暨台灣區總裁曹世綸表示，儘管新冠肺炎疫情肆虐全球，5月半導體設備出貨金額仍顯示半導體產業的長期韌性仍存在。
SEMI公布5月北美半導體設備製造商出貨金額為23.5億美元，不僅連續八個月站在20億美元關卡之上，更達到三個月以來新高，月增2.9％、年增13.1％。
在5G及AI等兩大新興技術持續發展帶動下，使先進半導體、記憶體及封裝製程需求不斷成長。晶圓代工龍頭台積電下半年將開始放量生產5奈米製程技術，後續更將有4奈米及3奈米等先進製程加入。
由於半導體大廠持續在製程及產能上投資，使極紫外光（EUV）光罩盒家登、檢測廠閎康及宜特、探針卡廠旺矽及精測、廠務設備相關的朋億及漢唐等可望受惠，帶動下半年營運持續暢旺。</t>
  </si>
  <si>
    <t>許多罹患新冠肺炎的患者，可能在癒後飽受頭痛、嗅覺喪失、胸痛等後遺症的折磨，甚至還可能面臨中風、失語症、器官受損等嚴重風險。根據美國喬治亞州立大學與喬治亞理工大學一項新研究發現，曾經接受氧氣治療、曾經有發高燒症狀的新冠肺炎患者，他們有大腦額葉灰質體積減少，影響到額顳的神經網路的交流能力，導致患者在癒後可能會出現情緒障礙的原因。
●曾高燒或缺氧新冠患者　大腦灰質體積減少
這項研究團隊，神經影像科學轉化研究中心分析120例的神經系統患者的大腦斷層掃描，其中包含58例急性新冠病例及62例非新冠肺炎患者，研究發現新冠患者在出院時與出院後6個月，如果曾經出現發高燒、缺氧症狀，他們大腦灰質體質會有縮小的情況，儘管他們的心血管疾病已獲得良好控制，但仍無法改變灰質減少的情況。
●大腦灰質發生變化　癒後情緒障礙的原因
灰質是中樞神經系統很重要的部分，當灰質異常會影響神經元的功能與交流能力。喬治亞州大學心理學教授文斯·卡爾霍恩（Vince Calhoun）表示，精神分裂症等情緒障礙者，這有可能與灰質減少影響的神經元功能有關。而新冠病患的神經系統併發症有越來越多趨勢，研究指出新冠病毒可能通過發燒或缺氧症狀影響額顳網路，導致大腦額葉灰質發生變化，這也說明為何新冠患者在癒後會表現出情緒障礙的原因。
對此，研究團隊認為額顳網絡的灰質變化，或可用作新冠患者在預後或評估疾病治療方案的生物標記，該研究已刊登在《Neurobiology of Stress》期刊上。</t>
  </si>
  <si>
    <t>造成南韓新冠肺炎大肆感染的源頭、韓國新天地教主李萬熙，昨(2日)召開記者會時，首次下跪公開道歉，不過即使他行大禮謝罪，仍止不住南韓人民怒火，而記者會當時，他的身旁有一名神秘女子，不斷在他耳邊提醒，要如何說話以及應對，突然間成為全南韓人最好奇的人物，並形容她是「人間助聽器」。
李萬熙昨到會場時，遭媒體圍堵，問他是何時抵達研修院時，李萬熙回答是2月27日，但該女子立刻在他耳邊說請說17日，李萬熙立刻改口，但都被現場媒體聽得一清二楚，接著她又提醒李萬熙，當媒體問到他是否有四處趴趴走時，一定要回答媒體「沒有，都固定待在研修院內。」
因此，現場媒體都相當好奇這號隨時跟在李萬熙身邊，卻不知道是何方神聖的神祕女子身分。韓研究新天地教的專家分析，這名女子應該是相當於李萬熙第二任前妻金南希的人物，而且是除了李萬熙外，實際上可以掌控新天地教會的第二號人物。
專家表示，這位金姓女子在新天地教會扮演非常重要角色，教會內有12支派長老，多年來這些長老們要知道教主李萬熙人在何處？或是想要見他，甚至傳達訊息，都只能單獨透過這位金姓女子傳達，地位相當重要，因此韓國司法與衛生當局，目前也正密追查這位金姓神祕女子來歷。
其實，韓劇《救救我》也是以「邪教」背後醜陋面作為題材，探討邪教組織，而劇中教主身邊同樣有個盲目崇拜他的信徒，在教團裡面職稱是執事，負責幫教主處裡大小事，因此新天地教會事件爆發後，也讓大家聯想到這部韓劇，一度又登上搜尋引擎排行榜。</t>
  </si>
  <si>
    <t xml:space="preserve">第五批莫德納疫苗9.96萬劑前天抵達桃園機場，衛福部長陳時中表示「數量很少」，因此這批疫苗的施打對象還尚未定案，對此，藍委鄭麗文表示，即使有新的自購莫德納抵台，近6成人民仍等不到第一劑預約通知，這可看出最根本的問題，就是蔡政府的國際疫苗就是買太少也來太少，但政府不急著解決疫苗不夠問題，卻急著要讓人民施打國產疫苗，讓她不禁痛批：國產疫苗是黨產疫苗嗎？
鄭麗文今（10日）在臉書發文表示，指揮中心日前宣布「第五輪莫德納打完，第六輪就要開打高端」，但高端疫苗仍遭外界諸多質疑，就急著要讓人民施打，這樣完全護航的疫苗政策，更讓人高度懷疑蔡政府是否想間接迫使人民接受高端疫苗？
雖然目前疫情降到二級，鄭麗文指出，但現在Delta病毒持續擴散，多國疫情再起，面對來勢洶洶的Delta病毒，蔡政府不是想要積極的解決疫苗不夠、高端疫苗保護力和副作用等問題，而是大搞認知作戰，側翼、網軍、內宣一條鞭，企圖道德綁架民眾，指責所有對於高端疫苗提出質疑的人，通通都是居心叵測、不健康。
鄭麗文直言，如果未來疫情持續，而蔡政府採購的國際疫苗又遲遲不到貨，那未做三期試驗、批准的四個批號未連續、又未獲WHO緊急授權的高端疫苗，是不是就會成為多數人民不認同卻又不得不接受的唯一選擇？
</t>
  </si>
  <si>
    <t>一年一度的科技界盛事全球行動通訊大會(MWC)今年度的展會因為新冠肺炎(NCP)疫情未歇，官方已宣布停辦，創下 33 年來首例。其中有不少原定在 MWC 期間舉辦發表會的品牌，都決定改以線上發表的方式讓新品亮相，包含 Sony、OPPO 等等。而華為(Huawei)據了解將按照原定計畫，在 2/24 舉辦線上發表會。按照先前傳聞，全新的可折疊螢幕手機，也就是 Mate X 的接班人有望登場。
根據《Huawei Central》網站報導，華為預定在 2 月 24 日西班牙巴塞隆納當地時間 14:00(北京/台灣時間 2 月 24 日下午 9 點)，以線上直播的方式舉辦發表會，內容將以英文來進行發表。據了解華為有機會進一步宣布他們在 1+8+N 全場景智慧策略的布局。其中「1」、「8」與「N」各別以太陽、行星、衛星的概念來理解，指的是華為手機、八項延伸產品(平板、PC、耳機、音箱(或音響類產品)、眼鏡、手錶、車機、電視)，以及5大應用場景(包含智慧出行（地圖、車載資訊系統等）、影音娛樂（遊戲、影片等）、運動健康（血壓計、智慧秤等）、智能家居（攝影機、掃地機器人等）、行動辦公（印表機、投影機等)，意指環繞華為手機的全場景應用。
本次發表會的最主要焦點，除了華為可能公布 1+8+N 策略的最新布局計劃外，亮相新品可能包含 Mate X 全球上市的計畫，或是新一代可折疊螢幕手機(Mate X的下一代)，還有新智慧手錶、平板、5G 相關設備等等。除此之外，預定在 3 月份在法國巴黎發表的 P40 系列，《Huawei Central》也認為有機會在本次發表會中有更多消息曝光。</t>
  </si>
  <si>
    <t>桃園市新增4確診本土案例，年齡為20多歲至40多歲之間，皆為確診者接觸者。桃園市政府公布確診者足跡，包含汽車旅館、好事多、家樂福、全聯、菜市場等。確診者累計898人，目前居家隔離人數為411人。
桃園市新聞處資料顯示，4名確診者年齡為20多歲至40多歲，累計確診案例898，居家隔離人數411人。4人皆為確診者接觸者，分別為案15621、案15622、案15623、案15640。
市府也公布確診者足跡，15至20日間，包含168Motel平鎮館、Costco桃園中壢店、家樂福八德店、里萊行旅、家樂福經國店、小北百貨北埔店、潮旅館、南崁菜市場、貝克漢汽車旅館、全聯龜山大同店。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伊恩和蜜雪兒•霍恩（Ian and Michelle Horne）結婚近10年，兩人無話不談，可說是靈魂伴侶。約會第一天，伊恩就要求吻未來的妻子，而她也答應了。當兩人結婚時，由於蜜雪兒最愛紫色，於是伊恩特別打了紫領帶。
然而，據CNN新聞網20日報導，在新冠肺炎病魔的作弄下，活活拆散了這對恩愛夫妻。去年秋天，確診的蜜雪兒在長期搏鬥下，終於因併發症辭世。但就在妻子去世後不久，這位堪薩斯州晨間廣播音樂節目主持人懷疑，妻子是不是還在和他說話。
當他凌晨開車去上班時，看到了奇異的景象：公路兩邊約有24盞路燈變成了紫色，宛如夜空中綻放光芒的薰衣草色珍珠項鍊。而伊恩認為，這是已故妻子給他的訊息。「蜜雪兒知道，我每天凌晨去上班的路線，而那也是她去醫院最後一程的路線。」伊恩說，他只記得，當時自己不禁微笑，滿心想著蜜雪兒是這麼靠近他。
新冠肺炎大流行病肆虐至今，已奪去超過60萬美國人的性命。有些人還來不及和心愛的家人告別，就因為隔離而孤獨地辭世。然而，也有人像伊恩一樣，說因新冠肺炎過世的親人還是設法找到機會，和他們說再見。
雖然他們的經驗也許不同，但往往令人難以言喻。有些人是在超真實的睡夢中見到過世的親人，有人是突然聞到熟悉的香水味，還有人則是看到家裡寵物出現不尋常的行為。另外有人的經驗比較戲劇化，像是感到有人碰自己的肩膀、突然聽到病逝的親人發出警告，或是看到床尾出現過世不久親人的身影等。
這些故事聽來或許令人難以置信，但事實上，歷史上並不乏先例。在當事人，或是過世的親人無法接受不告而別時，似乎常會出現這種狀況。每當出現疫病大流行，爆發戰爭，或是重大的天災時，往往會傳出有逝去親人想要和他們接觸的消息。例如，1918年流感大流行期間，還有2001年9/11恐攻事件後，就不斷傳出，有人看到過世親人，甚至對方想要交談的經歷。
而在這次新冠疫情大流行中，在加拿大教英文的皮娜（Marie Pina）就有了親身體驗。她說，去年11月時，79歲的母親因病房爆發新冠肺炎感染，經篩檢後證明確診，接著被隔離。後來她雖然在12月返家，但身體已十分虛弱，大約過了4個月後，就過世了。
皮娜說，就在母親伊奈姿（Inez）辭世的那天早上，她正在臥室要拿拖鞋時，突然感到肩上有隻冰冷的手，她一轉頭，就看到母親坐在身邊，面無表情地直視前方，但容貌卻年輕了20歲。她說，母親的手好冷，感覺就像剛從外面進來一樣。
此外，皮娜說，過了不久，有一天她在煮母親愛喝的菠菜湯時，突然聞到媽媽身上的香味。她說，自己在攪拌菠菜湯時，和先生一起在廚房聞到母親的味道，前後約5分鐘，而他倆都感到驚奇不已。
</t>
  </si>
  <si>
    <t>大陸央視新聞報導，廣州市疫情防控14日下午舉行新聞發布會，繼天津發現中國首例Omicron陽性病例之後，廣州也發現廣東首例境外輸入奧密克戎（Omicron）陽性病例。
病例，男，67歲，家住越秀區華樂街天勝村65號。11月27日從國外入境，集中隔離期間多次核酸檢測均陰性。12月11日，解除隔離後乘飛機（CA1837）返回廣州，閉環轉運至越秀區家中居家隔離；12日，華樂街社區衛生服務中心為其例行採集核酸標本，13日淩晨通報結果初篩陽性，經市、區疾控中心重採樣覆核結果均為陽性。病例閉環轉運至廣州醫科大學附屬市八醫院隔離治療，經進一步檢查和專家會診，確診為新冠肺炎普通型，目前病情穩定。
廣州市疾控中心對該病例的鼻拭子進行新冠病毒全基因組測序和序列分析，經省市疾控中心覆核，報國家疾控中心確認，檢出新冠病毒為Omicron變異株。
截至12月14日12時，累計排查到重點場所篩查人員10544人，已出結果均為陰性。累計採集環境樣本132份，128份環境樣本檢測結果陰性，4份陽性均為病例住所發現。
稍早，天津市疾病預防控制中心對12月9日自歐洲境外輸入新冠病毒無症狀感染者呼吸道標本進行新冠病毒全基因組測序和序列分析，經中國疾病預防控制中心覆核，均確認檢出新冠病毒Omicron變異株（B.1.1.529進化分支）。在津感染者係入境閉環管控人員，目前於定點醫院隔離治療。中國首次發現新冠病毒Omicron變異株。</t>
  </si>
  <si>
    <t>市場資金豐沛，僑外資企業入手新北廠辦交易案頻傳，今年以來，包括開發國內新冠肺炎快篩試劑的僑外資醫療科技公司「泰博科技」、定河資產管理、木木子投資等僑外資公司，均購入新北五股、三重等地廠辦、廠房，具自用、收益價值的工業地產，仍是不少海外資金鎖定入手的標的。
實價登錄顯示，泰博科技1月以約3.76億元買下五股區五工一路的一層樓廠辦，可做倉儲和試驗研究用；3月定河資產管理公司砸9.4億元買下五工三路整棟六層樓逾3500坪的廠辦，為今年新北最高總價廠辦交易，目前各層分租給其他公司使用。此外，木木子投資公司1月也以4.75億元買下三重區溪尾街整棟七層樓廠房。
台灣房屋新莊頭前旗艦特許加盟店店東鄭文凱表示，新北產業園區也就是早期的五股工業區，已經發展20至30年之久，此次成交的兩件五股整棟廠辦交易，均位在五股和新莊的交界處，近機場捷運A3站和國道一號交流道，交通便利性高。
鄭文凱指出，去年全球疫情爆發，台灣相對防疫措施做得好，陸續吸引僑外資公司投資，整棟廠辦及100~200坪的辦公大樓買氣增加，再加上新莊有不少新興重劃區開發，原本舊工業廠房陸續遷移至鄰近的樹林、三峽、鶯歌等地區，新莊和五股工業廠房、廠辦日趨稀有。
台灣房屋集團趨勢中心執行長張旭嵐表示，近年美中貿易和疫情因素台商陸續將重心轉移回台灣，也增加僑外資來台設廠數量，新北、桃園等地區如土城、林口、五股及三重區廠辦需求增加，這類型廠辦產權單純、使用面積大、貨車進出方便，又可做為倉儲、廠房、倉庫、汽車修配等多元行業使用，租賃需求穩定，而許多僑外資公司資金豐沛，買下廠辦置產收租，除了讓資金有去處。</t>
  </si>
  <si>
    <t>國際生技大廠輝瑞、莫德納（Moderna）相繼宣布好消息，但國人最快何時可以打到新冠肺炎疫苗？對此中央流行疫情指揮中心發言人莊人祥今天表示，指揮中心已經編列就是編列115.5億元經費，目標就是要購買到每劑要價約700元台幣，約可購買1500萬劑疫苗來計算，最快明年中後，民眾就可以施打到國際的新冠疫苗。
美國研發中的莫德納（Moderna）新冠疫苗昨天宣布第三階段試驗初步數據顯示，疫苗在預防Covid-19方面有效性超過94％。而外電報導，美國、加拿大都已經購買了一億劑，台灣要買到的機會可能不大。
對此，中央流行疫情指揮中心發言人莊人祥今天表示，目前其實整個全球疫苗都是在臨床試驗階段，連最近有好消息的ＢＮＴ和Moderna都在第三期，候選疫苗眾多，不會單一押寶，還是先向COVAX購買。
至於指揮中心會向國際購買多少疫苗？莊人祥說，目前就是編列115.5億元經費，換算下來，就是總共預計購買1500萬劑的新冠肺炎疫苗，換算每季要價700元台幣去計算，他還說，價格可能比700元更低。
莊人祥也表示，有關Moderna這支疫苗，仍要看它何時可以通過臨床試驗，而這疫苗和ＢＮＴ相比，冷鏈、冷藏上比較有利，Moderna冷藏溫度需要零下20度，但可以在普通冰箱存放二到三天，對於儲存比較有利，這是中間選項部分，因此會去努力爭取。
莊人祥也強調，目前Moderna雖不在COVAX釋出的首波候選名單，會不會進入第二波指揮中心也沒有把握，但是今年八、九月時，我們曾和Ｍ聯繫過，也有直接的管道，未來是否有其他代理的廠商，「有任何的管道我們都會去嘗試。」</t>
  </si>
  <si>
    <t xml:space="preserve">
近來歐美確診人數飆升，疫情恐怕捲土重來，在疫苗問世之前，復甦之路遙遙無期。根據國際航空運輸協會（IATA）預測，2024年才有可能回到疫情前航空業的水準，在航班停飛、航空公司紛紛祭出裁員令之際，貨運成為航空公司唯一收入。由於第四季是傳統旺季，10月底也將迎來另一波運費漲價，中菲行（5609）總經理邱鈞榮表示，11月1日運價漲定了，公司持續關注客戶需求，提供不同的物流解決方案給客戶，協助客戶有效管控物流成本。
中菲行受惠於宅經濟與資通產品需求升溫，廠商訂單增加，第一季到第三季已經繳出一張漂亮的成績單，第三季營收54.03億元，年增16％，創同期新高，第二季每股獲利3.75元，更是超過去年全年每股獲利。第四季的策略為穩健經營，協助合作夥伴安全共度險峻的一年，對於中菲行第四季的表現，同樣保持審慎樂觀的態度。
2020年1至9月台灣總體出口量與去年同期相比成長1.4％，進口量與去年同期相比衰退2.9％，但若加上其他貨源來看，總貨量與去年同期相比仍成長1.5％。由於華為禁令造成的拉貨效應，2020年9月出口貨量創下新高，達到42,900噸，10月則受到中秋與國慶連假及中國十一長假的影響，截至10月25日為止，出口量預估至月底較上個月略減不到一成，但總貨量仍成長近3％。
10月連假過後，隨著iphone新機、PS5等新品上市的搶購熱潮，供應鏈跟著沾光，追加訂單帶動廠商出貨暢旺，市場需求看漲，航空公司通知11月2日起調漲美國線運費，本週市場行情約落在美國西岸每公斤運價新台幣330元、美中每公斤運價新台幣340元、美國東岸每公斤運價新台幣350元左右，後續加上雙十一、黑五、聖誕節等商機，運價可能還有上調的可能。
由於美中貿易戰與新冠肺炎的衝擊，廠商開始反思供應鏈全球化的風險，減少對中國的依賴。根據經濟部資料顯示，2019年起政府推動投資台灣三大方案，帶動台商回台投資、根留台灣，目前投資額已破1.1兆，像是欣興電子在桃園投資、友達在台中投資、群創在台南投資、國巨在高雄投資，巧新在屏東投資，同時也創造了近9.3萬個就業機會，帶動今年台灣經濟保持正成長。
此外，因考量到東南亞人口紅利、低廉工資、當地內需市場的優勢，加上當地政府把握此波遷廠投資潮所釋放的利多（例如: 印度政府提供「生產激勵計畫（PLI）」方案），已吸引許多廠商陸續轉移至東南亞、印度設廠，像是大聯大、緯創、台達電、華碩也將生產基地移至越南、馬尼拉、雅加達、印度等地。
中菲行跟隨客戶腳步，看好印度成長潛力，自2012年起佈局印度市場，至今於印度有六個分公司：首都新德里Delhi（DEL）、南部班加羅爾Bangalore（BLR）、南部清奈Chennai（MAA）、西部工業大城艾哈邁達巴德Ahmedabad（AMD）、中部大城海德拉巴Hyderabad（HYD）、第一大城孟買Mumbai（BOM）等，中菲行跟隨客戶腳步，針對廠商已經設廠的地區，提升員工與服務內涵，隨著客戶需求服務整個供應鏈。
中菲行也重視人才培育，透過定期訓練課程，提升員工的專業度、整體團隊能力，提升員工素質及生產力以迎接隨時的挑戰。
</t>
  </si>
  <si>
    <t xml:space="preserve">大陸傳出軍事科學院軍事醫學研究院院士、女少將陳薇領銜的科研團隊，成功研制出重組新冠疫苗，進入臨床測試。前國民黨副祕書長蔡正元在臉書發文，簡介陳薇如何棄文從軍，研發SARS干擾素、伊波拉病毒疫苗，以至新冠疫苗。他意有所指強，「重要的是，陳薇沒有被吹捧成神，不像某幾個人，不過就做了很初步的事，就大肆造神。」
蔡正元說，陳薇3月16日宣布製成冠狀病毒疫苗，正式進入臨床測試；從1月26日陳薇被交付任務進駐武漢，1月28日做出快篩劑，3月3日疫苗研發突破。
他說，陳薇是清華大學高材生，畢業時棄藥廠高薪，也放棄獎學金不出國，應軍隊號召棄文從軍，專研韓戰時的士兵疫情，成為大師級的病毒剋星。
「當年清秀可愛的清華生，如今成為救世活菩薩。」蔡正元說， 2003年陳薇發明SARS干擾素，作為醫療人員的噴鼻劑，使用者無人感染。 2014年陳薇成功，發展伊波拉病毒疫苗，也是世界首發。
蔡正元強調，陳薇已親自施打冠狀病毒疫苗，期待臨床實驗成功。重要的是，陳薇沒有被吹捧成神；不像某幾個人，不過就做了很初步的事，就大肆造神。
</t>
  </si>
  <si>
    <t>媒體人周玉蔻昨日於疫情中心發布消息前，逕自在個人臉書發文暗示當日新增207例確診，外界關注如此是否該開罰，對此，有粉專在社群平台發起投票活動，高達91%的受訪者認為，政府應該開罰周玉蔻，以召公信。
周玉蔻昨（16日）中午時分在臉書貼文明確指出一個207數字，並說「還好不是幾何式成長！好家在！繼續防疫！」此文一出，引發外界熱議，許多網友也在此po文底下留言表示，不贊同周玉蔻搶先指揮中心記者會前散布不明來源，遭周玉蔻反嗆回應。
針對周玉蔻搶先爆料確診人數，衛福部長陳時中第一時間竟反問「講這數目有違法嗎？」僅表示要請法治研議一下，對於陳時中回應，網友譏諷，「顏色對了什麼都對了」。
對此，粉專「不禮貌鄉民團」今（17日）在臉書發起投票活動，詢問「媒體人周玉蔻昨天在疫情指揮中心新聞發布之前，搶先公布台灣當日染疫人數，你認為政府是否應該開罰 」？截至今日中午為止，已有3161位網友投票，認為「應該開罰，已召公信」的高達91%，而認為「沒有惡意，可以不罰」僅為9%，投票時間將於18日停止。
大批網友在其po文底下留言表示，「我覺得這種行為很不妥當」、「如果不罰，那是不是其他記者也可以鑽漏洞隨便公布疫情相關事情」、「覺得指揮中心裝死的機率比較高」、「開罰啊！她又不是指揮中心」、「如果這都不罰，那陳時中就包一包，以後給周玉蔻開防疫記者會了啦」、「因為陳時中之前說過，不論真假都不行」、「現在是蔻蒄姐在當防疫中心指揮官嗎」、「法律是左邊，但是自己人是右邊」。</t>
  </si>
  <si>
    <t>台北市疫情尚在延燒，各行政區仍有群聚感染發生，台北市長柯文哲指出，他要用數字觀察防疫重點在哪區，並用大規模核酸檢測（PCR）將社區黑數掃出。他也重申疫苗是新冠疫情的終極解決方案，目前北市已有40萬3292人口完成接種，約為總人口數的15.6％，是六都第一。
綜觀北市各行政區確診病例，柯文哲指出，在每星期確診數變化上，市府都校正到用發病日做標準，看數字就知道防疫重點在哪區，如中山區就是上周濱江市場的問題，中正區則因有感染個案去做社區普篩，大同區有1人傳12人，萬華區則有批發市場案例，因此會按照科學精神追蹤每週數字變化，若往好的方向就繼續做，不正常就去處理。
柯文哲說，從上周開始PCR篩檢超過2萬，算很大規模清掃，表面上看起來確診數沒有降很快，但他認為那波已將社區黑數全部掃出，現在則進一步在北市7家醫院設置免費PCR篩檢，建立社區普篩能量，希望這周確診數能再次大幅下降，未來還是用數字監控再決定防疫政策。
針對北市第4波接種成果，柯說這波預約8萬2658人，實際接種7萬6776人，預約接種率高達92.9％，還可以再更高，現在還會加上取消預約制度，還是希望說大家都可以來，之後希望可以更高，對醫院端來說準備疫苗會比較方便。
「疫苗還是最後的解決方案啦！」柯表示，北市目前已有40萬3292人接種過疫苗，總人口數有15.6％，反正中央有發疫苗下來，就會盡量打完，到今天是70歲以上會登記，明、後天是68歲以上，拜託大家要打疫苗儘量用上網預約，節省行政成本。</t>
  </si>
  <si>
    <t xml:space="preserve">王大陸和王爸爸買下一代妖姬崔苔菁的愛巢，是她在1984年以每層樓約兩百萬元購入，並使用頂樓平台當作花園；然而，在崔苔菁擁有該樓中樓時，惱人風波卻不斷。二○一四年，崔苔菁被鄰居控告侵占停車位，對方請求返還每月租金九千元的不當得利，北院一審判決崔苔菁勝訴。
隔年，住戶與管委會再度提告崔苔菁，認為七樓以上都是違章建築，並要求崔苔菁歸還頂樓平台，避免影響住戶逃生。雙方纏訟近三年後，二○一八年高院判決指出，崔苔菁購買的樓中樓，為建商「大地建設公司」在一九七七年合法興建的建物，並非該大樓領用使用執照後，才違法增（改）建的建物。
此外，當年建商銷售房屋時，已約定頂樓平台由樓中樓住戶專用，因此法院認定崔苔菁有權使用，判她勝訴免拆屋。至於通往平台的一道鋁門，崔苔菁從未上鎖，並不會阻礙全體住戶緊急避難與逃生。有住戶透露，該處近年已無人居住，只有崔苔菁的兒子偶爾會回來看一下。
一名房仲業者表示，王家父子入手的社區公設比例低，鄰近熱鬧繁華的東區商圈，生活機能相當完善，步行到捷運忠孝復興站僅約四分鐘，加上周邊還有大安森林公園、學區是明星學校仁愛國小，稱得上是「夢幻逸品」。對王大陸來說，捷運、公園或學區，可能不是吸引他購屋的主因，但在黃金地段置產投資或自住，還能與好兄弟柯震東比鄰而居，卻是很大的吸引力。
更多 CTWANT 報導
</t>
  </si>
  <si>
    <t>高雄2日新增1例本土確診個案，該名染疫者與近日發生的「特殊交友圈」旅館群聚開趴案有關，同時是案15770的密切接觸者，被匡列隔離後發病確診，目前整案在高雄已導致5人染疫，共匡列3圈共403位相關接觸者，除了已公布的5位確診個案，其餘398人PCR採檢皆呈陰性反應。
根據高市府衛生局疫調顯示，高雄新增的確診個案是30多歲男性，他於7月26日與先前公布確診的染疫男子有過接觸史，7月31日出現發燒、全身倦怠、痠痛、咳嗽、寒顫等症狀，並在同日被匡列為接觸者前往醫院採檢，8月1日醫院通知PCR檢驗結果陽性確診，CT值16.7，目前在負壓隔離病房治療當中。
高市府衛生局說明，新增的確診個案在7月26日下午4時到晚間9時30分，有到先前公布的30歲染疫男子住家長時間聚會，在雙方密切接觸下，新增確診的個案在31日出現症狀，整起事件從指標個案到最新確診的個案，共匡列3圈相關接觸者403人，除了已經公布染疫的5例個案，其餘PCR採檢均為陰性，因此研判社區擴散風險在可控範圍內。
高雄市長陳其邁表示，雖然該案的社區擴散風險不高，但父親節就要到來，南北移動還是有一定風險，所以他建議，南北移動的民眾不管是回家或訪客盡量能免則免，但假如真的有必要，則務必戴上口罩，回到獨立房間後再脫下口罩，才能確保家庭不被感染。
衛生局2日在防疫記者會上公布該名確診個案的相關足跡，他曾在26日到過全家便利商店高雄鼎華店，接著到三民區上泰藥局，隔日也曾分別前往7-ELEVEN樹科門市及甲圍門市購物，30日到過全聯岡山大仁北門市，31日赴丁丁藥局右昌店。</t>
  </si>
  <si>
    <t xml:space="preserve">墨西哥總統羅培茲歐布拉多（Andres Manuel Lopez Obrador）周日晚宣布，他已罹患新冠肺炎，並進行居家隔離。
據美聯社和《值得》（Axios）新聞網報導，67歲的羅培茲歐布拉多推文說，他的症狀輕微，並正在接受治療。「一如往常，我很樂觀，」他說，「我們全都會向前邁進」。最初新冠肺炎開始大流行時，有人問他，要如何保護墨西哥，而他驕傲地從皮夾拿出兩個宗教護身符示人。
據約翰霍普金斯大學（Johns Hopkins University）統計，至今墨西哥有超過170萬人染疫，近15萬人喪生。然而，羅培茲歐布拉多一直淡化戴口罩的必要。他去年7月說，「你們知道我甚麼時候會戴口罩嗎？直到沒有貪腐的時候，到那時我就會戴上口罩，閉上嘴」。
此外，他還說封城和強制規定戴口罩是「獨裁專政」的手段。他因為應對新冠肺炎疫情的方式，還有在公開場合未以身作則，適當採取防疫措施而廣受批評。羅培茲歐布拉多很少戴口罩，就算疫情期間，也忙著搭機四處飛。此外，他堅持為了經濟而不封城，說那會影響許多墨西哥人的生計。
羅培茲歐布拉多推文說，在他療養復原期間，內政部長柯黛蘿（Olga Sanchez Cordero）會暫代他的職務。而出席周一到周五每日記者會的，將是柯黛蘿，而不是一上台，通常就滔滔不絕，連續講個兩小時，中間毫不間斷的羅培茲歐布拉多。
</t>
  </si>
  <si>
    <t xml:space="preserve">湖北省司法廳退休副廳長陳北洋一家3口都感染新冠肺炎，不料卻以醫院病房沒有到標準，因此拒絕到醫院隔離，甚至還搬到另一個沒有感染的社區居住，根本不理會勸導。對此湖北司法廳表示，紀檢部門已經介入，目前陳北洋及其家屬都已送進醫院隔離。
綜合陸媒報導，醫護人員三催四請，但陳北洋仍堅持不肯就醫；他提出3個要求，第一要住好品質的醫院，有單人房，第二與兒子要在同一間醫院，第三同意當晚由醫院來家裡做病毒核酸檢測，如果結果為陽性就進醫院，陰性的話就不走。
由於陳北洋帶病搬進無人感染的社區，造成附近民眾人心惶惶。社區12日在他家門口貼上封條，禁止他出入。到了隔天，社區、警方及醫護工作組再次上門勸導，雙方僵持1個半小時，終於讓陳北洋上車；不過陳北洋要求不搭救護車，非得要坐公務用車的私家車才走。
對此，湖北司法廳表示，陳北洋一家已於13日送進醫院隔離，因為陳北洋是省管幹部，監委會將會按照規定處理，絕對不會放任不管。
更多 CTWANT 報導
</t>
  </si>
  <si>
    <t>國內今天新增1例本土個案，為桃園20多歲女性，指揮中心表示，該確診女性Ct值14，7日快篩陰性、8日當作發病日，6月初打過一劑AZ疫苗，目前確認感染Delta，感染源不明，是桃園機場機艙清潔人員，將從該女的清潔航班上的確診乘客中，尋找可能感染源。
指揮中心說明，今日新增1例本土個案，為20多歲女性，9月12日出現輕微流鼻涕、頭暈等症狀，9月14日因工作需求篩檢，於今日確診。衛生單位已匡列家庭及工作接觸者45人，均列居家隔離，餘匡列中。衛生單位將持續進行疫情調查及防治，以釐清感染源。
醫療應變組副組長羅一鈞表示，這名本土個案Ct值14，9月7日時，因工作要求做快快篩陰性，9月8日視為可傳染期。若以9月12發病日來框檢算三天為9月9日，從嚴來算從9月8日開始匡列相關接觸者。
羅一鈞表示，該個案六月初時曾打過一劑AZ疫苗，還不算突破性感染，而指揮中心這次也是比照裝修工夫妻做快速病毒序列分析，因此很快得知是Ｄelta，接下來會再跟國內其他Delta做比較，加上她是航空器上的客艙清潔人員，也會就相關的航班確診者做相關比對，要經過定序的結果，看她與跟其他境外移入的病例有什麼不同，釐清感染源。
指揮中心也統計，本土定序為delta累計36例，其中13例為六月份屏東群聚相關、1例為九月份國籍航空機師群聚相關、21例為九月份新北幼兒園及社區群聚相關，以及1例為今天公布之桃園機場航班清潔人員案例。
境外移入方面，中央流行疫情指揮中心今(15)日公布國內新增4例境外移入，另確診個案中無新增死亡。
指揮中心表示，今日新增4例境外移入個案，為3例男性、1例女性，年齡介於20多歲至50多歲，分別自法國(案16209)、美國(案16210、案16212)、菲律賓 (案16211)入境，入境日期介於8月31日至9月13日，均持有搭機前3日內檢驗陰性報告。
指揮中心統計，截至目前國內累計3057142例新型冠狀病毒肺炎相關通報(含3039848例排除)，其中16103例確診，分別為1478例境外移入，14571例本土病例，36例敦睦艦隊、3例航空器感染、1例不明及14例調查中；另累計110例移除為空號。2020年起累計839例COVID-19死亡病例，其中829例本土，個案居住縣市分布為新北市411例、臺北市318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日本國新冠肺炎今天新增確診1635例，超越8月7日單日新增1605例，創下新高紀錄。專家認為隨著氣溫下降，第三波疫情實際上已經爆發。
面對疫情急速擴大，日本政府決定繼續限制大型活動人數到明年2月，電影院則有條件放寬。
NHK報導，東京都今天新增確診393例，連續兩天超過300例。上次東京都單日新增病例超過390例，是3個月前的8月8日。北海道新增236人染疫，改寫新高，其中札幌市占了164例，也是札幌市新高紀錄。北海道已經8天連續新增破百例，專家認為，北海道已經進入傳染加速的「第三波」疫情。
另外，神奈川縣和兵庫縣兩縣都創下單日新增病例最高紀錄。日本政府對於傳染風險較低的活動，人數限制則加以放寬，例如電影院看電影，即使有觀眾在看電影時吃爆米花等食物，若在沒有飲食的時候戴口罩、場地有充分通風，就可以容許坐滿觀眾。</t>
  </si>
  <si>
    <t>安盛生科（6734）在美國Future of Health 2020宣布該公司規劃在今年第四季推出安必測新型冠狀肺炎智能抗原快篩（PixoTest POCT COVID-19 Antigen Test）與數位健康通行證（PixoHealth Pass）。
安必測新冠肺炎智能抗原快篩最快可以在5分鐘內偵測出陽性結果，這將會是市面上檢測時間最短的新冠肺炎抗原快篩產品之一。安盛生科這一波將推出的檢測方案不僅止於精準的抗原快篩，也結合具加密保護機制的PixoHealth Pass數位健康通行證，可同步發出檢測結果到陰性受測者的智慧型手機以資證明。此數位健康通行證的應用，將對於全球仍須嚴格把關的公共場所及公開聚會活動出入進行更有效率的門禁監控。
受測者在進行安必測新冠肺炎智能抗原快篩檢測之前需先下載PixoHealth Pass APP，完成註冊後此應用程式會產出具專一性的QR code（二維條碼），檢驗機構接著使用安必測專用機掃描受測者提供的PixoHealth Pass APP條碼；在完成測試後，系統會自動發出檢驗結果到個別受測者的手機中。
安盛生科目前正與國際合作夥伴規劃臨床測試，預計於第四季進行取證送審相關作業，期望今年能在目標市場推出安必測R新冠肺炎智能抗原快篩解決方案。
安盛生科成立於2012年，是智慧行動醫療科技的先驅。整合三大技術－光電學、生化與影像處理，發展出PixoTech技術平台，將智慧手機轉化為精準的醫療檢測儀器、透過即時的醫療檢測與無縫的資料同步，促進以數據驅動的健康照護。
安盛生科在2017年推出PixoTest血糖監測系統，是全球首獲美國FDA核准的智慧手機血液檢測產品。其致力於發展居家自我檢測和專業臨床診斷在感染疾病、婦女健康和慢性病領域的應用，已推出專業IVD體外診斷儀器－PixoTest POCT（安必測）定點照護儀，與Eveline（伊必測）智慧排卵檢測等多項產品，並進行PixoTech技術授權及共同開發。</t>
  </si>
  <si>
    <t>新冠肺炎疫情擴散，前總統馬英九也頻頻發表意見，不僅遭「抗煞英雄」葉金川點名閉嘴，更遭昔日下屬楊志良嘲諷「不適合當總統」，對此馬英九今天(27日)受訪時，笑著回媒體「他怎麼現在才知道呢」，讓全場傻眼。
馬政府任內的衛生署署長葉金川、楊志良先後在25、26日的廣播節目《周玉蔻嗆新聞》中輪流批評馬英九，葉金川點名馬英九、台北市長柯文哲與行政院長蘇貞昌少打口水戰，讓防疫回歸專業；楊志良更是火力全開，直說馬是好人，但根本不適合當總統，還強調這是他跟葉金川的共識，引發熱議。
馬英九今天提前參拜228紀念館，事後受訪時，被媒體問及此事，他先是「喔」了一聲，回「他怎麼現在才知道呢」，接著「呵」的一聲笑了出來，試圖幽默打圓場緩和氣氛，未料在場媒體全部傻眼，沒人有反應。
馬英九見狀後隨即正經回答，先是稱讚2人都當過他的衛生署長，做的也很好，更稱讚楊志良在二代健保以及美牛問題上都給了相當大的幫助，接著話鋒一轉，表示2人對他的發言有很大的誤會。
馬表示，自己從未干擾指揮官指揮疫情，但在大陸有許多陸配子女，在台灣擁有居留權，按照國際法也有中華民國國籍，卻回不來，但台僑不論是在陸港澳都可以回來，很明顯有歧視之嫌，自己身為前總統，該說的話還是要說。</t>
  </si>
  <si>
    <t>中央流行疫情指揮中心今(10)日表示，約45.8萬劑AstraZeneca疫苗預定於今日下午3時40分抵達桃園國際機場。指揮官陳時中表示，這批是我國自購到貨的第8批AZ疫苗，包含先前到貨的7批，目前我國共取得372.7萬劑。
指揮中心表示，該批疫苗待完成通關程序後，直接運送至指定冷儲物流中心進行後續檢驗封緘作業，再提供新冠肺炎接種計畫所列實施對象接種。本次提供的疫苗係為多劑型包裝(每瓶10人份)，需存放於2-8℃的環境，依臨床試驗每人需施打2劑，本批效期至110年12月31日。
指揮中心指出，去(2020)年10月30日與臺灣阿斯特捷利康公司簽署1000萬劑COVID-19疫苗供應合約，截至目前總計到貨約372.7萬劑，分別為3月3日11.7萬劑、7月7日62.6萬劑、7月15日56萬劑、7月27日58.2萬劑、8月12日52.4萬劑、8月27日26.5萬劑、8月31日59.5萬劑，及本次提供第八批45.8萬疫苗。</t>
  </si>
  <si>
    <t xml:space="preserve">由於媒體傳出已有部份藥廠開始提供試用疫苗，上海華山醫院知名感染科醫生張文宏在答詢時表示，要再等三個月才知道疫苗效果好不好，總的趨勢來說，國際疫情還在蔓延，連第一波都還沒有過去，呼籲民眾要有耐心，同時保持警覺。
據《現代快報》報導，張文宏昨日在上海書展推廣華山醫院感染科醫生團隊合作撰寫的新書發表會上表示，新冠肺炎疫情並未完全結束，國際疫情仍在蔓延，雖然上海的疫情已經告一段落，但風險始終存在，需要保持警覺。
對於是否會有第二波疫情，張文宏表示，總的趨勢來講，現在第一波都還沒過去呢。要問有沒有第二波，至少第一波得先過去。中國大陸疫情基本算是剿滅狀態，零星地出來，動態地清零。
而備受期待的新冠肺炎疫苗的研發進度，張文宏請大家要耐心等待，「再等3個月，才能知道疫苗的效果好不好，要等臨床三期試驗的結果。」
談到新發表的著作，張文宏表示，「我經常是這樣跟大家說，文明和病毒細菌之間只隔了一個航班的距離，我們知道世界上任何一個地方的傳染病都有可能在很短時間內來到我們的身邊。事實上，世界上很多古老的傳染病，在我們的人類社會當中還繼續存在，並威脅著我們。」
他說，自從新冠疫情來到這個世界，作為一個專業的感染科醫生，也非常迷惑。這場傳染病跟我接觸的其他傳染病都完全不一樣。在 2003 年參加了與 SARS 的鬥爭，2009 年參加了 H1N1 流感暴發的處理，也參加了 2013 年 H7N9 的處理，但是每一次傳染病的發生，都感覺到這次新冠疫情來得特別地難處理，而且至今大家也知道它還在全世界蔓延。對這場傳染病的未來，跟大家一樣心裡都懷著非常強烈的疑惑和擔憂。
</t>
  </si>
  <si>
    <t>中共中央機關報《人民日報》16日報導，中共中央政治局委員、中央外事工作委員會辦公室主任楊潔篪，應約同美國國務卿蓬佩奧通電話時指出，在全球抗疫大背景下，處理好陸美關係、保持兩國關係健康穩定發展至關重要。美國之音報導，蓬佩奧在對話時強調抗疫透明度與資訊共用的重要性。
在通話中說，楊潔篪表示，自3月27日習近平主席同川總統通話以來，陸美雙方按照兩國元首重要共識，就抗疫問題保持了密切溝通。下步，中方願繼續同美方分享疫情防控信息和經驗，開展抗疫合作，同時推動落實廿國集團領導人應對新冠肺炎特別峰會各項共識，保障全球供應鏈穩定、促進全球經濟金融穩定」。
楊潔篪強調，在全球抗疫大背景下，處理好陸美關係、保持兩國關係健康穩定發展至關重要。希望美方同陸方相向而行，落實好兩國元首重要共識，聚焦合作，排除干擾，推動陸美關係沿著正確軌道向前發展。這符合兩國人民的根本利益，也是國際社會的共同期待。
美國之音報導，美國國務院發言人奧塔格斯發表聲明說：「國務卿蓬佩奧今天與中共外事辦公室主任楊潔篪通了話。國務卿強調，對抗2019新冠病毒疫情並防範未來的疫情爆發，需要全面透明和資訊分享。」「他表示，美國人民1月份向中國人民提供了援助，並將繼續提供援助。我們認為中國加快醫療物資出口，以滿足美國的關鍵需要，這點十分重要。雙方確認致力於擊敗2019新冠病毒疫情，恢復全球的健康與繁榮」。
蓬佩奧隨後在推特上說，「我就新冠病毒疫情與楊潔篪主任討論了美中援助及國際合作問題。我強調充分透明和資訊共用在這場戰鬥中的重要性。我們將繼續共同努力，戰勝這一全球疾病大流行，恢復全球健康和繁榮」。</t>
  </si>
  <si>
    <t>台灣本土確診數今日新增321例、校正回歸400例，指揮中心公布的新名詞「校正回歸」引發網友討論，不少人聽了霧煞煞，更在ptt詢問這個詞的意思，就有網友用吃早餐的方式神比喻，讓不少人笑翻。
許多網友對於疫情指揮中心公布的新詞「校正回歸」非常不解，因此紛紛在網路上詢問其意思，一名網友便以吃早餐比喻，在ptt寫下一日他早上睡醒後，發現肚子非常餓，於是花了721元買早餐，但吃飽以後，才想到自己花太多錢了，而且自己又有記帳的習慣，因此決定將其中的400元，算在上禮拜的花費，更直呼「這樣記好像安心了一點」。
文章po出後，讓不少網友笑翻，表示「這樣感覺省400元」、「就是前幾天沒做完的，今天一起做完公佈了」、「給過。是說我今天多吃了400卡熱量，我校正回歸其實是上禮拜多吃的，我今天就不會胖了」、「感覺可以，我以後也要這樣記帳」、「今年政府好像舉債太多了，決定校正回歸，前幾年各加幾百億，這樣今年數字比較好看」、「刷卡先欠著的概念」。</t>
  </si>
  <si>
    <t>台北榮總搶救嚴重新冠肺炎患者，率國際之先使用類風溼性關節炎的生物製劑，讓國內免添第八死！北榮分享收治一名重症婦的康復經驗，原本已經休克還有呼吸衰竭，必須插上葉克膜，肺部整片發白，離鬼門關只差一步的老婦，逆轉發炎反應，痊癒返家。
台北榮總過敏免疫風濕科主任蔡長祐表示，患者為一名老太太，轉院時情況已經非常糟糕，明顯休克還有呼吸衰竭，得靠呼吸器跟葉克膜撐著，儘管已使用強效廣效的抗生素和升壓劑治療2、3個禮拜了，但反應不是非常的好，背後元凶就是病毒感染後產生細胞激素風暴，影響了心肺跟血壓，情況非常危急，恐成國內第八名死亡案例。
蔡長祐說，醫療團隊多次討論之後，決定試試類風溼性關節炎藥IL-6。當時全球還沒有其他國家採用這個方法來治療新冠肺炎，才打第一針，患者狀況就明顯改善，短時間內就順利拔管。
蔡長祐說，該藥之所以發揮功效，在於醫界近年已發現，細胞激素在發炎反應中不管是新冠肺炎或其他肺炎、其他原因引發的肺部發炎反應，很多疾病的最後致死原因，並不是原始的病毒，而是後來產生的發炎反應，其中第6介白質就扮演很重要的角色，如果可以被抑制下來，肺部狀況就可以獲得控制。
類風溼性關節炎藥IL-6目前已納入健保的類風溼性關節炎標準治療之一，但要經專案申請才能使用。在台北榮總4月用藥之後，6月17日也已列入指揮中心公布的第7版「新型冠狀病毒感染臨床處置暫行指引」中。與「瑞德西韋」抗病毒藥物針對病毒不同，這類藥物主要在抑制發炎反應。</t>
  </si>
  <si>
    <t>全台疫情持續升溫，因應三級防疫警戒，奇美醫學中心即日起防疫升級，住院前，病人皆須完成新冠肺炎PCR檢測，急診收住院病人也需於急診完成PCR檢測，全面監測；非急病民眾暫緩就診，領藥的慢性病者可提前線上預約，減少進出醫院可能的感染風險，目前住院病人已較上周降載約10％。
台南市長黃偉哲日前表示，醫療體系不能垮，要求台南各地區醫院都須完成清零計畫，奇美醫學中心防疫也隨著中央宣布升級，加強防疫力道。奇美醫學中心指出，疫情期間將逐步減少住院病人以及門診量，也勸導非急迫性疾病之民眾，暫緩來院就診。
目前「藥來速」領藥僅限預約第二、三次慢性病處方箋，請民眾多多利用「藥來速」服務，減少進出醫院可能的感染風險。奇美醫學中心遠距醫療也設置完成，可隨時啟用，將鼓勵慢性疾病視訊診療。
針對已住院病人，全面進行新冠肺炎PCR檢測，持續監測健康狀況；住院前病人持有3天內PCR核酸檢測陰性檢驗報告；急診收住院病人，則會在急診完成PCR檢測。
此外，18日已再增設第二個戶外篩檢站，急診檢傷地點外推，並於醫療區外設置流動廁所，有效阻絕疑似個案進入急診候診區，減少院內感染風險。詢問TOCC時並增加確認是否有北部旅遊史。
奇美醫學中心專責病房共有11床，如疫情擴大需增設備援病房時，也都設置完成；專責病房之動線、人力均有專艙專用之規劃，並隨時完成嚴謹消毒程序。
奇美醫考慮防疫疑慮避免病人過度集中，採各棟醫療大樓門診分流、於各大樓入口增加人力查驗旅遊史和發燒篩檢的方式。具旅遊史和發燒或呼吸道症狀等民眾，將引導至「防疫站」進行後續防疫措施。正常就醫的民眾，醫院儘量提供減少重複查驗兼顧防疫篩檢的分流動線。此外，也加強環境清潔、消毒，急診室人員防護全面升級著防護衣。</t>
  </si>
  <si>
    <t xml:space="preserve">新冠肺炎全球升溫，從亞洲、歐洲到美洲。疫情蔓延也影響全球經濟，全球企業有傳出裁員、甚至倒閉訊息，加上國際油價幾乎崩盤，美股31日收盤重挫，道瓊工業指數跌410點。
美股三大指數下跌！道瓊工業指數重挫410.32點或1.84%，以21917.16點作收。標準普爾指數大跌42.06點或1.60%，收在2584.59點。科技股那斯達克指數滑落74.05點或0.95%，收7700.10點。
值得注意的是，道瓊工業指數和標準普爾指數創下史上最糟的第1季表現，跌幅都超過20%，道瓊指數季跌幅是1987年以來最大，標普指數季跌幅則是2008年金融危機以來最大。
至於歐洲三大股市則受惠大陸工廠活動加速復甦，傳出利多面！倫敦FTSE 100指數大漲2.0%，以5671.96點作收。法蘭克福DAX 30指數勁揚1.2%，收在9935.85點。巴黎CAC 40指數上揚0.4%，收4396.12點。
</t>
  </si>
  <si>
    <t xml:space="preserve">本土疫情持續擴散，全國進入第三級警戒，指揮中心指揮官陳時中拜託民眾假日待在家中，未料有些人轉往郊區活動，陽明山停車場甚至出現爆滿情形，有「純度最高」主播之稱的房業涵，不禁在播報時脫口「真的不知道在想什麼」。
房業涵負責東森電視週六、週日新聞播報，正當她播報陽明山假日出現大量車潮時，忍不住說：「真的不知道在想什麼」，被觀眾當場發現，特地私訊給她，房業涵不好意思的笑回：「哈哈哈哈哈 不小心 真性情」，同時轉到限時動態表態：「人家忙著待在家防疫，啊你大哥忙著爬陽明山」文末留下一個無奈哭臉的表情符號。
考量到疫情不斷升溫，陽明山國家公園管理處透過臉書表示，為了配合防疫政策，22日封閉園區涼亭及休憩據點，包含擎天崗、冷水坑、小油坑、大屯、二子坪、龍鳳谷、硫磺谷等地，希望山友這段期間儘量待在家裡，避免在山上群聚。
然而，房業涵身為新聞主播，仍須進攝影棚才能完成工作，且在鏡頭前未戴口罩，引起部分粉絲擔憂，對此房業涵發長文解釋，播報的攝影棚空間超大，裡面只有她跟攝影機，副控在別的房間，「等於我在自言自語」，強調攝影師有依照規定戴口罩，與攝影師的距離為社交距離的2倍以上，中間還有巨型機器擋著，「攝影師是不會跟主播說到話的，我們都是跟導播用耳機溝通」，希望粉絲不需要太擔心。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雙北防疫升級15日至第3級，影響不只戲院關閉，就連電影劇組也因此停止拍攝。由金馬影帝李康生主演的電影《山中森林》就此停工，他原本當晚要與王子邱勝翊、謝承均在台北市府前展開動作追逐槍戰，劇組早已借來重型機車和價值850萬的瑪莎拉蒂休旅車，並且封路6線道準備開拍，豈料卻碰上疫情升溫，無奈喊卡。
導演姜寧表示，除了這場戲取消外，本來在夜市、飯店都會有百人以上的場面拍攝，現在也都暫緩，「一切都以防疫安全為主，也很感謝劇組幕前幕後的演員、工作人員都盡全力配合接下來延後檔期」，今明2天本來拍攝陳德容、李千那的戲份也都得重新安排。
此外，近日受影響的電影還有Selina（任家萱）主演的《頭七》、黃仲崑、林秀玲的《空巢》，2部片本在近日開拍，都因疫情順延。 周興哲、李沐主演的《我吃了那男孩一整年的早餐》，則已完成主要演員的拍攝，僅剩空景和配角的戲份，目前預計下週順利殺青。</t>
  </si>
  <si>
    <t xml:space="preserve">新冠肺炎影響全球影視產業，其中受疫情嚴重的國家如南韓與意大利等的電影票房更衝擊嚴重，為了避免虧損嚴重，電影公司紛紛將電影延檔。迪士尼今年首部大片《花木蘭》原定於美、韓兩國同步上映，但因新冠肺炎疫情，日韓紛紛延檔，韓國方面映期未定，而日本方面由4月17日上映延至5月22日上映。不過大陸目前未有延檔消息，台灣部分則如期於本月26日上映。
想延檔的不只電影公司，還有粉絲。近日丹尼爾克雷格（Daniel Craig）影迷寫公開信，要求電影公司將4月上映的電影《007：生死交戰》延檔，不僅保住票房，也讓偶像遠離新冠病毒的威脅，「我們已經等這部電影4年了，再過幾個月不會損害影片的質素，更會幫助到丹尼爾的最後一次票房勝仗。」
外國粉絲在信中分析，隨着《007：生死交戰》在全球上映還有一個月的時間，該病毒的社區傳播在美國有機會達到頂峰，華盛頓已宣布進入緊急狀態，到4月初，戲院很可能會關門，或者上座率會大大下降，更寫道：「即使戲院開放沒有法律限制，在《007：空降危機》M夫人說過：『你感覺有多安全？』全球影迷與其家人的健康應更為重要。」希望電影公司將影片延至疫情預期受控的暑期再上映。而台灣方面，電影仍如期於4月8日與觀眾見面。
</t>
  </si>
  <si>
    <t>美國供應商管理協會（ISM）最新數據表示，7月份製造業指數自上個月的52.6升至54.2，高於市場預期和前值，產業活動擴張顯著，此數據亦顯示，美國製造業活動表現，來到近一年半來最高水平。
此一消息，激勵油價續漲超過1％，原油前一周收高，WTI原油7月上漲約2.6％，而布蘭特原油7月漲逾5％。
此外，石油輸出國組織（OPEC+）在7月初同意從8月開始放寬產量限制，從先前5月起每日減產970萬桶，改為自8月起到年底每日減產770萬桶，意味著即日起產量目標約增產150萬桶。
另一方面，截至8月3日全球新冠肺炎疫情確診數超過1,800萬例，其中，美國仍是疫情最嚴重國家、確診超過466萬，因OPEC+放寬產量限制，且新冠肺炎新增人數持續上升，使得油價上漲空間有限。
就技術面觀察，輕原油期貨價格持續在月線附近震盪整理，短中期均線糾結，下檔季線持續墊高可望成為支撐，因此，在價格帶量跌破40元整數關卡之前，整體多方格局不變，短線建議中性偏多看待為宜。
而投資人可透過期交所發行的布蘭特原油期貨參與原油行情，以新台幣計價的布蘭特原油期貨，保證金約一口63,000元，一個跳動（tick）為新台幣100元，且交易時間涵蓋夜盤，可完整涵蓋歐美等國際主要原油期貨市場交易時段，滿足市場交易需求。（元富期貨提供，李娟萍整理）</t>
  </si>
  <si>
    <t xml:space="preserve">因應新冠肺炎全球大流行，中央流行疫情指揮中心指揮官陳時中宣布，明起凌晨零時起，非本國籍人一律限制入境，且非本國及入境後一律居家檢疫14天。對此，台北市長、民眾黨主席柯文哲今中午赴立法院黨團開黨政會議前受訪表示，這政策是對的，通常政策都是依照實際狀況決定。
柯文哲表示，3天內增加24個確診個案，其中又是境外感染占大多數，台北市副市長黃珊珊昨天就公開建議需要較嚴格的邊境管制，所以目前這個措施是對的。
至於是否該延長時間，柯文哲表示，決策都是依照實際狀況決定，本國人說要回來沒有理由阻擋，所以先限制外國籍人士，未來再視疫情變化，這是動態的，面對境外移入個案持續增加，做出這樣的反應是對的。
</t>
  </si>
  <si>
    <t xml:space="preserve">新冠肺炎（COVID-19）疫情全球蔓延，世界衛生組織（WHO）更宣告目前已造成全球大流行（Pendemic）。台灣憑著優異的疫療團隊成功讓確診病例不失控。但連3日疫情指揮中心通報的確診病例不斷上升，民眾開始質疑是否總只能贏在起跑點，接著就後記無力，是台灣人的「民族性」？網友無奈表示，「這邊」太鬆懈了。
台灣新冠肺炎案例在這3天（15-17日）「爆增」24例，且皆為「境外移入」個案，讓許多人擔憂，國門已成防疫破口，在這短短幾天，浪費掉努力這麼久的防堵措施。原PO不禁表示「台灣一開始的防疫真的有夠穩的，領先世界一大堆國家完全沒話講。但現在看起來已經有境外感染危機了，這是台灣人的個性嗎？覺得一開始贏就好了。」想請問大家有沒有覺得「台灣為何總喜歡只贏在起跑點」？
這讓許多人無奈表示，「問那些扯後腿的人阿」、「因為一堆人死要錢，視金錢比性命重要」表示和民族性並不太相關，反到是一些人就還是在高峰期出國造成防疫缺口。但是也有人認為可能是後繼無力，「一開始緊崩太久就鬆懈了」，但也有人無奈指出，疫情本來就沒辦法永遠擋住，拖到這麼晚才爆發早已是奇蹟了。
尤其，眾人直指一點，完全在於「美日」2地出現很大防疫破口，網友表示「當初別的國家提升對台灣旅遊警示，結果自己不硬起來跟別人斷航，就看這漏洞怎麼補」、「再不禁美日啊，再讓台商趴趴走啊」。一致認為，國際破口如何修正是未來關鍵。
今（17日）中央疫情指揮中心也終於做出決定，擴大疫情警戒範圍，其中全歐洲、全亞洲都被列入第三級警告，不僅提升了對日本的旅遊疫情建議，美國3州也列入管制。自受疫情建議管制地返台民眾，今起都要實施居家檢疫。
</t>
  </si>
  <si>
    <t>行政院長蘇貞昌今（28）日在行政院會表示，若至6月7日前均無新冠肺炎本土新增病例，國內防疫規範措施將鬆綁，下階段將陸續推出各種刺激消費、活絡商圈、帶動國旅等振興措施及加速公共建設，請各部會合作預做準備，在後疫情時代爭取更好經濟成績。
蘇貞昌表示，新冠肺炎疫情衝擊甚鉅，台灣疫情在超前部署、眾人齊力下獲得控制，經濟所受衝擊相對較小，2020年首季經濟成長率1.54％，穩居亞洲四小龍之首，在世界各國中也名列前茅。同時，在發現金、助貸款、減負擔3路並進下，1個月來已合計紓困約950萬人。
蘇貞昌指出，美國商業環境風險評估公司5月公布「投資環境風險評估報告」，台灣投資環境穩定，不僅為亞洲第1、且居全球第3，僅次於瑞士、挪威，顯示台灣民主防疫成為世界典範，國際對投資環境也更具信心，皆是未來台灣經濟發展的重要利基。
蘇貞昌表示，國內已連續46天無本土新增病例，若至6月7日、滿4個潛伏期無本土新增病例，將採取「邊境風險嚴管，國內鬆綁」的方式，擴大開放國內民眾過正常生活。在此之前，請各部會審慎盤點相關鬆綁工作、並預先作業，採取一致標準並預先做好聯繫。
蘇貞昌指出，目前旅宿業預訂興旺，請交通部針對前置車輛、遊覽車、鐵路、公路及高鐵車票等事前盤點。若6月7日起開始有展演與表演，文化部要有預先售票等作法。民間社團可能出遊、有宮廟集會場所等，請內政部與相關部會預先公告與安排。
蘇貞昌進一步指出，面對第三階段的「振興」，將陸續宣布刺激消費、活絡商圈、帶動國旅等措施，振興券原則要讓大家「好領、好用、好刺激」，要求各部會腳步齊一、好好規畫說明，並聽取相關產業意見及互動、做足準備。</t>
  </si>
  <si>
    <t>根據《路透社》報導，即便這幾日新冠肺炎的疫情有減緩的趨勢，全球對於新冠病毒的恐懼仍未消散。一年一度的世界電信業界的盛事「全球行動通訊大會」，今年預計於2月24到27日在巴塞隆納舉辦。各大廠商因擔心疫情，紛紛宣布不參加，主辦單位「GSMA全球電信協會」本周三討論過後，宣布本屆大會取消。
西班牙衛生當局及巴塞隆納市政府都表示照常舉辦沒有問題，GSMA仍然取消活動的原因是，許多廠商都受到旅遊禁令的影響無法前來，或是因恐懼疫情而放棄參展，預期廠商和參觀者的數量都會大幅度減少。
最關鍵的是幾間指標性大廠的意願，這幾天陸續宣布退出的大廠有：英國跨國電信公司「沃達豐」(Vodafone)、英國電信集團(BT)、德國電信公司(Deutsche Telekom)、芬蘭行動電話製造商「諾基亞」(Nokia)、美國晶片巨擘「英特爾」(Intel)、社群網站龍頭「臉書」、大陸手機製造商「Vivo」、美國電腦網路系統商「思科系統公司」(Cisco)、意法半導體(STMicroelectronics)、法國電信大廠「Orange集團」等。
巴塞隆納市長阿達·科洛(Ada Colau)向各廠商喊話，希望大家冷靜，不要過度害怕疫情，市政府和西班牙衛生部都已經準備好了，「沒有取消的理由」。世界衛生組織(WHO)也幫西班牙背書，強調如期舉辦沒有問題。然而，官方的保證，仍然無法消彌廠商的恐懼，在主要幾個大咖退出之後，本屆的「全球行動通訊大會」也只能取消。</t>
  </si>
  <si>
    <t xml:space="preserve">美國疾病管制與預防中心（CDC）內部文件顯示，Delta變種新冠病毒正在美國迅速蔓延，似乎引發更嚴重的疾病，並像水痘一樣容易傳播。
據CNN新聞網30日報導，《華盛頓郵報》（The Washington Post）取得的CDC未公開的幻燈片報告說，打過完整疫苗的人和沒打過的人一樣，都會同樣快散播Delta變種。
一位聯邦衛生官員說，CDC會公布更新的戴口罩守則，相關數據扮演了很大的角色。守則中建議，在高傳染區，完整接種疫苗的民眾在室內仍要戴口罩。
如今全美新冠病例不斷增加，據約翰霍普金斯大學（Johns Hopkins University）的統計數字顯示，近1個星期來，美國平均一天新增61300宗病例，但今年6月22日時，曾有1天只新增11299宗病例的低點。
CDC主任瓦倫絲姬（Rochelle Walensky）周三說，先前的新冠變種病毒顯示，民眾接種疫苗後，就算罕見地被感染，也沒有能力把病毒傳染給別人。然而，她強調，近幾個星期來，疫情爆發調查卻顯示，接種疫苗的民眾感染具高度傳染性的Delta變種病毒株後，如今其實還能傳染給別人。
美國總統拜登周四稍早宣布了一連串將要採取的新措施，設法讓更多美國人接種疫苗，其中包括要求所有的聯邦雇員都得接種新冠疫苗，不然將面臨嚴格的規範。「這是美國的悲劇，人們奄奄一息，並將死去——但他們不必死的，」拜登在白宮說，「看看新聞吧，你們會看到沒打疫苗病患在醫院的報導，就在他們躺在病床上垂死，要求說，『醫生，我能打疫苗嗎？』醫生只能說，『抱歉，太晚了』。」
</t>
  </si>
  <si>
    <t xml:space="preserve">韓聯社報導，專門經營赴北韓旅遊業務的高麗旅行社（Koryo Tour）今天援引北韓內部消息稱，北韓今年仍將舉行大型團體操表演迎接8月的光復節和10月的建黨75週年紀念日。
團體操表演最多動員10萬人，用來展現制度優越性和吸引遊客。北韓2013年9月推出團體操《阿里郎》後，又於2018年推出《光輝祖國》，去年推出《人民的國家》《戰無不勝的社會主義》。
大型團體操通常要提前6個月排練，但北韓全力封境限行防控新冠肺炎疫情，能否順利排練仍是未知數。
</t>
  </si>
  <si>
    <t>台灣本土疫情死亡率超過世界平均值，前衛生署長楊志良發起「熄燈一分鐘，喚醒陳時中」活動，邀民眾於6日晚上8點一起熄燈一分鐘。國民黨主席江啟臣今也響應此活動，貼出熄燈照片，「這一分鐘，是無聲的抗議、是悲痛的默哀，也是寧靜的鼓舞！」
江啟臣表示，這一分鐘，是對政府無聲的抗議。新冠肺炎疫情爆發的一年多以來，眾人沒有吝嗇給執政黨掌聲。全力配合防疫，甚至對自己做出更高標準的要求。人民努力支撐起來的緩衝期，卻沒有看到政府做好各項的工作整備，彷彿天真的為只要靠圍堵，就可以撐過病毒的威脅。
江啟臣指出，政府疏失造成的防疫破口，不但迄今找不到人負責，連會議記錄都付之闕如。疫情爆發後，從篩檢量能、醫療量能、到疫苗數量，都沒有到位…。這空白而浪費的一年，我們用無聲來抗議。
對於不幸離世的國人，江啟臣說，這一分鐘，是無限的哀悼。高於國際平均值的致死率，每天兩位數增加的死亡數字，是一個個家庭的沉痛。在足夠的疫苗到達前，還要有多少生命的逝去，還要有多少悲傷，跟來不及說的告別！「當執政黨的立委，為了友邦贈送的疫苗乾杯，是否也將逝世國人無法完成的精彩人生，還有家屬的眼淚，同時一飲而盡了呢？數百位國人的離世，我們用黑暗來哀悼。」
對於在第一線奮戰的醫護，這一分鐘，也是寧靜的鼓舞。江啟臣表示，醫護人員的辛苦，是汗水、是淚水，更是與家人的分隔、與染疫風險的搏鬥。日以繼夜的工作，持續消耗的精力，都是為了守護我們共同的健康。防疫對於醫護人員來說不只是戰爭，更是負重前行的舉步維艱。我們希望所有國人同胞，都能夠透過各種方式，支持醫護人員，力挺防疫工作，在疫情艱困下，我們一起探尋人性的光輝，保留繼續奮鬥的氣力。守護我們家園的醫護，我們用寧靜來鼓舞。</t>
  </si>
  <si>
    <t>受新冠肺炎疫情擴大影響，亞洲最大的新加坡航空展規模縮水，部分參展代表與軍事迷還戴口罩觀展，參展業者也提供軍火月曆等文宣紀念品，其中以色列航太公司贈送的口罩最搶手。
新加坡航空展採取嚴格的安全檢查措施，確保與會參展業者與貿易代表安全，今年的重點項目包括如何防範2019年冠狀病毒疾病。
中央社報導，凡參展代表與媒體搭乘接駁車前往展場前，都必須通過體溫檢測儀檢查，上I’m COOL！貼紙認證，回程搭接駁車抵達轉運站時，仍要通過耳溫槍檢查。
展場在早上登記入口處發放口罩，供參展代表與媒體記者自由取用。以色列航太公司（IAI）也在會場中贈送印有以公司標章包裝的口罩，原是要讓參展代表使用，但反而成為今年最為特殊的紀念品，非常搶手。</t>
  </si>
  <si>
    <t>大陸26日公布新增11例新冠肺炎確診病例，均為境外輸入，山東更出現一名「復陽」案例。疫苗施打情況方面，據統計，大陸過去一個月，日均疫苗接種率約416萬劑次，大陸衛健委預計，今年底前，有望達成全民8成接種疫苗的群體免疫目標。
據了解，出現在山東省煙台市芝罘的「復陽」（治愈後又陽性）個案王姓男子，為一名赴英國留學的19歲男子，曾於2月25日自英國出發，經芬蘭轉機後，2月26日抵達上海，在隔離期間被診斷為確診病例。治愈返回芝罘區健康監測期間，核酸檢測均無感染，直到本月25日，王男根據疫情防控規定接受覆查時，核酸檢測顯示為陽性。目前，該名王姓患者的全部接觸者已接受隔離，核酸檢測均無感染，患者居住的小區、涉及車輛和場所等核酸檢測同樣無感染。
大陸疫情方面，26日公布新增11例境外輸入病例，分別為雲南3例、上海和四川各2例，江蘇、福建、廣東和陝西各一例，無新增疑似或死亡病例，截至目前，大陸累計90,599人確診，其中4,636人死亡。
大陸疫苗接種狀況方面，據大陸國家衛健委官網消息，截至23日，全大陸31省區市累計報告接種新冠病毒疫苗近2.2億劑次，在過去一個月累計新增接種1.3億劑次，日均接種逾416萬劑次，大陸衛健委預計，若大陸要達到今年全國80%人口接種疫苗的群體免疫目標，還需要11.2億人接種新冠疫苗，目前距離該目標尚有9億人的差距，以按過去一個月的日均接種速度估算，還需約7個月時間，有望在今年底前達標。</t>
  </si>
  <si>
    <t>混打疫苗效果好，但副作用恐會更大。對此，兒科急診醫師吳昌騰分享，昨天完成混打疫苗，唯一不舒服的感覺應該是「手舉高會疼痛」，尤其到了晚上更明顯，但聽說混打會像被卡車輾過去一樣，因此他也提早備好藥物與開水，結果整晚過去，卡車都沒來，但第二劑的痛感確實比第一劑更明顯，有同事混打後發燒、全身痠痛而請假。
吳昌騰今在臉書發文表示，昨天混打AZ＋莫德納疫苗，一開始其實沒有特別的感覺，除了注射部位疼痛之外，唯一感覺不舒服的就是「手沒有辦法舉高」，當手舉超過耳朵以上的高度，就會有疼痛的感覺，而這個感覺到了晚上更加明顯。
吳昌騰指出，他晚上睡覺的時候，還在床邊擺好開水與普拿疼，想說可能會出現被卡車輾過的感覺，結果一晚過去卡車都沒有來。不過，他認為第二劑莫德納打完以後，痛的感覺的確比第一劑AZ還要明顯很多。
吳昌騰透露，他今天去上班的時候，聽到急診室的同仁表示，有接受混打疫苗的同事中，已有2名護理師請假，因為出現發燒與全身痠痛的症狀，真的無法來上班。
貼文引起網友討論，「說像被卡車輾過的人實在令人很想吐槽，是有相關經驗嗎？」、「還是想混打，只是不知道到時候有沒有得選擇」、「我四周的人基本上都沒事，大家不知道從什麼時候開始傳訛兩次卡車啊」。</t>
  </si>
  <si>
    <t xml:space="preserve">雖然美國總統川普誓言近期就要重啟國家經濟，不過素有「美版陳時中」的國家過敏與傳染病研究院（NIAID）主任佛奇12日透過視訊在參議院聽證會上表示，當前美國追蹤與監控病毒的能力還不夠，如果沒有準備好就重啟國門，疫情復發的風險極高，屆時恐招致「不必要的折磨與死亡」。
據《紐約時報》以及美國有線電視新聞網報導（CNN），就在川普宣稱「我們已度過那個時刻，且我們戰勝了它（病毒）」的後一日，佛奇（Anthony Fauci）向美國參議院「健康，教育，勞工和退休金委員會」表示，美國還沒有控制住疫情，根本還沒脫離險境；且重啟國家經濟過早的話，仍缺乏必要能力以便遏止不可避免的突增病例。
佛奇與美國疾管中心主任雷德菲爾德（Robert Redfield）一同警告，在各級學校新的學期展開前，疫苗仍不會問世，再樂觀也需要1至2年。此外，美國仍缺乏足夠追蹤與監控新冠病毒傳播的基礎建設，而全球其他部分地區一旦疫情存在，病毒肯定會接觸到美國本土。他強調，在面對不可預測且致命的疾病時，必須保持「寧願過於謹慎也不要冒險犯錯」的重要性。
佛奇表示，如果在秋季之前美國沒有好好應對疫情的話，毫無疑問將會再次出現群聚傳染，導致美國疫情復發的風險極高。他也希望在秋季前美國的應對能力已足夠，「但如果沒有，將會造成很多問題」。
事實上，佛奇的專業意見，川普政府內對此早有雜音。先前由民主黨掌控的眾議院撥款委員會先前邀請佛奇赴國會聽證，但遭白宮從中作梗，稱「他正忙著防疫，出席只會適得其反」，不過共和黨掌控的參院邀請佛奇作證時，白宮則同意放行。外界認為，白宮只是擔心佛奇又與川普「唱反調」。
此外，針對如何安全地重啟美國國門，美國公衛專家其實早已備好計畫，美國CDC曾擬定17頁的「重啟美國國門方針」，其中包括了對商業、學校、教會以及其他公共場所在疫情仍存的情況下應如何運作，不過卻被告知這份報告「恐怕永遠無法正式問世」，因為各地疫情情況不一，白宮不願對外提供重啟國門特定環節的相關細節準則。
佛奇9日曾表示，由於他和確診者有低風險接觸，出於謹慎將進行「改良版」隔離，除了在家中遠距離辦公、持續配戴口罩並每天進行病毒檢測，故此次聽證會採視訊連線。
</t>
  </si>
  <si>
    <t>嘉義市政府鼓勵民眾依身分證字號尾數單、雙號分流到傳統市場買菜，嘉義市共和攤販協會理事長陳志全坦言，出入口有10多個，很難強制管制，倒是攤商向客人道德勸說「今天多買些，明天不要來」比較有用，今天人流約減少了3、4成。
嘉義市政府建設處督促嘉義市共和市場自治會在市場出入口的車阻欄杆上，各攤商攤位上建置QRCode、簡訊實聯制條碼，方便消費者掃描，鼓勵市民依身分證字號尾數單、雙號分流採購、配合實聯制、全程戴口罩、一次買好買滿、買完就走、不聊天不逗留、勤洗手等。
陳志全指出，共和市場目前有近300位會員攤商，已協助完成簡訊實聯制或手寫登記，並請攤商協助向顧客宣導市府推行的「分流採購」措施。
陳志全說，共和市場是街道型菜市場，出入口多達10多個，難強制管制進出的人流，不過連日來透過攤商主動向顧客勸導「今天多買一些，明天不要來」漸有效果，今天上菜市場的人約減少3、4成，還有攤商教顧客掃瞄簡訊實聯制條碼、QRCode，有8成客人會配合掃瞄。
市府建設處表示，市府已協助轄內傳統市場建置簡訊實聯制，建議民眾依身分證字號尾數單、雙數分流採買，單號每周三、五、日，雙號每周二、四、六，以降低人潮聚集的染疫風險，初一、十五或假日還會加強宣導防疫措施，籲請大家配合，共同防疫。</t>
  </si>
  <si>
    <t>上海復星醫藥發出公告，子公司復星實業分別與台積電、鴻海、永齡基金會及裕利醫藥簽約，將提供共1000萬劑BNT疫苗給台灣。德國BNT首席執行長證實，這批疫苗符合台灣要求，在歐洲工廠生產，直接出貨給台灣。
根據外媒報導，BNT首席執行長Ugur Sahin表示，「我們很高興看到復星醫藥與BioNTech共同研發的疫苗，能為台灣疫情防控發揮積極作用。我們將與合作夥伴緊密合作，早日為台灣提供安全有效的疫苗，維護生命健康、幫助生活早日回到正軌；這批新冠疫苗，由歐洲工廠所生產。」
負責洽購的台積電、鴻海也紛紛發布重訊，台積電指出，捐贈金額不超過美金1.75億元，受贈對象為行政院衛生福利部疾病管制署，「本捐贈因屬重大天然災害所為急難救助之公益性質捐贈，將提本公司董事會追認」。
鴻海也與永齡基金會共同捐贈，金額同樣不超過美金1.75億元，其中鴻海負責其中的1.05億元、永齡約7000萬元，疫苗同樣捐給衛福部疾管署。</t>
  </si>
  <si>
    <t xml:space="preserve">魔術版德沃斯宣布拿出200萬美元來照顧NBA魔術、安利中心、發展聯盟球隊以及太陽熊冰球隊等大約1800位因為新冠肺炎疫情影響而停擺的員工。
德沃斯表示，團隊背後的員工都是我們的家人，我們很榮幸能在這段艱困時期為那些受到布利影響的人提供幫助。
除了德沃斯外，魔術球員也決定伸出援手，包含武切維奇、阿隆戈登、富爾茲、艾薩克、奧古斯丁、卡特威廉斯、阿努米等球星也提供各種金錢幫助在停賽期間的工作人員。
</t>
  </si>
  <si>
    <t>1千萬劑輝端BNT進口台灣，不再只聞樓梯響，鴻海與台積電今日雙雙證實，積極努力許久，採購BNT疫苗，已正式進入簽約程序，惟因「簽約當事人有多方，一旦程序完備即對外進行公告」。永齡基金會執行長劉宥彤也表示：「待有進一步消息，一定會正式對外界說明」
上周即傳出鴻海、永齡基金會與台積電採購德國BNT案可望簽約，但皆未見相關單位證實，11日凌晨網路瘋傳大陸官媒新華社當天的報導，指出永齡與台積電已和BNT疫苗代理商上海復星醫藥正式簽訂銷售協議，並會依「正常商業規則和程序」提供疫苗。但第一時間並未看到新華社刊登文稿。
傳聞鴻海、永齡基金會與台積電是在9日深夜和復星醫藥簽訂mRNA新冠疫苗銷售協議。
今日上午鴻海與台積電雙雙指出，因簽約當事人有多方，許多文件要由各方法務確認，但確實正在進行簽約的法定程序，一旦程序完備即對外進行公告。
據了解，簽約對象除鴻海、台積電等採購企業外，包括復星、我政府與德國BNT原廠。簽約內容包括總採購量與金額，至於出貨時間與分批出貨量，將在簽約後，另行確認。
採購BNT疫苗，最早由鴻海在5月下旬新冠疫情本土確診案量增加時提出要採購500萬劑的捐贈政府計畫，並於6月1日，由鴻海創辦人郭台銘夫人曾馨瑩代表永齡基金會，鴻海教育基金會執行長汪用和代表鴻海，共同遞件申請採購。
但這項申請案卻卡在政府要求須有原廠授權書，在郭台銘向總統府喊話後，6月18日進總統府面見總統，台積電私下努力採購BNT疫苗500萬劑規畫也浮上枱面，加計鴻海、永齡基金會，兩大企業集團共計採購1000萬劑。</t>
  </si>
  <si>
    <t>全球首款可吸入式新冠疫苗在「2021第五屆海南國際健康產業博覽會」亮相，觀眾可現場體驗。對於吸入式新冠疫苗的使用方法，網友稱姿勢好像喝奶茶。據瞭解，吸入式新冠疫苗與肌肉注射使用了同種疫苗，其制劑配方未改變，僅採用不同的給藥方式。
霧化吸入免疫採用霧化器將疫苗霧化成微小顆粒，通過口部吸入的方式進入呼吸道和肺部，從而激發黏膜免疫，而這種免疫是通過肌肉注射所不能帶來的。
據《光明日報》報導，全球首款吸入式新冠疫苗由軍事醫學研究院陳薇院士團隊與康希諾生物股份公司聯合研發，目前Ⅱ期臨床試驗已取得階段性成果，兩次臨床試驗數據分別於2020年5月22日、7月20日在國際著名醫學期刊《柳葉刀》發表。
數據充分證明低劑量疫苗安全，且一針接種能引起顯著免疫原性，可刺激平衡的體液免疫和細胞免疫，志願者中未發現一例嚴重不良反應。
該疫苗已在開展全球多中心Ⅲ期臨床試驗，目前在巴基斯坦、墨西哥、俄羅斯、智利、阿根廷等3個大洲5個國家開展，共設78家臨床研究中心，已完成對4萬余受試者的接種。今年2月25日，克威莎獲國家藥監局批准附條件上市。
此前，由陳薇院士團隊領銜研制的霧化吸入新冠疫苗在《刺胳針傳染病》發表臨床研究數據，這也是全球首個公開發表的新冠疫苗粘膜免疫臨床試驗結果。
研究結果顯示，霧化吸入接種疫苗安全性好，無肌肉注射局部不良反應。霧化吸入只需要使用1／5劑肌肉注射用的劑量，細胞免疫反應水平就可以與1劑肌肉注射相當。肌肉注射後採用霧化吸入加強免疫，可產生高水平中和抗體。</t>
  </si>
  <si>
    <t>台灣本土新冠肺炎疫情持續嚴峻，截至6月21日止，已累積有14005例確診個案，並有549人不幸病逝。面對此次疫情來得又急又快，確實讓人措手不及，先前民眾搶買「防疫保單」大爆單、接續有產險業者宣布停售商品……，都在在顯示了絕大多數人面對疫情時感到焦慮、不安的心情。本周小花平台保險專題從個人保障面的觀點出發，提出建議：在個人保單中，有哪些險種能在不幸罹患新冠肺炎時，立即啟動理賠給付？
首要選擇、實支實付型醫療險
首先，實支實付型醫療險是必不可少的！小花平台保險顧問指出，新冠肺炎依照輕重症差異採行的治療方式各有不同，目前市面上的住院醫療險大致分為「住院日額」和「實支實付」，以及兼具兩者特性、部分理賠可以二選一的「實支實付轉日額」類型。
一般來說，「日額給付」和「實支實付」定義簡單明瞭，「日額給付」是指按照住院天數給付固定額度，與實際在醫院裡花了多少治療費用沒有關係；而「實支實付」則是在醫院進行必要的自費治療項目時，花多少、保險公司就依照比例限額給付。
至於「實支實付轉日額」，顧名思義是指實支實付沒用到、改用日額理賠給付方式；也就是說，當保戶住院後，如果評估沒有太多雜費或是其它支出時，可以考慮選擇以「日額給付」方式改為領取依天數計算的定額保險金，「看哪個划算就選擇哪個！」</t>
  </si>
  <si>
    <t xml:space="preserve">新冠肺炎疫情重創美國，確診突破百萬，占全球3分之1，死亡人數跨過6萬大關。受到疫情波及，百業蕭條，美國前5個星期數據顯示，累計超過2640萬人因丟掉工作請領失業補助，顯見疫情對就業市場的衝擊嚴峻。
由於疫情轉趨和緩，美國多個州也開始漸進重啟經濟，請領失業救濟金的人數也逐步下降。不過美國勞工部剛剛公布的前周（到4月26日為止當周）的初領失業救濟金人數，經季節性調整後達380萬人，數字雖然比4月前3周低，但比財經網站MarketWatch經濟學家估計的350萬高。這也意味，受到新冠疫情波及，美國過去1個半月以來，至少增加3020萬失業人口。
富國銀行資深經濟學家布拉德表示，儘管預期未來請領失業補助的會持續下降，不過每周破百萬的偏高數據，仍可能持續一段時間。2個月前，新冠肺炎疫情尚未席捲美國，每周平均新增失業人數僅20來萬，寫下接近半世紀以來的新低。
</t>
  </si>
  <si>
    <t>高雄林姓男子在臉書「爆料公社」社群發文，稱自己日前接種BNT疫苗後，皮膚局部出現血疹，隨後更有血便、牙齦出血等症狀，緊急送醫後，查出是血栓及血小板低下所引起，高市府衛生局表示，個案有風濕免疫相關疾病病史，經過治療血小板已增加2萬以上，狀況持續改善，目前仍住院中。
林男發文指出，他於10月17日施打BNT後，發生嚴重不良反應，2天後身體局部出現血疹，22日血疹遍布全身，並有血便丶牙齦出血等症狀，緊急送急診後，經查血栓及血小板低下，正常人體血小板15萬以上，他前3天1000，後2天2000，輸了4包血小板，還是立即降回1000，結果就雙手大出血，他表示「幸好出血點不在腦和內臟，不然可能已...享年」。
高市府衛生局表示，經查個案有風濕免疫相關疾病病史，長期門診追蹤。10月17日打完BNT疫苗後，隔日全身多處出血點，包括口腔、頸部、腹部、下肢等出現自發性瘀斑，10月22日自行至高醫急診，經醫師建議入院治療，個案住院經處置後血小板已增加2萬以上，狀況持續改善，目前仍住院中。</t>
  </si>
  <si>
    <t xml:space="preserve">新冠肺炎疫情肆虐全球，今日又有重磅消息傳出，英國克萊倫斯宮（Clarence House）證實現年71歲的英國王儲查爾斯親王（Charles Philip Arthur George）確診，而妻子卡蜜拉則是逃過一劫，沒有感染。身為英國王儲，查爾斯感情世界一直是外界關注焦點，而他最有名的一段情史，就是與前妻黛安娜、現任妻子卡蜜拉的三角戀情。
年輕時期的查爾斯，曾和多位名女人傳出緋聞，包括前英國駐西班牙大使之女喬治安娜羅素、第八代威靈頓公爵之女喬治安娜羅素，甚至還有黛安娜王妃莎拉斯賓塞。
查爾斯的花心更是連前妻都認證，黛安娜生前廚師曾出版過一本回憶錄，書中聲稱黛安娜認為不管自己還是卡蜜拉，都是被查爾斯利用的女兒罷了，她甚至認為前夫從沒對感情專一過，總是在四處獵豔，他天性如此也無法控制。
其實查爾斯的現任妻子卡蜜拉，一直以來都被視為毀掉查爾斯、黛安娜婚姻的罪魁禍首，即便兩人結婚逾15年，卡蜜拉仍不受英國人民歡迎。她在1971年邂逅了查爾斯王子，不過這段身分地位懸殊的愛情，一直被英國女王伊莉莎白二世反對，後來卡蜜拉1973年改嫁他人，查爾斯也在1981年娶了黛安娜。
只是查爾斯、卡蜜拉婚後仍舊藕斷絲連，即便在與黛安娜的婚禮上，查爾斯還是找尋著卡蜜拉的身影，讓黛安娜事後回想婚禮當天，心碎表示這是她人生最慘的一天，她永遠忘不了卡蜜拉在她婚禮的模樣。
「我的婚姻裡有3個人，是有點太擠了。」在婚姻中飽受折磨的黛安娜，終於在1996年與查爾斯正式宣布離婚，結束15年婚姻，之後卡蜜拉也終於守得雲開見月明，在2005年扶正嫁給查爾斯王子，成為英國史上最不受歡迎的王室成員康沃爾公爵夫人殿下。
</t>
  </si>
  <si>
    <t>歐洲最高水準的西甲足球聯賽，因為新冠疫情已先停賽兩輪，但真正復賽的時間遙遙無期，尤其是西甲「蝙蝠軍團」瓦倫西亞今天宣布，該隊的球員與隊職員共有35％驗出新冠肺炎陽性反應，堪稱全世界目前受疫情衝擊最深的運動團隊。
瓦倫西亞前一天回報5人確診新冠，包括阿根廷後衛加萊（Ezequiel Garay）、法國後衛曼加拉（Eliaquim Mangala）都中鏢，未料才隔一天就爆衝到全隊3成5感染新冠病毒。
「目前所有的案例都沒有症狀，均進行居家隔離並持續接受醫療評估，也按計畫進行自主訓練。」瓦倫西亞官方聲明表示。
西班牙新冠確診人數即將破萬，是疫情重災區之一，但瓦倫西亞為何成為重中之重，可能原因是2月19日他們在歐冠16強首回合，作客米蘭的聖西羅球場對決義甲球隊亞特蘭大，當時歐洲疫情還不嚴重，聖西羅湧入44,236名觀眾。上周第2回合轉戰瓦倫西亞主場，比賽則採閉門進行。
如今義大利是大陸以外最嚴重的新冠疫區，只是以2月19日作客米蘭來看，也早就超過新冠病毒可能的14天潛伏期。是否因為瓦倫西亞此前並未全面進行病毒篩檢，現在才查出來？抑或是瓦倫西亞的狀況未必與作客義大利有關，而是西班牙疫情的嚴重程度超乎想像，恐怕更令人憂心。</t>
  </si>
  <si>
    <t>新冠肺炎爆發後，蔡政府在防疫之際，透過仇恨語言、歧視手段，順勢打了一場「抗中保台」之戰，藉機強化反中牌的正當性。只是，疫情過後，當各國逐漸從相互指責的激情，回歸至理性常軌，眼前這場「大內宣」的反中聖戰，因為兩岸鴻溝的加深，即使現在贏了面子，未來可能輸更多。
過去4年，兩岸沒好事就罷了，過去4個月，蔡政府打著防疫之名，在陸美對抗大局裡，扮演嗆陸急先鋒，讓台海出現沒有必要的紛擾與危機。
定名新冠 卻執意用歧視性名稱
首先是言語上的挑釁。當世衛組織（WHO）將傳染病定名為2019冠狀病毒病（COVID-2019），簡稱新冠肺炎，蔡政府卻獨步全球，帶頭使用「武漢肺炎」，背後隱含的歧視，不言可喻。
在疫情爆發初期，儘管陸方未對外求援口罩，蘇貞昌卻主動下達出口禁令；儘管救人之前本該先自救，但蘇貞昌刻意喊得很大聲，背後隱含的敵意，對岸聽在耳裡難道沒有感覺？
接著是區分敵我的兩套標準，最荒謬的莫過於把台人所在地區分為2種階級。只要人在大陸，特別是武漢，即使早已解除封城禁令，卻仍透過「註記」禁止台人自行返台，遲至近期才全數接回；反觀病例數更多的歐美台人，即使已感染，仍能自行返台。
註記在陸台人 歐美返台不設限
當美國總統川普為轉移防疫不利的責任，一面「甩鍋」大陸與WHO，一面標榜台灣是模範生，以台灣刺激大陸，台灣也樂得被美利用，政府這麼做，除有「拉美抗中」效忠意義，也順勢激化內部的仇中意識。所謂大外宣，說穿了是操弄輿論的大內宣。
整體來說，從若有似無的敵意，到鐵錚錚的攻勢，蔡政府硬是把防疫工作操作成反中聖戰，讓兩岸陷入更深的敵意螺旋；期間所造成的實質損害，及更為破碎的互信基礎，預料都將在疫情結束後慢慢出現後遺症。
更令人悲觀的是，台灣到底賺到什麼？除了口惠實不至的「WHA空頭支票」，還有嗎？各國政要的推特留言與臉書1個讚，難道值得台灣如此搏命演出？這場獨角戲若堅持演下去，最後恐將只剩台灣孤零零站在兩岸鴻溝的一邊，被賣了還幫忙數鈔票。</t>
  </si>
  <si>
    <t xml:space="preserve">據英格蘭公共衛生署（Public Health England）估計，接種兩劑阿斯特捷利康（AstraZeneca）新冠疫苗，阻止出現症狀的效力可達90％。不過，它也提醒，目前還沒有足夠的數據顯示，這就是決定性定論。
據路透和《每日郵報》（Daily Mail）21日報導，「疫苗大臣」扎哈維（Nadhim Zahawi）說，要擊敗新冠病毒，再也沒有比疫苗更好的武器。他並強調，第二劑疫苗對確保有最強的保護力，並使生活恢復正常來說很重要。
此外，獨立專家也讚揚研究結果，說阿斯特捷利康是全球對抗新冠肺炎大流行的「關鍵武器」。而就在公布相關結果的同一天，英國醫療監管機關同意，讓美國輝瑞（Pfizer）疫苗在施打前，能在正常冷凍狀態下保存31天，而不必像原本要求的，要在極冷的狀態下保存，並必須在解凍後5天內使用。
雖然在新冠肺炎疫情衝擊下，英國是全球死亡病例最多的國家之一，但也是最快接種疫苗的國家之一，獲得了許多有關接種疫苗的數據。
</t>
  </si>
  <si>
    <t xml:space="preserve">食品藥物管理署今宣布，首批高端疫苗26.5萬劑已完成檢驗封緘作業，最快傍晚放行，前衛生署長楊志良怒批，疫苗研發是科學而非政治，應該照正規程序進行，主張停止高端的EUA（緊急使用授權），並提出5大理由讓高端從預約平台下架。
楊志良今（2）日稍早於個人臉書表示，新冠肺炎疫情未來必將流感化，疫苗年年都要接種，為了長遠之計著想，台灣亟需國產疫苗，國人也應該要支持、力挺，「這點殆無疑義」，但疫苗研發是科學而非政治，應該按照正規程序進行，取得主管機關的許可，名正言順地為國人健康把關。
楊志良主張停止高端疫苗的EUA，並提出5大理由將其從疫苗預約平台下架。第一，全球沒有任何民主國家，非專業的政府領導人可介入疫苗審核及授權，楊志良認為5月時高端臨床二期報告尚未出爐，但總統蔡英文就宣稱7月可開打，「這不是政治介入，什麼才是？」話已出口，大家自然全力配合，卻也讓高端失掉其正當性。
第二，目前已無EUA的必要。楊志良說，EUA是在國家有緊急的公衛狀況，且沒適切、已獲准及可用的替代品下，才可經充分審查程序後緊急使用授權，但台灣目前的選擇很多，也就是已有可用替代品，根本沒有緊急授權高端疫苗的必要。
第三，高端疫苗沒有獲得EUA的資格。楊志良直言，目前所有獲得EUA的疫苗，皆是通過人體實驗到第三期，高端卻連完整的二期都未完成，且審查會議委員人選、過程、審查意見、價格，全被蓋牌，「如何讓人民信服？」
第四，高端自吹品質優良，與Novavax疫苗同等級，但其中仍有不同。楊志良表示，兩者使用抗原蛋白質來源不同，Novavax用秋行軍蟲，高端則是用倉鼠。另外，Novavax是使用專利奈米顆粒技術聚合棘蛋白形成奈米顆粒，之後再與佐劑Matrix-M混合，讓多個抗原蛋白聚合形成奈米顆粒，以提高免疫反應，「但高端根本無此技術」。
楊志良接著表示，Novavax第三期實驗完成三萬受試者，至今仍未獲得美國FDA的EUA，高端「又有何資格通過EUA？」第五，食藥署於6月10日，自行制定有高度爭議的EUA標準，並通過高端疫苗的EUA，「完全是為高端量身訂做」。
最後，楊志良說，相信台灣仍有正直法官，因此提出訴願，停止高端的EUA，並向高端喊話「繼續努力，成為獲得完全認證的疫苗。」
</t>
  </si>
  <si>
    <t>雙北市疫情持續嚴峻，至4日止兩市確診數達7769例，新北市雙和醫院護理師4日在臉書社團感性發文，被歧視、排擠、醫院暴力每天都在發生，踏進醫院前心裡有著莫名的壓力，又偷流了多少眼淚？能夠回家看到家人是無比的奢侈，她呼籲民眾抱怨不便時請多想想，麻煩待在家裡好好做好防疫，少責怪、多鼓勵。
基層護理師在「我是中和人」臉書社團發文說，自己擔任護理師第5年發生新冠肺炎，雙和醫院內科加護病房就變成了重症新冠肺炎專責病房，大家庭裡的每個成員每天暴露在危險之中。
看著新聞裡的民眾抱怨不能出門玩耍，「試問我們何嘗不是想要好好待在家？」現在能夠回家看到家人是無比的奢侈，被歧視、排擠、醫院暴力每天都在發生，每每踏進醫院前心裡沈重有著莫名的壓力，又偷流了多少眼淚？
基層護理師說，人力不足資源有限的狀況下大家還是撐著疲憊身軀幫病人治療著，苦中作樂大概是最好的形容詞；無數的臉部壓傷破皮、脫下兔寶寶連內褲都濕了。
她呼籲，當你在抱怨時請想想，醫護人員只是想在8個小時裡喝一口水、上一次廁所，麻煩待在家裡好好做好防疫，少責怪、多鼓勵，最後更期盼在疫情過後大家能夠真正重視護理人力的問題，大家都能夠平安渡過難關。
留言一出吸引近萬名網友回應，紛紛向她們表達感謝之意，更有網友說響應說，「我們都會乖乖在家防疫不亂跑，一起加油戰勝這病毒！」</t>
  </si>
  <si>
    <t>和鑽石公主號新冠肺炎復呈陽性病例同機，台灣團赴以色列遭遣返，產險業者表示，若遇到上述旅行不順遂情事，投保旅行不便險賠不賠？因各產險保單契約規定不一，然多半都無法獲得理賠補償，但仍可以跟保險公司申請退回旅平險保費。
因新冠肺炎疫情持續向各國蔓延，打亂了不少人今年出國旅遊計劃，即使勉強成行，變數也大增，如航班被改或者取消或提前等增多，產險業者表示，近期保戶詢問旅行不便險理賠問題多，由於產險公司都依保險契約理賠，因此，能獲理賠補償者並不多。 以3月2日傳出國內某旅行社「以色列旅遊團」11人於2/28出發至以色列，由於搭乘班機上有一名以色列人確診新冠肺炎（COVID-19），導致該旅遊團11名旅客在以色列相關單位要求下，搭乘同日晚間班機離境返回台灣。依照我國規定，全團11人皆列為「與確診者接觸者」，須居家隔離14天。
類似此一案例，多數產險業者都「不予理賠」，多半產險公司不予理賠，因是「政府命令」，屬於保單「不保條款」或者「不符合該公司相關理賠規定」等，所以不予理賠；部份產險雖有放寬理賠規定，但需要有實際消費的收據。
若用「以色列團遭要求離開以國」為例，國泰產險表示，原班機若正常起降，如因以色列檢疫之規定，遣返同班機乘客，此種情形屬於該公司旅程延誤承保範圍，可申請之項目有額外產生之（1）交通費、（2）膳食費及（3）住宿費用。另遣返班機若起飛或降落時間較原預定時間延誤達3小時以上，則可於檢附航空公司開立之延誤證明及實際搭乘之登機證後，申請班機延誤項目。新光產險說，若保戶有額外產生交通費或住宿費者，則給付額外支出之費用。
以國旅行團遭遇情事雖不符合該公司理賠規定，但富邦產險表示，若客戶於此時決定取消旅程，已經投保的旅平險則可向產險公司申請退費。</t>
  </si>
  <si>
    <t>武漢爆發新冠肺炎(COVID-19)後，為了防止疫情擴大，不少企業宣布，員工可在家上班，原以為這樣會變得較輕鬆，能省下通勤時間晚點起床，但沒想到卻是噩夢的開始。大陸一名上班族日前曝光實況，表示由於沒有打卡上下班，反而比到公司上班還累，網路上更是怨聲載道。
綜合陸媒報導，一名在北京工作的OL楊樂表示，由於為了防疫，因此從2月3日開始，她便在家辦公，但沒想到比在公司更辛苦，「就是從睜開眼到閉上眼，都可能有人找」，吃飯或午休時間都難以休息，在家工作的上班時間，簡直超過10小時，「在家好像大家都忽略了這個時間，上下班時間也被模糊了」。
在內蒙古從事社群運營的上班族阿離也透露，從大年初五後，就開始居家工作，雖然很適應這種上班方式，因為能夠靈活安排時間，也可以減少焦慮感，但最重要的問題，就是下班時間太模糊，「居家辦公弱化了生活與工作的邊界，感覺沒有下班、週末這樣的概念，你可能隨時都要打開電腦工作」。
阿離提到，普通上班時間為上午10點至晚上7點左右，但若遇緊急事件，有時甚至要連上12小時，「昨天晚上8點左右接到工作通知，大約工作到凌晨5點」，有24小時待命的感覺，工作量也多出一倍。由於大陸疫情嚴重，又面臨延期復工的狀況，其中有55%企業採取在家上班的方式。對此律師楊偉偉表示，在法定工作時間外，接緊急工作而延後下班，員工可保留相關證據，向公司申請加班費。</t>
  </si>
  <si>
    <t>新冠肺炎疫情持續半年，各國的口罩產能提升，也導致進口量增加。根據食藥署統計，今年光是上半年進口的醫用口罩，就比去年全年多出約700萬片，隨著口罩政策開放，越來越多民眾購買進口口罩，食藥署決定7月7日起將醫用口罩納入邊境查驗的項目，進入台灣時都需要抽查，合格才能通關。
食藥署醫粧組研究員王兆儀表示，隨著新冠疫情持續升溫，各國大量業者投入醫用口罩生產，全球醫用口罩產能大增。根據統計，醫用口罩今年上半年進口量已突破5400萬片，已超過去年全年的進口量（4700萬片）。目前進口台灣的口罩以大陸居多，佔近7成，其次是菲律賓（15％）及意大利（5.7％）。
隨著口罩政策開放，民眾所使用的口罩已經不只是台灣製的實名制口罩。過去進口醫用口罩只需檢附報告，並在每2、3年做一次後市場抽查，為加強管控，食藥署近期修訂「輸入藥物邊境抽查檢驗辦法」，將醫用口罩正式納入邊境抽查檢驗。
王兆儀表示，輸入醫用口罩除須有醫療器材許可證外，尚須符合抽查檢驗規定，依「一般醫用口罩」、「外科手術口罩」、「外科手術D2防塵口罩」不同口罩類別，進行細菌過濾效率、壓差、次微米過濾效率、呼吸氣阻抗等對應檢驗項目。
此外，同報驗義務人、品目、廠牌、產地之醫用口罩，進口的前3批須逐批檢驗，皆合格後採每10批隨機抽一批的抽批檢驗，如抽批檢驗有不合格者，會回到加強管理的逐批檢驗。經檢驗合格，產品才能通關，否則就要全數退運，7月7日起上路。</t>
  </si>
  <si>
    <t xml:space="preserve">台北市文化大學爆出有4名住宿學生確診，校方緊急匡列造冊快篩，台北市政府也緊急啟動機動快篩隊到文化大學替學生做篩檢，北市聯合醫院總院長特助劉嘉仁指出，部分同學篩檢出有陽性，而機動隊成員都很優秀，提早在下午2點40分就完成任務；台北市長柯文哲也宣布，現場篩檢206位同學，快篩陽性共有13位，將送去居家旅館。
劉嘉仁說，現在還有幾位同學檢體在等待，會在記者會上報告，有篩出同學是有陽性，機動隊成員都很優秀，仁濟醫院醫師進度超前，把所有206位現場學生完成，來不及來採檢的部分會安排到剝皮寮篩檢站。
文化大學教務長方元沂指出，共用衛生部份能做的事情是定期消毒，因為最近有無症狀的感染，所以才會做普篩。
台北市長柯文哲表示，北市成立行動快篩站，有需要的地區就做，今天到文化大學第一次試辦，只要狀況明顯的就送醫院，狀況良好就送防疫旅館進行居家檢疫，迅速將群聚感染給處理掉。
柯表示，中央2日公布549例本土個案 （新增本土372例加校正回歸177例），但大家不用太驚慌，今天雖比1日327例多很多，但應是PCR核酸檢測的時間卡住，所以別緊張，若大家不是很堅持當天就要數據資料，就看一周的趨勢較正確，因陸陸續續補件會比較不清楚。
柯還說，這疾病一開始雖然從萬華區開始，但萬華看起來有一定程度的控制住，其他行政區則相繼出現，現在萬華有3個快篩站，1日快篩568人，大約有30個陽性反映，約5.3％，但每天的快篩人數不一樣，比例上上下下、不是很準，雖然有一定程度的控制，但感染問題尚未解決，目前疫情戰況膠著，還沒被消滅，要思考如何以最低成本，將疫情撐到可以普遍施打疫苗。
</t>
  </si>
  <si>
    <t xml:space="preserve">阿斯特捷利康製藥公司（AstraZeneca）與牛津大學共同開發的新冠疫苗第三階段臨床試驗初步結果出爐，疫苗保護力達70%，不過當調整至適當劑量時，疫苗保護力可達90%。此外，儘管牛津疫苗的有效性不及莫德納、輝瑞等疫苗，但牛津疫苗相對便宜，且一般冰箱即可冷藏保存。針對疫苗保護力才70%，BBC評論直言：失望。
綜合英國廣播公司（BBC）、英國《太陽報》（The Sun）報導，阿斯特捷利康製藥公司與牛津大學共同開發的新冠疫苗第三階段大規模臨床試驗結果今（23）日出爐，結果顯示，疫苗能夠防止70%的志願者出現新冠症狀，也就是保護力達70%。
BBC指出，牛津新冠疫苗的成果同時揭示「勝利」與「失望」，儘管此款疫苗的保護力不如美國生技大廠莫德納公司（Moderna Inc.）或美國藥廠輝瑞（Pfizer）與德國BioNTech聯手開發的疫苗，這2支疫苗保護力高達90%以上，不過它也較便宜，且一般冰箱就可保存，BBC因此指出，牛津疫苗一旦獲得主管機關許可，在對抗疫情上仍能扮演重要角色。
一共有超過2萬名志願者參與牛津新冠疫苗第三階段大型臨床試驗，一半試驗者在英國，另一半在巴西，初步結果顯示，整體而言牛津疫苗的保護力為70.4%，施打2劑疫苗的志願者中有30人染新冠，施打假疫苗的志願者有101人染疫。
研究顯示，如果志願者連續施打2劑「高」劑量（或稱「全」劑量疫苗），兩劑中間間隔一個月，保護力只有62%，但是如果志願者先施打「低」劑量疫苗（或稱「半」劑量疫苗），一個月後再施打全劑量疫苗，保護力高達90%。
研究團隊目前尚不清楚確切原因，不過推測人體免疫系統是以漸進、有效的方式啟動。兩組實驗的平均保護力為70%。
牛津疫苗使用一種經過弱化的、讓黑猩猩生病的普通感冒病毒作為載體，儘管保護力不如莫德納及輝瑞疫苗，不過牛津疫苗可以在一般冰箱溫度下保存，因此更方便運送至世界各地，BBC指出，即便70%的保護力相對來說「令人失望」，不過一個月以前，疫苗效力若超過50%，就已經被視為「巨大成功」。
英國政府已經提前下訂1億劑牛津疫苗，足夠讓5千萬人接種。
</t>
  </si>
  <si>
    <t xml:space="preserve">受累新冠肺炎確診病例攀升打擊，引發市場對經濟前景擔憂，抵消減產及油品庫存下滑的利多消息，致國際油價區間向下整理，而依據國內浮動油價調整機制，經考量亞鄰最低價條件後，預估下周汽油、柴油不調整，下周油價仍維持92無鉛汽油每公升22.2元、95無鉛汽油23.7元、98無鉛汽油25.7元、超級柴油為每公升19.6元；實際調幅待中油、台塑石化本周日(9/27)公布為準。(商品行情網)
</t>
  </si>
  <si>
    <t>總統蔡英文今日視察不織布大廠敏成，她宣示，口罩國家隊達到日產1,000萬片的目標，未來還要挑戰日產2,000萬片，這對整個國家的民心士氣，其實是很有用的，不僅是提供了口罩，也證明台灣的團隊可以一直挑戰這種極限。
蔡英文表示，她去看過口罩供應鏈最前端的口罩製造商、走過製造機械的機械團隊在產線組裝上的努力，也去不織布的原料供應商。這次到敏成公司，看的則是口罩中一個最核心的材料，也就是「熔噴不織布」。
她希望，口罩國家隊在完成防疫之後，還要繼續維持，更希望整個供應鏈都能維持台灣優質生產，包括醫療、國軍，都會採用國內生產的政策，政府也會檢討公共部門的需求，讓口罩國家隊可以維持需求。
蔡英文也要求，疫情結束後要再一次盤整，國家在戰略及民生的需求上，要一定程度能夠掌握自己生產的能量。相信這點，經濟部長沈榮津已經開始作業，她也請醫療與公共衛生部門開始盤整所需要的戰略與民生基本物資需求。希望在這段期間全心投入疫情的同時，就已經在為國家戰略與民生物資的整備進行盤點的工作。
口罩國家隊達到日產1,000萬片的目標，蔡英文覺得很不可思議，她宣示，未來還要挑戰日產2,000萬片。蔡英文認為，這對整個國家的民心士氣，其實是很有用的，不僅是提供了口罩，也證明台灣的團隊可以一直挑戰這種極限。
對台灣人民來說，是一個很重要台灣精神的展現，它有韌性、能夠突破障礙，然後一直去承受不同程度的挑戰，這就是我們整個國家隊所展現出來給人民的一種能量。蔡英文要感謝私人部門的團隊，還有公務部門的團隊，在這一次都竭盡所能、團結一致，而且無私的一起來度過這個國家最困難的一段時間。</t>
  </si>
  <si>
    <t>聯合國秘書長古特雷斯9日警告，新冠肺炎疫情過後的經濟衰退，可能觸發全球50年來最嚴重的糧食危機，對過百萬名兒童及成年人造成長遠影響，促請各國政府迅速行動，以阻止災難。
古特雷斯表示，雖然主要農作物收成狀況良好，各方亦致力避免出口禁令及貿易保護主義行為，但民眾尚未真正感受到新冠肺炎及經濟衰退帶來最嚴重的影響。他表示：「就算在糧食充裕的國家，我們也會發現食物供應鏈有被擾亂的風險。」據報，受到新冠肺炎影響，今年約有5000萬人面臨陷入赤貧，但長期影響更為嚴重，例如兒童可能因營養不良而終身受害。
古特雷斯提出一項「三點計劃」，以修復全球糧食系統，並避免進一步破壞。內容包括在受災最嚴重的地區提供援助，各國政府優先考慮保護糧食供應鏈，加強社會保護，讓兒童和孕婦獲得足夠營養等。
據聯合國當天發布的報告，目前全球農作物的產量及供應良好，但很多農民無法工作，而且在封鎖令下，收割及運送進度都被迫減慢，糧食價格因此上漲，導致部分地區的人民買不起糧食。</t>
  </si>
  <si>
    <t>新冠疫情衝擊百工百業，高市府近日發起「暖心相守寄未來運動」，鼓勵消費者以「小錢多點」預購方式，協助社區鄰里商家周轉救急，目前有351家店響應推出促銷優惠。昨高雄市長韓國瑜拋磚引玉，率先認購5000元後，今（31）日副市長葉匡時也加入行列，自掏腰包1.5萬元採購冰品、食品，並發送慰勞防疫第一線人員。特別的是，葉匡時還特別點名3名高市在野黨議員接棒，希望防疫紓困不分藍綠。
經發局長伏和中指出，市府發起「暖心相守寄未來運動」，這是種社會運動，目的是有部分攤商、店家反映目前缺乏營運周轉金，因此比照坊間寄杯、預購的商業模式，鼓勵店家拋出預購優惠為誘因，消費者能以行動支持。
葉匡時今晚到鳳山「ICE＋」冰店，採購5000元的冰品送給鳳山區里幹事，感謝他們擔任防疫第一線工作人員。葉匡時表示，另外也請三民、左營區的區長代為預購這兩區各5000元商品給里幹事，因為這3區工作最為繁重。
葉匡時指出，此次活動除了支持我高雄的新創企業與在地型農，也希望防疫紓困不分藍綠，不分族群，不分性別，大家一起努力，他特別點名高市時代力量議員黃捷、民進黨議員李喬如、高閔琳3人一同響應。</t>
  </si>
  <si>
    <t>中央流行疫情指揮中心今(7)日表示，我國近期陸續接獲日本及法國官方透過國際衛生條例國家對口(IHR National Focal Point)通報，自我國入境日本及法國之民眾，檢出COVID-19陽性。
指揮中心指出，日本通報檢出陽性個案共3人，1人為本國籍(案1)、2人為日本籍(案2、案3)，均為男性，年齡介於50多歲至60多歲。案1無症狀，離台前3日內(9月30日)採檢結果為陰性，10月2日入境日本時檢出抗原陽性；案2無症狀，除10月2日入境檢出抗原陽性外，分別於10月3日、5日進行核酸檢驗結果均為陰性；案3為船員，7月自菲律賓出港，個案9月17日出現胸痛症狀，9月18日自我國港口入境送醫並收治住院，9月25日出院後前往防疫旅館檢疫至10月2日，期間均無疑似症狀，10月3日入境日本時檢出抗原陽性，10月4日再次進行核酸檢驗結果為陰性。3名個案之在台接觸者共匡列74人，應採檢34人，核酸及血清抗體檢驗均為陰性。
指揮中心表示，法國通報檢出陽性個案共1人，為法國籍20多歲男性，今年2月入境我國，9月30日離境，10月1日入境法國時採檢，10月2日檢出核酸陽性。個案在台期間至離境迄今均無症狀，衛生單位已匡列個案在台期間之接觸者共9人，其中採檢3人，核酸及血清抗體均為陰性。
中央流行疫情指揮中心指揮官陳時中表示，案例469比利時籍，三月有症狀，一直把此案列為不明，七月底要出國的時候驗出來，時間很長，國內最長81天都還驗得到，518案在菲律賓發病當地治療陰性，過一段時間回來，10/3採檢又是陽性，最近發現這樣的案子越來越多，專家認為發病後傳染力會漸漸降低，提醒國人口罩要配戴好，勤洗手還是要做。
對於這次台灣出境到日本有3人被驗出陽性。陳時中認為，這顯示出現在都有這樣檢驗不一的情況，就像案一沒有症狀，案二也沒有症狀，10月2日入境日本時抗原陽性，但10/3、5日PCR都是陰性。
對於頻頻發生台灣輸出個案，陳時中表示，和法國往來這段時間少，因此情況不清楚，但整體來看，相關檢驗都有不相符的情形，各國都會根據不同的方式都會有不同的檢疫措施，都要進一步了解才能釐清，但都把所有個案都當成是本土個案，在台灣會進行接觸史的疫情調查。
日本是檢驗抗原陽性，但核酸檢驗卻是陰性，是否代表日本採用抗原來採驗會容易有偽陰偽陽狀況出現？專家小組召集人張上淳表示，抗原敏感性一定不會很理想，流感多年來使用快篩，敏感性也只有六到七成新冠肺炎來看再好的敏感性也不會超過八九成，他們內部自認敏感和特異性覺得不錯，但台灣的專家小組對此有保留，之前我們也有到日本被檢出陽性，但一週後以pcr重複檢測都是陰性，因此我們認為偽陽的狀況機率大，不少委員都抱持是偽陽。</t>
  </si>
  <si>
    <t>新冠肺炎肆虐全球，歐洲多個國家淪為重災區，我駐法國代表處一位職員日前確診為「新冠肺炎」，該名確診職員在同辦公室的同仁，即刻進行居家隔離14天。
據了解，這是我國在全球駐外館處出現的第一位確診患者。上月底，駐洛杉磯台北經濟文化辦事處因為同棟大樓傳出確診病例，改為異地辦公。
外交部證實，駐法國代表處一位職員因出現若干症狀，憑醫囑於4月23日接受採檢，進行居家隔離，之後於4月27日確診為「新冠肺炎」。目前該職員持續居家隔離，但已無任何症狀，後續須經當地醫生依據規定專業判斷後，才能返處上班。
駐法國代表處已即依據外交部前擬定的緊急應變計畫進行相關因應措施，包括與該名確診職員在同辦公室的同仁，即刻進行居家隔離14天，該處並已全面消毒辦公室及公共區域等。
外交部指出，駐法國代表處自3月下旬起實施遠距工作及分組分流上班，持續正常運作，提供當地台僑服務及協助。由於法國疫情持續蔓延，若駐法國代表處近日再有確診案例發生，為維護駐外同仁健康及防疫需求，外交部屆時將酌情暫時關閉該處領務櫃檯，並隨時對外公佈相關發展。</t>
  </si>
  <si>
    <t xml:space="preserve">
義大利COVID-19（簡稱武漢肺炎）死亡率突破6%，已超越中國大陸，成為全世界最高，但同樣在歐洲，德國死亡率僅僅0.15%，德國做對了哪些事？
德國並沒有對疫情免疫，確診數持續上升，但一直到3月9日才出現第一起死亡病例，計算至3月12日，確診1,966人，僅3人死亡，這期間義大利死亡人數已倍數成長，德國鄰國法國死亡率也破2%。此外德國四周共9國，是歐洲鄰國最多的國家，在多國疫情夾攻中，德國的低死亡率讓人好奇。
根據彭博全球健康指數（Bloomberg Global Health Index），德國人健康程度並沒有領先鄰國，能有效控制疫情，國際媒體分析有3大原因：
1. 篩檢速度快
德國不愧是科技大國，全境廣泛分布能檢測病毒的實驗室，並且從1月開始，各地的實驗室就有充分的病毒資訊和設備進行檢測。德國甚至有餘裕將自家病毒檢測方法提供給其他國家，因此光是檢測速度，就遙遙領先歐洲其他國家。
2. 醫療保險制度健全
美國政府直到近幾日才思考對全民提供免費篩檢，但在此之前，全美有2,750萬人沒有健保，許多人無力自費篩檢，導致大量未驗出的案例如同未爆彈。德國情況則完全不同，德國醫療保險健全，篩檢費用由保險負擔，讓德國在篩檢上能積極主動，比其他國家更能及早行動。
3. 輕症比例高
義大利之所以死亡率高，有一說是因為義大利人口老化，有60%人口超過40歲，老年人口佔比全歐最高，高齡族群正是最容易產生重症的一群。相反地，德國確診病例中，較多是上班族，德國官方表示大約80％患者都是輕症。
「佛系抗疫」能過關嗎？
不過德國真的萬無一失嗎？也不盡然。德國抗疫政策被當地華人稱作「佛系抗疫」，截至目前為止都不提倡人人戴口罩，也沒有像義大利、瑞士等國祭出封城或旅遊禁令，德國聯邦衛生部僅僅「建議」民眾不參加人數超過1,000人的公共活動，並沒有採取較強硬的手段。
根據《德國之聲》報導，德國華人圈批評德國疫情策略其實只是「拖延」，甚至害怕德國成為下一個義大利，更有網友呼籲趕緊「儲備3個月的糧食」。
德國總理梅克爾更已預言，德國60～70％的人會感染武漢肺炎，必須和病毒長期作戰。德國是否還能以低死亡率作為歐洲抗疫標竿，確實還言之過早。
資料來源：Business Insider、德國之聲
</t>
  </si>
  <si>
    <t>據外媒報導，《哈利·波特》的作者J.K.羅琳在自己的推特自稱，自己在過去的兩個星期中經歷了所有的症狀，但現在已經痊愈。她還向網友推薦自己當醫生的丈夫告訴她的呼吸法，完全不要錢，但是對該病症造成的呼吸困難療效非常顯著。
根據北京日報引述外媒報導，J.K.羅琳小說改編的電影《神奇動物在哪里3》的拍攝工作也因為新冠肺炎疫情而中斷。羅琳說，自己治療期間一直聽從醫生丈夫的建議，緩解呼吸系統症狀，並把女王醫院的You Tube視頻鏈接分享給網友。</t>
  </si>
  <si>
    <t>全球受新冠肺炎籠罩，世界各國都在拚疫苗覆蓋。一名現居台灣的烏克蘭正妹Tanya表示，自己因為害怕打疫苗會產生不良反應，所以一直都沒有接種，直到台灣開放在台外國人施打後，她才打了第一劑疫苗，雖然打疫苗的副作用讓她非常後悔，但她仍感謝台灣讓她有機會打疫苗。
YouTube頻道《不要鬧工作室》昨（5）日上傳最新影片中，來自烏克蘭的正妹Tanya指出，烏克蘭的新冠疫苗接種率很低，逾25%的烏克蘭人到現在都還沒打過任一劑疫苗，因為烏克蘭流傳打疫苗會導致不孕，甚至是讓政府有機會植入晶片到他們體內。
Tanya說，自己害怕接種後產生的副作用，所以從未想過要打疫苗，且一開始台灣疫苗量不足，所以她並不擔心這個問題，但台灣開始獲得更多疫苗時，更大方地讓在台外國人也能接種，她反覆思考好幾個禮拜後，決定相信台灣政府一次，「因為台灣防疫成功，讓大家都很安全」。
Tanya表示，她打了一劑疫苗幾個小時後，開始感到暈眩、肌肉痠痛及發燒，本來以為吃止痛藥可以緩解不適，但卻起不了任何作用，她連續燒了兩天，又感受到不明電流通過她的指尖，「從那刻起，我後悔打疫苗了」。她去了醫院檢查，醫師替她抽血確定沒有血栓，並開藥給她服用，並建議她還是要打第二劑。
Tanya忍不落淚說，其實自己並不喜歡去醫院，若要去醫院還要台灣的朋友陪同，再加上自己沒有健保，就必須自費看診，雖然現在還不確定自己是否要打第二劑，但她仍感謝台灣讓她有機會打疫苗，因為自己並沒有做任何事，就得到免費的疫苗，「謝謝台灣讓我們在這段時間安全的過日子」。</t>
  </si>
  <si>
    <t>新冠肺炎AZ疫苗85歲以上長輩接種第3天，台南南化區公所派專車至關山、玉山里接送4位長輩至北安宮前接種站施打疫苗，來回車程就要一個半小時，今日北安宮注射站共有北寮、玉山、關山里40人完成施打。
南化區長徐全立表示，關山里有10幾位85歲以上長輩，超過一半以上大多籍在人不在，原先調查有6位願意施打的長輩，因交通不便只有1位有家人願意接送出來打針，另一位臥病在床無法坐輪椅，因此變無意願施打，剩下4位全部同意統一由日照專車載出來。
今日日照專車7：45由南化公所出發至關山里接長輩，原訂4人要來施打的長輩，其中一位臨時變卦不願意出來，最後只接送關山里3位及玉山里1位長輩出來接種疫苗。
徐全立表示，後續如果開放75歲以上長輩接種，公所也會調查關山里長輩，若人數增加，非一車次可以處理的話，考慮直接安排至關山瑞峰國小在地施打，以及是否順便針對無法下床民眾入宅施打的評估，做最好的貼心安排。</t>
  </si>
  <si>
    <t xml:space="preserve">馬來西亞一名70多歲長者日前因接觸過新冠確診者、加上身體不適，一共進行了2次PCR核酸檢測、1次抗原快篩，3次病毒檢測結果都呈現陰性，不料卻突然昏迷暴斃，醫生解剖後證實死因為新冠肺炎，指出長者的肺部受損嚴重，當地官員推測和變種新冠有關。
綜合馬來西亞《星洲日報》、《東方日報》報導，大馬衛生總監丹斯里諾希山18日指出，當地許多感染變種新冠的患者並沒有出現發燒、咳嗽、嗅覺、味覺失常等典型症狀，倒是有關節痛、疲倦、食慾不振等症狀，更奇怪的是，病毒檢測結果居然呈現陰性，但實際上這些患者病情已經很危急，「新變種病毒迅速擴散到肺部」，「儘管透過X光片發現有肺炎症狀，但是很多病人沒有發燒。」
馬來西亞地方議員余深恩隨後分享一則從民眾那裡接獲的類似案例，他昨（19）日晚間在臉書發布貼文，指出中部萬撓地區一名70多歲長者日前因為密切接觸過新冠確診者，因此去做了PCR核酸檢測，當時結果為陰性，長者在隔離10天後第2度做了PCR核酸檢測，結果同樣為陰性。
2天後這名長者身體開始感到不適，因此又做了抗原快篩，結果同樣為陰性。
這名長者後來突然陷入昏迷、不省人事，送醫後不治身亡，醫生解剖後顯示死者肺部受損嚴重，證實死因為新冠肺炎，解剖結果讓家屬難以接受，因為先前3次病毒檢測結果都是陰性，現在家屬們也集體接受病毒檢測。
余深恩受訪時指出，他是在大馬衛生總監丹斯里諾希山18日宣布變種新冠難檢測的當天獲得這則消息，他表示相信這名長者可能是感染了變種病毒，才會3次檢測結果都呈現陰性，也讓他感慨變種病毒的可怕。
丹斯里諾希山說新變種病毒不僅傳播速度快，還和高死亡率相關，呼籲民眾保持警惕及自律。
目前馬來西亞一共檢測出南非變種病毒「B.1.351」、英國變種病毒「B.117」和印度變種病毒「B.1.617.1」等3種變種新冠。
</t>
  </si>
  <si>
    <t>2020年全球受到新冠肺炎疫情衝擊，在工廠停工與學校停課的情況下，帶動視訊開會、遠距上班、遠距教學等需求快速暴增，但也讓全球駭客有機可乘。根據以色列資安大廠Check Point發布的訊息顯示，全球與新冠肺炎相關的網路攻擊，在2月分時每周尚低於5,000起，但4月下旬已激增至單周超過20萬次。
Check Point近期發布《網路攻擊趨勢：2020年中報告》，揭露犯罪、政治和以國家為目標的網路攻擊分子，如何趁虛而入，利用新冠肺炎疫情及其相關主題，發起針對包括政府、工業、醫療、服務供應商、關鍵基礎設施和消費者等部門的攻擊。
舉例來說，隨著疫情加劇，各國積極搜集疫情相關情報，或破壞競爭對手的防疫工作，全球的「國家級的網路攻擊」強度加劇，甚至擴展到了醫療和人道主義組織，其中針對世衛組織攻擊的數量就暴增五倍。
此外，疫情期間企業將資料快速遷移至公有雲，導致針對敏感雲端工作負載和資料下手的攻擊增加。駭客也利用雲端基礎設施，來儲存惡意軟體攻擊中使用的惡意負載。1月間，Check Point研究人員在微軟公有雲Microsoft Azure中，發現了業界首個嚴重漏洞，讓駭客有機會破壞其他Azure使用者的資料和應用程式，顯示公有雲並非完全安全。
報告指出，隨著各國5、6兩個月逐漸鬆綁防疫規定，駭客進一步擴大新冠肺炎疫情相關的攻擊。與3月和4月相比，6月底全球所有類型的網路攻擊增加了34％。
另一分報告也指出，疫情帶動遠距辦公，連帶也讓資安挑戰增加。超過86％受訪企業表示，公司轉向大規模居家辦公模式，是疫情期間最大的IT挑戰，其中最大的安全問題，則是維護員工VPN輸送量並確保遠端存取安全。
隨著全球封鎖禁令逐漸解除，企業工作的方式也正在轉向「新常態」。例如，75％的受訪者表示，雖然封城令放寬，但全球員工平均每周仍有四天要居家辦公，僅有29％的公司會在員工的家用電腦上，部署終端安全防護，更只有不到四成的公司有執行合規檢查，顯示居家辦公仍存在許多資安死角威脅。
面對此一趨勢，資安業者建議，後疫情時代企業需要使用全面端到端的安全架構，才能確保員工家用電腦和行動裝置到企業資料中心的連線安全無虞，並有效防止網路攻擊造成的大規模損失。</t>
  </si>
  <si>
    <t>大陸新冠肺炎疫苗研發再有進展，大陸軍事科學院軍事醫學研究院團隊與藥廠康希諾聯合研發、名為Ad5-nCoV的新冠肺炎疫苗，已被官方授予專利權，同時這也是大陸第1個獲得專利的新冠肺炎疫苗。
第一財經報導，大陸國家知識產權局公告，由軍事科學院軍事醫學研究院成員陳薇率領的團隊，與康希諾生物在3月18日聯合申請的Ad5-nCoV疫苗專利，已在8月11日被授予專利權。</t>
  </si>
  <si>
    <t>中廣董事長趙少康日前批行政院長蘇貞昌稱「武漢肺炎」是歧視，讓兩岸難對話，行政院秘書長李孟諺受訪時回擊，強調非歧視，是一開始發現疾病時約定俗成的名稱，勿過度渲染。對此，趙少康今（23）日接受媒體聯訪時直批，一開始叫叫就算了，現在還這樣根本是惡意羞辱，比歧視更惡劣。
記者詢問，國民黨一向被認為是內鬥內行，要怎麼促進黨內團結及兩岸和睦？趙少康表示，攘外必先安內，黨內和諧很重要，所以才一直講不會對中常委施壓，江啟臣要連任黨主席，也祝他選舉順利，很希望國民黨內部可以團結，意志、力量才可以集中，兄弟同心，其利斷金。
至於兩岸之間，趙少康說，「喊一聲兄弟，保百歲平安」，不要搞得劍拔弩張，本是同根生，相煎何太急，他也強調，以後會提出完整的兩岸主張。
記者追問，如何恢復兩岸互信？趙少康提到，蔡英文換了陸委會主委，邱太三比較會笑，不知道會不會使兩岸稍微轉機，但最重要的還是蔡英文的態度，是不是真的想談，是不是真的想兩岸之間進行溝通，眼前最簡單就是蔡英文命令蘇貞昌，不要再講「武漢肺炎」了，不能唱黑白臉，蔡英文在那邊疫情疫情，陳時中說Covid-19，蘇貞昌這時候幹嘛還要講「武漢肺炎」。
李孟諺日前表示，要趙少康勿過度渲染，不要誇大，強調沒有歧視的意思，是一開始發現疾病時約定俗成的名稱，就像日本腦炎、非洲豬瘟等，請外界勿過度渲染。
對此，趙少康直批，現在已經很多地方都有了，「開始叫叫也就算了，人家現在都不叫了，為什麼你還叫呢？」就是惡意、羞辱，故意汙名化人家，是比歧視更惡劣、更糟糕百倍的羞辱，蔡英文不能叫蘇貞昌改嘛？如果連這個都做不到，還談什麼兩岸和諧。</t>
  </si>
  <si>
    <t>國際油價崩盤、新冠肺炎疫情蔓延，這兩隻黑天鵝同時出現，造成美股利空壓境，道瓊指數今天暴跌2013點，史上首度單日暴跌逾2000點，3大指數跌幅也都超過7%，創2008年全球金融海嘯爆發以來最糟表現，延續11年的牛市瀕臨終結。
全球金融市場腥風血雨除疫情影響之外，主要也因石油輸出國家組織（OPEC）上週未能與以俄羅斯為首的夥伴達成減產共識，沙烏地阿拉伯隨後放棄支撐油市，閃電宣布多數外銷油品大降價並揚言增產，導致國際油價今天狂跌24%，創1991年波灣戰爭爆發以來最慘單日跌勢。
國際油價暴瀉所帶來的連鎖反應是導致世界各地股市連環崩盤，加上全球疫情愈來愈嚴峻，又一場金融風暴正在集結、又一次經濟危機已在門外徘徊！兩隻黑天鵝一起出現，我們真的開始要擔心經濟大蕭條將會乍現眼前。</t>
  </si>
  <si>
    <t>中央流行疫情指揮中心今(2)日公布國內新增6例境外移入COVID-19確定病例，分別為美國2例、菲律賓2例、英國及印尼各1例。截至目前，共累計808例確診案例。其中英國入境男子Ct值僅18，代表病毒量高，指揮中心將做病毒基因序列比對，確認個案是否感染變種病毒。
指揮中心發言人莊人祥表示，案804為英國籍30多歲男性，去(2020)年12月30日來台工作，持有登機前3日內核酸檢驗陰性報告。個案入境後至集中檢疫所檢疫，自述12月28日起即有輕微鼻塞症狀，但自覺為英國天氣寒冷所致，12月31日進行採檢，今日確診。衛生單位已掌握個案接觸者2人，均為一同入境之英國籍同事，採檢結果均為陰性，列為居家隔離。
案805為本國籍20多歲女性，長期於美國就學，去年12月30日入境，持有登機前3日內核酸檢驗陰性報告。入境後入住防疫旅宿進行居家檢疫，當日晚間出現喉嚨不適症狀，12月31日由衛生單位安排就醫採檢，於今日確診。衛生單位已掌握個案接觸者共18人，其中6人列居家隔離，12人列自主健康管理。
案806為美國籍40多歲女性，去年12月24日來台工作，入境時無不適症狀，持有登機前3日內核酸檢驗陰性報告。個案於12月29日居家檢疫期間出現全身倦怠、嗅覺異常及腹瀉等症狀，12月30日由衛生單位安排就醫採檢，於今日確診。由於個案可傳染期間已單獨進行居家檢疫，且就醫時接觸之相關人員均有適當防護，無須匡列接觸者。
案807、808均為菲律賓籍30多歲女性移工，去年12月18日來台，且均持有登機前3日內核酸檢驗陰性報告。入境後前往集中檢疫所進行檢疫，入境迄今均無症狀，12月31日檢疫期滿前採檢，並於今日確診。由於2名個案均無症狀，且檢疫期間未與他人接觸，故無匡列接觸者。
案809為印尼籍20多歲男性船員，去年12月17日來台，持有登機前3日內核酸檢驗陰性報告。個案入境後入住防疫旅宿進行居家檢疫，入境迄今均無症狀，1月1日進行自費採檢，今日確診。衛生單位已掌握個案接觸者共6人，均列為自主健康管理。
指揮中心統計，截至目前國內累計808例確診案例，分別為713例境外移入，56例本土病例，36例敦睦艦隊、2例航空器感染及1例比利時工程師；另1例江蘇台商(案530)移除為空號。確診個案中7人死亡、686人解除隔離、115人住院隔離中。</t>
  </si>
  <si>
    <t xml:space="preserve">新冠肺炎疫情肆虐全球，何時能施打疫苗成為全民關注議題，藝人阿緯五月初自費申請施打第一劑AZ疫苗，近來更成功施打完第二劑，對此，他坦言相當感謝醫護人員的付出，才能有效率施打疫苗。
阿緯五月初和太太以「保護自己也保護家人」的想法下，自費申請施打第一劑AZ疫苗，打完發燒到38度左右，但隔天睡醒就沒事了，至於太太則是吃完退燒藥後早早休息，夫妻倆因為施打後增加不少安全感，隨後，公司營運主管也前往接種疫苗，更鼓勵門市同仁施打，如今疫情爆發全民排隊等疫苗的狀況下，還有機會打到第二劑，讓他坦言相當珍惜，也謝謝醫護人員辛苦付出，才能讓所有人有效率施打疫苗。
阿緯強調每支疫苗都有不同副作用跟保護力，都是依照個人體質不同有所變化，只要接種疫苗，都能有效降低重症及死亡風險，如今Delta病毒傳播力道強，不好好戴口罩又喜歡群聚的人，特別容易感染，若沒有保護力都得特別小心，總之排到疫苗就帶著感恩的心去打，保護自己也保護家人。
對此，網友紛紛留言：「五月初沒有被洗腦AZ是強烈有副作用而不去接種，就值得讚賞了」、「打完兩劑疫苗，更有抵抗力，恭喜了」，但也有網友詢問：「新聞說有些人打了結果死了，害我都不敢打，該怎麼辦？」阿緯則是回應：「施打前了解自己是否有慢性疾病，跟醫生確認後就可以施打了，死亡比例很少，也都是高年齡者跟慢性病，不在這範圍可以安心施打」。
★《中時新聞網》提醒您：因應新冠肺炎疫情，疾管署持續加強疫情監測與邊境管制措施， 如有疑似症狀，請撥打：1922專線，或 0800-001922， 並依指示配戴口罩儘速就醫，同時主動告知醫師旅遊史及接觸史，以利及時診斷及通報。
</t>
  </si>
  <si>
    <t>台大醫院昨日新增1名確診案例，外傳該案身分為麻醉護理師，醫院也在昨日證實關閉開刀房進行清消，並把接觸者召回採檢。台大醫院企業工會今表示，完全同理感控人員的辛勞，但不可否認的是，事發當下仍有許多員工直到新聞報導前，都對院內疫情一無所知，宛如無頭蒼蠅，擔憂是否還能返家、家人需不需要立即採檢。
台大醫院企業工會表示，過去院方對於院內疫情，總是抱持「你不知道，就是你不需要知道」的態度，工會完全同理感控人員的辛勞，但不可否認的是事發當下仍有許多員工直到新聞報導前，都對院內疫情一無所知，在錯愕之中懊悔與擔憂傳染給家中親友。
對此工會建議，儘管對於感控、防護平時已做足準備，在完成調查以前，院方仍可在確保不違法與員工隱私的前提下，對院內員工概述現況，同時公告相關匡列準則，否則恐令員工宛如無頭蒼蠅一般，擔憂是否還能返家、家人需不需要立即採檢。
根據「COVID-19疫情醫療照護工作人力短缺之應變處置建議」，已接種2劑疫苗達14天且與確診者有過密切接觸的醫療人員，在第一次PCR陰性以後可返回工作崗位，但需自主健康管理21天並且每3日接受採檢，但工會表示，上述規定應僅適用於三級警戒下「人力短缺」的醫療機構，本次病毒是否屬於高傳染力變異株仍是未知數，工會認為此次密切接觸者應予匡列，並應安排居家辦公或以公假方式暫緩上班，例如刀房雖關閉，有密切接觸者，不該調度支援其他單位，亦應避免接觸免疫低下的病人。
工會表示，我們很遺憾得知，本次暫時關閉的單位，仍有同仁被要求以「事假」或「特休假」等「自己的假」辦理請假，這不僅有違法之疑慮，更是對於無可避免之執業風險受害者的落井下石，要提醒相關單位，調派員工支援應考量其能力與專業屬性，並確保其在完善監督、訓練下執行較不熟悉的醫療業務。
工會認為，台大面對此類議題，應更積極主動，並且站在保護員工、支持員工的立場攜手防疫，工會也願做院方與員工之橋梁，只可惜疫情至今院方甚少在事發當下將工會視為能夠共患難且交換資訊的夥伴。我們在照顧患者時，總是希望能夠讓患者知道治療處置之原因，而非父權式的「你照我說的就對了」態度，同理可證員工心理的感受，而我們也期待看見台大好的轉變從現在開始。另工會也衷心期盼確診的同仁早日康復。</t>
  </si>
  <si>
    <t xml:space="preserve">對於衛福部長陳時中今日再次重申，沒有所謂的「3+11」破口，因為「3+11」的政策並沒有影響到社區一事，網友砲轟，「死了800多人，沒有影響到社區？」「民進黨顛倒是非噁心至極」，也有網否諷刺，「這就是民進黨特色的負責法」、「民進黨嫌選票太多」，「拜託這種話再講多一點」！
衛福部長陳時中今（12）日再次重申，沒有所謂的「3+11」破口，因為「3+11」的政策並沒有影響到社區，只是華航機組員與諾富特飯店的群聚事件。
陳時中今天再度提及3+11的機組員防疫政策，強調絕非造成國內大規模社區感染的破口，只是一個與華航機組員、家人，以及諾富特飯店有相關聯的群聚事件。
他說：「沒有所謂的3+11的破口，3+11的政策並沒有影響到社區，當然有一些機組員、家人、諾富特員工，屬於一個群聚事件，並非社區破口，我要再澄清一下。」
對此，PTT網友砲轟，「死了800多人，沒有影響到社區？」、「民進黨顛倒是非噁心至極」、「垃圾」、「睜眼說瞎話」、「病毒天上掉下來？」、「死800多人叫沒影響？」
也有網友諷刺，「天降英國變種群聚感染」、「沒影響社區，只是影響台灣」、「所以是無中生有？」、「會議記錄都沒有，不承認很意外嗎」、「鬼月到了盡講些鬼話」、「有蟲洞？」、「原來這就是所謂負責」、「800人自然死亡？」、「果然是牙醫」、「幫民進黨敗票」、「民進黨嫌選票太多」、「這就是民進黨特色的負責法」、「拜託這種話再講多一點」！
</t>
  </si>
  <si>
    <t>新冠肺炎疫情近日在歐美延燒，美國西維吉尼亞州今天傳出首位確診病例，美國50州全部淪陷，台灣旅美高爾夫好手潘政琮透過臉書粉專表示，留在家防疫比搭乘長途飛機來的安全，他跟太太會先留在美國，把資源留給台灣、守護寶島家園。
潘政琮寫道：「『今天的分離是為了明天我們還能互相擁抱。』懇請僑胞決定返台時想想您親愛的朋友與家人，台灣沒有這麼大的能量與空間防疫！這麼多人搭機返台灣反而會非常危險！我們還在美國，讓我們一起保護台灣！#我ok台灣優先#在美國待在家裡也能好好防疫」
潘政琮並說，PGA美巡賽目前到今年5月17日前的比賽都取消，他會持續鍛鍊、隨時準備疫情過去賽事重新開打，他也考慮這段期間拍教學影片回饋球迷，歡迎球迷留言告訴他想學什麼，或是希望他透過影片或直播哪種方式教學。</t>
  </si>
  <si>
    <t>受新冠肺炎疫情影響，屏東山川琉璃吊橋遊客數減少，為了行銷推廣吊橋美景，並鼓勵體驗原住民族文化與歷史，屏東縣政府決定5月起至年底，每周一開放攝影愛好者及結婚新人免費入場拍攝，也歡迎民眾在防疫期間到戶外、空曠處舒展身心。
山川琉璃吊橋去年遊客數為21萬3545人次，不到開放之初2016年69萬5214人次的1/3。今年新冠肺炎肆虐，吊橋雖位於戶外空曠區，仍受到疫情影響，年初迄今遊客數僅5萬9416人，與去年同期相比約減少1成5。
縣府交通旅遊處長黃國維指出，吊橋固定周一為休息日，開放給攝影愛好者及婚紗攝影拍攝，需要付費。不過現在正值疫情期間，縣府決定5月起免費開放攝影，開放時間為每周一上午9時至下午4時，希望更多人宣傳吊橋之美。有意者於拍攝日前3天提出申請，相關資訊可參考屏東縣政府交通旅遊處官網。
縣府評估吊橋最適宜的年旅遊人次為30餘萬人，既不影響旅遊品質，又能維持營運成本。去年的旅遊人次偏少，縣府將在水門轉運站完工後，提升接駁功能串聯屏北地區景點，並在吊橋三地門端另闢一條坡度較緩的友善步道，方便遊客進出。</t>
  </si>
  <si>
    <t>日前台灣出現第一例無法確定感染源的白牌車司機染新冠肺炎，且是首例死亡，疫情指揮中心一開始認為新冠肺炎已進入社區傳播，後來又以感染源仍在確認為由收回；才過幾天又出現第二例無感染源病例，指揮中心仍不願鬆口是社區傳播。
政府死守「社區傳播」不願說出口，只是鴕鳥心態，不僅白白錯失防疫時間，民眾摸不著頭緒會更慌。
鄰近大陸新冠肺炎主要疫區，台灣防疫一開始即高規格對待，才能有今天的防疫成績，也延緩社區出現感染病例。但此後台灣的防疫步調似乎走得有些尷尬，明明有了社區感染案例，疫情中心僅定調為「零星的社區感染」，而非社區傳播。事實上，無論是社區傳播還是社區感染，重點在於「社區」二字，即由境外感染案例進入、找不到源頭的本土感染。
如果政府只是執著「零社區」，大可不必。17年前SARS剛發生時，台灣曾因保持三零即「零社區、零死亡、零輸出」自滿，但沒多久即破功，之後歷經和平封院等慘痛教訓，殷鑑不遠。
已出現新冠肺炎社區傳播的新加坡表示，如果感染人數持續增加，政府將鼓勵新冠肺炎輕症去看家庭醫師，醫院則收治、隔離重症病患，顯示星國政府對輕症病患不再隔離圍堵；專家認為，新冠肺炎可能如流感一般，冬天就來報到，民眾應以面對流感心態因應新冠肺炎，更要教導民眾如何平常心看待新冠肺炎。
由於新冠肺炎多是輕症，加上無症狀即會傳染，台灣進入社區傳播是無可避免的。重要的是如何銜接進入下一波防疫，政府應清楚向民眾說明做了哪準備？尤其是如何守住醫療院所，不要發生院內感染？民眾要如何配合？全民都在等政府帶領面對即將或是已經到來的社區感染傳播。</t>
  </si>
  <si>
    <t xml:space="preserve">因應新冠肺炎疫情，高雄市府今（2）日召開防疫會議後，決議一旦達到停課標準，將針對高中以下學校啟動遠距教學。另也將推出「防疫計程車」，最快這周上路，而高市現有近千位居家檢疫及居家隔離者，市府將準備2、3000份居家隔離包。
高雄市長韓國瑜表示，如果疫情持續擴散，教育局相關所屬的每一個學生受教權，不能夠受到影響，因此請教育局立刻規畫高中以下的學生遠距教學欠缺不足的部分，未來若碰到颱風等重要災害，就可以實施遠距教學。
教育局長吳榕峯指出，除盤點現有的教材外，目前已與3家出版社接觸，其中1家已談妥，另兩家正在接洽，所用教材可供上網學習。再者是，網路部分也與中華電信洽談中，目前35萬名高中以下的學生中有2.7萬人沒有網路可用，市府將排除萬難提供學習資源給學生。
衛生局長林立人表示，目前已請交通局協助招募「防疫計程車」，未來協助居家檢疫或居家隔離對象，假設除了發燒或有呼吸道症狀以外等身體狀況需要到院，將提供防疫計程車載送，初步需要個位數的車輛，最快這周可以啟動。
民政局長曹桓榮則指出，高市各類活動特別是宗教，若在室內100人以上、室外1000人以上，會建議暫緩，「能延期就延期，能夠暫停就暫停」，若不得已必須辦理，希望配合衛生局給大家的8項防疫措施。另針對宗教團體的平安宴、羅漢餐或者大鍋飯必須共同餐食的部分，希望改為提供個人便當或個人餐飲，避免群聚感染的可能。
</t>
  </si>
  <si>
    <t>大陸湖北省武漢市因新冠肺炎而封城，歷經76天後，終於在今（8日）0時正式解封。武昌火車站緩緩開出載客列車，於0時50分載442名乘客，10個多小時後將抵達廣州，預計今日將有5萬5千人搭乘火車離開武漢。省委書記、省新冠肺炎疫情防控指揮部指揮長應勇7日主持召開省防控指揮部會議指出，要始終把人民群眾生命安全和身體健康放在第一位，保持突發公共衛生事件一級應急回應不變，交通管控解除不等於防控措施解除，打開城門不等於打開家門。
中共中央機關報《人民日報》客戶端昨特別以斗大的圖配標語提醒，武漢就要「解封」，風險仍存在，民眾不應放鬆。大陸國家衛健委周二（7日）上午公布，大陸過去一日新確新冠肺炎確診病例共32宗，全部為境外輸入，全日無新增死亡病例。
應勇強調，控管社區和重點人群防控，外防輸出、嚴防輸入。要繼續強化社區管控，加快形成以物業、志願者、網格員為主體的常態化防控隊伍，嚴格執行人員進出「社區身份必問、資訊必錄、體溫必測、口罩必戴」，守牢社區第一道防線，繼續做好群眾生活必需品保供穩價工作。
要嚴格管控公共場所，實施限制開放清單管理。要進一步加強重點人群流調和防控，對治癒出院患者實行隔離觀察、複診複檢、跟蹤隨訪等全流程健康管理；對複陽病人加強跟蹤管理和醫療救治；開展無症狀感染者的監測預警、篩查甄別、隔離管理、醫療救治，對其密切接觸者實施相關醫學管理，切實阻斷傳播途徑。要對重點人群和特殊場所人員全部進行流調和核酸檢測。
應勇也強調，解除通道管控後，仍要宣導「非必要不外出」，同時嚴格健康碼管理，實行人員憑健康碼「綠碼」安全有序流動。要繼續加強發熱門診管控，強化閉環管理。要加強與外省（區、市）聯防聯控，精准對接第一入境口岸所在地隔離結束後來鄂人員資訊，確保納入社區管控。
綜合陸媒報導，乘客需遲證明健康的「綠碼」確認身分、測量體溫才能搭乘火車；負責人表示，預計武漢今日共有276班列車，將開往上海、深圳、成都、福州、南寧等地。
武漢解封引起大陸多間媒體現場報導，央視更以「好久不見」為題，在公路、機場等處，利用5G、AI、無人車等設備進行全天候直播。武漢各地霓紅燈亮起，雖是深夜但卻活力滿滿。大陸網友也紛紛表示「早上好啊！武漢」、「武漢回來了！好激動啊」、「歡迎回來」、「武漢加油」、「全國人民都期待這一刻的到來」、「武漢終於甦醒了」。</t>
  </si>
  <si>
    <t>國際疫情持續嚴峻，但不少學者憂心，今年秋冬疫情再次席捲來時，國內民眾恐怕沒有疫苗可用。對此，中央流行疫情指揮中心指揮官陳時中表示，已經編列135億元的疫苗經費，包含投入最基本的不管是國內廠商，或是向國外購買，都有相當經費的準備，若還有不足，則會動用52億元的預備金，有充分的經費可以在疫苗上競爭。
陳時中表示，疫苗國內有三家疫苗走得比較快，也都提出人體第一期臨床試驗，另一家沒有，接下來要看他臨床試驗的順暢，不代表開始實驗就會成功，急不得，總得要有效、安全才可以，他強調，法規上只要達到一定程度的有效性，不管是加速審查或是緊急授權使用製造就可以來做。
對於廠商的鼓勵，明天開始會公布獎勵辦法，讓廠商在後續臨床試驗時，可以更安心，在財務上會予以支持，對於國內廠商可以在國內使用盡力加速
國外購買方面，陳時中說，也積極尋求國際組織或是個別單一國家學術單位都有，目前都在洽談中。
至於疫苗第三期的經費中，疫苗經費也編列135億元，經費，來做最基本的不管是國內廠商或是生產後的國外購買，都有相當經費的準備，還有不足52億元的預備金，有充分的經費可以在疫苗上競爭。</t>
  </si>
  <si>
    <t>小編精選《中國時報》5件不可不知大事，帶讀者掌握今天（27日）新聞重點。
【1】英首相強森 今日復工
英國首相辦公室發言人昨天證實，英國首相強森（Boris Johnson）治療加休養整整超過3周後，27日將重返工作崗位，比原定時間提早。他缺席期間的代理人外務大臣拉布說，強森「迫不及待」全面復工，而強森的復出有助於「提振政府與英國的士氣」。
【2】只禁酒店舞廳 KTV成大漏洞
錢櫃KTV昨發生大火，造成5死慘劇，除暴露出業者只為賺錢，輕忽公安罔顧人命的老問題，另也凸顯政府在防疫嚴峻期間，雖對全台酒店、舞廳祭出「停業令」，卻對KTV網開一面，政府若不重視防疫管控，難保KTV會形成防疫破口。
【3】川普推特預測 新冠奇蹟般結束
美國總統川普首度缺席疫情新聞發布會。25日透過推特，直接宣告疫情簡報玩完了！川普25日推文說：「不入流媒體（Lamestream Media）只問充滿敵意的問題，又拒絕正確報導實情或事實，那開白宮新聞記者會又有什麼意義？他們得到破紀錄收視率，美國民眾卻只接收到假新聞。根本不值得花時間和精力。」川普還在推特稱，新冠開始於一個中國人，將會奇蹟般結束。
【4】人大常委會議在京召開 全國兩會擬朝視訊規畫
第13屆人大常委會第17次會議26日下午在北京登場，會議審議關於13屆全國人大三次會議召開時間的決定草案之議案，預計29日將公布13屆全國人大三次會議召開時間，屆時大陸全國兩會開會日期也將隨之揭曉，預料可望在23或24日開幕。會議採取全視訊或是現場出席與視訊出席相結合方式舉行，在西方國家究責聲浪不斷下，北京刻意低調，避免各國忙著防疫的同時，給予外界高調舉辦會議觀感。
【5】愷樂道歉文被批沒誠意 明天停工《娛百》
羅志祥（小豬）與周揚青9年情斷，女方23日以「千字分手信」指控小豬劈腿約炮、多人運動、與旗下女藝人有長期不正當的男女關係，線索直指愷樂，周揚青甚至爆料愷樂有男友還出軌小豬，轟愷樂「在外裝純情私下當p友」；繼羅志祥25日凌晨道歉後，愷樂同日深夜11點多終於打破沉默，以32字向周揚青道歉，間接默認所有指控。</t>
  </si>
  <si>
    <t>繼國際級賽事萬金石馬拉松確定停辦，原定4月19日登場的新北市鐵道馬拉松接力賽，考量新冠肺炎疫情持續延燒，新北市觀光局今晚逐一發送email給報名跑者，宣布活動確定延期辦理，全力防堵疫情蔓延，延期時間待定。
新北市觀旅局長張其強表示，今年鐵道馬共5600位跑者報名，共分7隊，原定4月19日登場，經過相關單位再三評估，在無法確定讓每個人跑得健康、玩得開心的情況下，最終決定延期辦理，希望跑者保留資格，等疫情紓緩、恢復比賽後一起開跑，但也可選擇依規定退費。</t>
  </si>
  <si>
    <t>五一連假即將來，民眾宅在家悶太久，出遊情況憂心成防疫口，台中市長盧秀燕28日強調，適當出遊固然有益身心，但防疫更重要，她已授權相關首長、區長，民眾若不接受適當疏散指揮，必要的時候得關閉景點。
盧秀燕今日在市政會議中表示，台中市受到敦睦艦隊確疹案例衝擊，度過驚滔駭浪的一周，大家疲奔命的應變跟善後，將疫情適當的控制住，本周又有更大的挑戰，因為這禮拜要開始五一的連假，那連續假日有相當多的民眾可能會出遊，可能因疫情兩個多月，大家想出外走走，很多民眾會利用連續假日來出遊。
盧秀燕呼籲市民朋友，還有外地的遊客，防疫也要做，台中市配合行政院長蘇貞昌的政策，「鼓勵大家多在家休息，小心出門，不要去人擠人」，出遊固然有益身心，但是防疫更重要。
台中市府提出重要景點，甚至包括宮廟，規畫人潮影像現況可供查閱，大家在出門時候，可能要看看這些即時的影像，如果人太多了，盡量避免前往，如果你到現場，重要景點或是場域，或者是相關公共場域，進行人流管制。
盧秀燕指出，人流管理就是適當的出入，如果景點人數管制已經額滿，「很抱歉，就沒有辦法再去了」，但如果大家人擠人，沒有辦法疏散的情形，民眾硬要進去，造成人流管制困難，她今日在首長會議已授權局處、區長等等相關的首長，必要的時候得關閉景點。
她強調，有時候民眾沒有辦法接受適當疏散指揮，造成壅擠不利於疫情，在連假期間如有碰到這種狀況的話，授權主管可以關閉景點，疫情期間造成不方便，要請大家多多的體諒，台中市為守護我們市民朋友的健康，這些管制措施一定要做。</t>
  </si>
  <si>
    <t>「長輩的福利不能等！」台中市敬老愛心卡由搭乘中部5縣市客運，增加搭乘4家國道客運至台北、高雄；市議員沈佑蓮17日為全市近46萬持有敬老愛心卡長輩請命，爭取可搭乘台鐵區間車，讓長輩開心坐火車到處散心。交通局說，敬老愛心卡擴及台鐵涉及程式更新及經費分攤，將持續與台鐵溝通。
社會局指出，台中市目前老人及身心障礙者持有敬老愛心卡，截至今年7月底，累計發卡數為45萬9776張。受到新冠肺炎衝擊，長輩足不出戶。沈佑蓮說，眾多長輩不習慣搭乘客運車的顛簸及勞頓，希望能搭台鐵火車到中西部各縣市就近旅遊。
沈佑蓮說，前立委沈智慧任內，曾多次為長輩建言，希望市府及中央能讓敬老愛心卡增加搭乘台鐵區間車；受到新冠肺炎衝擊影響，長輩在家已悶太久了；爭取敬老愛心卡可搭乘台鐵區間車，讓長輩在後疫情時代可開心坐火車到處散散心，身體就健康。
78歲的張老太太說，新冠肺炎疫情期間，她們老人家都嚇得不敢出門怕被感染；希望政府能夠讓敬老愛心卡增加搭乘台鐵區間車，她們可搭較平穩的火車到就近旅遊景點散心，身體自然就健康，減少看病及健保費的支出。
市府表示，依交通局針對中市旅次預測及成長比例推估，每年補助搭乘台鐵所需經費約1172萬8984元；針對台鐵搭乘優惠部分，敬老愛心卡擴及台鐵涉及程式更新、設備調整及經費分攤等作業，市府將持續與台鐵再溝通。</t>
  </si>
  <si>
    <t>嘉義縣截至目前為止僅1例本土確診個案，嘉義縣長翁章梁28日直播時表示，有2名台北的確診個案案7022及7023，曾與萬華朋友接觸，26日自行開車南下溪口老家空屋自行就醫採檢，2人昨天雙雙確診，足跡為大林的全聯，縣府目前已完成個案老家及全聯清消。
翁章梁表示，該夫妻的萬華朋友電話通知他們他已確診，兩人因曾與該朋友接觸，害怕北部醫療資源不足，26日下午2點左右自行回到溪口老家空屋，下午3點自行開車至某醫院做採檢，離開後至大林全聯採買，全程皆有配戴口罩，昨天確診。
趙紋華指出，這兩案的足跡相對單純，在全聯採買時是由妻子下車採買丈夫在車上等，全程都有戴口罩，提醒大家若曾有熱區活動史，外出一定要戴好口罩等防護措施，並注意自己的健康狀況。
翁章梁強調，雙北疫情嚴峻，大家都呼籲儘量不要移動，站在兩夫妻的立場沒有不對，但站在防疫立場這樣不太好，僅管再怎麼小心病毒還是難防，幸好目前掌握的足跡還算單純。</t>
  </si>
  <si>
    <t>繼嗅、味覺異常後，國際上又出現腳指出現水泡的新冠肺炎疑似癥狀，中央流行指揮中心專家諮詢小組召集人張上淳今證實，國內確實有感染個案出現水泡癥狀，只是目前還不確定是否也同樣位在腳趾。
張上淳表示，因為病人一般都被關在負壓隔離病房中，所以若非主動回報，通常不會特別觀察到病患是否出現水泡這種異常狀況，但在國際上有報告陸續出現後，也特別提醒第一線人員多加注意，確實有發現部分患者有水泡的癥狀，但並不確定是否都長在腳上。
先前也有國外研究指出，新冠肺炎也會造成結膜炎的癥狀，張上淳解釋，由於國內還沒有確診個案出現結膜炎癥狀，因此目前還沒做相關的分泌物病毒培養測試，至於國外曾進行測試的國家，有些報告指出結膜分泌物有病毒，但有些則沒有，因此仍有待釐清。
至於唾液能不能拿來當作檢體進行新冠病毒的篩檢？張上淳指出，臺灣在SARS期間就已驗證過用「漱口水」採集喉嚨分泌物，這樣的方式的確可做PCR，目前也有部分醫院採用，但單用唾液檢驗，靈敏度則有待驗證。
事實上臺大醫院收治全國第2例新冠肺炎確診者的時候，就曾用「漱口水」進行檢驗，讓確診者含著生理食鹽水，漱口並觸及後半喉嚨部位採集分泌物，的確得到陽性結果。
張上淳解釋，之所以採用漱口水法，是由於喉嚨、鼻咽試紙採集方式可能會造成受檢者咳嗽或乾嘔，有一定的機會造成飛沫，因此發出通知，讓醫院可用漱口水法作為替代的檢驗方式。
不過單用唾液檢驗的方式可不可行？張上淳強調，漱口水法的檢體中除了喉嚨分泌物外，一定會包含大量唾液，「單用唾液也是個方式，但是敏感度還需要驗證。」</t>
  </si>
  <si>
    <t>全國連續六天本土＋0。中央流行疫情指揮中心今（5）日公布國內無新增本土病例。針對逐步放寬的防疫政策與行業復業，侯友宜於今日的防疫記者會指出，一切均遵照中央指引，但也呼籲市民，面對新型態防疫生活，仍需隨時戴口罩，病毒才不會到。
侯友宜於今日的記者會上，已連續多日零確診，謝謝市民朋友這段時間保持的低度活動，讓疫情逐漸穩定，針對視聽歌唱業與資訊休閒業於5日正式受理申請復業，侯友宜表示，業者需遞交申請書、防疫計畫、從業人員疫苗接種清冊與證明，且須於現場貼示核准公文，並配合公安消防稽查。
針對昨日中央公布餐飲場所鬆綁，侯友宜說，包括內用不限制隔板、內用放寬桌菜與自助餐取餐方式、便利商店茶葉蛋等熟食自行夾取等，一切以中央公告為主，但地方上的細則仍盼請市民配合，把防疫做到位，侯友宜強調，要安全的新型態生活模式最重要的是「隨時戴口罩，病毒不會到」，倘若無法保持社交距離，口罩就是最好的防護，不僅保護自己也保護他人，其餘中央公告鬆綁項目，地方將會逐一討論完畢後即公布。</t>
  </si>
  <si>
    <t>大陸外交部副部長羅照輝今表示，截至目前，境外輸入確診個案中有90％持中國護照，其中40％為中國留學生。他強調防止輸入病例為當前主要任務，希望留學生和家長認真權衡利弊才作出正確選擇。針對新冠病毒源頭，他指出病毒源頭是科學問題，需聽取專業科學意見，強調中方採取最全面、最嚴格措施應對疫情。
羅照輝指出，中國至今已派出7批醫療專家組，赴伊朗、伊拉克、義大利、塞爾維亞和柬埔寨參與新冠肺炎疫情救援工作，並對83個國家及世衞、非盟等國際組織提供緊急援助，包括檢測試劑、口罩等醫療物資。
對於中方如何確定抗疫援助方案，國家國際發展合作署副署長鄧波清說，主要考慮幾個因素，包括當地疫情嚴重程度、醫療衞生條件、醫療物資缺乏程度；有關國家向中方提出的具體要求和需要；中方在充分保障國內抗疫需要的前提下，盡力妥善制定援助方案，包括物資品種數量、雙方職責分工等。他稱，對於曾支持和幫助大陸抗擊疫情的友好國家及地區，中方時刻銘記在心，一定會及時回報。</t>
  </si>
  <si>
    <t>高端疫苗昨正式開打，台大小兒感染科醫師李秉穎今天表示，疫苗會出現最重大的副作用是過敏性休克，但幾十萬人去打，頂多就出現一位而已，且伴隨著接種人數增加，未來肯定會出現猝死、嚴重過敏的狀況，但只要不良事件的發生率沒超過沒打疫苗的背景值，就不能隨便推論因果關係。
李秉穎今在廣播節目中表示，所有的新冠疫苗，包括高端，會出現的最重大的副作用就是「過敏性休克」，發生率是百萬分之一，所以如果有幾十萬人去打，頂多會出現一位，但也不一定會出現。至於其他的副作用可能要等2-4天後才會出來。像是身體痠痛和發燒等。
李秉穎提醒，如今幾十萬人去打高端，一定會看到嚴重不良事件，一定會有人猝死，一定會有人嚴重過敏，一定會有人神經麻痺。某些人在打疫苗之前，本來就有可能出現這些反應，而打疫苗並不能預防心肌梗塞、中風等疾病發生。
李秉穎強調，打完之後發生上述所說的狀況，只能夠稱作是「不良事件」，不可以說是副作用，也不能叫作不良反應。只要不良事件的發生率，沒有超過之前沒有打疫苗的背景值，那就不可以隨便推論兩者間的因果關係。
李秉穎提到，高端臨床試驗中，一人出現顏面神經麻痺的症狀，許多人只看見這一個案例就大張旗鼓的說，可能安全有問題，他認為這不符合科學的原則。「將來若出現不良反應事件恐被擴大檢視，但這對任何疫苗來說，都是不公平的」。
李秉穎也說，先前台灣大量施打AZ疫苗的時候，出現幾十個人打完後死掉，這個數據也被擴大檢視，但死亡不一定與疫苗相關，而數字也沒有高過背景值，但還是有很多人隨便就說成是打疫苗的死亡率是多少，這樣其實不符合科學。</t>
  </si>
  <si>
    <t xml:space="preserve">新冠肺炎在世界各地肆虐，疫情仍非常嚴峻。日前香港因傳出由新冠肺炎確診患者家中寵物犬口、鼻檢驗出新冠肺炎弱陽性反應消息，隨即引發社會大眾與犬貓飼主恐慌，行政院農委會與高雄市政府農業局共同呼籲，目前並沒有證據顯示犬、貓會感染新冠病毒，該檢驗結果應屬環境病原「汙染」，而非犬隻「感染」，請大家不要恐慌。
為因應新冠肺炎疫情，並維護護人畜健康與動物福利，動保處規劃「公私協力」作法，期望在兼顧民眾安全與動物福利的原則下，妥善照護犬、貓。目前已規劃新冠肺炎確診患者飼養共居犬貓照護措施及檢驗原則，而針對獨居確診個案，動保處與社團法人台灣愛狗人協會組成照護隊，以協助獨居個案照護犬貓，社團法人高雄市獸醫師公會高振庸理事長表示公會可提供寵物健康諮詢與相關協助，共同守護市民與毛小孩的健康。
衛生局通報確診個案有共居犬貓，在有親友可協助照護情形下，由動保處提供相關防疫衛教訊息(飼養人須經常保持良好衞生習慣，包括與動物或其食物及物品接觸前後洗手，以及避免親吻動物並保持家居環境清潔衞生；身體不適者應避免與動物接觸，如發現寵物的健康狀況出現變化，應盡快尋求獸醫師的意見); 而確診個案若為獨居者，將由動保處的照護隊，每日會同警察或里長共同前往患者住居協助照護。若犬貓表現出特異症狀再由動保處協助採樣送農委會家畜衛生試驗所檢驗。
農業局長吳芳銘再次呼籲，目前並無證據顯示犬、貓會感染新冠病毒，請家中有飼養毛小孩的民眾切勿恐慌，毛小孩是家中的一份子，千萬不要任意棄養，飼養者與犬貓接觸前後應以肥皂水洗手，確保人畜健康，農業局動保處已規劃相關檢驗及照護措施，隨時可啟動，大家同心協力共同守護市民與毛小孩的健康。
</t>
  </si>
  <si>
    <t>疫情爆發，全台醫療量能緊繃，許多確診者隔離在家出現無法及時就醫的窘迫情況；1名確診女子因為在家中陸續出現胸悶、心跳加速，甚至氣喘，差點「吸不到空氣」等症狀，撥打1922卻屢遭轉接等待，最後才被政府立案，但拖延之下仍擔心自己等不到就醫了，無助之下只好在網路上求助護理師。
由1名護理師所經營的臉書粉專「厭世小護士的美食日記」日前在凌晨突然收到1名確診女子的私訊，該女子提及她是名PCR陽性患者，目前隔離在家，陸續出現胸悶、呼吸不順、心跳加速等症狀，「我幾乎10個症狀中9個」，但女子無奈地說打去1922問能否提供醫療幫助，對方卻不斷轉接電話而始終得沒有回應，最後她只能在網路上求助。
該女子說，她對於政府目前醫療SOP很失望，「第一次知道新聞上說的踢皮球是真的，我越來越悶，吸不到空氣，他們才說要幫我立案」，但她仍是擔心等不到治療了；臉書貼文則提及，全台醫療量能不足已成事實，但仍要建立起有就醫需求民眾的求救SOP，並宣導清楚的確診者衛教，「看著她的文字，著急害怕、求助無門，（所以）只能和一位網路上的陌生人求助？」
該粉專最後表示，若遇到呼吸喘、胸悶、只能小口呼吸等「可怕的主訴」，建議可以直接撥打119；許多網友則留言說，「這種情況真的很慌亂，能夠體會對方的無助」、「全台醫護人員雖然很辛苦，中央疫情的接線人員應該至少充足吧」、「看了好難過，希望她可以撐過去」。
★中時新聞網關心您：網路訊息無法確知真假，如遇類似情況請打119求助。</t>
  </si>
  <si>
    <t>澳門已經許久沒有確診，不少學生很困擾課程因此被耽誤？學界很關心，是否有打算開放澳門民眾來台？陳時中今天表示，預計三月中可以來評估。
中央流行疫情指揮中心指揮官陳時中表示，澳門三月二日左右已經開始動工，但學校也還沒有啟動，因此，至少要再觀察十四天，從開放之後觀察十四天可能是三月中，再來做詳細評估。
陳時中表示，已經詢問教育部 教育部說有相關視訊方式，可以維護他們受教權，若是相關實習課程，將來整個疫情趨緩後，也可能可以補上，目前持續觀察中。</t>
  </si>
  <si>
    <t>新冠肺炎疫情持續延燒，法務部制訂「法醫相驗解剖通報SOP」以降低風險，桃園市一名年約30多歲的男子，上周六在工作中突然昏倒，緊急送醫仍宣告不治，檢警調查發現他生前連續發燒多日，不敢大意，高規格由法醫採取檢體，送往法醫研究所，等待化驗結果出爐。
台北醫師、女子猝死遭疑染新冠肺炎，所幸最後都排除，法務部因此制訂「法醫相驗解剖通報SOP」以降低風險，並兼顧家屬權益。桃園一名30餘歲男子，上周六在工作中昏倒，檢警詢問家屬，發現他高燒多日，雖然並非疾病管制署通報或是需居家檢疫、隔離的案例，但仍不敢大意，立即啟動防疫流程。
桃檢指出，授權第一線法醫跟檢察官，針對有疑慮的案例採取「先檢驗、後相驗」方式。據了解，該案已由法醫採取咽喉等部位的檢體，徵得家屬同意後，將遺體暫時冰存，靜候化驗結果出爐。
檢警指出，若化驗結果為陽性，即通報衛生單位後續處辦，針對個案接觸史疫調、採驗，若確認是陰性、無感染，就按照原程序完成相驗，釐清確切死因。</t>
  </si>
  <si>
    <t>新北市長侯友宜今（13日）下午主持疫情說明會，他表示，新北市新增1確診個案，為居隔陰轉陽性個案，與幼兒園群聚感染無關，這個個案是台北某國中學生確診後，匡列的長輩之一，是確診學生的外婆，居住在板橋區，CT值37.46，目前已匡列3位接觸者居家隔離。
針對幼兒園群聚，侯友宜表示，今日是幼兒園群聚PCR篩檢一周，出現8幼童、9老師PCR確診後，當時判斷跟Delta有關係，市府立即擴大匡列採檢，少數個案陰轉陽性，這段時間根據相關規定也進行了2採、3採，也有採出陰轉陽性個案，因此仍需要戒慎恐懼不可輕忽，新北市也會跟桃園、台北等地持續合作，控制疫情。</t>
  </si>
  <si>
    <t>板橋幼兒園爆發群聚感染Delta，因應疫情升溫，新北市教育局今晚表示，依教育部規定，新北公立幼兒園9日起停辦跨班級課後留園至9月底，請學校儘速通知家長並妥善溝通。
教育局指出，鼓勵家長課後時段將幼兒接回自行照顧，如家長因故無法提前接回，請園方安排人力協助家長提供基本照顧，惟仍遵循不跨班原則，降低各班間交互感染之風險。
★《中時新聞網》提醒您：因應新冠肺炎疫情，疾管署持續加強疫情監測與邊境管制措施， 如有疑似症狀，請撥打：1922專線，或0800-001922，並依指示配戴口罩儘速就醫，同時主動告知醫師旅遊史及接觸史，以利及時診斷及通報。</t>
  </si>
  <si>
    <t>中央流行疫情指揮中心下午公佈本土確診病例，基隆已累積79例，今增13例、校正回歸3例，市長林右昌表示，其中7例與小姑娘小吃店員工有關，有6例是小姑娘小吃店老闆娘（案5772）的家人，包括妹妹、父親、姐夫、姪女等。
自從小姑小吃店女員工（案3835）確診後，病毒持續擴散，迄今總計傳給12人，包括其兒子、小吃店老闆娘、男性友人、消費者等，其中老闆娘與家人同住，家族有6人今天紛紛中標。
由於女員工（案3835）不願確實交待足跡，導致疫調不斷碰壁，市府更跨局處合作組成專案進行調查，今天查出，女員工不只在小姑娘上班，也曾跨店至金水灣陪坐，但感染源至今仍不明，讓衛生單位相當擔心。
林右昌表示，小吃店老闆娘的家人幾乎確診，他認為，小姑娘這一案的傳播力量相當大，並再次呼籲，曾到過小姑娘、金水灣消費的市民，一定要主動和衛生單位聯繫，市府一定會保護大家的個資，也希望盡早阻絕這條病毒傳播鏈。</t>
  </si>
  <si>
    <t>國內外購、美日外援新冠疫苗逐步進入台灣，近期開始陸續施打，因目前疫苗施打率不佳，以及有不少長輩施打AZ疫苗後猝死。這讓國民黨立委陳以信看不下去直言，這波日本AZ疫苗施打後，已有342位國人不幸離世，他多次呼籲由政府和CDC，應先行給予受害者補償，之後政府再行代位求償，以減輕受害者家屬負擔。但CDC仍然不做調查和說明，令他質疑，蔡政府到底有沒有把人民的命放在眼裡？
陳以信9日在臉書發文表示，根據最新公佈統計數據，6月15日後打日本AZ疫苗的死亡通報率，再度攀升到百萬分之295，而7月1日後打美國Moderna疫苗的死亡通報率，僅微幅上升為百萬分之6，兩者差距高達49倍。
陳以信質疑，如果CDC仍堅持長者死亡通報率，會受到死亡背景值影響(陳以信認為，不至於有顯著性)，那CDC也必須解釋，為何受到相同影響的兩條曲線，竟然上升幅度有如此大區別。
陳以信坦言，這波日本AZ疫苗施打後，已有342位國人不幸離世，許多案例死因仍難確定，更多家屬基於自責，不願再傷害遺體，自願放棄解剖調查。他指出，這不代表死者不是疫苗受害者，只是家屬不願追究下去，這也凸顯出現行政府作法錯誤。
陳以信提到，針對新冠疫苗受害的救濟程序，舉證責任不該放在受害者身上，政府應將舉證責任倒置，規定只要施打疫苗後一定時間內死亡，不論原因均先列為疫苗受害者，之後才由政府負舉證責任，排除明顯非因施打疫苗而死的案例（如車禍或有其他明確原因而致死），並由政府先行給予受害者補償，之後政府再行代位求償，減少受害者家屬負擔。
最後，陳以信強調，每條人命都是命，政府必須重視負責，他公開反應此事多時，CDC仍然不做調查、說明，令人質疑這個政府，到底有沒有把人民的命放在眼裡？
#615後打AZ死亡通報率是701後打Moderna的49倍
根據最新公佈統計
6/15後打日本AZ疫苗的死亡通報率
再度攀升到百萬分之295
而7/1後打美國Moderna的死亡通報率
僅微幅上升為百萬分之6
兩者差距高達49倍
如果C...</t>
  </si>
  <si>
    <t xml:space="preserve">新冠肺炎疫情導致人心惶惶，但原本要離婚的一對夫妻，卻因此而挽回感情，因為防疫期間大家都在忙著抗疫，老太太決定不給政府添亂，撤回離婚告訴。
這名7旬的老太太看到許多家庭因為感染新冠肺炎，導致家庭成員悲歡離合，於是她有感而發，想到珍惜「團圓」的意義，所以選擇繼續容忍丈夫，不離婚了。
據陸媒《新京報》報導，原告是一名70餘歲的老太太，年前她起訴，與老伴吵架一輩子，現在子女都已成家，經過慎重考慮後，她決定要離婚並分割房產，全案先由調解委員會進行調解。
起初調解員與被告的丈夫籍雙方子女溝通時，丈夫並不願離婚，他承認2人常吵架，但如今雙方年紀都大了，也一起經歷過許多風雨，所以不想鬧到法院，子女也表示，父母在一起幾十年了，肯定是有感情的，也不希望雙方分開，但他們仍尊重父母的意願。
然而老太太表示，早些年她就想離婚，但因為子女只好吞忍，如今就是年紀大了，想任性一回。老太太原本堅定離婚的念頭，但經由調解員告知丈夫和子女的想法，內心有些動搖，如今疫情嚴重，老太太決定不給法院添麻煩，於是委託律師撤回離婚告訴。
更多 CTWANT 報導
</t>
  </si>
  <si>
    <t>海軍敦睦艦隊訪問帛琉後，已有29名官兵感染新冠肺炎。外界質疑是否有「機密任務」，根據國防部今天公布活動資料，艦隊一度進入南海、靠近新加坡東方海域附近。專家認為艦隊只有經過印尼，新加坡，但卻未停靠，很有可能是為了開拓新航道。
《亞太防務雜誌》總編鄭繼文接受《三立新聞台》專訪時指出：第23天，我敦睦艦隊經過印尼、新加坡，但因疫情關係並未停靠。他分析說，很有可能是為了美國的「印太戰略」布局，開拓新航道。
根據國防部今天公布的敦睦艦隊「安全回報資料」，艦隊自3月15日離開帛琉後，改為向西南方，繞過菲律賓南方西里伯斯海（Celebes Sea）、蘇祿海，進入南海。3月27日航經新加坡以東、婆羅洲以西海域，且接近赤道，幾乎是在南海的南緣出沒。隨即向東北方航行，經過南沙群島太平島與東沙島，進行操演，4月9日回航左營港。</t>
  </si>
  <si>
    <t>停泊在日本橫濱港的鑽石公主號爆發大量新冠肺炎病例，以色列衛生當局今天證實，一名以色列婦人下船返國後，被驗出對新冠肺炎呈陽性反應，成為以色列首位確診感染肺炎的案例。
《中央社》引述路透和《以色列時報》（The Times of Israel）報導，以色列衛生當局發出聲明指出：「在衛生部中央實驗室進行的檢疫過程中，發現一名從日本鑽石公主號返國的乘客，（對新冠肺炎）呈陽性反應。」
「實驗室正在確認這項檢疫結果，其餘回國的旅客今天皆呈陰性。這名患者正接受隔離，並受到監管，這並非在以色列境內發生的案例。」</t>
  </si>
  <si>
    <t>桃園特殊交友圈釀2家6人染疫，讓桃園2日確診數再度居全國之冠，桃園市府也公布足跡，包括中壢奇異果共享旅店、國泰世華大湳分行、大樹藥局內壢二店、711中壢興榮珍門市、華泰名品城、自由聯盟中壢中正店，呼籲足跡重疊者要自我健康管理。
桃園2日新增5起本土案例，都位於八德，為昨新增確診者中壢區60多歲女性的家屬，因小兒子為特殊交友圈接觸者而染疫，市府也公告2家庭關係圖，包括昨確診婦人的兒子、婦人的哥哥、嫂嫂、哥嫂的2外孫小兄弟檔5人。
5人都是確診者接觸者5人(案15799、案15800、案15801、案15802、案15803)，累計確診921人，目前居家隔離人數229人。</t>
  </si>
  <si>
    <t>新冠疫苗開打，台北市已與基層診所合作，但新北市目前只有20家責任醫院與29區衛生所協助開打，新北市衛生局長陳潤秋指出，目前已與203家基層診所簽約，但中央對於新冠疫苗的冷鏈與流感疫苗規定不同，所以必須要更嚴謹。
被問到新冠疫苗冷鏈與流感疫苗都是2到8度C，但新北流感疫苗診所有600多家，卻只有203家可以簽約中間落差為何，陳潤秋指出，中央對新冠疫苗比較小心，除了2到8度C的冷鏈技術，還要有持續的監測功能，所以特別小心。
陳潤秋說，如果有新的診所願意加入，會協助購置建置相關設備，這次因為分區、分里、分時段施打，目前以社區接種站醫院與衛生所施打為主，而每一劑疫苗有100元施打費，中央公告另外補助1人40元掛號費。</t>
  </si>
  <si>
    <t xml:space="preserve">基士德-KY(6641)2019年EPS為6.79元，董事會決議每股配發現金股利4.5元，以昨日收盤價計算，現金殖利率高達9.57%。
新冠肺炎疫情蔓延全球，基士德大陸工廠已在今年2月10日開工，不過受供應商、客戶及物流廠商復工程度不一，使得2月業績受到影響。目前大陸疫情已經明顯緩和，預估3月起公司業績將逐步恢復正常。
展望全年度營運，基士德首季業績雖然受疫情影響，但疫情控制後，預期官方將推出刺激經濟方案以減輕經濟成長趨緩壓力，加上2020年是大陸十三五計畫收官之年，包含生態文明建設在內的經建計畫，須有執行成果，基士德將力拼全年業績不致受到影響。
基士德去年合併營收為19.92億元，年增率6.66%；稅後淨利為2.27億元，年增率6.31%，EPS為6.79元。
</t>
  </si>
  <si>
    <t xml:space="preserve">
針對網友歸納「中央流行疫情指揮中心」召開記者會的出席人員組合，可以預知可能發生的事情，指揮官陳時中把出席人員組合的情況做了說明，並且盛讚網友的歸納是「滿正確」。
有網友整理出指揮中心召開記者會的「先發輪值表」，列出7種開會組合，包括只要指揮官陳時中單獨出場，代表沒有新增案例；如果「陳時中加上張上淳」代表有新增案例的機會大增。
其實網友是從以往的記者會出席組合進行歸納，例如「陳時中加上石崇良」是「醫事人員被限制」的政令、「陳時中加上外交部」是提升旅遊警示、「陳時中加上潘文忠」代表學校疫情有關、「陳時中加上王美花」是與口罩政策等。陳時中認為，這是網友從後往前的歸納。
陳時中解釋，主要是大家想要問的問題總要先把專家找好，才能把問題一次確實的回答，有時候大家問的問題圍大，未能準備完全，但基本上是把發生的問題找一些有關的人員準備好，一次在記者會得到答案，就會有這樣的結果，所以網友的歸納是滿正確的。</t>
  </si>
  <si>
    <t>新創公司Gogolook宣布攜手可疑訊息查證機器人美玉姨，共同防範通訊軟體上的潛在詐騙威脅，並幫助民眾第一時間查證可疑訊息。美玉姨將於19日推出全新版本，擴大比對台灣事實查核平台Cofacts真的假的、台灣事實查核中心以及MyGoPen查核資料庫，並新增陌生電話號碼識別、陌生LINE帳號查詢以及個資帳密安全性檢查等三大功能。
Gogolook表示，公司長期深耕防詐產業，從電信防詐出發，跨足金融科技防詐領域，更在美玉姨的加入後，將服務範圍拓展至可疑訊息的防治。隨著世界各地相繼面臨可疑訊息的危害，Gogolook將複製Whoscall在各國防詐的成功經驗，在不同地區中打造專屬的可疑訊息查證機器人服務，解決各地因可疑訊息而產生的信任問題。
通訊軟體逐漸成為大眾日常溝通的主要渠道，通訊軟體中流傳的可疑訊息也成為詐騙潛在的溫床。可疑訊息查證機器人美玉姨，自2018年由台灣工程師徐曦獨立開發，透過連接真的假的聊天機器人API，將「真的假的Cofacts」社群所累積的查核資料發送給美玉姨的使用者。今年的好友數已突破30萬人次，年度累積回覆量更超過1.42億次，最高近1,900萬次的單月回覆量則是發生在新冠肺炎疫情期間。
隨著使用者持續增加，衍生出不同類型的可疑訊息，為了能提供更完善的聊天機器人服務，美玉姨於今年加入Gogolook防詐聯盟的行列。
Gogolook指出，美玉姨的加入不僅能將防詐服務實踐於通訊軟體領域，更能整合多元的防詐應用場景並累積研發能量，強化Gogolook防詐產業鏈的佈局。</t>
  </si>
  <si>
    <t>美國亞特蘭大按摩館日前發生槍擊案，導致8人死亡，其中有6人為亞裔女姓，該事件揭開了亞裔的仇恨犯罪的冰山一角，在當地引發關注，甚至遊行抗議；對此，國民黨副秘書長李彥秀近日才自美國回台，她在臉書表示這幾天在美的感受，表示身為亞裔女性，相當深刻感受到當地仇恨亞裔的狀況，「開車在路上被比中指都是家常便飯。」
李彥秀今(24)日在臉書發文指出，她在美國的這段期間，除了感受到國情不同對於防疫作法的差異之外，也深刻感受到亞裔族群疫情期間在美國的艱難處境。「駕著車在路上被比中指，對我來說已經是家常便飯。」
李彥秀表示，因為新冠肺炎的緣故，針對亞裔社區的仇恨暴力案件，從美國、英國、德國、法國到澳洲都有大幅增加，卻是被刻意漠視。無法解決病毒這個共同的敵人，只能訴諸暴力對付其他族裔的心態，實在令人沮喪。
而這個狀況中，受到最大影響的就是身在國外的僑胞們。李彥秀表示，她這段期間也在能力以及防疫許可範圍內，儘量關心當地僑界的好友，更直接感受到疫情期間僑務工作推展的困境。她指出，僑務工作應該不分黨派，更不應該有過多政治的計算，除了基層僑務工作在第一線的辛苦努力，也希望透過這篇文章，可以提醒蔡英文總統，華僑對於總統有更多的期待，希望蔡總統所帶領的政府，能夠給予僑界更多的關懷。</t>
  </si>
  <si>
    <t>新冠肺炎疫情爆發以來，身處風暴中心的陸股反而較全球股市相對抗跌。法人指出，陸股擁有估值相對低、政策作多火力全開二大優勢，目前看來大陸疫情流行高峰已經過去，加上復工率逐步上升，東部和南部地區多數省份工業企業復工率已達95％以上，一旦經濟恢復動能，陸股後市深具爆發力漲升行情，建議可開始逢低分批布局。
法人表示，現階段首要觀察指標仍是歐美疫情，再來緊盯大陸公司的情況。陸企2月訂單狀況並不理想，需要觀察3月之後是否能恢復，包含部分科技產業以及工業外銷為主產業。若情況到第二季依然持續不理想，可能需要再修正預期。
在正向因子上，包括人行3月16日定向降準、中期借貸便利MLF增強流動性；財政政策挹注約4％GDP；在負面因子上，大陸3月經濟數據較去年同期衰退、GDP再下修的壓力、歐美經濟停擺影響需求。
台新中証消費服務領先指數基金經理人葉宇真表示，本輪1月4日下跌前，滬深300指數本益比約12.7倍，在近期大跌後，目前滬深300指數本益比為11.7倍，仍遠低於均值16.5倍。
反觀美股，2月20日下跌前S&amp;P 500指數本益比達24.5倍，近期重挫後，目前S&amp;P 500本益比17.3倍，較陸股高出不少。A股相對美股漲幅較小，但GDP增速較高，陸股因而相對具吸引力。
第一金中國世紀基金經理人張帆表示，大陸宣布湖北省封鎖解除，預期武漢市將在4月8日解除封城，顯示肺炎疫情已得到控制，帶動陸股近期止跌反彈。
歐美各國疫情發展進入高峰期，影響消費需求，訂單遞延下，讓大陸工廠復工仍舊面臨考驗。因此，陸股整體反彈幅度不大。</t>
  </si>
  <si>
    <t>連續三天本土＋0！中央流行疫情指揮中心今（2）日公布國內無新增本土病例。新北市長侯友宜表示，新北市的疫情目前相對穩定，只要防疫擺在最優先，將可逐漸鬆綁。
侯友宜說，新北市一切還是以防疫為最大優先，只要防疫落實，疫情守好、守穩，當然一定要讓民眾能盡快回到新型態的安全生活，所以現階段疫情相對穩定，我們也逐漸朝鬆綁的方向走。戶外只要能夠保持適當的距離，加上通風良好，在郊外有適當的環境，我們可以逐漸來鬆綁。
針對柯文哲稱打2劑疫苗就可脫口罩，侯友宜指出，有專家說過戴上口罩等同打了第三劑，口罩具有最重要的防護功效，雖然打了2劑，但戴上口罩更能增強防護力，再加上國內現階段疫苗覆蓋率仍不到6成，不要忘了很多國家疫苗覆蓋率已達6成、8成，但面對變種病毒，疫情仍舊肆虐，因此口罩還是具有保護力的。
針對雙鐵員工搶打疫苗，衛生局長陳潤秋指出，考量中央與醫院的預掛系統並沒有連動，新北會在現場經嚴格檢核，確認身分並嚴格把關。</t>
  </si>
  <si>
    <t xml:space="preserve">澳洲籍音樂家布萊特狄恩(Brett Dean)2月23日至3月2日訪台並進行2場演出，回澳後確診感染新型冠狀病毒肺炎，留下了145名接觸者須接受居家隔離，其中包括因公採訪的8名記者，目前得知將被隔離至3月11日。
中央流行疫情指揮中心5日晚間大動作加開記者會公告澳洲籍音樂家布萊特狄恩確診及來台接觸史，迪恩演出前曾召開過記者會，共有7名記者參與，另有3名記者專訪，10人中2人為外籍人士且已離境，剩下的8名台灣記者目前正接受居家隔離。
一名藝文線記者表示，他就是採訪澳洲音樂家布萊特狄恩記者會中的7位記者之一。他還原5日晚間迪恩確認感染後到目前接受隔離的狀況。
原本國家交響樂團(NSO) 5日晚上告訴他，「因為音樂廳場地寬敞，防疫人員去看過認為記者只要自主健康管理，出門戴口罩，早晚量體溫即可。」6日等到上午11點都沒有疾管局連絡，即繼續每日的採訪行程，「結果下午疾管局來電說，為保險起見記者雖距音樂家很遠還是要隔離，於是馬上趕回家裡接受隔離。」
該記者表示，還好澳洲音樂家回去才確診，從接觸起15日計算，剩下沒幾天而已。「目前身體都還好，正常，也沒有咳嗽或發燒，就乖乖在家足不出戶5天。」不過他也嘆人情冷暖，「所有官方如文化部等，根本沒聯絡，毫不關心，平常就是要開記者會才會聯絡。」
這幾日因狄恩確診藝文產業受到衝擊，演出活動紛紛取消，藝文線記者也被困在家中要到12日才能解禁，目前檯面上已無藝文活動記者會，「有也大都是取消演出的新聞。」
不過記者每日接觸人，成為感染高風險群，再加上此次確診對象為公眾人物受訪者，令不少媒體公司上緊防疫發條，要求記者加強自我健康管理，採訪須戴上口罩；也有大企業老闆早已閉關拒絕任何面對面採訪，僅接受電訪。深怕一個不小心整間公司淪陷，一但有員工確診大多數人便將接受隔離，公司作業即面臨停擺危機。
更多 CTWANT 報導
</t>
  </si>
  <si>
    <t>去年因新冠肺炎疫情衝擊，演藝圈不少人生計都受到影響，大牌如「星爺」周星馳傳出抵押豪宅換現金，盼能以此度過難關，54歲曾演出電影《小小賭聖》的港星葛民輝最近則傳出搬離每月月租13萬港幣（約47萬台幣）的豪宅，主因是當老闆的他不願砍員工，只好從自己下手開源節流，全家改去住比較便宜的飯店。
去年因疫情重創影視產業，作品停拍、資金無法回流，讓許多演藝人都叫苦連天，去年中傳出周星馳將山頂超級豪宅「天比高」給銀行抵押貸款，疑似財務出問題，曾和他合拍《逃學威龍》的黃一山則代為回應，表示星爺房產很多，光是目前住的也都價值超過20億，他只是拿出其中一間房產抵押還錢，不用擔心周星馳的經濟狀況，「他會繼續住豪宅，因為瘦死的駱駝比馬大。」
67歲「阿B」鍾鎮濤去年也透露前半年幾乎零收入，他清楚不只他經濟吃緊，不少樂手和幕後工作人員也沒工作，便會邀樂手私下來幫忙錄新歌，讓大家有些工作做，提前為將來做準備，十分貼心。而香港演藝人協會會長古天樂去年也發起支援計畫，安排讓每位幕前幕後演藝人員能領約3萬5千多元台幣的救助金，希望可以稍稍解除一點困境。
《東網》報導，葛民輝先前工作觸角多，不僅做電台主持人、當演員，還是自家潮牌的老闆，但因疫情，去年收入也苦哈哈，還有傳言指他業績呈直線下滑，但他沒打算炒員工魷魚，也不減薪，傳聞他近日從月租約47萬台幣的豪宅搬出，目前帶著家人搬到飯店住，寧願自己先過苦一點的日子也不願拖員工下水，感人行徑被網友讚是有良心老闆、善良富人。</t>
  </si>
  <si>
    <t xml:space="preserve">新冠肺炎疫情延燒影響消費力道，達爾膚(6523)3月營收7950萬元，年減13.5%，首季營收1.83億元，年減29%。
達爾膚3月營收7,950萬元，呈年減表現，主因大陸轉投資公司營收不再併入合併報表，若排除此因素，則較去年呈正成長。達爾膚表示，雖新冠肺炎疫情延燒影響消費力道，但因3月台灣實體通路推出專業醫美節活動，拉貨力道提升，以及網購消費持續增強，挹注3月份營收。
達爾膚指出，將持續掌握網路消費宅經濟趨勢，著力於電商平台操作與線上溝通，以減緩疫情影響。4月中將推出DR.WU明星商品玻尿酸保濕系列全新升級，同時藉由專業醫美形象結合代言人與網路名人的推薦分享，提升消費者的品牌忠誠度及回購率，蓄積未來營運的成長動能。
</t>
  </si>
  <si>
    <t xml:space="preserve">生魚片前陣子才造成北京恐慌，疑似掀起另一波新冠疫情，引起人心惶惶，日前又傳出一名中年男子因愛吃生魚片引起腹瀉，到醫院檢查才發現，肝臟經然已經被寄生蟲啃掉一半！
星島日報報導，浙江省杭州市1名55歲的謝姓男子，日前在四川做酸菜魚，為求鮮嫩口感，魚片只燙了幾十秒就吃，沒想到之後開始腹痛、腹瀉、疲勞、食慾不振，撐了4個月後又出現畏寒、發熱等症狀，才趕緊就醫檢查，不料醫師驚見，他的肝臟左葉已被寄生蟲吃光，變成1個約20公分大的膿球，還長了許多腫瘤。
手術時醫師發現，男子肝臟囊壁上的腫瘤裡，竟爬滿無數個肝吸蟲蟲卵。根據謝姓男子表示，四川當地有生吃或半生吃魚片的習慣，醫師判斷，可能就是這個習慣釀成病因。醫生指出，雖然感染初期可能沒有病症，但寄生蟲繁殖力驚人，每次可產上千顆卵，並存活20至30年，若置之不理，除了會引起腹痛、腹瀉、消化不良、營養不良、疲倦乏力等症狀，甚至可能會侵蝕肝臟，造成肝膽道內結石、肝硬化甚至肝癌。
</t>
  </si>
  <si>
    <t>新北幼兒園群聚案基因定序確定是Delta，北市副市長蔡炳坤8日表示，關於北市校園Delta病毒停課指引，如校園有師生出現Delta病毒的確診個案，原則上將進行全校停課14天，並進行全校消毒，若有確診病例的接觸者出現，該班級會啟動1至5天的預防性停課，幼兒園則是全園啟動1至5天預防性停課，且採用遠距線上學習。
台北市長柯文哲表示，因新北幼兒園案，北市已有7所學校預防性居隔247人、停課643人，其中包括4所幼兒園、3所國小，另外還有2名跟新北幼兒園有關的家長，分別在士林、內湖區的職場上班，北市要做疫調隔離匡列，目前已匡列、居隔12人，並做場域消毒。
蔡炳坤說，如校園有師生出現Delta個案，原則上將進行全校停課14天，但也須依據防疫醫生會議作最後決定。
蔡炳坤說，學校要落實防疫作為，要做校安通報，教育局衛生局等督促清消，班上若有確診的師生，啟動14天居家隔離；因新北幼兒園影響北市，目前有4個幼兒園、3所小學預防性停課，經衛生局疫調，會對病例接觸者開出居隔通知書。
蔡炳坤說，學校若有居隔個案或感染源不明的高風險傳染者，經教育局同意，班級啟動1至5天預防性停課，幼兒園則是全園1至5天預防性停課，停課期間採線上教學，教育局會視疫情變化需要啟動停課，預防性居隔的Delta第二圈接觸者，若5天後採檢陰性則解隔。</t>
  </si>
  <si>
    <t>新冠肺炎導致各地瘋搶口罩，繼口罩販售實名制6日上路後，為方便社區民眾就近購買口罩，台南市37區衛生所從16日起也加入販售口罩的行列，吸引大批民眾排隊搶購。不過，直到中午販賣結束，台南市準備近萬片口罩，成人口罩被搶購僅剩100多片，但兒童口罩卻賣出不到一半，還剩下1000多片，銷售率只有45％。
市府衛生局指出，台南市37區的衛生所口罩，每一區衛生所各準備250片口罩，合計9250片；其中，兒童口罩合計有1850片。從上午10點開賣直到12點結束，市區的衛生所幾乎被搶購一空，僅少數偏鄉衛生局沒賣完。經統計，各衛生所共賣出成人口罩7276片，兒童口罩834片，總體銷售率達88％，共計服務4055人次。
衛生局認為，儘管是第一天開賣，但在衛生所事先規畫民眾動線下，有效疏解人潮，讓大家都能順利買到口罩。部分衛生所還建議民眾自備環保袋分裝口罩，在自我防疫之餘更能減塑愛地球。至於日後的販賣時段，則由各區衛生所決定並公告時間讓民眾知悉。
衛生局長陳怡再次呼籲，口罩的使用時機，應著重在「看病、陪病、探病的時候要戴，有呼吸道症狀者應戴口罩，有慢性病者外出建議戴口罩」，健康民眾及一般學生無須戴口罩，請民眾將口罩留給需要的人，讓資源發揮最大效用。</t>
  </si>
  <si>
    <t>口罩實名制3.0上路，民眾可購買量從原先7天3片大幅上升到14天9片，但9日上路後，不少人發現排隊隊伍反而變得更長，忍不住詢問，為何口罩數量變得充足後，排隊人潮不減反增，隊伍變得更長，引起熱烈討論，也有人點現實原因。
有網友在PTT八卦版PO文詢問，為什麼14天9片口罩上路後，排隊人潮反而變得更長，家住鄉下的他發現到藥局排隊的人變得更多，好奇為何數量充足後，似乎更多人買不到口罩，PO文貼出後引起熱烈討論。
有鄉民指出，因為9日禮拜四可以開始一次買9片，導致許多人禮拜三之前都不去買，就變成大家都擠在這兩三天買，造成隊伍變長，也有人說「排隊領3倍，激發出許多人排隊意願」、「第一波人數多正常啦，大家都會有衝第一波的心態，下周就不會了」。
還有其他人指出，手機預購無法購買兒童口罩，導致家長們為了幫孩子買口罩，還是必須乖乖去排隊；除此之外，還是有許多長輩不懂得如何用手機，或是不想付7元運費，導致排隊人潮有增無減，更有鄉民抱怨，教了自己媽媽3次APP預購方法，媽媽用完就忘，隔周又要重新教，教到想吐血。</t>
  </si>
  <si>
    <t xml:space="preserve">AZ疫苗15日正式開打，不過施打三日卻頻傳長輩施打疫苗後多人猝死案件，雖然大多具有慢性疾病，但正式死因還有待衛福部釐清，對此，藝人李明依在臉書感嘆「最終難道都只剩下數字？」沒想到貼文一出，馬上又遭到網友出征砲轟。
李明依昨（17日）在臉書曬出電視新聞截圖，只見新聞標題寫道「有無打AZ死亡率差不到0.006%」，讓她不禁擔憂表示：「所以家裡有80歲以上的長者，到底子女們要不要帶她們去施打疫苗？？？最終難道都只剩下數字」，更呼籲：「家裡長輩自己做決定，子女尊重」，但也不忘喊話：「第一線醫護人員辛苦了，我們都在等適合的疫苗」。
此番言論一岀，立刻遭網友痛批：「所有疫苗都有風險，這就是為什麼民間團體不可以自己進口疫苗，還是要有政府把關」、「這是機率跟醫學，不然都不要打，每天關在家裡不用出門，絕對不會染疫最安全」、「有疫苗可以選擇不打，個人選擇不同，承擔風險也不同」、「有疫苗也罵，沒疫苗也罵」，對此，她也撂下狠話反擊：「要加入討論可以，故意謾罵及人身攻擊的恕我直接封鎖，你們也不必費事留言。」
5月時因電力供需失衡再度發生大規模停電，當時李明依在臉書砲轟政府：「要不要坦承透明，誠實面對現狀，直球對決，這樣我們人民也能全然信任，然後完全配合」，但此番言論＿多數人都不買單，讓她遭到網友留言圍剿。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第一批武漢包機返台的台商今天終於解除14天的隔離生活，除1名確診新冠肺炎並持續住院治療中外，其餘的246位身體狀況良好。中央流行疫情指揮中心記者會公布一段影片，2位小孩用奶音大喊「謝謝阿中部長！(讓我們的家人可以順利返台回家)謝謝你們」，讓最近宣布疫情都相當緊繃的陳時中一聽到，忍不住露出微笑了。
指揮中心也在例行記者會前公布台商感謝信，看版貼滿隔離台商和家人對第一線防疫人員的感謝，還有小朋友親筆畫圖「戰勝病毒」，以背上有著天使翅膀的防疫人員，拿著大型針筒對抗冠狀病毒，感謝防疫人員辛苦。
陳時中在這次新冠肺炎防疫，一舉一動成為國人關注焦點，尤其先前哽咽落淚後更是引來大批網友關切，要他適度休息「趕快去睡覺」。這次收到首批武漢包機返台者的感謝，想必對陳時中來說是鼓勵，而他也難得露出笑容。面對解除隔離者的感謝，陳時中回應媒體詢問心情如何？他表示，「這只是職責所在。」</t>
  </si>
  <si>
    <t>台灣疫情嚴峻，不少民眾為此赴美國施打疫苗。新加坡防疫醫師林韋地認為，無論去哪裡打疫苗，坐飛機本身就是一個超高風險的行為，因為你不可能知道機上哪個乘客是變種病毒帶原者，呼籲盡量留在家裡，等待能施打疫苗的機會。
林韋地昨（8）日在個人臉書表示，基本上不建議為了打疫苗坐飛機跑到國外去，無論是去美國打莫德納、輝瑞／BNT，或是嬌生，還是去大陸接種科興或是國藥，因為搭乘飛機本身就是一個超高風險的行為。
林韋地進一步分析，所有人在密閉空間裡群聚，除非本身有私人飛機可另當別論，不然你根本不可能知道機上哪乘客可能是變種病毒株的帶原者，即便全程佩戴口罩，潛在的風險還是很高，去機場的途中、登機的過程，抵達目的地後到住處，再去打疫苗，全程都有被感染的風險。
林韋地說，登機前72小時的PCR陰性證明，不代表一定沒有感染，因為有偽陰性和潛伏期的可能，若不幸染疫，要在當地隔離、治療，可能會有許多麻煩及額外費用，再加上施打疫苗也需要時間發揮效力，有些疫苗要等三至四個星期才能施打第二劑，才能擁有完整的保護力。
因此，林韋地呼籲有意要出國接種疫苗的民眾，現階段還是盡量留在家裡，等待本地接種疫苗的機會，會來得安全，特別是年長者要更加注意。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瑞典國家統計當局今天宣布，全國上半年登記的死亡人數達5萬1405人，比去年同期暴增15％（6500人），更創下瑞典自1869年以來，1到6月的最高紀錄（55431），當時該國遭逢大規模饑荒。
新冠疫情正是死亡人數創紀錄的元凶。瑞典以佛系防疫，追求群體免疫的方式來因應疫情，因此在疫情於春天在歐洲炸裂後，該國並未像大多數國家，採取鎖國或封城等方式，防堵病毒擴散。瑞典反倒強調國民的個人責任，酒吧、餐館、美容院和學校都照常開放。
儘管採取較寬鬆的措施，但據統計，首都斯德哥爾摩到4月底，只有7.3％民眾身上帶有新冠抗體，遠遠不及群體免疫所需要的70％到90％。
6月初，瑞典新冠死亡人數突破4500，現在升至5802。政府的公衛部門遭批，完全不知道疫情對養老院的衝擊，不清楚疾病在養老院的傳播影響有多大，導致大量死亡。
</t>
  </si>
  <si>
    <t>日前因新北幼兒園為Delta感染，台北市9月8日起緊急取消長照機構探視。近日疫情趨緩，對於何時恢復訪客探視，北市衛生局今表示，中央有公文提到，北北基桃從10月1日開始，可開放訪客探視。
衛生局專委歐佳齡表示，中央指揮中心評估，北市處於中風險縣市，中央有公文提到，北北基桃從10月1日開始，可以開放訪客探視，但可能是因為假日關係，還沒收到正式公文，周一會將公文轉給醫療機構作為遵循。
至於八大行業解封，歐指出，八大行業主要是經濟部主管，北市會參考經濟部指引訂定北市相關指引。
★《中時新聞網》提醒您：因應新冠肺炎疫情，疾管署持續加強疫情監測與邊境管制措施， 如有疑似症狀，請撥打：1922專線，或 0800-001922， 並依指示配戴口罩儘速就醫，同時主動告知醫師旅遊史及接觸史，以利及時診斷及通報。</t>
  </si>
  <si>
    <t>台北市長柯文哲表示，指揮中心6月11日宣布開放長者施打疫苗，但隔天就是端午連假的開始，痛批指揮中心太晚告知，假設再發生一次就要慢兩天打，指揮中心認為這樣的威脅是否恰當？
中央流行疫情指揮中心指揮官陳時中表示，施打疫苗的事上大家不要意氣用事，應該依照量能為市民做最好的服務，像是7月1日起莫德納疫苗的分配，指揮中心也都有讓大家都知道。
媒體追問，指揮中心昨日三級警戒延長，要大家多忍耐，但網路上卻出現「全台陪雙北一起延長」的聲音，柯文哲批是政治攻擊與認知作戰。
陳時中說，我們面對的是病毒，病毒稍不注意就會流竄，希望大家把份內工作做好，相信疫情就會控制得比較好，延長是要控制疫情，而非讓大家都陷在其中，一方面圍堵疫情，另一方面未來降級警戒卻又出現疫情的話，到時也能及時控制，現階段對中央地方都是緊張嚴肅的時候，希望大家一起努力。</t>
  </si>
  <si>
    <t xml:space="preserve">自5月中旬疫情爆發以來，民眾出入公共場所都須實施實聯制，國民黨立委蔣萬安今日在立法院質詢衛福部長陳時中時指出，11月疫情警戒可能會降到一級，到時實聯制是否還會持續？陳時中表示，實聯制預計實施到明年中，但隨時都可檢討。
陳時中今（20）日在立法院接受質詢，蔣萬安表示，11月疫情警戒可能會降至1級，若降級的話，實聯制是否還需要執行？或規劃持續到什麼時候？陳時中回應，目前規劃是到明年中，但隨時都可以來檢討，實聯制最大效果是針對個別疫調時能快速掌握，現在個案確實很少，要如何在個案減少時，減輕費用負擔，需要時又能及時啟動，是現在需要思考的問題，目前還沒有很好的解方，但個案越來越少，確實有討論必要。
蔣萬安追問，因二級警戒目前延長到11月1日，若警戒再降級，實聯制還要持續嗎？陳時中說，會再持續一段時間，尤其在降級初期階段，要先挺住，等到穩定的時候再開放，因為只要一降級，或改變疫情管制措施，就有可能釀新一波潛藏的傳播鏈，到時候再啟動相關措施，恐怕會太慢，所以每降級一次，就要把量能準備到最好。
</t>
  </si>
  <si>
    <t>美國新增確診人數再創高，已超過96萬人，全球累計確診超296萬人，全球防疫需求大增，口罩、不織布、清潔用品、監測體溫的額溫槍、耳溫槍、快篩試劑等需求大幅增加，包括台康生技（6589）、康那香（9919）等13檔防疫概念股交投熱絡。
在新冠肺炎尚未有解藥的情形下，防疫需求大增，寶齡富錦及台康生技在3月成立的新冠肺炎快篩試劑聯盟，上周宣布成功開發檢測快篩試劑，股價連續拉出第三根漲停板價。
不織布大廠康那香與口罩廠商恆大股價也收漲停，並拉出連續第二根漲停板價，法人觀察，漲勢有向化工股三芳、紡纖股遠東新、聚紡等低階防疫概念股延伸。
國泰證期經理蔡明翰指出，美國新冠肺炎疫情在睽違二周後，單日新增確診人數又再次創高，導致全球新增確診人數同步創高，顯示目前疫情高點未至，疫情將持續干擾股市，因此引導資金再次流入防疫族群。
不過，各國仍施行隔離政策，以控制疫情，因此，蔡明翰預期疫情高點將落於第二季，防疫族群操作仍以短線為主，須留意個股流動性。
兆豐投顧董事長李秀利指出，防疫需求除帶旺口罩、不織布、清潔用品、監測體溫的額、耳溫槍等直接受惠產業外，原本沒有生產的廠商，也因應此一需求，開闢產業第二曲線，對企業的貢獻度值得觀察。
法人分析，導光板大廠茂林-KY近日致贈75個插管防護箱給台大醫院各院區，在為病患插管過程中，都可降低飛沫、血液、嘔吐物等感染風險。
電子代工廠金寶則在菲律賓、泰國和美國等廠區設立醫療用口罩和呼吸機生產線，預計5月開始量產，可望月產200萬片醫療用口罩與1,000套醫療用呼吸機，同時還有3D列印防護罩、防疫機器人等多項防疫產品。
隆達除屬mini LED題材外，因近期推出多款UVC LED新品，也搭上防疫列車。此外，由科技部領軍，結合中鋼與廣達旗下光碟機大廠廣明等兩大集團資源，進軍新冠肺炎檢測領域，僅需採集一滴血，12分鐘就能完成篩檢。
法人認為，企業因應防疫需求，積極發展產業第二曲線，在後新冠疫情時代，可能為企業開闢新的商機。</t>
  </si>
  <si>
    <t xml:space="preserve">台股今在美股上周五收紅激勵，加上護國神山台積電(2330)力撐穩盤，指數早盤雖一度翻黑，但隨即拉高，甚至站上12700點關卡、收復5日線，並持續朝向月線靠攏，指數最高上漲逾90點，惟尾盤漲幅收斂，終場收漲39.29點、報在12647.23點、成交量為2038.74億元，短線須留意台股是否可以站回月線，若無法站回月線，大盤恐轉入月線至季線的區間震盪。
權值股今以護國神山台積電最受關注，美系外資上調目標價，上看「5」字頭，今開高震盪，終場收漲0.82%，站回月線，股王大立光(3008)早盤後股價翻紅，午盤漲幅拉大，終場收漲1.69%、收在3605元，鴻海(2317)則整場多弱勢震盪於盤下，下跌約0.7%，聯發科(2454)持續深陷華為風暴中，開低走低，終場收跌逾3%，報在585元，面板雙虎友達(2409)、群創(3481)早盤衝高後，盤中漲幅收斂，雙雙收漲約0.6%，聯電(2303)則因最近一次買回10.5萬張庫藏股，將轉讓予員工，預計9月開放主管認購庫藏股，每股認購價約16元，今股價收漲逾3.5%。
電子股今為盤面資金主流，落後補漲、下半年營運具題材族群搶鏡，新冠肺炎疫帶動NB、chromebook以及平板等需求暢旺，MOSFET(金氧半場效電晶體)需求暢旺，動能預計將一路延伸到至少年底，富鼎(8261)攻上漲停，尼克森(3317)一度大漲6%，大中(6435)、杰力(5299)等漲幅也都在3%~4%之間強勢震盪；網通股智邦(2345)突破盤整區間，帶量大漲逾7%，智易(3596)收盤也大漲逾5%。
分析師表示，目前市場持續關注美中貿易談判進度，以及紓困方案，加上美國大選相關議題等，都是投資人關心的焦點，台股中長線在上周四的長黑K影響下，月線微幅下彎，多方架構轉弱，短線上指數較可能在長黑K的上半部區間振盪整理，台股將持續受國際市場消息波動影響，投資人在挑選投資標的時應留意，另外，以往美股大選前一向是震盪格局，今年又加入美國對大陸科技業的制裁，國內電子業難免受到波及，因此加權指數若無法站回月線，大盤就轉入月線至季線的區間來回，建議持續避開法人減碼、高檔轉弱、線型偏空股，短打聚焦中大型藍籌電子與業績回溫傳產股等。
</t>
  </si>
  <si>
    <t>新冠肺炎在南韓不斷蔓延，也在當地掀起「口罩荒」。南韓政府25日宣布，周三（26日）凌晨零時起限制口罩、乾洗手等防疫用品出口，期限至4月30日為止。
南韓食品醫藥品安全處處長李義表示，政府決定，周三起「原則上」禁止口罩出口，出口量限制在當日產量10％以內，並規定產量一半以上的口罩必須優先供應給南韓郵政等公共營運商。所有生產商必須每日向政府通報產量及國內運輸情況，若同一筆交易涉及1萬個口罩，也必須呈報。
在疫情重災區的大邱市，已經出現口罩短缺情況。連鎖超市E-Mart周一在大邱分店出售口罩，引來超長人龍排隊搶購。報導指，E-Mart優先在大邱、慶北售賣212萬個口罩，沒想到大邱分店開賣前就已經大排長龍，繞了好幾圈，開賣短短2小時就出售了48萬個，達到當日販售限制。E-Mart隨即宣布，規定每位客人限買30個，以讓更多民眾買到口罩。</t>
  </si>
  <si>
    <t xml:space="preserve">料產量增，周二馬來西亞棕櫚油走低；因馬來西亞棕櫚油局(BMD)估計6月棕櫚油產量將增加，加上因新冠肺炎影響，以致原油價格下跌，進而令馬來西亞棕櫚油價格收低。
另外最大食用油進口國印度，因新冠肺炎削弱食品服務業的需求量，讓棕櫚油需求量跟著下降，以及美國因氣候炎熱乾燥，影響大豆產量，豆油期貨價格下跌，都是使棕櫚油價格走低的原因。
9月交割棕櫚油跌32馬幣或1.34％，報每噸2,359馬幣；芝加哥期交所豆油下跌1.13％；大連期交所豆油跌1.24％，棕櫚油跌0.95％。(商品行情網)
</t>
  </si>
  <si>
    <t>中央研究院院士、中國醫藥大學校長洪明奇帶領的抗冠科研團隊，將靶向治療癌症的策略與觀念應用於新冠肺炎治療研究，找到了抑制冠狀病毒複製的核心蛋白酶，研究成果刊登於8月份國際學術期刊《美國癌症研究雜誌》，受到國際學術與醫療機構關注。
中國醫大校長洪明奇及教授陳曄帶領新冠肺炎病毒研究醫療團隊，將靶向治療癌症的策略與觀念應用於新冠肺炎（Coronavirinae,CoV）的治療研究，在上千種小分子化合物中，初步篩選出能夠有效抑制新冠病毒主要蛋白酶活性的廣譜型抑制劑GC376，陳曄並利用國家同步輻射研究中心的尖端設備，解析出此藥物與病毒主要蛋白酶的複合體3D立體結構。
中國醫大這項研究成果，發表在8月29日最新出刊的《美國癌症研究雜誌》「American Journal of Cancer Research」，並被選為當期的封面，受到國際學術領域重視。
洪明奇表示，新冠病毒的複製及成熟需要透過主要蛋白酶對病毒多肽pp1ab／pp1a進行切割，以產生病毒複製所需的核心蛋白酶；抑制劑GC376能夠模擬新冠病毒主要蛋白酶的受質，並與其活性位點緊密地結合，從而有效地抑制病毒的複製。</t>
  </si>
  <si>
    <t>韓國疫情瀕失控，中央流行疫情指揮中心昨天宣布，韓國旅遊疫情即刻提升至第三級警告（Warning）。中央流行疫情指揮中心指揮官陳時中宣布，自2月27日零時起，自韓國入境的本國籍人士，須進行14天居家檢疫，並呼籲還滯留在韓國的民眾儘速在27日前返國，非必要，不要前往旅遊。指揮中心同時也宣布，疫情建議第一級與第二級國家入境的旅客，入境14天內需自主健康管理。
自韓入境外國人 今起居家檢疫
陳時中表示，韓國近期病例數大幅增加達763例，且爆發教會及醫院大型群聚，已進入社區傳播階段，當地的大邱市、慶尚北道清道郡也被指定為特別管理地區，鑒於國人至當地感染的風險提高，指揮中心宣布即日起提升旅遊疫情建議至第三級警告。
針對自韓國入境台灣的防疫措施也加嚴，其中2月25日零時起，自韓國入境的外籍人士，需進行14天居家檢疫，不得外出；本國籍人士於2月25日、26日自韓國入境者，須落實14天自主健康管理，盡量不要外出；另自27日零時起入境的本國籍人士則實施14天居家檢疫。
陳時中說，以上周為例，自韓國入境人數約有1500人，已經較先前慢慢減少，他也提醒，若是在居家檢疫限制期間之前，自韓國返台者，同樣建議自主健康管理、少出門，且自高風險區域回來的人最好還是要戴口罩。
日列警示邊緣區 將視疫情處置
至於日本為何沒有提升旅遊疫情警示？陳時中表示，日本目前從北海道到沖繩都有案例，「還在警示的邊緣區」，目前不管是日本、義大利、新加坡、泰國、伊朗等相關國家，視疫情變化做相關處置。
指揮中心也宣布，即日起自義大利、泰國、伊朗等第一級旅遊疫情建議國家，及日本、韓國等第二級旅遊疫情建議國家的所有入境旅客，在入境後14天內，應落實相關自主健康管理措施，期間應避免外出。若有症狀需就醫時，也應主動配戴醫療口罩，並告知看診醫師旅遊史、職業史、群聚史、居住史（TOCC）等資訊。</t>
  </si>
  <si>
    <t>國內新冠肺炎疫情持續延燒，高雄28日新增1例本土個案，該確診者與日前確診的案5888按摩師互有關連，由於該按摩師染疫前後，曾到鳳山瑞竹街牌間打麻將與牌友互相傳染，牌友再到立信街牌間傳染給28日確診的民眾，目前麻將群聚案已有13人確診，高雄本土確診共累計44例。
經高市府疫調發現，28日公布的確診者案7010是50多歲男子，與鳳山賭場群聚案相關，由於案7010曾於立信街牌間與跟按摩師交互傳染案6365有相同足跡，經衛生局匡列採檢後確診，目前與相關牌間有關的接觸者共匡列583人。
衛生局指出，案7010在24日出現咳嗽流鼻水症狀，26日採檢、27日確診（CT值15），傳播能力相當高，其足跡包含5月21至25日上午8點50分至9點，曾至鳳山區Mr.里歐歐式早餐，5月21、24日中午12點至12點15分，曾到鳳山區文龍東路的新宿便當。</t>
  </si>
  <si>
    <t xml:space="preserve">近來日本部分民眾等不及政府主導的新冠病毒疫苗施打，已有觀光業者推出前往美國紐約施打疫苗的「海外疫苗團」。就連紐約市長也先前自己上陣宣傳「觀光客疫苗施打解禁」，並曾在自身twitter表示「歡迎各國前來紐約打疫苗」，此舉受到高度倚賴觀光業的紐約當地民眾歡迎，另也有短期語言留學加入此「商機」行列。
一對以此為目的赴美的50多歲日本人夫妻向日媒表示，「在日本等打疫苗不知道要等到什麼時候，搞不好今年之內還排不到。」一名駐美記者表示，在5月中旬日本電視台相關報導後，3天內就有約150名經濟寬裕者與藝人預約「接種旅行」。
申辦該業務的旅行社表示「想要儘速打到疫苗的人數超乎預期」，這些人的共同特徵是必須出現多種場合、並與不特定多數人接觸者。不僅有個人報名，也接受「團體接種」，若成團從日本搭機出發，總費用有機會壓到約30萬日圓上下（約台幣7萬5000元左右），抵達後不用隔離，搭乘接待專車直奔專用場地施打，接種的是只需一次便完成的嬌生公司（J＆J）所產疫苗。
隔離中「留學」
另外，更有語言留學業者將疫苗施打結合短期語言學校，基本以8星期的語言課程加上接受2回接種，期間可申請延長，而所謂語言課程即為隔離期間中參加現場課程，線上部分結束後後再參加面對面的課程。近日日媒「Ameba News」也報導，泰國也開始同樣的服務，在原本的赴美旅遊行程中加入打疫苗內容，據了解已有5家旅行社開展此業務。
</t>
  </si>
  <si>
    <t>2021台灣醫療科技展2日開幕，新光醫院今年以「卓越體驗，永續新光」主題推出6大展區，特別規畫「健康達人講座」，新光醫院副院長洪子仁帶頭開講，面對Omicron的威脅，呼籲大眾給醫界時間，不要太害怕，也提醒民眾別因疫情耽誤病情，該做的檢查還是要做，若讓將生日當成健檢日，一輩子都不會忘記檢查。
台灣醫療科技展昨盛大登場，包括新光醫院等均到場辦展。其中「尖端醫療，能醒能走」希望之燈，由尖端醫董事長蘇文龍等在開幕式上點亮，象徵骨髓間質幹細胞治療脊髓損傷展開新紀元。
新光醫院則由董事長吳東進率領院長侯勝茂等人共同啟動儀式，該院今年與新光人壽、新光銀行、新光保全以「卓越體驗，永續新光」主題推出6大展區。為期4天展覽中，新光醫院特別安排數場「健康達人講座」，首日由洪子仁帶頭分享「防疫與國際醫療發展」。
洪子仁表示，2020年是人類歷史轉折點，嚴格來說台灣2020年沒有重大疫情，第一波疫情真正開始是今年5月11日，當時獅子會長確診、宜蘭遊藝場出現群聚，隨後疫情就爆發，確診人數高峰的7至10天，死亡人數就到高峰。不過今年9月的Delta幼兒園群聚，就未如5月嚴重，原因在傳播時間、規模、強度都不同，新北群聚發現的較早，傳播的規模也因此不同，幼兒園接觸的強度也不如阿公店高。
在5月15日到6月24日間，國內每日確診人數達100至500人，但6月25日至今都維持在百人以下，包括新光在內全台醫院，都扮演著防疫的角色，近期國際間出現新變異株Omicron，雖然傳播力比Delta高，但不代表致死率高，洪子仁籲給醫學界3周時間，等待國外數據出來，不要太害怕。
洪子仁提醒民眾，不要因為疫情耽誤病情，健康問題不是只有新冠肺炎，還有癌症、心血管問題等，該檢查就檢查。新光醫院已在板橋設立健檢中心，開設3個月以來，1600多人中有26％因健檢發現瘜肉，另有21人確診癌症，提醒大家多注意。</t>
  </si>
  <si>
    <t>員榮醫療體系員榮醫院推動國際醫療不遺餘力，自2016年開始跨海到蒙古義診，但礙於疫情關係2020年開始停擺，今年員榮醫院改用視訊設備，透過最先進的5G智慧眼鏡，遠距傳遞臨床照護經驗，並持續為當地民眾診療及醫師教學工作，共同照顧兩國民眾的健康。
日前員榮醫院以新冠肺炎臨床照護研討為題，與台中榮民總醫院及多家蒙古國立醫院，透過視訊方式交流新冠肺炎患者的臨床經驗，由於蒙古目前新冠肺炎疫情仍相當嚴峻，因此這次的視訊交流會議，對於蒙古來說非常重要。
與會的那拉罕醫學中心院長L.Baigal表示，台灣醫療水準高，透過交流讓蒙古醫師提升照顧新冠肺炎病患的知識與能力，欽葛爾泰地區醫院院長Ts.Lkhagva也說，感謝員榮舉辦這次交流會議，也樂見台蒙醫療交流能持續且緊密。
員榮醫療體系副院長涂川洲表示，與會有蒙古４家醫院及醫學中心，超過30名專責醫師，由於新冠肺炎持續在各國發威，變種病毒株難以捉摸，醫療照護是最重要的一道防線，希望透過交流強化彼此對於新冠肺炎疫情的掌握、與相關併發症治療的能力。
涂川洲強調，從去年開始因疫情關係無法前往蒙古實施義診，但從去年9月起就改採5G智慧眼鏡實施演劇醫療技士指導，幫助遠在數千里外的蒙古國民，病毒不分國籍、距離，也希望能把員榮所秉持的「專業、愛心、視病猶親」理念，透過科技傳遞到蒙古，為病患解除痛苦。</t>
  </si>
  <si>
    <t xml:space="preserve">據美國有線電視新聞網（CNN）報導，自華盛頓州後，西雅圖3日也宣布為了因應新冠病毒而進入緊急狀態。市長德爾坎（Jenny Durkan）在聲明中表示，政府將在數日內宣布在進入緊急狀態後所採取的相關行動。
由於鄰近的華盛頓州金恩郡（King County）已出現21起確診，並且全美9死病例中，有8人出自於金恩郡，讓華盛頓州成為全美唯一出現死亡病例的州。對此，華盛頓州已於2日宣布緊急狀態，並準備買下一家旅館隔離病患，而華盛頓州內的柯克蘭（Kirkland）以及雷德蒙德（Redmond）也宣布緊急狀態。
隨著鄰近地區接連宣布緊急狀態，德爾坎表示在未來幾天內，西雅圖市將與金恩郡、華盛頓州的衛生單位，以及其他地方民選首長協調行動。根據緊急狀態的公告聲明，市長在承租與借用上有權力省略常規所需的規範與程序、即時調整使用與否城市內設施，以及必要時改變既定活動，以防範新冠病毒傳播。
</t>
  </si>
  <si>
    <t>台灣本土疫情持續爆發，昨天新增267例本土個案，短短9天以來，確診人數累積1291人，中央流行疫情指揮中心今(20)日公布國內新增295例，286例本土；9例境外移入；確診個案中新增1例死亡(案2683)。今天再新增286例，以新北市新增最多，其次是台北市。
有萬華活動史相關86例。雙北與萬華仍舊是重災區。關聯不明63例，創下新高。新增案2683死亡個案，在萬華工作的70多歲女性，新增死亡個案累積15例。
指揮官陳時中今天表示，每天都200多接近300的數字在徘徊，從開始到現在約略10天到14天，比較可以看出趨勢，目前看起來趨勢沒有急遽轉壞，從篩檢陽性率來看，台北快篩數字，從開始的18%上下到11%、9.7%、到前天的7.9%、前天5.1%，到昨天已經降到4.6%，篩檢數量都1000到1200。
陳時中說，整體來說，台北市快篩找出的個案有58人，雖然有時間的落差，但可以看出篩檢站的地點還不錯。
不過他認為，新北市的快篩目前設立在板橋、土城、永和等，篩檢數目稍微少一點昨天量能開始增加，檢查到600多位，陽性率從一開始5.5也下降到2.9，以板橋陽性率比較高一點。
陳時中說，新北市可以考慮對病例高一點的確診高一點的，要先把篩檢站先多設立下來，因為新北幅員很大，可能接觸者移動距離比較遠 也許會增加移動風險。
他還呼籲，呼籲接下來後天是週末，民眾要勤洗手，避免外出，沒有事情就待在安靜的地方，會比較好，也可以看看書。</t>
  </si>
  <si>
    <t>今日是全國疫情警戒降二級第一天，胸腔暨重症醫師黃軒指出，一早看到不少人過馬路或等紅綠燈時都拉下口罩叼著菸，令他直搖頭「才降級，鬆動的行為就馬上出現了」，提醒民眾仍要戴好口罩、徹底洗手及保持安全距離，不僅能有效預防社區傳播，也可防止疫情再延燒。
黃軒今（27）日稍早於個人臉書粉專《黃軒醫師 Dr. Ooi Hean》表示，一早走在路上看到不少行人過馬路時邊走邊抽菸，甚至是等紅綠燈時也接下口罩叼著菸，看得他直搖頭，大呼才降級就有不少鬆動的行為出現了。
黃軒表示，根據英國劍橋大學最新研究，出現症狀前或80%以上群眾佩戴口罩，代表病毒感染力的R值就會減少，甚至是小於1，因此證明佩戴口罩可減緩傳播疾病，若配合相關隔離措施，可預防新冠肺炎疫情再起。
黃軒說，解封並不代表能躲過新冠肺炎的刀鋒，事實上病毒在全球幾乎都是未清零的狀況，但為了經濟發展仍陸續解封，宛如走在刀劍的尖峰上，病毒風雲恐隨時再起。
黃軒強調，疫情下許多人都認為「太悶了、都悶壞了，該解放了」，但降級絕對不是鬆懈，防疫仍需落實戴好口罩、徹底洗手及保持安全距離，最後則是接種疫苗，他提醒唯有全民配合，才能抗疫成功。
★《中時新聞網》提醒您：因應新冠肺炎疫情，疾管署持續加強疫情監測與邊境管制措施， 如有疑似症狀，請撥打：1922專線，或 0800-001922， 並依指示配戴口罩儘速就醫，同時主動告知醫師旅遊史及接觸史，以利及時診斷及通報。</t>
  </si>
  <si>
    <t>3月3日，北京市新型冠狀病毒肺炎疫情防控工作新聞發布會上，北京市政府副祕書長陳蓓表示，北京調整境外人員入境隔離政策，凡是從韓國、義大利、伊朗、日本等疫情嚴重國家經北京口岸入境的，均需居家或集中隔離14天。
陸媒報導，3月2日，湖北外新增11例確診病例，7例來自浙江，均為義大利輸入病例。當日，@人民日報發表微博稱「嚴防境外輸入」。
「嚴防境外輸入」日漸成為大陸一個重要的議題。世衛組織總幹事譚德塞2日表示，中國的新冠肺炎病例數量在持續下降，在過去24小時內，中國境外報告的病例數幾乎是中國境內的9倍。
早在2月26日，譚德塞表示，「昨天（25日），中國以外的新增病例報告數量首次超過了中國的新增病例數量。」當日，寧夏中衛市公告該市確診1例境外輸入型新冠肺炎病例，緊急尋找密切接觸者。之後，北京、廣東和浙江等多次相繼出現了境外輸入病例。
同日，中共中央政治局常務委員會召開的會議上提到，「要壓實屬地責任，實施更嚴格的管理措施，防止外部傳染源輸入。」
報導稱，在地方政府相應的舉措上，寧夏報告首例境外輸入型新冠肺炎病例的第二天（2月27日），寧夏回族自治區黨委書記陳潤兒主持召開「境外新冠肺炎疫情輸入防控專題會議」，並做了部署。3月2日，寧夏再度提到「嚴防境外輸入風險」。
其他出現境外輸入病例的省分均進行了相關部署。3月2日，北京市委常委會會議暨北京新冠肺炎疫情防控工作領導小組第三十六次會議，提到要「嚴格入境管理，成立應對小組，加強工作力量，統一協調調度，有針對性地落實防疫措施。來自或去過疫情嚴重國家的入境人員，到京後居家或集中觀察14天。」
廣東也有了新舉措。據廣東省衛健委消息，針對新冠肺炎疫情在海外呈現擴散態勢，廣東正全面加強入境健康管理，對來自或去過離境國家疫情嚴重地區的人員，入境廣東後一律需接受居家或集中醫學觀察14天。
在疫情形勢出現新變化的這段時間，「嚴防境外疫情輸入」的不僅是上述幾個省分。3月1日，吉林省委書記巴音朝魯到了長春龍嘉機場，調研指導疫情防控和外防輸入工作情況。廣西與山東也陸續實施入境人員疫情防控相關舉措。</t>
  </si>
  <si>
    <t xml:space="preserve">新冠肺炎在美疫情重災區的紐約市9日共有518人死亡，總數更突破5千大關。而據《紐約郵報》指出，當地太平間已不堪負重，市政府不得不動用無人島，在島上挖埋葬過多屍體的壕坑，無奈讓死者盡快下葬。
報導指出，紐約市長新聞秘書戈德斯坦（Freddi Goldstein）表示，數十年來，在布朗克斯區的哈特島（Hart Island）用來埋葬無家屬認領的屍體之處，「我們未來數日將繼續使用這座無人島，用來埋葬近期在新冠病毒疫情中不幸過世，但符合上述資格的死者」。紐約市醫學檢驗官員也表示，無家屬認領的屍體將暫時安放在停屍間，超過14天就符合公墓安葬條件。
報導稱，事實上紐約市長白思豪（Bill de Blasio）在本周初曾表示紐約市正考慮將哈特島作為臨時埋葬場，但一再避免正式公布。然而《紐約郵報》藉由無人機空拍，拍到悚然一幕─將近十多位的承包商人員正將一批批棺材埋葬在島上壕溝內。根據空拍照片顯示，至少超過40座棺材埋在剛挖的壕坑內，死者名字草草刻在棺材上。
此外，以往在哈特島進行埋葬遺體的工作，向來皆由監獄囚犯執行，但因正值疫情爆發期間，紐約監獄發言人表示，為配合社會封鎖政策，所有囚犯的勞動服務已全面暫停。
</t>
  </si>
  <si>
    <t xml:space="preserve">
新冠肺炎疫情持續延燒，除了中國大陸之外許多國家也有確診病例傳出，而外界目前預估日本可能會是下一波爆發的地點，不過東京奧委會仍然表示要如期舉辦東京奧運，不過其他的體育賽事可能就沒有這麼好運了。
原本預定在3月1日舉辦的東京馬拉松，主辦單位表示因為新冠肺炎影響，因為影響東京奧運的積分，所以留下2百名職業跑者進行比賽，不過其餘的參賽者都將被取消資格。
東京馬拉松組委會表示，為了保護眾多參賽者的安全，決定取消大眾跑者的參賽權，不過參賽資格將可以延續至明年使用，但是參賽時還是要繳交報名費，而今年比賽的報名費及慈善賽捐款將不予退還。
這也讓許多參賽者不滿，要求主辦單位退回報名費用，不過這舉動大概是徒勞無功，因為在官網的規章當中，有明確規定，若因為不可抗拒因素導致賽事取消，將不予退還報名費用，不過有購買今年紀念衣服的跑者仍會收到物品。
更多 CTWANT 報導
</t>
  </si>
  <si>
    <t xml:space="preserve">86歲資深藝人脫線(本名：陳炳楠)，曾演出《總鋪師》、《大佛普拉斯》等電影，農曆年前驚傳因感冒引起肺炎，整整住院一個月，令粉絲好擔心。不過他今（27日）終於透過臉書報平安，「天公保庇，我康復出院了。」
脫線在臉書報平安，透露自己因感冒引起肺炎，還幽默表示：「不是武漢的免驚我不會傳染，是很多老人最怕的肺部感染。」但他也因為肺積水，喘氣困難而無法入睡，狀況差到險插管，整整住院一個月。
如今終於康復出院，脫線除了感謝辛苦的醫護人員，還有最辛苦的老婆，「我住院一個月，她也陪我住院一個月，忍耐我壞脾氣，身體不適的壓力，昏迷的語無倫次，未來我會更加珍惜自己身體，妳自己身體也愛顧賀。」一番真情告白令人感動。
</t>
  </si>
  <si>
    <t xml:space="preserve">今天（29日）下午，北京市宣佈公共衛生應急回應級別下調至二級，這意味著大陸國內低風險地區進京出差、返京人員，不再要求居家隔離14天，北京「五一」出行的需求應聲上漲。
據「去哪兒網」平台資料顯示，消息發佈的半小時內，「去哪兒網」機票搜索量迅速攀升，北京出發機票預訂量較上一時段暴漲15倍，度假、酒店等其他旅遊產品搜索量也上漲3倍。
據「去哪兒網」資料顯示，截至目前，北京至成都、重慶、上海、杭州、長沙成為預訂量最多的5個航線，深圳、昆明、廣州、西安、廈門、三亞也成為預訂量大漲的熱門目的地。
「去哪兒網」旅遊專家表示，目前北京出港航班還有大量1折左右特價機票，但未來價格將可能出現大幅上升，有「五一」出行計畫的遊客需儘快購票。
此前，京津冀地區健康狀態互認之後，北京「五一」期間至京津冀地區的高鐵車票預定應聲上漲，多條高鐵線路車票快速售罄。
</t>
  </si>
  <si>
    <t>高市3位民眾參加土耳其團旅行返臺確診感染新冠肺炎，其中有1位民眾去了一間位在鳳山五甲的診所，雖然衛生局後來出面澄清，該名個案並未進入診所內，可是診所還是遭到網路霸凌歧視，診所為此自行貼公告休診到4月6日，甚至連診所醫護人員小孩也被要求請假14天；高市衛生局簡任技正潘炤穎痛批，這根本不是在防疫，而是獵巫！
3名前往土耳其旅行的團員，回到高雄後被確診感染新冠肺炎，但卻有人搶在高市衛生局公告他們的足跡史之前，在網路上點名了一些地方，其中包含1名民眾去過的診所；不過，衛生局當天就已經出面說明，的確有名患者是到該診所就醫，但他並未進入診所裡頭，因此不需要匡列這間診所裡頭的醫護人員，也沒有要求他們要自主健康管理。
沒想到現在卻傳出了，該診所醫護理人員有念幼稚園的小孩，竟遭到同班同學家長們，聯合要求請假在家14天，另診所也不堪網路流言困擾，貼出公告表示「本診所未曾讓疑似武漢肺炎確診患者進入診治，但避免太多困擾，自3月19日停診，並於4月6日恢復看診」，等同診所停業14天。
高雄市政府衛生局,防疫,診所,土耳其旅遊團,新冠肺炎</t>
  </si>
  <si>
    <t xml:space="preserve">台中市長盧秀燕5日在市議會進行施政總報告，「逐步完善各項重大建設，要給市民更好的生活！」盧秀燕說，市府積極推動各項政策，包括市民期盼已久的水湳國際會展中心、台中綠美圖、捷運綠線將於今年底通車營運等；今年PM2.5濃度及空品不良天數雙雙呈現改善趨勢等，展現階段性成果，市府致力打造「富市台中、新好生活」。
台中市議會今日召開第3屆第3次定期會第2次會議。盧秀燕指出，今年是嚴峻且備受挑戰的1年，隨著新冠肺炎疫情擴散，檢驗市府平時的防疫整備，秉持「防疫工作超前部署」的決心；台中市率全國之先，將疫情應變指揮中心由3級提升為2級，今年2月更將防疫中心提升為一級開設，每日召開疫情會報，掌握疫情做最嚴謹準備。
盧秀燕表示，台中要積極展現執行力，符合市民期待，除了防疫工作積極應變，市政工作也不停歇，市府持續以8大核心價值及12大發展策略啟動台中變革，逐步落實「富市台中、新好生活」的城市願景。
盧秀燕說，重大建設方面，繼去年開工的水湳國際會展中心及台中綠美圖之後，市府成功推動「大智路貫通計畫」，將於今年8月完工通車，貫通大台中火車站前後站，其他包括水湳新地標「科湳愛琴橋」通車、長春運動中心完工、南山截水溝工程施工等，逐步完善重大建設。
交通運輸發展上，市民期待已久的捷運綠線工程進度已達91.04％，年底將通車營運，未來會繼續延伸捷運綠線、興建捷運藍線及橘線，完善軌道路網；加上結合市政路開闢、東豐快速道路復工等道路工程、各大轉運中心的建置，以及公車綿密路網、智慧交通等運輸系統的整合，為城市打造交通任意門。
盧秀燕說，市府落實「前店、後廠、自由港」的台中富市3經濟發展策略，為台中經濟注入活水，包括豐富運動產業園區及潭子聚興產業園區開工、台中巨蛋位址所在的14期重劃區完工等，吸引更多業界投資台中，目前民間投資台中金額達4430億元，包含麗寶樂園OUTLET二期、東區LaLaport購物中心、Costco北台中店動工等，約可創造7500個就業機會。
在空品改善上，盧秀燕指強調，市府透過「藍天白雲行動」計畫，落實24項精進對策，包括要求中火減煤減碳、推動燃煤工業鍋爐111年全面退場、電動公車倍增等，已展現成果，台中市去年PM2.5平均濃度為每立方米17.7微克，相較107年改善1.1微克；另外，去年空品不良發生天數為44天，相較於107年減少16天，雙雙呈現改善趨勢。
社會福利政策上，盧秀燕說，除去年7月提前恢復老人健保補助，讓全市超過25萬名長輩享有福利，並布建1257處社區照顧服務據點、9家失智共照中心及32家失智社區據點，落實長照服務。
為推動友善育兒環境，市府落實「公托公幼倍增計畫」，公托倍增方面，去年先後開辦東區、梧棲及北區3家社區公共托育家園，今年初更開辦大里托嬰中心；公幼倍增方面，109學年度中市公共化幼兒園規劃增設88班以上，增班數歷年最多。
</t>
  </si>
  <si>
    <t xml:space="preserve">《中時新聞網》精選5件不可不知的國際大事，帶讀者掌握今（11）日的國際新聞重點。
【1】	WHO指台電郵裡未寫「人傳人」指揮中心反駁
世界衛生組織（WHO）世衛表示，去年12月31日收到台灣所發電郵，內容提及媒體報導指出武漢有非典型肺炎病例，「但這封電郵沒有提到人與人之間的傳染」；針對WHO回應，中央流行疫情指揮中心11日晚間反擊WHO「斷章取義」。
【2】	全球破10萬人死亡！英日增980人病歿 創單日新高
台灣時間11日凌晨，全球新冠肺炎總確診人數超過165萬人，死亡病例已逾10萬例。英國當天宣布新增980例死亡病例，創英國單日新高。
【3】	川普估死亡低於10萬 下周定奪如何砍WHO
美國總統川普表示，他認為美國因新冠病毒的死亡人數應會低於最先估計的10萬人。此外，他再次砲轟世界衛生組織以大陸為中心，並表示下週將會就美國提供世衛的資金援助做出定奪，他必須確定美國納稅人的資金能被妥善使用。
【4】	新冠確診100天 譚籲抗疫不要政治化
世界衛生組織祕書長譚德塞9日表示，新冠肺炎疫情爆發100天以來，WHO以公平、客觀和中立來處理疫情；針對外界批評，他說大家不應將疫情政治化，也不該藉此贏取政治分數。
【5】	稱疫情見頂 川普準備拚經濟
美國新冠肺炎疫情慘重，經濟數據同樣慘澹，令各界正迫切討論何時「解封」。川普總統9日形容，美國疫情已見頂，希望經濟以「大爆炸」方式重啟，也相信經濟定會「強力反彈」，之後的狀況會比疫情爆發前更好。
</t>
  </si>
  <si>
    <t>據美國有線電視新聞網（CNN）報導，在美國當地時13日，美國總統川普在白宮的新冠肺炎疫情記者會上表示，白宮將於美國時間14日宣布，成立一個經濟工作組，包括一個或多個委員會，聚焦未來幾周內，能夠指導美國經濟重新啟動。
川普在會上表示，「你們可能聽說過，我們還成立了一個委員會；實際上，委員會不只一個，這些委員會擁有全國最傑出的人物，各個領域最成功的人士，我們將在明天宣佈它們的成立。」
報導還提到，特朗普表示，行政團隊已經就美國部份地區經濟重啟進行討論，預計很快就能夠付諸實行。
川普說，「我們將很快敲定全新的、非常重要的指導方針，為州長們提供其所在地重啟所需的訊息；政府的復甦計畫將讓美國人對恢復生活產生信心。」
據了解，白宮幕僚長馬克．梅多斯將擔任該工作組的主席，川普女兒伊凡卡也會在組織中發揮作用。</t>
  </si>
  <si>
    <t xml:space="preserve">新冠肺炎（COVID-19，俗稱武漢肺炎）疫情持續延燒，截至2月18日，大陸地區已出現超過7.2萬起確診病例，累積死亡人數達到1,870起，各省紛紛實施「封閉式管理」，嚴格限制民眾出入，並要求配戴口罩，日前在河南有名男子外出時未戴口罩，遭到防疫人員反綁在牆柱上，對他一陣破口大罵。
最近在大陸瘋傳一段影片，畫面中可以看到1名男子被牢牢綁在柱子上，面前站著1位身穿防護衣的工作人員，對著他大聲痛斥：「忘戴了？你還想活嗎」、「你不活，人家老百姓還活呢」。這段畫面曝光後，立刻引起一陣熱議，事後官方也證實影片內容確屬事實。
此事發生在河南省濮陽，當地官員表示，遭到綑綁的是一名靖某男子，由於他每天外出都不戴口罩，且多次出入檢查口時，不服防疫人員勸告，直到13日靖某再度不戴口罩出門，防疫人員因此對他進行教育，但坦承做法確實不適當，將會對其進行檢討，公安也介入調查。
更多 CTWANT 報導
</t>
  </si>
  <si>
    <t xml:space="preserve">新冠肺炎影響全球一年多時間，台灣原本在國際間是出了名防疫頂尖，但連日確診人數大爆炸，民眾開始瘋搶糧食口罩，深怕會面臨封城窘境；香港資深藝人黃秋生去年曾為了工作來台居留數月，近期再度抵台慘遇疫情升溫，他也透過臉書列4大要點，拜託大家一起遵守，更信心喊話「一月內必可控」，立刻被大票網友推爆分享。
黃秋生近期因工作再度來台灣居留，日前剛結束隔離14天，沒想到卻碰上新冠確診人數大爆發，大台北地區更進入三級防疫，但他今（15）日稍早也在臉書發文，認為台灣上下一心對抗疫情，還是有機會控制住的。
黃秋生列出4大重點，「盡量不外出，不自私，不恐慌，物資充足盡量自我隔離」，做好這幾項一個月內必定可控制住疫情。
在黃秋生發文半小時左右就被上萬網友推爆並分享，不少人更感謝他真心愛台灣，「感恩黃大哥對台灣的信任」、「台灣加油，沉住氣應戰」、「我們2週就會搞定了，一起加油」、「不聽話的做成叉燒包」、「感謝秋生哥的呼籲，大家一起抗疫」、「沒問題的要對台灣有信心」。
</t>
  </si>
  <si>
    <t xml:space="preserve">八貫(1342)將於明(29)日召開上市前業績發表會，並將於11月底前掛牌上市，看好在三大動能加持下，將帶動明年業績持續上攀。
八貫近三年營運表現優異，2017至2019年每股稅後盈餘分別為3.49元、3.79元及3.08元；今年上半年雖有新冠疫情影響，公司獲利仍亮眼，稅後淨利0.89億元，年增率2.13％，EPS為1.44元；累計前三季營收為11.60億元，亦創下歷年最佳成績。以目前出貨排程來看，預期第四季將因歐美醫療及戶外訂單出貨暢旺，業績可望向上攀升，展望明年，八貫在航太輕量化新產品通過認證、跨足家居型醫療產品以及戶外產品轉單效益的三大動能加持下，將持續帶動公司整體營運成長。
八貫為全球少數同時擁有TPU(熱可塑性聚氨酯彈性體）二次、三次加工技術及產能的機能性布料大廠，不但可提供客戶從開發設計至終端產品生產製造的一站式服務，出貨前每件產品皆經過嚴謹的檢測，主攻與生命安全有關的醫療、戶外及航太救生等高階利基型市場；因高階產品需要通過多項嚴格的認證，故有生命週期長、且不輕易更動供應商的特性，公司目前握有明確且長期穩定的訂單，因應既有的產品以及新產品增加的產線，成品組件產能已滿載，因此進行擴廠，新廠規劃預計明年第一季進行搬廠認證，可望於第二季進入量產，未來業績動能無虞。
今年因新冠疫情而大幅帶動八貫各式醫療級氣墊床及機能性布料的出貨成長，加上第三季戶外產品出貨已恢復疫前水平，若依產品銷售類別佔比前三季營收比重分別為：醫療43％、戶外44％、航太救生9％，工業4％，其中醫療佔比年增12個百分點，目前美國區醫療產品平均毛利率為35％，樂觀預期全年營收獲利將有望挑戰新高。
八貫憑藉TPU之高效研發與優勢製程，持續多元發展以續積未來成長動能，尤其以醫療、戶外及航太救生三大產品為營運主軸，包括醫療應用從醫院高端醫療床延伸至居家照護，目前居家照護市場規模是醫療產品產值的6倍，公司所研發醫療所需之機能性布料，將可擴張應用至新領域。在戶外產品部分，公司研發持續朝向輕量、複合式布料發展，同時三次加工成品亦有持續升級趨勢，加上美中貿易轉單效益，原有客戶已明顯提升明年之下單數量。
此外，八貫佈局航太救生領域將開花結果，其中航空救命筏頂蓬機能性布料、航空逃生滑梯等已於今年通過認證，雖因疫情而遞延出貨，然年底前將小量出貨，未來可望逐步放量。目前在手訂單能見度高，且航空逃生滑梯朝向更輕量化發展，八貫不僅掌握新產品的訂單，亦可有週期性機能性布料升級潮，航太救生產業之出貨可望倍數成長。
產能上，八貫已斥資近4億元在宜蘭龍德工業區興建占地3千坪新廠區，並導入智慧化高周波產線，擴增成品組件產能，預計明年第二季正式量產，醫療床及露營睡墊產能預計增加33,000床、管材/其他產品產能預計增加144,000pcs，以期增添新成長動能。
</t>
  </si>
  <si>
    <t>就全美疫情來看，新增病例速度已放緩，不過，歐洲恐又再度失控，許多城市出現「反口罩」、「反防疫限制」示威，使得疫情持續惡化，歐洲新冠肺炎確診人數突破400萬人，逾20萬人死亡。
儘管新冠肺炎的疫苗研發，已進入第三階段人體試驗，不過在疫苗問世之前，生技醫療類股仍為市場主流，帶動了整體醫療防疫概念股的成交量，因此生技類股市場有避險及資金運用需求日益增加的情況。
所以，臺灣期貨交易所於今年6月8日上市「臺灣生技期貨」及「臺灣永續期貨」，其中，臺灣生技期貨成分股涵蓋上市及上櫃新藥研發、醫材及藥品製造等指標股票，可表彰台灣整體生技醫療產業的表現，也符合現今市場聚焦產業，另外還有波動性高的特點，有潛在避險及交易需求。
臺灣生技期貨契規模約23萬，而保證金為新台幣21,000元，槓桿約為11倍，因此臺灣生技期貨的最大優勢在於門檻低、操作彈性高，交易人可以較低資金成本進行交易及避險，提升資金效率。
以技術面來看，臺灣生技期貨3日呈現開高走低格局，本周一度攻上所有均線之上，不過，無法有效站上，3日再次回測月線支撐，維持上有壓下有撐的走勢，在站穩月線之前，短線建議投資人先以中性區間看待臺灣生技期貨。
期貨交易為高槓桿的保證金交易，有高度的投資風險，投資人應衡量自我的投資能力適度作加減碼，並設定停損機制，以利有效控制投資風險。</t>
  </si>
  <si>
    <t>美國因受到新冠肺炎疫情重擊，不僅死亡人數破10萬，確診人數也破180萬，是全球之最，失業率也高達20%，為了救經濟，政府在3月底通過2萬億美元經濟刺激法案，成為美國歷史上最大規模的經濟紓困方案，美籍YouTuber莫彩曦(Hailey)近日終於收到這筆救濟金，她也拍影片開箱，見證這難得的經驗。
莫彩曦收到美國財政部寄來的支票，上面有警告若想偷政府的錢或濫用支票，會被罰1萬元美金和進監獄10年，而她們會2個月後才收到支票，原來是川普想把自己的簽名印在上面，所以才會要重新印刷，而因為她和老公adam是夫妻，所以它們總共拿到2400元美金(約台幣71000)。
而這個支票就是要刺激經濟，所以不少人都會用在房租費或生活費上，畢竟現在美國狀況很不好，大家都很辛苦，莫彩曦希望這筆錢能真正花在最好的地方，能刺激經濟也幫助別人，所以她們希望網友能提供意見。
不少粉絲看到後，也都建議她們可以去幫助一些當地小店，或是幫助一些弱勢族群，也可以多多幫助服務業，因為美國很多服務業都失業，多消費才能維持底層人民生活。</t>
  </si>
  <si>
    <t>國內疫情雖趨緩，但考量仍有零星不明感染源之本土病例，中央流行疫情指揮中心宣布，二級警戒延長至10月4日，根據二級警戒指引，包括酒店、KTV、舞廳及遊藝場所等2大類別仍須關閉，後續將視疫情發展，做滾動式修訂。
原本到9月20日的二級警戒，再次延長至10月4日，指揮中心指揮官陳時中今(19)日在疫情記者會中表示，這次疫情警戒最大變動為相關人流管制，最主要為室內80人、室外300人，若室內空間很大，以樓地板面積2.25平方公尺計算為1人，不過原來不開放的場所，依然維持不開放。
根據二級警戒完整指引，仍須關閉的場所分為兩大類別，包括歌廳、舞廳、夜總會、俱樂部、酒家、酒吧、酒店（廊）、錄影節目帶播映場所（MTV）、視聽歌唱場所（KTV）、理容院（觀光理髮、視聽理容）；另一類為遊藝場所、電子遊戲場、資訊休閒場所、麻將休閒館及其他類似場所仍持續關閉。
從本土疫情爆發以來，八大行業至今停業已超過4個月，有網友在PTT表示，酒店小姐都要哭了，原本以為只要停業2個月，還可以靠吃老本撐過去，不料一停就是4個月。媒體報導，有酒店小姐因沒有存款撐不下去，只好暫時轉行做外送員，結果沒想到並沒有想像中好做，最慘曾一天只賺到40元。</t>
  </si>
  <si>
    <t>新冠肺炎疫情升高，台中市累計已有3家業者通報無薪假，勞工局仍在審核中，目前觀光旅遊業還撐住，沒有通報無薪假，觀光旅遊業表示，盡量讓員工休春節上班的補假與特休假，因應疫情後生意反彈，勞工局已擬定「協助觀光旅遊業因應疫情策略及作為」，組成「無薪假訪視輔導小組」，力挺勞資因應疫情困境。
勞工局長吳威志強調，事業單位如因疫情影響致業務緊縮營運困難，依勞動部「因應景氣影響勞雇雙方協商減少工時應行注意事項」，經與勞工協商同意，實施無薪假，目前勞工局尚未接獲觀光旅遊業者通報無薪假。
市府表示，目前有包括塑膠、建材與機械製造等3家業者通報無薪假，員工人數計66人，但需經是否高階主管減薪，勞資協商同意等條件，才會通過無薪假審核，目前還在審核階段。
疫情持續延燒，對觀光旅遊業的企業營運造成衝擊，為預先因應疫情衝擊勞資關係及勞動權益，勞工局18日邀集台中市18個觀光業公會、協會、工會等代表，整合勞動部勞動力發展署中彰投分署、觀光旅遊局等資源，向觀光業者說明因應疫情協助措施，傾聽業者心聲。
台中市旅館商業同業公會理事長鄭生昌說， 勞工局整合相關資源，協助業者面對困境，為業者加油打氣。
勞動部勞動力發展署中彰投分署科長蕭盈潔表示，勞工局與分署密集合作，為事業單位提供服務，事業單位若經勞工局通報實施無薪假，會提供充電再出發計畫協助。
此外，事業單位若未實施無薪假，可善用「企業人力資源提升計畫」及「小型企業人力提升計畫」，提升勞工技能。
吳威志說，為提早因應、輔導業者，勞工局組成「無薪假訪視輔導小組」，並整合勞工局大量解僱預警機制、資遣通報輔導、勞資爭議調解、職業訓練、就業媒合諮詢及勞工權益基金等資源，成為勞資雙方面對疫情困境最堅實的後盾。</t>
  </si>
  <si>
    <t>世界衛生組織3月7日公佈的最新資料顯示，大陸以外新冠肺炎確診病例已逾兩萬例，達2萬1114例。
世衛組織每日疫情報告顯示，截至歐洲中部時間7日10時（北京時間7日17時），中國以外新冠肺炎確診病例較前一日增加3633例，達2萬1114例；死亡病例則較前一日增加78例，達413例。
全球新冠肺炎確診病例較前一日增加3735例，突破10萬、達10萬1927例；死亡病例則較前一日增加106例，達3486例。報告顯示，過去24小時內，哥倫比亞、秘魯、多哥、梵蒂岡報告首例確診病例</t>
  </si>
  <si>
    <t>中職領先全球開打，吸引國內外媒體爭相報導，2日美國權威報紙《紐約時報》特別派記者至桃園球場採訪，當日正好是樂天桃猿隊史千勝，今日以長篇幅刊登中職以無觀眾方式在疫情期間順利開打，也提到中職近期將開放觀眾進場。
《紐約時報》派記者至台灣採訪，介紹中職在空無一人的球場內進行比賽，用播報員的說法，這是全球唯一正在進行的體育比賽，在新冠肺炎疫情下，中職正帶給世界希望。
在觀眾席上的是假人而不是真的球迷，球場內隨處可見酒精，每個人都盡量保持距離，甚至球員不能隨地吐痰、吐瓜子，而所有教練和球員都異口同聲表示，現在還能比賽相當幸運。報導中採訪到中信兄弟總教練丘昌榮，「就算沒有球迷，我們仍知道有很多人在關注我們。」
同時也採訪到今年「世界全壘打王」朱育賢，「紙板觀眾一開始會覺得有點奇怪，但當紙板觀眾增加，我們把這當作另類行銷手法。」不過沒有球迷，的確讓球員難以提高腎上腺素，桃猿總教練曾豪駒也說，「少了一點能量，不像真正的比賽那麼刺激。」
目前台灣疫情已趨緩，在記者採訪時，就已有開放球迷進場的消息，台灣抗疫有成獲得世界關注，兄弟投手教練佛斯特也感到驕傲，「在疫情之前，很多人沒聽過台灣的中職，但現在即使是ESPN也會報導，我的美國朋友也很嫉妒台灣還能進行比賽。」
此外，《紐約時報》也採訪到了樂天啦啦隊女孩倪暄，她像紐時說因為關心疫情，所以希望透過應援來為世界帶來正面能量。當晚是桃猿隊史千勝，有些球迷在球場外為球隊歡呼，而現在球迷真的能進場了，8日開始確定每場最多能開放一千人。</t>
  </si>
  <si>
    <t>北京爆發新一輪新冠疫情，百事公司大中華區集團通報，大興區磁魏路的廠房出現8位確診，公司並已第一時間啟動應急方案，採取停產停工、封存產品、環境消毒及隔離87名密切接觸者。
大陸疾控中心6月16日已對工廠內外環境進行塗抹取樣，結果均呈陰性，並已對食堂、更衣室、車間、洗手區、廁所流水線、工作區等進行兩次全面的環境消毒。百事表示，會嚴格遵守疫情防控政策，保障食品生產安全，全面保障消費者權益。
據《北京青年報》報導，百事公司第一時間啟動應急預案，採取停產停業、產品封存、環境消殺、人員隔離等措施；已經對產品及廠區環境進行了全方位取樣調查，目前測試產品安全，同時保證新發地疫情後的產品均已封存。
百事公司處置情況如下：
一是迅速停產停工，啟動應急預案。6月15日，首例病例確診。當日早八點，立即停止生產，做全廠消殺，封閉所有庫存，禁止外運。成立應急處置前方指揮部，統籌協調相關工作。
二是全面開展人員核酸檢測，6月15日全部員工居家隔離，6月16日進行全員核酸檢測，6月20日轉運480人到集中隔離點隔離，這480人核酸檢測結果均為陰性。同日，對所有員工共同居住人員全部落實居家隔離觀察。
三是配合政府進行擴大流調範圍。深入分析病例流調報告。截至6月20日18時，已追查到密切接觸者87名，全部落實集中隔離措施。
四是做好環境檢測與消殺。6月16日，區疾控中心對工廠內外環境進行涂抹取樣，結果均陰性。6月15日和20日，對食堂、更衣室、車間洗手區、廁所、流水線工作區等兩次進行全面環境消殺。
五是嚴格遵守疫情防控政策，保障食品生產安全，全面保障消費者權益。</t>
  </si>
  <si>
    <t>台北市今公布2例確診者足跡，案16078、案16095皆為新北市個案，28日確診，而案16078感染源為家戶感染，案16095感染源尚待釐清，個案曾搭乘的捷運已完成清消。
北市衛生局指出，案16078、案16095曾在25日中午12點搭乘捷運從板橋站到台北小巨蛋站，並在下午1點22分從捷運台北小巨蛋站搭到府中站。另外，26日兩人曾在下午2點搭乘捷運從江子翠到西門站，並在下午4點搭乘捷運從西門站返回江子翠站。</t>
  </si>
  <si>
    <t>期待蘋果(Apple Inc.)下半年即將發表的新 iPhone 嗎？雖然因為新冠肺炎(COVID-19)疫情影響，業界傳聞蘋果頗有可能延後發表新機，但是相關傳聞仍舊止不住。知名 YouTuber 再度分享了對 iPhone 12 Pro(暫定名稱)系列的預測，其中關於相機還有螢幕更新率的看法，令人感到興奮！
在先前預測 iPhone 12 Pro 系列可能有全新的海軍藍顏色，此外主相機畫素、電量都有望全升級後，YouTube EverythingApplePro 頻道發表的最新影片指出，iPhone 12 Pro 系列，也就是 4 款新 iPhone 中的高階 6.1 吋、6.7 吋螢幕的款式，預計將支援 120Hz 螢幕更新率。而且可能採用 iPad Pro 之中的 ProMotion 自動適應更新率技術，可根據需要自動在 60Hz~120Hz 之間動態切換。
而為了要適應更高的螢幕更新率，還有支援 5G 的特性，新 iPhone 配備更大的電池是勢在必行。該影片再度指出螢幕最大的 6.7 吋新款 iPhone 預計電池電量為 4400 mAh。若成真將是蘋果有史以來最大電量的機種。作為參考，在此之前電量最高的 iPhone 是 iPhone 11 Pro Max ，電量 3969 mAh。
在新冠肺炎疫情影響下，蘋果會否改進當前 Face ID 臉部辨識的技術，在配戴口罩下能夠有更好的解鎖效率，或者是導入螢幕下指紋解鎖技術，是今年新 iPhone 被關注的焦點之一。對此，EverythingApplePro 頻道認為 Face ID 相關元件(TrueDepth相機系統)尺寸變小，因此螢幕頂端佔據的「瀏海」區域也有望縮小。此外，Face ID 預計將支援更寬的視角，讓使用者解鎖的角度(臉部與手機之間的角度範圍)能夠更大。
主攝影鏡頭部分，長焦鏡頭支援的光學變焦預計從 2 倍升級到 3 倍，能夠在不降低相片品質的前提下，拍到更遠的景物。除此之外，iPhone 12 Pro 系列在低光源環境下的拍攝效果也有望提升，並且升級防手震的性能。在增加光學雷達掃描儀(LiDAR)的預測下，主鏡頭的自動對焦預計也將更快速，更準確。在此之前，該頻道預測過 iPhone 12 Pro 主相機預計升級到 6400 萬畫素(目前是 1200 萬畫素)，並且三顆鏡頭都有望支援夜間模式(目前 iPhone 11 Pro 系列中，只有主鏡頭、長焦鏡頭支援，超廣角鏡頭並不支援)。
包含蘋果知名分析師─天風國際分析師郭明錤、摩根大通(JPMorgan)、美國銀行等，都曾經預測 iPhone 12 系列受到疫情影響可能延後發表，或者分兩波推出。今年果粉們在何時才能親自入手新機，一償宿願，以目前時間點來看，仍充滿諸多變數。</t>
  </si>
  <si>
    <t xml:space="preserve">彰化縣衛生局17日主動採驗由美返台的少年，意外發現無症狀確診新冠肺炎個案，衛福部長陳時中下令彰化縣政府政風處介入調查，引發爭議。對此，陳時中今天親上廣播節目一次講清楚，為何要由政風處來調查的原因。
陳時中今天上網路廣播節目《周玉蔻嗆新聞》，接受周玉蔻採訪。對於近來因為下令政風處調查彰化縣的爭議議題，陳時中也在節目上說明。陳時中直言，目前最大的爭議，就是政風處需不需要查？因為以指揮中心的職責，他們必須要掌握所有的狀況，如果所有的狀況沒有辦法掌握清楚，那指揮中心就沒辦法做出正確的判斷。
陳時中更表示，所謂的查，是因為這跟程序不符，譬如說，發現一個無症狀者，那彰化縣是用什麼方法？這個無症狀者是如何被找出來的？這對指揮中心後續如何找尋無症狀感染者可以提供參考。但是首先，要先釐清手續和政策是否合規合矩，這是需要釐清的方向。
「只是大家爭議的是為何是政風處」？陳時中直言，政風處有一點被汙名化了。因為政風跟他們是不同體系，是一條鞭的。他們的管理和人員都不是他們派的，所以相對和他們沒有直接關係，因此公正性會比較好。
其次，陳時中更強調，政風還有在查行政違常的部分。有時候相關的主管單位，如果關係很親密，就不容易把事實弄清楚，這時就會請政風去了解一下。彰化的情形也是一樣，因為如果由他們去查，容易被影涉恐有吃案爭議發生，如果這時請政風協助，雖然會造成較大的壓力，但是他和同仁討論過後，認為重要的事實會清清楚楚展現出來，社會自然就有個公平。
陳時中坦言，這新聞一出來是「有一個居家檢疫的無症狀者被驗出來是陽性」。他就注意到，居家檢疫者是不能任意外出，檢疫者能外出就是覺得自己身體不舒服有就醫的必要時候，就須打1922跟衛生相關單位聯繫，由他們來安排就醫。既然是無症狀，怎會打1922或是通知衛生局來安排就醫？
陳時中更表示，這個病人並沒有違法。以目前情形來看，是彰化縣衛生局可能有個計畫，如果居家檢疫者願意的話，就安排採檢，但這過程就會產生很多問題。他之所以啟動政風調查，是因為事後當防疫單位去尋問來龍去脈，結果病人（指該確診少年）有回憶起來，兩天前有咳嗽。陳時中說，這句話是蠻嚴重的，但這位病人所言到底是不是事實、這會牽扯到究竟是無症狀還是有症狀的感染，這部分都還要再深入了解。
陳時中強調，這會讓他聯想到，之前第一波的疫調的時候都說是無症狀，那等到好像覺得程序有問題的時候，又開始說可能是有症狀，這種事情是會沒完沒了。所以他必須要讓事實呈現清楚。至於何時能查清楚，政風說5天，但他希望能更快。
</t>
  </si>
  <si>
    <t>北歐國家丹麥也難逃新冠肺炎的疫情肆虐，本周三公布累積病例數字，達到514例，代表在短短兩天之內，就暴增了10倍數量。衛生部長Magnus Heunicke說:這是歐洲前所未見的新冠肺炎疫情擴散速度。
丹麥政府宣布，從本周五(13日)起關閉各級學校兩周，包含所有室內文化機構、圖書館、休閒設施。托兒中心從下周一起也關閉兩周，並建議私人機構、協會及宗教團體一樣關閉兩周。針對醫院、療養院、其他醫療機構將實施更嚴格的限制。公部門非必要職位的職員，在未來幾天內將開始在家辦公。原本1000人以上的活動取消，現在改為100人以上的活動就必須取消。
丹麥是歐洲第2個對新冠肺炎的疫情實施封鎖的國家。</t>
  </si>
  <si>
    <t xml:space="preserve">新冠肺炎肆虐藝情攀升，日本持續傳出相關病例，旅居日本女星歐陽靖，日前在臉書透露日本機場檢疫鬆散，從大陸抵達日本機場的旅客，未經檢測可直接出關，沒想到此舉卻讓到日本旅遊的友人遭到網路霸凌，讓她深感抱歉。
歐陽靖臉書PO文透露，一名友人跟家人到日本熊本旅遊，沒想到才PO出旅遊照，就遭網友留言撻伐：「你怎麼可以不戴口罩」、「你怎麼敢出門玩」、「你回台灣小心被隔離」，對此該名友人表示搭飛機、大眾交通工具都有戴口罩，也有按規定洗手，只不過拍照脫下口罩就被公審，感到壓力非常大，更有網友引用歐陽靖分享在臉書的日本疫情數據供參考，讓歐陽靖感覺是自己煽動大家霸凌他，對此感到相當抱歉。
歐陽靖表示分享日本疫情，是希望台灣民眾別掉以輕心，未料造成部分網友這麼大的壓力，讓她對受到波及的人感到抱歉，也強調需要「施壓」的對象，應該是「身處疫情爆發地區卻沒做好自我保護的人」，至於一般民眾就請網友手下留情，畢竟「製造恐慌」並非好現象，至於近期是否適合去日本？她表示台灣接下來極有可能提升日本旅遊警戒，去之後不排除要被居家隔離14天，建議還是先緩緩比較好。
</t>
  </si>
  <si>
    <t xml:space="preserve">日本愛知縣的觀光旅館「富士見莊」宣布破產，成為日本首家因受新冠肺炎疫情影響宣布破產的旅館。
東京商工調查指出，位於愛知縣蒲郡市西浦溫泉的「富士見莊」設立於1956年，可眺望三河灣的景觀以及新鮮的魚貝類是其最大賣點，2005年的業績高達5億5千萬日圓（約台幣1億5千268萬元），但之後業績不振，2013年8月起資金調度困難問題開始浮現。
該旅館近年來靠大批大陸旅行團入住而維持營業，但2020年1月受到新冠肺炎疫情的影響，大陸觀光團相繼取消預約，又正值春節長假期間，對業績是一大打擊，由於旅館經營前途難料，於是決定營業至2月21日後，關門大吉。
旅館的資本額為9,600萬日圓（約台幣2千665萬元），至於負債有多少則還要清算。
</t>
  </si>
  <si>
    <t xml:space="preserve">國內近日頻出現外籍人士返國後確診，包括日本女留學生、泰籍移工、比利時工程師等人。這些案例在台灣及國外採檢結果兩樣情，引起民眾疑慮，但中央流行疫情指揮官陳時中仍認為台灣不用普篩。對此，名經紀人夏春湧忍不住痛批，陳時中真有種，敢用恐怖的疫情和台灣人開玩笑。
夏春湧在臉書上表示，不能不說陳時中有夠厲害，一個人就把台灣搞的「陰盛陽衰」，並質疑，「他到底是牙醫師？還是魔法師？」他指出，前段時間曾寫過一篇文章分析，並指陳時中就是讓817頂禮膜拜的「時神」。
夏春湧批評，「我不知道支持他說法的是不是腦子進水，我只能說他們的智商一定有問題」。他分析，一個讓全世界都束手無策的病毒，怎麼到了台灣就「陽」光不起來了？難道台灣是一個至「陰」之地嗎？難道台灣人的血液都是「陰」性的嗎？怎麼所有老外一到台灣都「陰」了一離開就「陽」了？老天啊！太神奇了！
夏春湧質疑，已經有多少專家學者一致建議台灣必須進行一次普篩，而蔡政府和陳時中卻抵死不從，難道他們有神功護體？並直言，「我只知道他們不願意讓蔡政府破功，更不想陳時中『被確診』！」用這麼恐怖的疫情和台灣人開玩笑，蔡政府真敢，陳時中真有種。對於他們利用疫情製造假象和幻想升官發財，夏春湧說，下場保證是「一場遊戲一場夢，一場新冠一場空」。
對於陳時中和政府的態度，夏春湧認為，老天有眼病毒無限，當第二波疫情爆發的時候，陳時中的「陰」謀就會露出馬腳，他的「陽」謀就會真相大白，到時候台灣就不會是「陰盛陽衰」了，而是「陽」光照耀我眼睛，病毒照耀我心靈，欺騙的故事太多，只有這個最「陰」，「時神」啊！你就剉著等吧！
</t>
  </si>
  <si>
    <t>新冠肺炎疫情延燒，對交通觀光業衝擊開出第一槍，台灣高鐵（2633）公布3月營收23.77億元，年減4成，月減13％，創下2010年10月以來新低；累計今年首季營收僅96億元，比去年同期衰退18.38％，單季營收6年新低，罕見跌破百億關卡。
受到疫情影響，國人出遊意願大減，台灣高鐵載客率明顯下滑，成為宅經濟發酵下的受累族群，3月營收23.77億元，較去年同期減少40.28％、也低於2月的27.33億元，為9年半新低。
累計第一季來看，台灣高鐵雖然接連有跨年、春節及228連假等節慶加持，原先市場看好營收有機會刷新單季新高，但卻因1月底新冠肺炎疫情爆發，商務、返鄉、旅遊需求同步縮減，導致載運量逐月減少，首季營收也驟降至96億元，比去年同期的117.62億元減少18.38％，為近6年單季新低，業績意外「旺季不旺」。
因應政府防疫政策，台灣高鐵4月清明連假期間採全車對號座，據了解，共計6天疏運期間共載運74.3萬人次旅客，售票幅度約達7成，且自18日起調整短期班表，周末離峰時段取消41班車次，勞動節連假也維持全車對號座車票販售。</t>
  </si>
  <si>
    <t>大立光釋出智慧型手機景氣不明的保守展望，再加上美國國民兵因鎮壓民眾，多人確診新冠肺炎疫情等的衝擊，台股11日多殺多啟動，終場重挫184.39點，所幸盤面上內需的零售通路、自行車、遊戲產業等個股抗跌，躍為盤面多頭交易重心。
德信證券自營部副總吳文彬說，新冠肺炎疫情雖然趨緩但未完全消失，近期美國再新增新冠肺炎的確診案例，主要是美國總統川普日前動員國民兵鎮暴民眾示威，但不幸卻傳出已多人確認感染新冠肺炎病毒，衝擊亞洲股市及美股電子期貨盤。
11日台股盤面上抗跌的有內需零售通路統一超，物流業者宅配通，遊戲股網龍及自行車產業股巨大、美利達等，隱形眼鏡品牌廠晶碩，其中巨大11日最高達274元，創波段高點，終場漲幅4.21％，美利達漲幅4.35％，自行車產業表現最整齊。
統一投顧董事長黎方國表示，新冠肺炎疫情改變民眾通勤習慣，自行車需求爆發，歐美政府為了減緩交通擁擠，鼓勵民眾騎乘自行車通勤，自行車熱潮今後兩年將存在於歐美中三大市場，台股自行車業者將迎來黃金時代，巨大及美利達業績水漲船高。</t>
  </si>
  <si>
    <t>大考中心12日證實，大學指定科目考試（指考）確定延期至7月3日～5日舉行，這是史上頭一回大學指考因疫情延期。另陸配子女「有條件」返台引發國人反彈，衛福部長陳時中12日宣佈，考量防疫周全與社會觀感，政策將轉彎，不准陸配子女入境。
中央流行疫情指揮中心12日表示，新冠肺炎（COVID-19）國內仍維持18名確診。據統計，部分民眾在居家檢疫期間未遵守規定外出亂跑，已有9人遭罰共62萬元；另有居家隔離者3人被罰26萬元，開罰總金額已達88萬元。指揮中心說，目前還有409位居家隔離者，1.8萬位居家檢疫者。
陸委會主委陳明通11日曾表示，收到很多台商、陸配陳情，政策決定只要符合「小孩未成年」、「大陸親人無力照顧」且「父母在台」者，就可申請專案返台。但不到24小時，陳時中宣布，考量疫情控制、保護國民健康、國人優先及社會觀感，撤回陸委會開放陸配子女入境措施。
陳時中說，這些陸配子女尚未取得本國國籍，而很多台商都還無法返台，且清明節將至，每日將會新增5千人要居家檢疫或隔離，14天就有7萬人，況且不時還有被隔離者會「趴趴走」，指揮中心擔心屆時社區管制量能不足，恐成防疫缺口。 陳時中強調，陸配子女出生時的國籍是可以選擇的，「既然當初已選擇了國籍，現在就必須承擔」，因此商請陸委會撤銷原決定。
另大考中心昨決定，把原訂7月1～3日舉辦指考延到7月3～5日舉行，主要考量周六、日學校不用上課，較容易借到場地。2003年SARS期間，指考僅取消部分科目非選擇題，減少人工閱卷，但並未延期考試。
至於菲律賓宣布菲國人禁赴中港澳台，影響菲籍移工來台及我國製造業人力調度。過去我國曾3度凍結菲勞來台，未來是否祭出凍結菲勞反制，勞長許銘春表示「還在評估中」，希望對方可釋出善意協調，否則可能會採取一些措施手段。</t>
  </si>
  <si>
    <t xml:space="preserve">台灣疫情仍嚴峻，全台三級警戒目前延長至6/28，當局也積極呼籲民眾端午別返鄉，平時非必要不要外出，餐飲業也全面停止內用，改外帶、外送或宅配，女星陸明君就在網路上看到許多知名大飯店甚至星級餐廳推出冷凍餐點，覺得經濟實惠想買回家，不料被富尪一句話點醒，讓她斷了訂購念頭，並對老公說：「真心敬佩你」。
陸明君在臉書發文，表示看見星級餐廳推出的冷凍餐點經濟實惠，讓她撿便宜主婦魂被燃起，就拿了菜單給老公點菜，沒想到老公看了沉默3秒後開口：「老婆，如果妳真的想幫助人的話，可不可以先選那些小本經營的店家，有財團撐住的一時半刻倒不了的，等疫情過後再去享用。先買那些小商家的吧！我們粗茶淡飯就好」。
老公一番話讓陸明君瞬間醒悟，對老公升起一股崇拜之心：「OMG!！老公我敬佩你！真心敬佩你」，坦言自己就只想到貪小便宜，「但你的智慧與憐憫在這麼小的心思上，讓我瞬間清醒！！謝謝你！有一顆溫暖的心」。
因為點餐事件，陸明君悟出道理「雖然我們能力不足但可以選擇有能力的做」，也在留言區歡迎網友們提供小本店家或小農店家名單，「讓我們知道，你需要幫助！！」，並且把名單分享出去，在疫情期間共體時艱，這個防疫生活中的夫妻日常，讓人感覺很有愛。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中央流行疫情指揮中心5月中旬時將全國升為三級警戒，其中在批發市場接連傳出群聚，並要求出現確定病例的市場營運應降載，行政院宣布7月27日起「降級不解封」，但農委會副主委黃金城今天表示，在7月27日的降級措施中不包括批發市場，仍要依「批發市場防疫管理措施建議指引」規定辦理。
但農委會提及，農委會輔導休閒農場、森林育樂教育場域、漁港垂釣區與娛樂漁船於落實防疫指引及安全管理前提下，提供國人安心防疫遊憩場域，增加國人戶外遊憩及紓壓放鬆選擇。
農委會提供休閒農場相關指引，要求入場實聯制、量體溫、全場及各別室內空間人流總量管制與社交距離維持、場域環境清潔消毒等，全場及室內人流管制分別降為承載量6成及5成，仍須注意勿邊走邊吃、公共淋浴或通舖住宿不開放，確保場域安全並避免造成傳播感染。
至於森林遊樂區部分，農委會說明，27日起開放部分自然步道、林道、17處國家森林遊樂區、3處平地森林園區、4處林業文化園區與台北植物園、福山植物園戶外場域，但包括阿里山林業鐵路、太平山蹦蹦車與烏來台車、山屋營地、通舖型住宿設施，自然教育中心、生態教育館、自然保護區域等場域仍不開放。
農委會指出，各類漁港垂釣區及娛樂漁業漁船將於27日起開放，漁港垂釣區採總量管制及單一出入口，依垂釣區範圍訂定最大容納人數且以100人為上限、以白天定時開放為原則、實施實聯制、全程禁止飲食及垂釣區定期清消；漁樂漁業漁船之搭載人員總數降載至乘客定額6成，實施實聯制、全程禁止飲食及每航次結束須全船設施與救生衣清消。</t>
  </si>
  <si>
    <t>中央流行疫情指揮中心表示，目前國內已累計9人出院，其餘病況穩定。指揮中心指揮官陳時中表示，為避免出院後復發，未來需3採陰才能解除隔離。
昨日國內新增8例疑似個案，目前累計通報2094個案，含34名確診(今日新增案33、34)、2037名排除，餘隔離檢驗中(18名初驗陰性、其餘待檢驗)。確診個案中，1名死亡、9名出院(案8、11、17於昨日出院)、其餘個案持續住院中。
針對案27相關群聚事件，指揮中心截至目前已掌握接觸者817人，並採檢182人，其中5人陽性(案28至32)、170人陰性，其餘檢驗中。另鑽石公主號返台國人中，2月25日後送1人，二採結果陰性，已返回集中檢疫所；其餘18人無疑似症狀，持續於集中檢疫所密切觀察健康情形。
依據大陸疾控中心通報及各省市區衛生健康委員會公布資料，大陸全部31省市區(不含港澳特別行政區)累計確診78824例，較前日新增327例，其中7952例重症，2788例死亡。
國際間累計4193例確診病例，分布49個國家/地區；病例數以韓國1766例、日本鑽石公主號687例(含本國籍5例)、義大利650例、伊朗245例及日本213例為多；病例中69例死亡，其中伊朗26例、義大利17例、韓國13例、鑽石公主號4例、日本4例、香港2例、法國2例、菲律賓1例。
指揮中心提醒民眾，應落實手部衛生並做好咳嗽禮節。自國外入境時，如有發燒、咳嗽等不適症狀，應主動通報機場及港口檢疫人員並配合防疫措施；返國後14天內如出現疑似症狀，可撥打免付費防疫專線1922(或0800-001922)依指示戴口罩儘速就醫，並請務必告知醫師旅遊史、職業別、接觸史及是否群聚(TOCC)，以及時診斷通報。</t>
  </si>
  <si>
    <t>好噁啊！伸港鎮中興路上中興運動公園附近的排水溝，浮著廢油、垃圾，散發惡臭，讓人走過都湧起一陣陣的嘔吐感，不禁質疑，新冠肺炎衝擊，環境都大消毒了，公園旁的排水溝卻塞成這樣，太恐怖了。
中興公園平常多人去運動，近日下雨，排水溝水位漲起，浮現髒汙的原形，讓許多深感無奈，「這就是我們生活的環境？」，只會噴灑消毒，排水的髒汙都不清，水溝堵了也不理，這樣的環境，就不會汙染嗎？
「這樣的水溝要清了吧！」賴清美表示，接到民眾抱怨，到現場一看，真得嚇一跳，排水溝近200公尺，應該是堵塞，最近又下雨，水位上漲，呼籲相關單位盡速處理，要是雨勢不停，溝水漲出來，溢流到路面、住家，豈不要大遭殃，衛生安全堪慮啊。</t>
  </si>
  <si>
    <t>桃園市長鄭文燦20日指出，國軍桃園總醫院發生院內感染事件，累積13人染疫，包括2加護病房護理師、2護理師親友（其中1人列案於新竹縣）、4病患和5看護。衛生局長王文彥強調最先確診的89歲病患是指標個案，曾在加護病房受2染疫護理師照料，轉到普通病房後釀同病房另3病患和5看護確診，疫情侷限在加護病房跟1病室，且目前其他人都陰性，會視全院採檢結果決定是否有必要全院清零，周二前停止門急診。
王文彥說，89歲病患（案14010）是最早出現症狀，她5月29日到6月11日，曾在加護病房由2位染疫護理師專責照料，11日轉到普通病房，和她同一個病房的另外3個病室3位病人和5個看護也於20日確診。
王文彥說，目前國軍桃園總醫院疫情侷限在加護病房跟1間病房，目前ICU採檢63人、病房採檢90餘人，結果都是陰性，已擴大到全院採檢，並針對6月11日後出院的病患也全部採檢，將視採檢結果，若有必要會全院清零，在報告出來前，該醫院停止門急診、病患只出不進。
王文彥也說，2位護理師，1位沒有症狀、1位在6月11日有發燒，但她8日打第一劑AZ疫苗，有可能是疫苗引起，發病日很難訂定，最早有症狀的是89歲病人，因此將最先確診的2護理師、護理師弟弟和89歲病人4個人都採血，從抗體調查染疫前後和之間的關係。
鄭文燦說，桃園新增16例確診個案，其中9個都是國軍桃園總醫院群聚事件，包括4病人、5看護都在同一個病房，804醫院群聚累積13人，市府全力協助疫調跟採檢，目前已經完成環境採檢，全院共1083位包括593位醫護人員跟490位行政人員全部採檢，病人加上陪病家屬302人也必須要採檢，之前已採檢280人，務必完成全院採檢計畫，出院病人也要追蹤。
「全部採檢是必要的！」鄭文燦說，醫院群聚感染一定要用最高標準處理，醫院防疫等級也要落實基本規範，他也宣布即起3天醫院降載、停止門診急診，務必醫院清零後才能恢復正常營運，北區指揮官黃玉成、加上桃園市衛生局團隊，會全力協助國軍桃園總醫院的院內感染事件。
鄭文燦也提到，大部分醫院有把看護列進優先接種範圍，因應這次有看護確診，已要求所有醫院，只要在醫院值勤的看護都要納入優先接種名單，強調第一類施打範圍本來就包括醫療院所的非醫事人員，雖然看護有流動性，但任何醫院的合約委外看護人員，一定要在值勤前完成接種，讓醫院保護力更強。
鄭文燦強調，病患已經實施入院前篩檢計畫，至於該起院內感染事件如何確認傳染路徑，是專業問題，相信中央流行疫情指揮中心會做專業判斷，市府會協助桃園總醫院，以最高、最嚴格標準，迅速防堵群聚感染事件。</t>
  </si>
  <si>
    <t>新冠肺炎疫情持續升溫，台南首廟天壇22日舉辦消災祈福法會，台南市長黃偉哲率局處首長、區長和30多家廟宇共同參與，面對25日開學在即，他強調，市府正與專家學者研商比中央更嚴格的停課標準，避免出現學校依規定上課，家長卻不敢讓小孩上學的窘境。
新冠肺炎來勢洶洶，天壇廟方人員12日向主祀神明「玉皇上帝」請示舉辦「消災祈禳大法會」，連獲9個聖筊，22日請出廟內供奉的「張天師」、「普化天尊」與「太乙真人」坐鎮，請來百年歷史的經文社員念誦3部經書，為社會祈福，祈求別讓疫情進入社區。
面對下周二開學，黃偉哲表示，幸好教育部決定延後2周開學，有充分準備防疫物資的時間，他說，中央有停課標準，但台南正在研商比中央更嚴格的停課標準，目前還是會先遵循中央標準，近日會盡快與防疫中心、校方、家長討論停課標準。
黃偉哲表示，俗話說「要人也要神」，除了努力盡人事也要聽天命，上天的保佑也是人民企盼，希望藉由法會讓大眾安心、期望疫情早日解除。</t>
  </si>
  <si>
    <t>一名在沙加緬度郡（Sacramento County）接受治療的索拉諾郡（Solano County）居民從未接觸新冠肺炎病患，但卻染病，可能成為第一宗人傳人的社區傳播病例。
據KTLA 5電視台26日報導，疾病管制與預防中心（CDC）周三宣布，加州公共衛生局（California Department of Public Health）證實，就目前所知，這名病患沒有經由旅遊，或是和新冠肺炎病患密切接觸，而暴露在遭病毒感染的危險下。
不過，加州公共衛生局強調，由於該州的健保系統很強，因此大眾感染新冠肺炎的風險很低。就在這項宣布前不久，美國總統川普指派副總統彭斯（Mike Pence），負責領導白宮防控新冠肺炎。
據川普說，美國對可能的威脅有十分、十分萬全的準備。不過、CDC已警告，美國確診病例達60宗後，社區傳染在美已無可避免，並呼籲企業和學校做好關閉的準備。而舊金山也宣布、為了防控新冠病毒，而進入緊急狀態。</t>
  </si>
  <si>
    <t>新冠肺炎病毒全球蔓延，中國境外確診個案大增。其中，伊朗，義大利，韓國等國新增確診病例以及死亡人數急劇上升，不少中東和歐洲國家亦因而出現首宗確診。
新冠肺炎有機會變成全球大流行，對於全球經濟前景的憂慮加劇，觸發全球股市回吐。美國疾控中心亦警告公眾須為肺炎疫情爆發做好準備，美國股市連續數天急跌，美國三大主要股市指數從歷史高位回落8％～9％。
除了疫情發展之外，投資者亦要留意左傾立場的桑德斯於2月22日以47.1％的壓倒性優勢，贏得在內華達州舉行的民主黨初選，而民主黨溫和派仍處於混戰。由於桑德斯政策是大幅增加政府支出，其選情正面的消息不利美股。短期重點將放在3月初的超級星期二初選結果。此外，美股之前漲幅較多，估值較高，於高位調整壓力相對較大。
美國經濟結構不算太受到疫情衝擊，加上聯準會或會推出措施穩定經濟，近期市場對聯準會降息預期亦有所升溫，因此演變成系統性風險的機會不大。由於美國經濟增長相對穩定，加上美國國債收益率進一步下跌至非常沒有吸引力的水平，美股經過近日大幅調整，預計部分資金將回流美股。類股方面，龍頭科技股回調10％，預期將會逐步有趁低吸納的買盤出現。
中國的數據顯示，肺炎疫情在浙江，江蘇和廣東等較發達地區的死亡率相對較小，可能是由於它們擁有較好的醫療資源。因此，如果疫情在全球蔓延，醫療資源不足，個人衛生水平較低，以及人口稠密的國家，風險較高。基於上述假設，落後的新興國家會受到病毒的打擊最大。再加上預計的經濟因疫情而放緩，新興國家經股市表現落後。相反，已發展國家所受的影響相對較小。
儘管過去幾天全球股市遭受嚴重的拋售壓力，但A股市場走勢變化不大，累積跌幅度非常溫和。滬深兩市每日合計成交額已經連續七天突破人民幣（下同）1兆元，市場成交非常活躍。
中國持續推出穩定經濟政策，向市場注入大量流動性，貨幣及財政政策趨向積極。加上中國疫情已經有改善的跡象（鍾南山表示有信心疫情在4月底基本受控），利多A股及中資股。由於中國國家主席習近平維持全年經濟增長目標，預計官方將繼續採取措施，使2020年下半年經濟增加速，有利A股。
隨著中國A股成功納入MSCI及富時羅素，滬深港通的北向交易2019年平均每日成交金額創新高，按年上升104％至417億元。A股走勢強勁，近日北向交易單升至近千億元成交金額。其中，60％的北向資金透過深股通，投資於深圳交易所上市的股票。實際上，深圳股市有更多的高成長公司，例如科技股和特斯拉概念股。相反，上交所以以傳統股主導，受經濟放緩影響，盈利增長缺乏動力。
港股近日跌幅溫和，明顯優於海外市場。然而，由於海外股市依然動盪，投資者可關注26,500點或之下區位。另外，澳門政府重開賭場，但因中國為防止疫情傳播，將謹慎的恢復跨省／跨境客流，因此預計2020年第一季澳門博彩收入將按年下降50％，第二季博彩收入仍可能受到疫情影響。</t>
  </si>
  <si>
    <t>國內再增2例境外移入，國際間新冠肺炎疫情不斷升溫，指揮中心發言人莊人祥今（20日）下午2時舉行記者會說明。
今天再增2例確診，指揮中心統計，國內累計611例確診，分別為519例境外移入，55例本土病例，36例敦睦艦隊及1例不明；另1例(案530)移除為空號。確診個案中7人死亡。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TOCC)，以供及時診斷通報。
指揮中心再次提醒，民眾應持續做好手部衛生與咳嗽禮節；外出若無法與他人保持社交距離，請全程佩戴口罩。自國外入境時，如有發燒、咳嗽等不適症狀，應主動通報機場及港口檢疫人員並配合防疫措施；返國後應落實居家檢疫，如出現疑似症狀，請務必聯繫衛生局或各縣市關懷中心，並依指示就醫，切勿搭乘大眾運輸工具；就醫時，請務必告知醫師旅遊史、職業別、接觸史及是否群聚(TOCC)，以供及時診斷通報。</t>
  </si>
  <si>
    <t>台灣本土疫情嚴峻，中央有意採購二期臨床試驗尚未解盲的國產疫苗，引發外界疑慮，台北市長柯文哲說，他支持台灣疫苗與本土生技產業，但感染已滲透整個北市，人流管制撐不了多久，建議購買國際認證疫苗擋一下比較好，至於還沒三期試驗就要人民接種，柯則酸「我們是醫學院教授，我們沒有辦法支持目前中央很多說法。」
北市府下午舉行防疫記者會，媒體問及台灣國產疫苗尚在第二期試驗階段，但中央似乎想加速通過緊急使用授權（EUA），彌補國內疫苗不足現況，也強調國外3大上市疫苗通過EUA時也都僅完成二期試驗。
柯文哲表示，這題過去一周已有諸多討論，是非對錯大家心理有數，他雖然支持台灣疫苗與本土生技產業，但疫情狀態與1年前不同，如今邊境的防線已破，病毒更從萬華向外延伸，滲透整個台北市，雖然市府花很大力氣，用停課停夜市等管制勉強維持現況，但要思考能撐多久？
柯認為，在疫苗尚未開打前，只要鬆懈確診數就會飆升，倘若國際上有可認證的疫苗，只要價格合理就可買來施打，先擋一下，趁疫情還在雙北肆虐前先行防堵，否則再過三周就會慢慢擴散到全台灣，與其搞到遍地烽火，不如在此階段盡可能滅火，才是正確做法。
話鋒一轉，柯也針對外界對國產疫苗的疑慮再嗆中央，「我很抱歉，我們還是科學家，我們還是醫學院的教授，我們實在是沒有辦法支持目前的中央很多說法。」也說政府不該只著眼在本土生計和疫苗產業上，畢竟疫情是整個台灣的問題，戰略邏輯要清楚。
至於基隆市長林右昌說，地方自購疫苗將造成貧富對立、撕裂社會一事，柯文哲則說「那如果這樣的話，中央趕快疫苗進來，看怎麼解決，我不想再討論了，是非對錯大家都有數。 」</t>
  </si>
  <si>
    <t>新冠肺炎本土疫情爆發後至今不見趨緩，台灣花卉產業受重傷，嘉義縣新港鄉是台灣洋桔梗主要產地之一，每年11到4月初出口到日本，4月後開始內銷，原先價格穩定，但本土疫情爆發後，需要花卉的活動停擺，花市價格重挫，每把（10枝）掉到2、30元，花農苦不堪言。
新港的洋桔梗海內外都聞名，每年冬天日本無法生產洋桔梗時，會從台灣進口洋桔梗，其中新港的洋桔梗約占出口2成，新港鄉農會供銷部主任陳銘仁指出，新港鄉的洋桔梗外銷採定價契作生產，風險由貿易商承擔，因此受疫情影響較少。
嘉義縣新港鄉花卉產銷班第6班班長也是花農的林惠振說，外銷部分4月出就已結束，換內銷接續上場，因國內所有活動幾乎停擺，花價掉到每把2、30元，一箱花約有10至12把，將成本、運費、紙箱等扣一扣，僅剩約50元勉強可以買一個便當。
林惠振種植約8分地的洋桔梗，預計下周要開始剪花，有人問他價格這麼差要不要考慮自己擺攤賣？林惠振苦笑，大約20天可以收1分地，可剪2萬6000枝左右的花，等於是2600把，這麼大量的花自己根本賣不了，且現在街上人也少了，還是必須送到花市拍賣。
洋桔梗苗價相對較高，且需4個月前預訂，林惠振坦言，當初沒人料到本土疫情會大爆發，產銷班現在約有26個班員，這個時節正在剪花的有7、8家，大家都苦不堪言，對花農來說，每把花價要130元以上才有獲利，現在的價錢大家都虧損很多。</t>
  </si>
  <si>
    <t xml:space="preserve">
受到新冠肺炎疫情衝擊經營狀況，全錄（Xerox）宣布撤回對個人電腦及印表機大廠惠普（HP）高達350億元（約新台幣1兆500億元）的收購案。
根據外媒《彭博社》的報導，隨著肺炎疫情帶來的不確定性增加，全錄將放棄收購惠普。這場自去年11月揭開序幕的350億元現金加股票敵意收購，終於畫下句點。雖然惠普在第一時間已經拒絕這項併購，但是一直沒讓全錄放棄併購的念頭，直到新冠肺炎疫情造成市場動盪，全錄在經濟條件上無法負擔此併購而喊停。
全錄指出，現有的市場環境條件對全錄持續推動HP公司的收購並沒有幫助，因此該將撤回收購HP的提議。全錄在聲明提到，兩家公司合併有長期財務和策略上的好處，數個月來的拖延已損及支持這項交易的HP股東利益，考量員工、客戶、合作夥伴及其他人的健康、安全、福祉及疫情因應措施下，決定中止這個計畫。
更多 CTWANT 報導
</t>
  </si>
  <si>
    <t xml:space="preserve">「到底有誰可以幫助我們這種小市民。」一名女子表示，日前老公有一點咳嗽，本以為是小感冒，但隔日起床出現發燒症狀，趕緊到醫院做快篩及PCR檢驗，結果都是陽性確診，入住集中檢疫所，解隔離返家前又再次做採檢，沒想到又是陽性確診，令她崩潰喊「為什麼已經確診的人，沒有檢查就放出來」。
該名女子昨（13）日於個人臉書指出，5月20日晚間，老公一回到家就透露自己有咳嗽狀況，當天在家全程戴口罩，但不認為染疫，只是單純感冒，未料，隔日一早起床，老公卻出現發高燒症狀，看了醫生仍未退燒，只好再到和平醫院快篩並做PCR檢驗，結果都是陽性，CT值高達16，顯示病毒量高、傳染力強，老公直接被送到集中檢疫所，女網友說，老公確診當下她不斷告訴自己要冷靜，並帶著婆婆一起去快篩及做PCR檢驗，還好結果都是陰性。
6月1日老公從檢疫所解隔離，但因為家裡有未滿1歲的寶寶，因此自費讓老公去防疫旅館進行10+7隔離，為求謹慎，返家前讓老公再去採檢一次，快篩結果為陰性，但PCR結果仍未出爐，老公返家後，她透露自己每天像柯南般觀察老公身體狀況，全家戰戰兢兢地戴著口罩、避免接觸。
又過了幾天，晚間她催促老公主動利用「健保快譯通」App查看檢驗結果，沒想到又是陽性確診，且CT值26，當天晚上老公又住進集中檢疫所，全家人也再次進行14天居家隔離，令她崩潰大喊「為什麼已經確診的人，沒有檢查就放出來，不知道有多少人跟我老公一樣的狀況」，若是沒有檢查到處跑，這些病毒可能就在身邊，「對我們全家來說，真的是一個夢魘，到底有誰可以幫助我們這種小市民」？
最後她呼籲，10天解隔離的病患，應該都要再採檢，這對台灣來說都是防疫破口，希望生活可以快點恢復正常，讓大家能夠平安健康。
對此，中央流行疫情指揮中心之專家諮詢小組召集人張上淳回應，過去因為大量個案的關係，有做因應的調整，那這些調整裡面，都會根據國外的經驗、實際資料及實際做法，做適當調整，輕症去集中檢疫所或加強型的旅館裡，10天以後就回家做7天的居家隔離，所以有一個10+7。
張上淳說，根據過去的經驗17天後，是不再具有傳染力，因此17天後民眾有某些因素，自行做採檢，還不是完全陰性的狀況，專家認為基本上是不具有傳染力，很像過去復陽的個案，那復陽就不用擔心會具有傳染的狀況，那地方政府發現陽性的狀況，處理模式可能還沒有完全一致，所以還是有接觸者需要居家隔離，今天專家們傾向後17天後，比較不需要擔心還會被傳染的問題，但同時也會收集更多實證的資料，讓民眾更放心，目前暫時結論10+7不需要再做採檢，若還是去做採檢結果為陽性，是不用太擔心。
★《中時新聞網》提醒您：因應新冠肺炎疫情，疾管署持續加強疫情監測與邊境管制措施， 如有疑似症狀，請撥打：1922專線，或 0800-001922， 並依指示配戴口罩儘速就醫，同時主動告知醫師旅遊史及接觸史，以利及時診斷及通報。
</t>
  </si>
  <si>
    <t xml:space="preserve">日本又一男星確診！傑尼斯男團「關8」成員橫山裕，因出現喉嚨疼痛症狀，且發燒到ˇ38度，檢測後確認染新冠肺炎，而2位經紀人也都是陽性，所幸其他4名成員成員檢測結果是陰性。
去年9月「關8」成員大倉忠義率先確診，沒想到現又有第2位成員染疫，橫山裕3日上午發燒到38度，且出現喉嚨疼痛症狀，經檢測後確定中鏢，公司也緊急安排其他人篩檢，結果2位經紀人也被傳染，呈現陽性反應。
而他5天前才出席日本跨年盛會《紅白歌唱大賽》，當時參與的還有不少大咖歌手，如福山雅治、米希亞、動漫歌姬LiSA等，還有參加自家跨年演唱會，接觸不少藝人，疫情是否擴大，也備受外界關注。
其實，去年下半年開始，傑尼斯就不斷傳出疫情，「NEWS」加藤成亮、小山慶一郎、「Hey!Say!JUMP」伊野尾慧等都曾確診，經紀公司多次消毒，仍無法阻止旗下藝人中鏢。
</t>
  </si>
  <si>
    <t>板橋確診個案，基因定序為Delta！新北市某日照中心今緊急通知所有學員、家屬，有訊息指出，新北市長侯友宜指示「板橋區有確診個案的基因定序結果是Delta」，因應疫情升溫，決議板橋日照服務暫停14天，要求學員盡量不要外出。
由於當初侯友宜曾指示，新北只要有一例Delta，餐飲內用就取消，新北市內用恐於今天取消；另外公有場館包括運動中心、藝文場館等，都將同步宣布關閉。
新北市衛生局表示，無法證實內容，由於侯友宜今日下午前往該社區視察清空情形，相關資訊由市長統一說明。</t>
  </si>
  <si>
    <t xml:space="preserve">台灣本土疫情爆發，疫苗成為全民熱門議題，藝人哈孝遠（小哈）的空服員太太「瑄瑄」近日接種疫苗，透露施打後的身體變化，坦言疼痛感直逼「剖腹產的傷口痛」。
哈孝遠2018年迎娶漂亮的空姐妻「瑄瑄」，夫妻倆育有一子，樂於在社群平台分享家庭生活，羨煞不少網友。瑄瑄3日PO注射疫苗的心路歷程，接種的品牌為莫德納，她表示已經打完一個禮拜，每天都很專注的觀察自己有沒有任何症狀，第一天低燒37.3度，第二天手超級痛，她形容感覺很像「有種剖腹產的傷口痛」，哈孝遠還不小心拍到正在疼痛的手，讓瑄瑄理智線險斷，「我一秒腳差點往他肚子踹下去！」
至於外界提到的強烈飢餓感，瑄瑄沒有明顯感受到，「好像還好耶，我頂多吃了六顆水煎包。」文末，她不忘向辛苦的醫護人員致謝，「歲月靜好，不過是有人替你負重前行，謝謝第一線的醫護人員，辛苦了。」
由於近期開放孕婦施打疫苗，瑄瑄被網友猜測該不會肚皮再度有喜？根據《YAHOO新聞》報導，瑄瑄表示自己是空服員，在公司安排下施打莫德納疫苗，七月底將再完成第二劑接種。打完疫苗後，瑄瑄更覺得嫁對人了，雖然哈孝遠不慎打痛她的手，但三天包辦所有家事及照顧小孩，還幫她洗澡，因為手痛到抬不起來，種種貼心的暖舉像是重新認識丈夫。
★《中時新聞網》提醒您：因應新冠肺炎疫情，疾管署持續加強疫情監測與邊境管制措施， 如有疑似症狀，請撥打：1922專線，或 0800-001922， 並依指示配戴口罩儘速就醫，同時主動告知醫師旅遊史及接觸史，以利及時診斷及通報。
</t>
  </si>
  <si>
    <t>新冠肺炎的疫情繼續擴散，特別是中國大陸以外地區，感染人數呈跳躍式增加。上周美國疫情惡化，紐約州宣布進入緊急狀態，另外歐洲義大利情況也更加嚴峻，已經大規模封鎖疫區。除中國以外，目前全球受波及國家正好是100國，確診人數也突破10萬人，涵蓋地區與感染人數遠遠超過2003年的SARS，成為本世紀以來全球面臨的最大挑戰。
目前疫情仍在升溫，尚未達到高峰，但對全球經濟影響已經加深。中國大陸首當其衝，不但出口下滑，消費減緩，經濟成長率不斷下修。更嚴重的是由於中國大陸是全球製造基地，全球供應鏈已經產生缺口，並衝擊到其他國家。新冠肺炎雖會加速跨國企業移出中國大陸，但並非短期就可到位；眼前如何彌補供應鏈漏洞，才是燃眉之急。
新冠肺炎對全球經濟已產生重大影響。原先預估今年全球經濟成長率有機會達到3%以上；但是在疫情爆發之後，成長率已下修至約2.5%，若疫情仍繼續蔓延，今年能否保住2%，都有很大的不確定性。
新冠肺炎疫情也造成全球股匯市大幅震盪，由於對經濟前景悲觀，美國聯準會上周在臨時會已經降息0.5%，而上次緊急降息是在2008年雷曼兄弟破產，未來預估仍會持續降息。美國經濟雖然近年來表現不錯，但由於受到疫情影響，已出現一些警訊。另外疫情已擴散至紐約州，未來若是波及到全球最大金融市場紐約市，對全球的衝擊更難以想像。
近年義大利經濟表現不佳，金融體質更差，在疫情衝擊下更是雪上加霜，連帶影響歐盟的成長。目前歐盟的主要國家，如德國及法國，也受疫情所困，可能自顧不暇，未來歐元區的動向值得關注。
各國陸續推出一些提振經濟措施，但似乎止不住經濟下跌頹勢。各國方案大致分為以下四類，第一是防止疫情擴散措施，包括調度防疫用品，以及穩定民生物價。第二是針對直接受疫情影響的產業，例如運輸，零售，餐飲及旅館等，提供短期、直接類似現金的補助。第三則是針對其他受衝擊產業，提供支援產業經營或促進出口等措施。第四則由降息及減稅等措施著手，以改善營運的總體環境。
無論採取何種方式，主要是提升消費及產業信心。因為疫情減緩遙遙無期，經濟成長下滑而使消費者荷包縮水，再加上擔心受到感染，消費意願大幅降低。廠商則是考量供過於求，不願意增加生產及投資，而使提振措施成效大打折扣。
景氣提振措施可使經濟活動熱絡，但疫情上升的風險也因而提高，所以也必須有所權衡；此與以往因應金融風暴，可以放手去做的情境有所不同。惟有在疫情可以明確控制，市場信心逐漸恢復下，全球經濟才有可能止跌回升。（作者為中華經濟研究院區域發展研究中心主任）</t>
  </si>
  <si>
    <t>衛福部上周三大動作召開記者會公開招募新冠疫苗的臨床試驗受試者，遭外界質疑有帶頭違法之虞，立法委員蔣萬安今在衛環委員會質詢時指出，食藥署曾明文規範臨床試驗受試者的招募原則，需經人體試驗委員會核可後才能刊登，且不得用記者會、社群媒體、製作圖表廣發民眾的方式宣傳，亦不能用設立報名截止日告知民眾欲報速，從以免向隅，根本是帶頭遊走法律邊緣。
蔣萬安指出，上周三的記者會中，衛福部不但宣布招募人體試驗受試者平台上線，還製作圖表「因為有您，疫苗有譜」的文宣放上社群媒體廣發，有明顯的廣告嫌疑，且人體試驗受試者平台上，還設有達標人數的倒數計時器，全數文宣內容都未提及進行人體試驗的危險性與風險。
蔣萬安表示，過去衛福部曾函文表示，相關的人體臨床試驗招募，必須經過人體試驗委員會核准後才能開始，且招募廣告不得具「受試者將可獲得免費醫療或費用補助」等內容，也不能用「名額有限」、「即將截止」或「立即聯繫」，「以免向隅」等文字，也不能用含有強制引誘鼓勵性質的圖表、圖片或符號。
蔣萬安批評，但上周的衛福部記者會卻帶頭遊走法律邊緣，未來若業者也比照辦理，先設立受試者招募平台網站，再結合引誘性的圖表、文宣，亂象恐會頻傳，對此衛福部次長薛瑞元解釋，上周所公布的受試者平台並不是「招募」受試者，只是先詢問民眾的「意向」平台，已利後續藥廠開發疫苗的受試者招募。
薛瑞元強調，新冠肺炎已是危及全世界的公共衛生議題，有開發疫苗的迫切需求，因此必須用個案來討論，若就上周的記者會內容，目前大致上都合乎法規，但若委員對平台上揭露的累積登記人數有意見，可以再檢討。</t>
  </si>
  <si>
    <t xml:space="preserve">政務委員唐鳳榮登疫情期間「好評影響力排行」第一名，勝過衛福部長陳時中，在此次台灣防疫中扮演舉足輕重角色。曾與唐同台直播的台大碩士楊涵婷表示，其有別傳統政治人物的謙沖自牧、誠懇細膩當時便震撼了自己，而造就了「天才唐鳳」的唐家尤令人無比震撼。
楊涵婷甫拿到台大國家發展研究所碩士，上月中旬即受國家展望文教基金會彭百顯董事長、「全彩」論壇領銜人學者吳統雄之邀，與唐鳳就言論自由、資訊流通、反假訊息、媒體自律與社會責任議題，進行直播對談。楊也以個人研究社會經濟學和經營社群平台的觀察，向唐提出相關問題。
楊涵婷回憶，這場活動開始前，團隊光行前會議就開了兩次，整整從下午三點一路談到晚上九點。彭百顯與吳統雄除了討論活動進程更針砭時政，還構思出促進台灣與周邊政權維持穩定和平的概念。「我永遠不會忘記！」楊表示，這足見團隊對與唐鳳對談的重視，也令他懷著緊張忐忑的心情。
實際互動，楊涵婷卻被唐鳳的談吐態度所顛覆。楊直言：「唐鳳政委相當有禮貌，我在訪談中由於過度緊張忘記用敬稱，但他卻從頭到尾都用『您』來稱呼大家。」楊更坦言：「政委出乎政治人物常理的細心解答我們的疑問，在我某個靈光一閃的提問中，他竟然回我近600多字，我覺得相當感動！」
此外，楊涵婷感嘆，當自己面對擁有「天才IT大臣」、「世界百大天才頭腦」種種盛譽頭銜及跨性別、反文憑身份的唐鳳，其實內心無比震撼，而這種震撼是帶著欽佩與羨慕的。想起自己小時候曾做網頁，父母卻連仔細看都沒有就一味誤會、指責他是在玩電動，最終甚至沒收了網路數據機——若不是唐家的自由民主，可能世上根本不會有「天才唐鳳」！此般自由民主的家風讓生長在傳統框架的孩子望塵莫及，多少自由奔放的靈魂早已被食古不化所抹殺？
在防疫讓唐鳳走上「神壇」的同時，楊涵婷盼以親身經歷，帶大眾以不一樣的視角去看「唐鳳」；也以與其互動的心得，對台灣長久的家庭、教育價值觀提出省思：「我外公受日本教育嚴謹有條影響頗深，連帶我家人也理所當然認為『就該是這樣』，但看到唐鳳在自由民主的家庭仍可將自己打造得如此優異，難道真的有什麼一定是對的嗎？」
</t>
  </si>
  <si>
    <t>新冠肺炎疫情持續升溫，為維護校園安全，東海大學即日起謝絕訪客入校，校方指出，除每日固定進出的廠商外，洽公者必須先由校內窗口提出申請，此外，路思義教堂的主日崇拜活動也改採網路直播方式舉辦。
東海大學指出，疫情急速擴散，校方因應疫情變化，除配合政府防疫、也考慮師生健康，即日起謝絕訪客進入、實施期限將視疫情發展再決定，而因假日常有民眾到東海校園遊憩、散步或運動，有感於遊客身分追蹤不易，呼籲民眾改到公園休憩或運動。
除謝絕一般訪客進入校園，東海強調，與學校合作的廠商暫不在限制內，另若是民眾有洽公需求者，必須先由校內相關單位聯繫並提出申請，藉此防堵防疫漏洞。
東海大學的路思義教堂相關活動也改變方式與半，校方說，路思義教堂從本月29日開始將停止進入教堂聚會，主日崇拜活動改為主日當天上午10點、以網路直播方式舉行，這項措施目前預定實施至4月26日，之後將視疫情發展情況評估是否延續。
中興大學則表示，目前尚未針對訪客部分進行管制，因學校屬於開放式校園設計、出入口多，在控管上難度較高。</t>
  </si>
  <si>
    <t xml:space="preserve">由於擔心疫情在全球迅速蔓延，美國股市反彈乏力，道指和標普500指數再度收跌。根據摩根士丹利資本國際(MSCI)全球股指表現，全球股市市值在過去四個交易日內蒸發3.3兆美元。
大陸境內新增新冠肺炎感染病例數量首次被全球其他國家和地區超越。亞洲報告了數百個新增病例，巴西證實了拉丁美洲的第一例感染，這種新病毒也蔓延到了巴基斯坦、希臘和阿爾及利亞。全球食品集團雀巢暫停所有商務旅行，直到3月15日。
美國衛生當局迄今已處理了59個病例，其中大部分是從一艘在日本隔離數日的郵輪上撤回的美國人。但是總統川普指責經常批評他的有線電視頻道「用盡渾身解數讓(新冠肺炎疫情)看起來盡可能的糟，包括令市場恐慌。」
目前已有約8萬人確診感染新冠肺炎，近2,800人死亡，其中絕大多數在大陸。雖然嚴格的隔離措施有助於減緩疫情在大陸的傳播速度，但在全球其他地方傳播速度正在加快。
世界衛生組織(WHO)表示，大陸週二報告了412例新增病例，而其他37個國家報告了459例。
然而，世衛組織總幹事譚德賽週三在日內瓦建議各國外交官不要隨意使用「大流行」一詞，世衛組織對該詞的定義為一種全球範圍傳播的新疾病。
譚德賽表示：「隨意地使用『大流行』這個詞沒有任何實際的好處，但它在放大不必要的、不合理的恐懼和恥辱感，以及導致系統癱瘓方面確有顯著的風險，這也可能意味著我們無法再控制病毒，但實際上我們是可以控制住病毒的。」他指出，「這也可能意味著我們無法再控制病毒，但事實並非如此。」
</t>
  </si>
  <si>
    <t>斯洛伐克總理彼得·佩萊格里尼(Peter Pellegrini)，上周末因為上呼吸道感染，伴有高燒症狀，緊急住院。斯洛伐克2月29日即將舉行國會選舉，佩萊格里尼這幾天原本安排了滿檔的競選行程，包含電視辯論會，都不得已取消，他說:「重要時刻身體背叛了我。」
即便位於東歐的斯洛伐克至今尚未傳出任何新冠肺炎的案例，但上週義大利一夕之間暴增了超過200起病例，難免引人聯想總理的病情是否跟新冠肺炎有關係。
佩萊格里尼在他的個人臉書上澄清，他已經好一段時間身體不舒服，只是剛好現在病倒了。負責治療總理的醫院，則未對他的病情有任何說明。
佩萊格里尼所屬的社會民主黨(SME)表示，雖然不確定總理何時會出院，但一定會盡快回到岡位上，全力競選連任。社會民主黨本屆的選情並不樂觀，無獨有偶，社會民主黨的黨主席里斯·科拉爾鮑(Boris Kollár)也因積勞成疾，上周住院至今。</t>
  </si>
  <si>
    <t xml:space="preserve">
雙北確診個案要破百了，外界關心是否短時間內要封城控制？陳時中表示，每個階段要實施的措施要多強，不是越強越好，太強就撐不久，就會提早潰堤，怎樣叫做最適當，要考慮很多場合的情況。
國外實施各種情況可以參考，像是直接封城，會造成民眾和政府的對抗，反而不利於全民防疫。聚會人流減少，聚會減少，口罩戴好，公共措施是有效的，很多國家人民不願意配合所以才需要這麼嚴格，台灣的人民配合是好的，昨天中午宣布後，其實整理街上人流就變少了，八大也已經停了。
陳時中重申，防疫大家的責任都有，個人防疫新生活也要做好，假訊息不要傳播，聚會不要參加，公共衛生是有效的手段。</t>
  </si>
  <si>
    <t>近來新冠肺炎肆虐，劉德華（華仔）的「My Love Andy Lau World Tour」世界巡迴演唱會，12日透過官網、臉書、微博及IG宣布，原定在3、4、5月分別將在上海、廣州、北京舉辦共9場演唱會全數延期；華仔上月已宣布香港紅館12場演唱會皆取消，日前再宣布武漢3場演唱會也取消，加上將延期的場次，此套巡演已因疫情影響高達24場演出。
華仔所屬的台灣映藝表示，「有新的消息會在官方平台通知，祈禱疫情早日受到控制、治療，恢復健康、正常生活。謝謝。」而主辦單位也提到，具體演出時間將根據實際情況另行通知，「因延期造成的不便，我們向每一位受到影響的歌迷朋友們深表歉意，感謝各位朋友的理解、支持」，至於已經購票的粉絲也可以選擇保留訂單、退票，相關細節請留意各官方購票平台。
第一時間公布
台灣映藝先前曾證實，華仔已申請到今年台北小巨蛋檔期，外傳是5月底共2周開唱，預計唱4場演出，亦是他暌違7年，第3度攻蛋，屆時將會引起一股搶票熱潮，不過是否會受到新冠肺炎的影響？台灣映藝表示：「任何有確定的消息我們會第一時間在官網，社交平台公布，也會通知大家，謝謝。」</t>
  </si>
  <si>
    <t>中颱烟花行徑詭異且龜速，也打亂了大家的許多因應準備，其中也包括了疫苗施打作業，今（23）日上午有一些宜蘭縣民陸陸續續前往溪北、溪南兩個疫苗接種中心要施打疫苗，到了現場才得知因為颱風因素暫停施打兩天，相當生氣，抱怨政府怎麼沒有做好通知，讓他們淋雨白跑一趟。
今天上午9點不到，就開始有民眾陸陸續續冒雨走到設在宜蘭運動公園的宜蘭縣溪北疫苗接種中心，卻發現大門深鎖，也沒有工作人員，還是經由記者告知，這才知道今天沒有安排施打作業，有人想轉往診所施打，但有提供疫苗施打服務的診所早就預約額滿，想要臨時要安排施打疫苗根本排不到。
一名撐著雨傘，在雨中走了半個小時才抵達溪北疫苗接種中心的婦人說，她的接種順序排在第十類，第一次因為忘記時間沒有預約，第二次接到通知時就趕快預約，沒想到要打疫苗時接種中心卻沒開，大吃一驚的婦人說自己完全不知道，還問記者說「是因為颱風的關係嗎」？
另一名年輕的女子則是特別請假要施打疫苗，結果卻因為遇到颱風導致疫苗施打作業延期，感覺「有一點不方便」。
一名年約60多歲的中年男子發現今天疫苗接種中心沒開，頓時滿臉不高興，抱怨說政府都沒有個別通知，讓他在下雨天特別跑一趟，結果卻撲了個空，當然感覺很麻煩、很不便民。
而宜蘭縣政府衛生局則是一上午詢問電話接不完，不斷接到民眾的詢問電話，衛生局長徐迺維也出面致歉並表示，因為颱風的路徑變化莫測，基於安全考量，施打疫苗作業做了調整，縣府之前先後透過第四台、臉書、通訊群組、發布新聞等方式告知縣民，也有發簡訊通知，但仍有民眾沒有收到簡訊，這一點內部要再做檢討，也有可能是子女代為預約接種疫苗，但在接到延期通知時沒有轉告父母，但無論如何，對於撲空的民眾他深表歉意，徐迺維也安撫民眾說，這兩天預約的民眾名單都有記錄，中央將會再發通知。</t>
  </si>
  <si>
    <t xml:space="preserve">澳洲墨爾本封城2周後疫情趨緩，11日正式解封，不過仍維持室外須戴口罩等規定，專家表示，沒有證據顯示應該強制民眾在室外也戴上口罩，認為風會吹散病毒，只有近距離聊天時才要戴上口罩。
澳洲維多利亞州在出現源自於印度的變種病毒「Kappa」後，於5月底開始封城，封城措施奏效，維多利亞州睽違3周，於11日首度通報0確診，首府墨爾本同日也宣布解封，鬆綁外出限制，官方原本預告室外可免戴口罩，不過隔天政策大翻轉，要求民眾在戶外仍得戴口罩。
墨爾本《世紀報》（The Age）報導，政府仍強制民眾外出戴口罩的規定令部份專家不解，與世界衛生組織（WHO）合作的國際空氣品質與健康實驗室（International Laboratory for Air Quality and Health）主任莫菈絲卡（Lidia Morawska）表示，「在我看來沒有理由在室外也要戴口罩。」
「沒有證據顯示病毒在開放空間會造成感染風險」，她說，「在我看來，要求在戶外所有地方都戴上口罩是有點誤導了，人們因為覺得沒意義而不遵守規定。」
她認為戶外應該戴上口罩的時機是不能維持社交距離時，例如講話或是排隊。
對此，維州衛生首長沙頓（Brett Sutton）指出，戴口罩仍是非常重要的干預措施，因為民眾一天到晚進出室內、室外，很難判斷其他人距離有多近，他也強調，病毒在戶外也會傳播。
維州政府4月發布的一份研究報告指出，戴口罩是讓維州走出第2波新冠疫情的最有效防疫措施，官員指出，雖然病毒在戶外傳播的機率比在室內低很多，但是全球確實看到戶外也有超級傳播事件的案例。
不過關於室內、戶外戴口罩的見解，專家看法相當不同，報導指出，有證據顯示新冠病毒在戶外的傳播力比在室內低很多，因為在傳染給人之前，風會先吹散病毒微，維州當局也預估，第2波疫情中，只有5%病例是透過戶外傳播，愛爾蘭政府今年4月公布的數據則顯示，戶外感染的佔比甚至只有0.1%。
澳洲拉籌伯大學流行病學副教授瓦利（Hassan Vally）表示，病毒在戶外的傳播力降低了20倍，他指出，當社區病例很少時，要求戶外戴口罩就是一個好處很少的措施。
不過澳洲餐飲業協會（Restaurant and Catering Industry Association）執行長蘭柏特（Wes Lambert）表示，要求戶外戴口罩的最重要訊息就是提醒民眾仍有新冠風險。
</t>
  </si>
  <si>
    <t xml:space="preserve">衛福部長陳時中昨10日在立院備詢時坦承，AZ疫苗原廠曾找過台灣代工生產疫苗，但因「有人不太喜歡這樣子」，且AZ希望台灣至少代工3億劑，我方則希望代工1億劑，故最終破局。前立委林濁水分析，現在台灣防疫被切成3個部分，行政院長蘇貞昌負責紓困，陳時中負責防疫行政，至於疫苗的部分似乎沒人負責。
對於合作破局原因，陳時中解釋，不是我們不願意，而是一方面「有人不太喜歡這樣子」，另方面對方要求的數量，對台灣而言是有困難，會把整個生產線都佔滿，尤其台灣又沒這麼大的消耗量。
陳時中更說，談到最後，台灣是希望幫忙AZ代工1億劑，但對方希望至少3億劑，「我們覺得有困難，所以雙方最後在條件上沒談成。」
林濁水12日在臉書上表示，現在看來，台灣的防疫作戰被切成三塊，由三方各司其權：「紓困─蘇貞昌；防疫行政─陳時中；疫苗─？？？」，他還給出原因，「外國運來疫苗，陳時中到貨在飛機上才被告知；談代工，『有人不喜歡』⋯」。
林濁水指出，既然如此，如今在野黨猛轟陳時中要為疫苗短缺下台，從憲法明文規定看沒有錯，但是從實質的權力運作上，依有權有責，權責相符精神看，就複雜了。
網友們也留言回應，「沒有疫苗的政府將崩潰」、「華航諾富特這鍋，執政黨也是一直甩。在野黨也樂得見縫插針大亂鬥」、「四塊─還有一塊是網路作戰」、「都沒發現時中開始說真話？受不了了？」。
林濁水還在另一篇貼文中指出，這真奇怪，聯亞可以都可製造到8億劑了，陳時中為什麼說代工3億AZ台灣沒有能量只願做1億，以致於破局。然後現在疫苗缺到恐怖？陳時中又說有人不喜歡這案子，陳時中在訴苦嗎？如果是，那麼為什麼這個連人氣王陳時中都擋不住？
</t>
  </si>
  <si>
    <t>日前粵港澳三地曾打算共同推動跨境「健康碼」，來讓需要再三地流動的商務人士免於14日隔離檢疫，香港食物及衞生局日前透露已大致完成，但今早又傳出變數。
香港食物及衞生局副秘書長陳偉基表示，粵港澳三地政府共同商討的政策框架已草擬完畢，但目前因疫情未完全受控，粵港澳政府處理跨境認證要非常小心。陳偉基還提到目前還沒到完全開放的時候。
香港立法會一個小組委員會在今早審議的幾條因應防疫而推行的附屬法條，有議員關注跨境互認「健康碼」的籌備進度，陳偉基回應，目前粵港澳政府要非常小心、謹慎控制人流，否則疫情防控可能會出現漏洞；他強調，框架雖商量好，但還「未到完全開放」的時候。
有議員提到健康碼申請收費高昂的問題，稱消息指1000港元以上才能進行檢測，陳表示，香港的核酸檢測化驗費用比澳門及大陸高昂，但認為當市場需求會增加，競爭也會加大，屆時價錢有機會下調。
該議員又要求港府放寬防疫措施，食物及衞生局副局長徐德義回應，因應本港疫情的發展，過去推行的防疫措施目前正逐步放寬。</t>
  </si>
  <si>
    <t xml:space="preserve">據《廣州日報》報導，廣州已不只連續19日實現零新增新冠肺炎確診病例，7月8日上午最後6名確診患者從廣州醫科大學附屬市八醫院出院後，本波廣州發生的新冠疫情所有感染病患已全部治癒，實現清零。更重要的是，在這波疫情至今，無一例死亡，廣州醫療部門完成了罕見的防疫績效。
廣州自5月以來爆發新一波新冠肺炎疫情，此次疫情以Delta病毒株為主，這種變異病毒傳播力強、發病快、重症率高、死亡率高，在全球造成新冠疫情大流行以來最嚴重的災難，目前仍持續困擾到上上百個國家。
《廣州日報》報導稱，今天上午，根據大陸國家衛生健康委新型冠狀病毒肺炎診療方案的出院標準，經專家評估，又有6名確診患者從廣州醫科大學附屬市八醫院出院。隨之，廣州本輪本地疫情在新增確診者連續第19日清零後，住院感染者亦全部治癒出現，實現感染者清零！
截至今天，廣州市本波新冠肺炎本土感染者累計報告153例，本地感染者均為廣州廣州醫科大學附屬市八醫院收治。由於本輪疫情病毒傳播速度相對較快，有基礎疾病的老年病例較多，在院危重症患者數一度達10例之多，但最終無一人死亡。
</t>
  </si>
  <si>
    <t>世界行動通訊大會（MWC）24日將如期舉行，惟新冠肺炎攪局，包括英特爾、亞馬遜及愛立信等國際大廠紛紛宣布退展後，台灣兩大廠商聯發科（2454）與中華電（2412）11日也雙雙退出，法人認為，現階段復工情況比展覽更為重要。
往年MWC展不但是非蘋陣營大秀肌肉的舞台，更是通訊科技領域的風向球，惟今年受到疫情干擾風光不再，萬寶投顧董事長朱成志認為，儘管各大廠商不參加MWC展，投資人也無需過度解讀，因現階段復工狀況相比規格更為重要，若陸廠能夠順利復工，後續新品各自發表對公司營運影響並不大。
朱成志指出，新冠肺炎疫情高峰其實已過，從兩大數據觀察，其一，非湖北地區確診人數持續下滑，其二，確診新增病例呈現波動下降，因次預期大陸復工狀況只會越來越好，電子股將回歸基本面。
儘管MWC在全球大廠紛紛退出後，規模急縮，相關個股題材熱度不再，但非蘋陣營包括三星、華為、小米、OPPO等大廠在內，上半年的新機仍將陸續發表，相關供應鏈包括聯發科、華通、敦泰、臻鼎-KY、晶技等台廠供應鏈仍有望受惠，11日股價同步出現強勁走勢。</t>
  </si>
  <si>
    <t xml:space="preserve">
衛福部長陳時中13日公布，國內新增4例境外移入COVID-19確定病例，分別自印度（1例）、印尼（3例）入境。
指揮中心表示，案840為印度籍30多歲男性，去（2020）年12月18日來台工作，持有搭機前三日內檢驗陰性報告，入境後至防疫旅館居家檢疫，迄今無症狀；個案今（2021）年1月2日檢疫期滿後，於住處自主健康管理至1月8日，因公司要求，1月11日至醫院自費採檢，於今日確診。已掌握個案接觸者共一人，列居家隔離。
案841、案842、案843均為印尼籍男性漁工，年齡介於20多歲至30多歲，分別於去年12月27日及12月30日來台工作，皆持有搭機前三日內檢驗陰性報告，入境後分別至防疫旅館與集中檢疫所檢疫，迄今均無症狀。其中案841及842於今年1月11日檢疫期滿後，搭乘專車至醫院自費採檢；案843則於1月12日進行檢疫期滿前採檢，三人均於今日確診。已掌握案841及842之同車接觸者共五人，因有適當防護，列自主健康管理；案843因無症狀，且檢疫期間未與他人接觸，故無匡列接觸者。</t>
  </si>
  <si>
    <t xml:space="preserve">新冠肺炎疫情未歇，疫苗被視為推動解封的希望，而對於沒有透過大中華地區代理商上海復星醫藥購買，指揮官陳時中表示，是BNT主動聯繫。對此，藥師林士峰認為，陳時中要繞過大中華區總代理上海復興，和德國原廠下單，還是買得到疫苗，但此舉屬於特殊需求，通常要加價處理，他更忍不住直言，為了意識形態被加價，陳時中還不被老闆電爆？
林士峰今(21日)在臉書上對商業模式進行分析指出，假如我們自己去日本搬戴森吸塵器回國自用，這是零售的行爲，損及國內代理商的利益，如果買到了機王，通常不是搬回日本享受保固，或者是加錢，請國內的代理自費修理。假如我們自己去日本搬戴森吸塵器回國自用，這個是零售的行爲，這個損及國內代理商的利益，如果買到了機王，通常不是搬回日本享受保固，或者是加錢，請國內的代理自費修理。
接著，林士峰表示，陳時中意圖繞過大中華地區的代理商，跟德國原廠商下單購買疫苗，這樣有可能會損及上海復星的利益，而且這個不是自用，自然屬於批發行爲，通常加錢，「想繞過代理買，算是特殊需求，特殊需求通常需要加價處理」，而最後應該還是買的到。
不過，林士峰也說，可是時中部長，如果您是私人企業的採購，爲了意識型態被加價，「老闆還不電爆你.....」。
網友們也留言回應，「以後誰敢跟你這個中華民國談生意，凡事我想怎樣就怎樣。還真以為Taiwan NO.1」、「哈哈，真的覺得他被推上神壇就是為了到時可以拿來背鍋專用的，大家的炮火都在轟他然後真正搞事的另有其人」「大費周章的目的是省錢，但我們呢？」
</t>
  </si>
  <si>
    <t>因應新冠肺炎疫情升高，台灣陷入第二波歐美境外移入案例的危機，彰化縣衛生局超前部署，率先全國宣布19日起全縣住宿式長照、日間照護、身障機構等102家機構，全面禁止探視，避免疫病傳播風險。
提供視訊 讓親友相見
彰化縣傳染病防治流行疫情指揮中心針對「高風險場所感染控制及健康管理」超前部署，特別針對縣內各類住宿式長照機構，辦理機構分艙、分流教育訓練課程，並建議機構提供視訊方式供家屬或親友探視。
彰化縣衛生局長葉彥伯表示，國內新冠肺炎病例已破百例，歐美亞洲的疫情入侵來勢洶洶，目前國外已傳出多起長照機構群聚事件；長照機構的住民多為失能合併慢性病長者，屬罹患重症或死亡之高風險族群，必須嚴防群聚事件發生。
但若有特殊探視需求，且經機構評估確有需要，需提供健保卡、身分證，確認14天內無國外旅遊史、且無傳染風險之虞，仍可入內探視。
特殊需求 評估後放行
珍瑩老人養護中心董事長林亮暉指出，疫情爆發初期，就限制每天最多只受理2位院民家屬親友申請預約探視，最多可2人前來，需全程戴口罩、消毒並量測體溫，在通風的公共區域會客，時間30分鐘。中心照服員、護理師都配有公務手機，不論臥床或坐輪椅院民，都很方便與親友交談，已提早宣導，相信他們都能接受。
彰化縣內住宿式長照機構包括老人福利機構50家、護理之家40家、衛生福利部及退輔會所屬機構4家及產後護理之家8家，共102家，工作人員數3371人及住民6608人，總計9979人。</t>
  </si>
  <si>
    <t>受新冠肺炎影響，各家業者都在想方設法讓產能運作順利，其中PCB鑽針廠尖點科技（8021）表示，除了成立「防疫應變小組」，積極投入防疫作業以外，目前台灣廠部份產能全開，全力支援大陸地區需求。
由於尖點在大陸生產據點為江蘇、河北、廣東、四川，配合大陸地區各所在地政府機關發布之規定，復工時間不一。唯復工初期因員工返崗人數不足，產能利用率偏低，三月份是否能恢復正常，取決於疫情受控程度。
尖點一月受到農曆春節工作天數減少以及新冠肺炎疫情影響，一月營收2.02億元，較上月減少30.5％，較去年同期減少20.6％。累計2019年營收達30.06億元，較前年減少8.4％，不過尖點聚焦收斂策略一段時間，調整長期營運表現不彰之子公司規模，雖然營收規模下降，但減虧效益確保了獲利表現，去年第三季毛利率為32.7％，是自2016年以來首度回到30％以上的毛利水準，分別較第二季及前年同期增加6.4及4.2個百分點。
因應5G時代來臨，由於5G技術所需的高頻率也為PCB製程帶來挑戰，尖點已推出一系列應用於5G領域的鑽針，對應5G產品使用的基板具高頻、厚板、高層數等特性，以提供客戶更好的加工精度及孔壁品質需求。</t>
  </si>
  <si>
    <t>對比美國新冠肺炎疫持續升溫，大陸官方26日則高調宣布，武漢在院的患者已經「歸零」，且境外輸入確診病例已有近6成治癒出院。不過，眼下黑龍江綏芬河市疫情仍舊嚴峻，官方已要求市民非必要不得離市；而面對五一連假將至，也有多地政府祭出「限行令」，要求校園師生不得赴外地旅行。
大陸國家衛健委26日發布消息指，湖北25日無新增確診病例，且新增11例治癒出院病例，無新增死亡病例。衛健委新聞發言人米鋒在同日下午國務院聯防聯控機制記者會上稱，經過武漢和全國援鄂醫務人員的共同努力，今日武漢所有在院新冠肺炎患者已歸零。
綏城設置市內碼 限制移動
但武漢疫情的趨緩並不代表危機解除，當前面臨疫情境外輸入威脅的黑龍江綏芬河市，在26日發布通告要求綏芬河市按照中風險地區管理，全城畫定重點管控區，嚴格實行「九嚴一保」管控措施，並且市內人員將單獨設置「市內碼」，以限制市民離市造成疫情擴散。
風景區恐人潮多 嚴加防範
公告指，若綏芬河市民遇特殊情況需出市，須向出城檢疫站出示3日內核酸檢驗陰性的證明，且離開後必須在目的地實施14天集中隔離醫學觀察，並進行2次核酸檢驗。
另外為因應「五一連假」，大陸也有多地區要求校園師生不得到外地旅遊，還有一部份地區宣布五一假期期間學生不放假。如安徽省淮北市教育局在24日發布通告提到，為嚴格管疫情，要求所有市內師生在五一及端午連假不得出市旅遊。宣布五一不放假的地區則有浙江杭州和安徽馬鞍山市等。
今年大陸五一假期長達5日，按日前清明連假的經驗看來，各大旅遊風景區仍可能聚集龐大人潮，須嚴加防範。</t>
  </si>
  <si>
    <t xml:space="preserve">新冠肺炎疫情持續升溫，醫療人員的工作量也遽增，有網友貼出醫療人員的便當，同時對比了日前武漢台商包機返台後的便當，這讓她忍不住感嘆，「到底是醫院便當太可憐還是隔離所便當太豐盛」。
原PO在《Dcard》發文表示，之前看到武漢返台台商在抱怨隔離所的便當，於是就請男友傳了醫院的員工便當。沒想到照片一傳過來，讓她震驚不已，餐盒裡的白飯不但沒有裝滿，主菜一塊肉擺在其中一小格子，另外還有少量配菜。原PO留言，「為我男友醫院的員工感到難過，據說他們男生根本吃不飽，還得抽空到樓下全家覓食」。
原PO更拿了日前武漢台商在隔離所的便當與男友的便當來做比較，「到底是醫院便當太可憐還是隔離所便當太豐盛」。原PO還補充，據說原本一個70塊漲到80塊，而且男友絕對沒有把主菜拿掉。她也不忘請大家能夠稍微體諒吃不飽還要上戰場抗疫的醫護人員。
</t>
  </si>
  <si>
    <t>美國疾病管制及預防中心（CDC）主任瓦倫斯基周16日警告，美國過去一周確診病例增加7成，而病歿人數則上升26％，部分疫苗接種率低的地區疫情復燃。
瓦倫斯基表示，新冠變種病毒Delta仍持續在低接種率地區傳播，沒接種疫苗，就面臨染疫風險。白宮疫情協調員齊茨指出，全美過去一周逾40％新症來自阿肯色州、佛羅里達州、路易斯安那州、密蘇里州及內華達州，而上述地區疫苗接種率偏低。
自6月22日起，美國新增確診人數增加兩倍以上，48州疫情升溫，病歿人數亦同時攀升，估計已陷入第4波疫情。美國16日通報單日新增逾7萬4000例確診，比前一天突然飆升近3倍，創4月中以來新高。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疫情延燒，新北市藍色公路受到嚴重衝擊，整體運量銳減8成以上，每天營業額不到2000元，台北航運公司不堪虧損，已向新北市府申請取消平日航班，僅留假日航班，若疫情持續延燒，恐引發骨牌效應。新北市交通局表示，將全力協助業者紓困。
新北淡水河藍色公路目前總計有8條路線，由5家業者經營，以淡水地區航點最多、最密集。但新冠肺炎疫情爆發，加上鑽石公主號郵輪事件，民眾出遊意願大減，淡水老街受到波及人潮銳減，連帶影響在淡水碼頭、漁人碼頭經營的船運業者，但為了航線營運權，即使搭船人少，還是要硬著頭皮出航。
台北航運副理蔡凱瑞說，台航主要負責營運淡水老街到漁人碼頭航線，平日一小時一班，一天來回有14班，假日則增加到每30分鐘一班，一天來回約有26班。
蔡凱瑞說，大概2月開始人潮就大幅度衰退，人數跟去年同期比，約少了8成以上，甚至有時一天開下來，營業額還不到2000元，連成本都不夠，真的快要撐不下去。
蔡凱瑞指出，已向新北市交通局申請暫停平日航線，只留周五、六、日等3天，雖停駛平日航線，但淡水碼頭跟漁人碼頭的相關規費，每個月還是要10幾萬，希望政府單位能夠協助減免，或提供其他紓困方案。
新北市交通局運輸管理科長林詩欽指出，上周收到台北航運申請，已同意業者申請，若有需要協助紓困，市府將會全力協助。</t>
  </si>
  <si>
    <t xml:space="preserve">國民黨主席選戰昨（25日）結束，孫文學校總校長張亞中在這次黨魁選舉拿下6萬多票，得票率32.59%，張亞中以「黃花崗革命剛剛結束」來形容自己的心情，經過一夜沉澱，他今天前往醫院施打BNT疫苗，並說明為何自己接受BNT疫苗的原因，以及下一步動向。
張亞中今（26日）接受媒體聯訪表示，本來他在7月初可以打莫德納，但是自己沒有打原因是因在5月底時，自己接受大陸友人跟台商捐贈台灣500萬劑BNT疫苗和500萬劑的大陸國藥給政府，並向政府申請，過程中遭到阻擾，等到7月初時，政府仍未回應，而自己基於負責任的態度，就沒去打莫德納，直到8月，遭到政府的拒絕後，事情就告一段落了。張稱，一直到前幾天的時候，政府有規定德國的BNT可以開始登記施打，自己便去登記，今天接受施打。
為何選擇BNT疫苗，張亞中稱，對他而言，只要是有國際授權的疫苗，自己都願意去打，但是像高端這種沒有經過國際認證的，沒有經過三期整個實驗完成的，這種沒有經過科學認證的東西，自己是不會去打的，並強調，只要是經過國際認證，包括莫德納或是BNT，自己都願意去接種。
對於記者詢問支持者喊要退黨支持，並期望他能成立新政黨，張亞中直言，自己參選國民黨目的就是要救國家和兩岸，不會為了個人利益而另成立新政黨，滿足自己的慾望。他所希望的是國民黨能變得更壯大，所以在這個前提之下，自己才來救黨，期望救黨之後救國，因此不會另成立新的政黨，他會留在國民黨內，希望跟有志之士一起捍衛「我們應該捍衛的價值」。
</t>
  </si>
  <si>
    <t>新加坡新冠肺炎疫情緊張，22日中午總確診人數破萬大關，來到10141例。新加坡總理李顯龍宣布「軟封城令」延長到6月1日。除此之外，因為疫情關係從22日開始關閉飲料店、甜點店及點心店。消息一出讓當地人崩潰，許多人紛紛趕在店關門前手刀衝去買最後一杯珍奶。新加坡總理夫人何晶先是在臉書上轉發了一則有關「軟封城令」延長的感嘆，本來只需再忍14天，變成還要多等41天的心情，她再轉發蛋糕店停店的消息，2則「壞消息」令人看了既莞爾又想哭。
新加坡原先從4/7起到5/4實施為期28天的阻斷措施（Circuit Breaker），類似封城。總理李顯龍21日宣布將這項阻斷措施再延長一個月到6/1止，暫時關閉更多工作場所，減少從事必要服務行業人員外出，進一步限制人潮較多地點的人流。除此之外，因為疫情關係從22日開始關閉飲料店、甜點店及點心店。
消息一出讓當地人崩潰，許多人紛紛趕在店關門前手刀衝去買最後一杯珍奶，甚至還因為排隊人潮太多，至少要等上半小時的時間，甚至疑似因為等餐等太久而爆肢體衝突。
新加坡總理夫人何晶也在臉書上轉發別人寫了有關封城令延長的感嘆，「昨天睡前剩14天，今天睡醒還有41天」，14與41的數字剛好是十位數與個位數顛倒過來，po文者似乎帶點無奈，許多網友看了也回應「我要哭了」、「太經典了，我喜歡！哈哈哈」、「會不會我們得習慣了這樣的居家生活？還一直無法擺脫？」、「昨天只不過是一場夢，今天才是現實的」、「41天很快就會又變成剩14天的，jiayou(加油)」。這也表達出了民眾期盼「解封」的一天快點到來，不然大家待在家裡都快憋到瘋了。
何晶也轉發22日起飲料店、蛋糕店、甜點店及點心店等須關閉的消息，許多網友也驚呼回應「有吃蛋糕才能讓我恢復理智呀！哭哭」、「只好自己在家做甜點了」還有不少人貼出製作點心的食譜教學影片。
到底新加坡人有多熱愛喝珍奶？吃甜食？何晶過去就常在臉書上發文轉發珍奶的文章，其中一篇更是提到，新加坡人喜愛珍奶到願意花時間排隊，即使等了半小時才買到珍奶也不怨尤。</t>
  </si>
  <si>
    <t>國立成功大學結合產官學界，10日宣布在沙崙智慧產業創新園區組成創新聯盟，受邀與會的行政院副院長陳其邁，羨慕沙崙智慧產業園區有成大提供頂尖研發能量，是發展「大南方計畫」的核心，未來將帶領台灣邁向工業4.0時代的關鍵。
朝向綠能智慧科技前進
歸仁區沙崙部落原先在前台南市長賴清德規畫為「沙崙綠能園區」，在蔡英文總統啟動「大南方計畫」後，一舉升級成「沙崙智慧產業園區」，以成功大學提供學術領域。
成大校長蘇慧貞10日宣布成立「沙崙智慧產業創新聯盟」，包括中研院、工研院、交大學術單位進駐，提供技術與學術研究，發展智慧醫療、綠能減碳與智慧運輸，目標是成為領導亞洲的綠能智慧科技實驗場域。其中，智慧醫療已經在此次新冠肺炎防疫中展現成果。
台南市長黃偉哲稱，沙崙智慧園區早在2016年即已定位，是蔡英文「大南方計畫」中最接近成熟的方案，未來將成為南台灣的動能引擎，還會設置台南會展中心、三井outlet等生活機能單位，是塊星光熠熠的土地。
陳其邁羨慕台南市有學術基礎雄厚的成大提供創新研發能量，還稱讚成大主導的沙崙智慧產業創新聯盟，是「大南方計畫」的核心，未來將帶領台灣走向工業4.0時代。
陳其邁參觀示範版方艙
陳其邁在會後參觀成大自主研發的示範版方艙醫院，每個病房都有標準的隔離措施，他稱台灣已20多天無本土案例，成大研發的方艙醫院更符合傳染病者的隔離空間，但希望台灣不要用到。</t>
  </si>
  <si>
    <t>日本13日新冠肺炎（COVID-19）單日確診數首度突破2萬例，「雅虎新聞」（Yahoo! News）報導，東京都醫師協會會長尾崎治夫13日表示，日本許多醫療單位已陷入緊繃狀態，且全國大多數行政區域的疫情仍在升溫，因此呼籲政府應向全日本統一發布「緊急事態宣言」。
尾崎治夫在13日下午2時（台灣時間下午1時）的記者會中表示，目前不僅僅是以東京都為中心的首都圈、以大阪為中心的近畿圈、福岡、北海道、沖繩等熱點，疫情已擴散到日本全境，47個都道府縣的有效再生數（Effective reproductive number，即Rt值）幾乎都大於1，代表疫情只會愈演愈烈。
且日本醫療單位目前不僅要處理大量新冠肺炎或其他疾病的患者，還要繼續維持疫苗接種等必要作業，已陷入「緊繃」狀態。因此尾崎治夫認為，政府可能需要從全國的角度展開防疫對策，有必要全面發布「緊急事態宣言」。若無法辦到，則應讓目前大量出現重症病患的40多歲和50多歲民眾優先接種疫苗，並鼓勵採用遠距離工作等模式，減少人與人之間的接觸。
尾崎治夫強調，近期日本民眾對防疫政策的反應冷淡，然而根據去年4月第一波疫情的經驗，抑制人流對控制疫情來說是必要的，因此呼籲政府修改對策，進一步向民眾強調Delta變種病毒的危險之處。
「日本放送協會」（NHK）報導，日本13日共有20293人確診，是疫情爆發以來首次全國單日確診數突破2萬，其中東京都便有5773人，第二名則是同屬首都圈的神奈川縣，有2281人確診。</t>
  </si>
  <si>
    <t xml:space="preserve">
新冠肺炎（COVID-19）疫情延燒，北市某知名酒店昨（8 日）驚傳一名女公關確診，且出現發燒、流鼻水症狀症狀後仍持續上班，衛生局上門稽查感染源時，竟發現酒店內仍有不少客人，北市府府副發言人戴于文事後緊急回應表示，已針對接觸者後續的居家隔離進行協助，同時依照完善的防疫SOP進行消毒，但仍引起網友討論。
據了解，這名女公關疑似出現症狀前有到酒店上班，確診後衛生局前往酒店稽查時，現場許多酒客見狀問發生什麼事，得知有女公關確診，當場臉色大變走人。據「自由時報」報導，這位確診女公關所屬的經紀公司，橫跨北市10家以上酒店，如果消息屬實，北市酒店業恐遭受嚴重打擊。
就有鄉民在ptt發文表示，感覺這是高級酒店所屬的小姐，其實要找出這位酒店小姐的接觸史很簡單，因為店家為了小姐出事，只要客人帶小姐出場都會留下個資，點過她坐檯的人「一定有記錄」。
另一名鄉民透露「酒店食物鏈」：酒店經紀─酒店小姐—恩客」（企業主、老闆、CEO、業務）」，台灣很多企業都在酒店喬事情，看多少間公司開始改在家裡辦公，大概可知端倪。
</t>
  </si>
  <si>
    <t xml:space="preserve">
英國一名106歲的女子，在與新冠肺炎抗爭2次後，感覺「比以往任何時候都健康」，她透露自己的長壽秘訣就是「全脂牛奶和威士忌」。
根據《每日郵報》報導，住在默西賽德郡（Merseyside）聖海倫（St Helen’s）伊莉莎白閣護理院（Elizabeth Court Care Home）的瑪麗·尼科爾森（Mary Nicholson），經歷了2次世界大戰和3次流感大流行，近日更2度戰勝新冠肺炎，慶祝了她的106歲生日。
瑪麗在新年前夜被檢測出Covid-19陽性，但她表示，在12日生日前及時克服病毒後，她感覺比「以往任何時候都健康」。她透露，她的長壽秘訣是喝全脂牛奶、奶油，同時還喜歡在晚上喝一小杯威士忌。
瑪麗出生於1915年1月12日，正值第一次世界大戰期間，她經歷了2次世界大戰和1918年、1957年及1968年的流感。她在5歲時失去了母親，5年後又失去了父親，生活十分艱難。她的父親曾作為軍醫入伍，卻被毒氣毒死，回到英國後不久就去世了。
近日，瑪麗再次戰勝了新冠肺炎後，迎來了她的106歲生日。她表示「雖然還是有點咳嗽，但我感覺好多了，在因病毒而被隔離之後還能夠慶祝，我感到非常高興，同時也迫不及待和家人見面。我愛他們所有的人，他們對我來說就是全世界。」瑪麗一直沒有結婚生子，且由於新冠肺炎的限制，她無法與家人見面，但她說她很期待在新冠肺炎結束後與家人一起慶祝。
瑪麗今年68歲的侄女吉恩˙漢弗理斯（Jean Humphreys）形容她「非常獨立」，同時也很幽默、很有愛心，「她的生活並不輕鬆，她這麼年輕就失去雙親，還經歷了戰爭。但她堅持不懈，努力工作，她每天都在激勵著我。」吉恩透露，瑪麗在家裡一直住到102歲，她一個人生活，非常獨立。
照顧瑪麗的工作人員簡恩（Jane）提到，瑪麗在第一次染疫時，他們以為要失去她了，好在她二次感染又康復後，才親眼見證她的身體很棒，「她是一個戰士，我想她的家人也會同意我的看法，她一生都是這樣的。」簡恩問瑪麗「你106歲的秘訣是什麼？」瑪麗回答「一直保持警惕」，簡恩則笑虧她「沒有男人和美食就是妳的秘訣，不是嗎？」
更多 CTWANT 報導
</t>
  </si>
  <si>
    <t xml:space="preserve">美國新冠肺炎疫情再度邁向可怕里程碑，死亡人數於昨（18）日突破25萬人，新冠死亡時間快轉，每1分鐘就有至少1人喪命，疫情嚴峻的德州艾爾帕索（El Paso）還得動用10台冷藏貨車充當行動停屍間，讓囚犯充當屍體搬運工。
美國有線電視新聞網（CNN）報導，美國於昨日再度創下新紀錄，新冠死亡人數在短短10個月內突破25萬人，根據美國約翰霍普金斯大學（Johns Hopkins University）全球疫情統計，自2月29日華盛頓州通報首例死亡案例以來，至今全美已經有250,426人喪命，超過1,151萬人染疫。
17日美國新增1,707例死亡案例，刷新6個月以來新紀錄，CNN指出，現在新冠病毒每1分鐘至少奪走1條美國人性命。
不過喬治華盛頓大學（George Washington University）教授芮納（Jonathan Reiner）表示，情況只會變得更糟，「昨天我們看到的可怕新冠死亡數字反映的只是3周以前的染疫數字」，他說2至3周以前平均每日新增7萬至8萬例，前一天則新增約15.5萬新病例，所以現在一天新增1,700人喪命，代表3周後單日死亡人數可能會上升至3,000人。
位於美國與墨西哥邊界的德州艾爾帕索郡是目前全美疫情最嚴峻的地區之一，據當地政府官網統計，艾爾帕索至今約有7.7萬人染疫、804人喪命，其中約1,000人住院，英國廣播公司（BBC）報導，艾爾帕索新冠病患爆量，醫院負荷能力已達上限，部分患者必須運送到其他城市治療。
當地的停屍間也不夠放，當地政府已經調來10台冷藏貨車充當「行動停屍間」，就停在法醫辦公室外頭，上周已經處理超過150具遺體。
此外，不只空間不夠，人手也不足，艾爾帕索郡轉而向當地囚犯請求支援，穿著黑白條紋外衣的囚犯也被拍到用拖車搬運遺體、將遺體放上冷藏貨車的畫面。
當地官員表示，這些囚犯都是罪刑較輕的犯人，他們都是自願幫忙，每小時獲得2美元（約新台幣57元）補助，而且有提供他們防護措施。艾爾帕索法官莎瑪尼哥（Samaniego）無奈表示「沒有其他選擇了」。
CNN指出，幾乎每一個州都走在錯誤方向，上周，高達47個州每天新增超過10%新病例，只有夏威夷州新增病例數持續下降。
美國國家過敏與傳染病研究院（NIAID）主任佛奇（Anthony Fauci）昨日接受BBC專訪時表示，「美國在非常危險的時期走在錯誤方向」，他呼籲民眾要加倍注意公共衛生措施，包括戴口罩、保持社交距離、遠離人群。
</t>
  </si>
  <si>
    <t xml:space="preserve">小編精選《中國時報》5件不可不知大事，帶讀者掌握今天（17日）新聞重點。
【1】回國14天內發燒 就要採驗
新冠肺炎（COVID-19）疫情日益嚴峻，台灣更出現社區感染首例，中央流行疫情指揮中心指揮官陳時中表示，即起擴大採檢標準，民眾只要從國外回來，不限任何國家，14天內出現發燒、呼吸道症狀，符合特定情況的肺炎病例，就必須要接受採檢。
【2】遊客路線曝光 接觸者應自主管理
遭多國拒絕入境的漂流郵輪「威士特丹號」曾在2月4日停靠高雄港，中央流行疫情指揮中心昨天公布該船的旅遊路線，呼籲當天曾前往九號碼頭、香蕉碼頭、高雄美術館等7地的民眾應14天自主健康管理，若18日前有發燒、肺炎等症狀者，應盡速就醫檢查。
【3】武漢醫院研究 病毒不會經眼結膜傳染
大陸國家衛健委專家組成員王廣發1月赴武漢工作後，確診新冠肺炎，有懷疑病毒透過眼結膜進入。對此，武漢大學人民醫院研究團隊發表論文，分析63名確診患者及4名疑似患者的結膜拭子樣本，發現僅有1名確診患者呈陽性反應。論文指，目前並無臨床證據顯示病毒可通過眼結膜途徑傳播。
【4】開學日忙防疫 校方戒慎恐懼
高中以下學校開學日從2月11日延至25日，大型學校校長表示，開學後學生進校門要先量額溫，很擔心一早校門口大排長龍，影響第一節上課；幼兒園園長也說，依規定小朋友發燒、咳嗽就要隔離，然後請家長帶回，但若家長短時間無法到校，怎麼辦？
【5】飯店破盤價 快來占便宜
新冠肺炎疫情衝擊旅遊信心，少了國際客源挹注，飯店住房率腰斬，於是轉向爭取國旅市場，破盤價一個接著一個來。國人過往總會有「出國玩比在國內玩還便宜」的抱怨，但如今半價、甚至3折以下的好飯店俯拾皆是，就換我們來占一下飯店的便宜吧！
</t>
  </si>
  <si>
    <t xml:space="preserve">新冠肺炎疫期延燒，影響各行各業層面甚廣，已有跨國營養品公司推出線上教學，邀請國內外專家，開辦免費線上營養講座。營養師表示，皮膚和黏膜是人體的第一道防線，均衡攝取4大營養素，可降低疾病發生機率，提升全民健康。
因應疫情，美商賀寶芙將原訂的萬人年度會員大會延期，並將重點轉向線上教學，民眾可免費參加。賀寶芙營養師林若君表示，皮膚和黏膜是人體第一道、也是最大的防護體，皮膚、呼吸道以及腸道則是抵抗病原的最前線，將直接影響疾病發生機率，因此平時照顧好免疫系統，對傳染病防禦尤其重要。林若君建議民眾，均衡攝取下列4大營養素，可提升自體防護力。
1、 維它命A、C、D、E、β-胡蘿蔔素和鋅：
維它命A和β-胡蘿蔔素能維護眼睛、鼻子、口腔、肺及胃腸道各處的黏膜健康，鞏固免疫系統的第一道防線；維它命C、E則幫助維持細胞膜和呼吸道黏膜組織的完整性，以阻擋外來病菌；維它命D的含量會影響呼吸道感染的機率；而攝取足量的鋅有助皮膚和黏膜的生成。
2、 優質蛋白質：
免疫系統需要蛋白質才能正常運作，不僅是構成身體細胞、白血球和抗體的主要成份，也是修補受損組織、黏膜修復和維持免疫機能的主角。
3、 益生菌：
免疫系統有70%是在腸道，補充益生菌有助於調整腸道生態，保護腸道黏膜，進而提升自我保護力。
4、 綠茶：
茶葉能幫助身體免疫系統，對抗感冒病毒、抑制病菌。其中以綠茶的兒茶素含量最高，兒茶素能夠覆蓋在突起的粘膜細胞上，防止病毒和粘膜結合。
2月22日的線上講座「認識新冠病毒加強防疫」，將邀請台大食品科技研究所所長潘敏雄、賀寶芙榮譽科學長Steven Henig 博士，期望藉由講師們在飲食保健與疾病預防領域的專業知識，幫助民眾更有效提升自我免疫保護力。
</t>
  </si>
  <si>
    <t>新冠肺炎本土疫情未歇，國內繼連2日低於百例後，今日再新增104名本土個案，無境外移入。確診個案中新增24例死亡。指揮官陳時中說，今日病例數比前2天多，但是整體的趨勢往好的地方走。
今日新增的104例本土病例，為45例男性、59例女性，年齡介於未滿5歲至80多歲，發病日介於今年6月10日至6月22日。個案分佈以新北市45例最多，其次為台北市22例，高雄市及新竹縣各9例，桃園市7例，苗栗縣4例，基隆市3例，宜蘭縣2例，彰化縣、南投縣及屏東縣各1例。其中雙北地區以外縣市37例中，28例為已知感染源，5例關聯不明，4例疫調中；相關疫情調查持續進行中。
至於今日新增的24例死亡個案，為男性15位、女性9位，年齡介於40多歲至80多歲，發病日介於4月11日至6月14日，確診日介於4月13日至6月16日，死亡日介於6月13日至6月21日。
這波本土疫情（5月11日至6月21日）共累計公布1萬2879名確診個案，當中已有9041人解除隔離，解隔離人數達確診人數70.2%。
去年至今，國內共累計1萬4260例確診個案，分別為1166例境外移入，1萬3041例本土病例，36例敦睦艦隊、2例航空器感染、1例不明及14例調查中；新增1例空號病例(案14228)，累計101例移除為空號自
國內至今累計599例死亡病例，其中591例本土，個案居住縣市分布為新北市301例、臺北市235例、基隆市19例、桃園市15例、彰化縣9例、臺中市4例、宜蘭縣及新竹縣各2例，臺東縣、雲林縣、高雄市及花蓮縣各1例；另8例為境外移入。
指揮中心呼籲民眾，應落實手部衛生、咳嗽禮節及佩戴口罩等個人防護措施，減少不必要移動、活動或集會，避免出入人多擁擠的場所，或高感染傳播風險場域，並主動積極配合各項防疫措施，共同嚴守社區防線。
對於今日本土個案再次破百，陳時中表示，和端午節大型流動產生的後遺症關係相對低，和群聚事件關係比較大，不過還是要多做研判。</t>
  </si>
  <si>
    <t xml:space="preserve">美國總統川普近期對北京頻頻出手，先後對大陸電信巨擘華為實施新制裁、又對涉及侵犯新疆人權的陸官員及政府部門實施制裁，雖然看似他為了競選連任對北京來勢洶洶，但據實際上川普對他的助手們透露，他並不希望與北京加深緊繃關係，並已排除再進一步對更高階的官員實施制裁。
據美國財經媒體報導，川普私下透露不願在簽署「香港自治法」後再對北京實施制裁，完全與數周以來一直在公眾面前，從疫情到香港自由問題對陸開嗆的形象背道而馳。雖然「香港自治法」賦予行政部門制裁根據，但並不意味川普政府必須要立即實施。
報導指出，據兩名要求匿名人士透露，在川普透露反對制裁更高階陸官員之前，川普團隊早就將香港行政長官林鄭月娥以及大陸國務院副總理韓正列為制裁對象；不過，即使川普不怎麼願意，總統也可能未來決定實施其他對陸懲罰。
香港自治法給行政部門90天時間確認打壓異議政治份子的陸官員並予以制裁。據英國廣播公司報導，受制裁的官員包括：新疆維吾爾自治區黨委書記陳全國、前政法委書記朱海侖、新疆政府副主席、公安廳黨委書記兼廳長王明山，以及前公安廳黨委書記霍留軍。
隨後，大陸也於13日宣布對美制裁名單，知名的反陸議員參議員魯比歐（Marco Rubio）、克魯茲（Ted Cruz）和眾議員史密斯（Chris Smith）以及國務院國際宗教自由無任所大使布朗貝克（Sam Brownback）都在名單中，針對美方制裁做出象徵性報復。
</t>
  </si>
  <si>
    <t>200萬劑輝瑞／BNT即將抵台，疫情指揮中心宣布，將提供給12至17歲學生，以及18歲以上有重大傷病的第九類民眾施打；另外也開放29歲以上民眾今起預約AZ疫苗，消息一出，引爆18、19歲族群怒火，痛罵「任何廠牌疫苗都登記了，卻什麼都打不到」，連高端都只能20歲以上，生肖屬蛇、馬、羊的年輕人慘淪疫苗孤兒，群起留言灌爆衛福部臉書。
實際到衛福部臉書粉專發現，不少網友憤怒地在貼文底下留言，「請問19歲什麼時候可以打到疫苗？高端開放20歲以上，AZ、莫德納及這次的BNT，都是以年紀大往下開放，請問我們19歲是孤兒嗎？」、「為什麼18、19歲打不到，說好的長幼有序，為什麼到19、18歲的就又變成12至17歲?」、「基本上就是蛇、馬、羊這3個生肖的人沒疫苗啦」、「19歲真的是疫苗孤兒，什麼都登記了，但永遠打不到」。
留言中更有家長表示，12至17歲的學生造冊打BNT後，「請將剩餘的疫苗留給18至19歲的孩子，這群孩子活該天生就那麼倒楣嗎？」從頭到尾都是疫苗孤兒，永遠排在最後面，「還是你們這些高官家裡沒有這些年齡層的孩子，所以沒感覺？」
指揮官陳時中昨在疫情記者會中回應，18至19歲的民眾可以打AZ或莫德納，只是現在還沒排到，做這樣的安排「非常痛苦」，因為每個年齡層都有不同需要，高年齡層的風險較高，一般國家都會從高風險族群往下打。
陳時中說，年輕族群在學校裡面有群聚風險，有些是為了需要生活努力在工作的人，有接觸較多人的風險，所以折衷、犧牲打第二劑的人，希望盡量把人口涵蓋做完整一點，以這樣的方向做努力。
★《中時新聞網》提醒您：因應新冠肺炎疫情，疾管署持續加強疫情監測與邊境管制措施， 如有疑似症狀，請撥打：1922專線，或 0800-001922， 並依指示配戴口罩儘速就醫，同時主動告知醫師旅遊史及接觸史，以利及時診斷及通報。</t>
  </si>
  <si>
    <t>全球新冠肺炎疫情未歇，檢測需求持續攀升，普生 （4117）加速搶進新冠檢測商機，17日公告「普生新冠肺炎核酸檢測試劑盒（4PCO052E）」暨「普生病毒核酸萃取試劑 （PUN012E）」之專案製造，已取得衛福部核准；核准製造期間至110年12月31日止，限於國內中央主管機關或指定檢驗機構進行試驗。
普生指出，目前出貨產品以核酸檢測試劑為主，國家包括印度、印尼、墨西哥、馬來西亞等，每月出貨量約落在10～20萬劑，正在等待印度的政府大型標案，該政府約釋出500～600萬劑，且有當地、韓國等多家業者競標，若順利取得標案，營運有機會再成長。
各國對新冠肺炎檢測試劑產品仍保持高度需求，普生旗下RT-PCR核酸試劑、抗原/抗體快篩試劑、以及ELISA血清抗原/抗體試劑持續進行台灣、美國、澳洲、加拿大等地申請認證，強化海外市場佈局，並提高竹科廠產能稼動率以滿足全球檢測所需。
伴隨新冠病毒檢驗試劑出貨拉抬，普生8月營收5482萬元，月增26.22％、年成長310.53％，創歷史次高紀錄；前8月營收2.63億元，年增59.39％。
普生旗下三款新冠肺炎試劑產品進度上，除GB SARS-CoV-2 Real-Time RT-PCR核酸檢測試劑已獲歐盟、印度、澳洲等認證，以及台灣TFDA醫療器材專案製造核准許可批准，持續供應印度、印尼試劑訂單需求，並進行美國、加拿大、摩洛哥、墨西哥及奈及利亞認證申請中。
此外，普生與中研院合作研發抗原/抗體快篩試劑，正採取結合美國Danner Laboratory檢驗實驗室進行臨床試驗，增加臨床試驗收案件數超過各國申請規範，提高試劑檢測準確率。</t>
  </si>
  <si>
    <t xml:space="preserve">
新冠肺炎持續，除了日本，南韓境內也大爆發，而女星江泳錡上月不畏被隔離風險，冒死為粉絲批貨，還因體力不支在機場昏倒；返台後，她想去做按摩，卻被老闆拒絕。對此她的老公楊煥心疼發文，「21日回國韓國才一級，根本不用自主管理，更不用說隔離14天，你們是在哈囉嗎？」
江泳錡上月赴南韓批貨，全程皆有戴口罩，但適逢南韓境內疫情爆發，雖返台時間台灣對韓國是一級旅遊警戒，仍飽受外界關注。她透露，日前想要按摩，卻被店家拒絕。店家表示，「沒有隔離14天還要來，想害我們喔，不要來，我們同事說會怕。」
對此江泳錡無奈地說，「媒體跟無知真的會害死人，相信比我晚從日韓回來的朋友，最多也都是戴口罩出門，而我們比他們早回來，做的比他們更足。」她的老公楊煥也不捨愛妻被誤會，發文寫道，「你們工作人員，沒有知識？21日回國，韓國才1級，跟本不用自主管理，台灣就是有你們這些不了解政府防疫措施的人，才搞得人心惶惶。」
楊煥氣憤指出，「到底誰害誰？你們接觸的人才多吧？我們都沒說你們了，我真的打從心裡拜託你們，可以當個正常的台灣人嗎？好好配合政府防疫政令宣導好嗎？拜託別出來亂。」
更多 CTWANT 報導
</t>
  </si>
  <si>
    <t>台灣疫苗短缺，民間團體欲捐疫苗，但指揮中心態度謹慎，引發外界質疑是否在阻擋疫苗進來。而華錦顧問董事長鍾瑩瑩，又被稱作「錦鯉女王」，近日在臉書上分享自己平日交易的流程，以大白話來解釋疫苗採購可能遇到的難題，貼文曝光後，吸引了2.2萬人關注，底下網友意見不同全戰翻。
鍾瑩瑩日前在臉書發文分享，很多人在臉書私訊她，其中的內容多是「我有很多錢」、「我想買錦鯉」、「願望清單一份」、「請給我報價」以及「什麼時候可以寄給我」。她看到之後通常會回覆說「麻煩提供給我資料，我好給報價單。」
鍾瑩瑩表示，而欲購買的客戶需提供的資料包括「進口國際機場及代號」、「本國營業執照影本」、「進口核准函影本」、「隔離檢疫飼養環境的照片」、「門店銷售環境照片 + google Maps定位」以及「目前已採購的錦鯉照片」。
鍾瑩瑩指出，收到她的訊息後，通常有80％的人已讀不回，20％的人會繼續溝通。接著她就會追問詳細的航班資訊、是否有營業執照、有沒有進口核准函、隔離設備環境以及門店的狀況如何等細節，更進一步的討論。
鍾瑩瑩說，她這樣做並不是為了想要刁難買家，只是需要了解對方的採購條件、運輸條件、飼養條件、銷售條件、專業經驗等，她才能夠放心的將產品賣給他，因為她不希望出狀況的時候，千錯萬錯都是賣方的錯。而透過這樣一來一往的溝通，有些人成為她長期合作的客戶，有些是同行想看報價單，有些則是詐騙集團來亂的。她最後也說，「買一隻魚都這麼麻煩了，以此類推⋯買戰略物資疫苗應該更難才對。」
貼文引發討論，吸引2.2萬人朝聖，「長知識了！同理在其他產業也是合理的」、「這樣舉例就懂了」、「一堆不懂的人在罵政府刁難」、「很精闢的說明」。但也有網友認為，「魚不買，可以買別的；疫苗不買，會死人。兩者怎麼可以拿來比較」、「如果買方都能滿足您的要求，但買方政府要求您提供原廠授權書呢？」
而鍾瑩瑩也在留言處回應，她只是分享自身經驗而已，只能說有些是並不容易，但希望好人都一生平安。立意良善都值得肯定，也歡迎大家理性討論、交流彼此的資訊。</t>
  </si>
  <si>
    <t>2020東京奧運因為新冠肺炎疫情，從原訂今年7月24日開幕，延後到明年7月23日才正式展開，「日本外國特派員協會」在4月份的刊物封面將東京奧運會徽與病毒示意圖結合，象徵奧運受到疫情影響延期，不過這個設計引起東奧組委會不滿，要求撤下，目前日本外國特派員協會也暫時關閉。
日本外國特派員協會的月刊《NUMBER 1 SHIMBUN》4月號，以新冠肺炎為主題做了特輯，並把東京奧運會徽結合病毒示意圖變成一個新圖案，並在徽章下方寫著新冠肺炎病毒的英文「COVID-19」，東奧組委會表示這個修改的會徽的動作侵犯著作權，上周已要求日本外國特派員協會撤下。
日本外國特派員協會的官網今晚也暫時關閉，點進協會網址畫面一片白，只有「內部伺服器錯誤」的訊息。</t>
  </si>
  <si>
    <t>台灣到底有沒有通知世衛組織新冠肺炎會人傳人？秘書長譚德塞說沒有，但疫情指揮官陳時中說病患有「隔離治療」，公衛專業人員即能研判有「人傳人」的可能。而目前可以找到的資料，最早提到「人傳人」的是香港醫師何栢良。
去年12月31日武漢發生7例非典型肺炎案例並接受隔離治療，台灣在同日（12月31日）以電子郵件通報世界衛生組織(WHO)，有提及病患正在進行「隔離治療」，希望WHO提高警覺，要求其提供進一步資訊。
世界衛生組織（WHO）秘書長譚德塞宣稱並未忽視台灣對新冠肺炎疫情的警示，但指出當時台灣的電郵並沒有提到「人傳人」的危險。
中央流行疫情指揮中心指揮官陳時中今（11）日表示，我方在電郵中特別提及「病患已進行隔離治療」，公衛專業人員即能由此研判該等病例有「人傳人」的可能，但台灣當時尚未有確診病例，無法直接明示該疾病已人傳人。
不過到目前為止可以找到的新聞資料，最早提到「人傳人」字眼的是香港醫師何栢良。
根據《自由亞洲電台》報導，香港大學感染及傳染病中心總監何栢良2020年1月1日在香港電台節目《千禧年代》表示，「現階段不適合下結論指不會人傳人」。
另據《東網》1月4日報導，何栢良1月4日出席電台節目時表示，「有充分理由相信當地發生懷疑人傳人情況」。
何栢良當時強調這次是重大傳染病事件，涉及呼吸道新病毒，屬於接觸傳染，亦無藥物治療，呼籲香港市民要提升個人衞生措施，到人多地方和醫院時，要戴口罩。
據了解，香港第一起新冠肺炎確診病例，據《風傳媒》1月22日報導，是一位39歲患者，1月21日由武漢搭乘高鐵，，最後抵達西九龍站，檢測後新冠病毒呈現陽性。</t>
  </si>
  <si>
    <t xml:space="preserve">蒙古今天表示，一名在蒙古就業的法國籍人士，確診感染在全球擴散開來的2019年冠狀病毒疾病（COVID-19，武漢肺炎），為蒙古首起病例。
蒙古國家緊急事務委員會（National Emergency Commision）發表聲明說，這名患者從法國來到蒙古，中途在莫斯科轉機。
蒙古政府匡列這名患者曾接觸42人，有密切接觸的另有120人。
</t>
  </si>
  <si>
    <t>新冠肺炎疫情持續延燒，為了防疫，台南市安定區無患子生技公司捐贈4680瓶噴霧式乾洗手液給台南市警察局，保護執勤員警健康安全，同時也將捐贈安定區4所國中小200罐洗手乳，讓小朋友勤洗手、健康跟著走。
古寶無患子生技公司負責人王高榮表示，新冠肺炎疫情發生後，公司乾洗手液訂單大增，但因原物料供給不及，尤其瓶子與壓頭缺貨，到處調貨仍無法滿足需求，且還有不少廠商訂貨，但公司仍排除萬難，捐贈4680瓶噴霧式乾洗手液給台南市警察局，19日由局長周幼偉代表接受。
王高榮強調，防疫視同作戰，希望讓第一線執勤的員警人手一瓶乾洗手液，值勤時可隨時清潔手部，避免感染病毒。
此外，高中以下學校25日即將開學，各學校嚴格防疫，王高榮也決定回饋鄉里，捐贈安定區4所國中小每校50罐洗手乳，幫助學校防疫大作戰，讓學生在校勤洗手，確保病菌不上身。
王高榮表示，目前與防疫有關的產品都出現供貨與生產的壓力，雖然公司催貨壓力不少，但仍希望替防疫的工作奉獻一份心力，也期許在大家共同努力下，台灣能度過這次新冠肺炎危機。</t>
  </si>
  <si>
    <t>台灣新冠肺炎疫情今再添3例確診，其中案599（本國籍女性）從菲律賓探親返國，昨確認確診時，她正搭乘高鐵南下。中央流行疫情指揮中心表示，該女雖然上了高鐵，無須匡列接觸者；不過整起事件最扯的是，台灣高鐵公司竟隔了1天才接獲通知，幸好高鐵人員平常有落實清潔消毒工作，才得以避免一場危機。
高鐵公司今發布聲明，該列車已送回基地，更換車廂空氣濾網、座位椅布；曾與案599接觸的組員也將進行14天自主健康管理。
高鐵公司沒說的是，他們今天直到指揮中心召開記者會前4小時，才接獲台南市衛生局通知「載到確診乘客」。高鐵公司如臨大敵，立即將已經不知道跑了幾趟的700T列車，開回烏日基地，進行全面消毒。
據了解，案599是11月13日搭上高鐵625次列車，10點21分從台北車站南下，11點50分抵達嘉義，當時坐在非商務車廂的對號座車廂。由於她警覺性高，全程配戴口罩，加上身旁沒有其他乘客，指揮中心研判不需要匡列接觸者。
但相關單位為什麼拖到今天才告訴高鐵公司，讓列車持續南來北往執行載運旅客任務。幸虧高鐵人員平時訓練有素，每趟車班後徹底消毒，否則案599經過的動線及區域，豈不變成高危險傳染帶。</t>
  </si>
  <si>
    <t>中央流行疫情指揮中心今（28）日下午召開記者會，指揮官、衛福部長陳時中表示，今天國內共新增2例新冠肺炎確定病例，其中第33例為北部30多歲男性、34例為50多歲女性。對此，網友轟「日本到底禁不禁啦？」「菸粉還要死撐嗎？」
根據中央社報導，陳時中說，第33例個案在2月17日至22日與另外21人跟團至日本大阪旅遊，返台後於25日出現咳嗽、喉嚨癢情形，因症狀持續，於26日至醫院急診就醫採檢後返家，27日醫院通報送驗，今天確診。
陳時中指出，目前個案已由衛生單位安排收治負壓隔離病房治療；依個案活動史研判，於日本感染的可能性較高，為境外移入個案；將持續追蹤第33例個案同旅行團團員、親友、職場等接觸者健康情形。
第34例個案有糖尿病、心血管疾病等慢性病史，2月14日因低血糖、全身倦怠情形就醫並收治住院，當時無呼吸道症狀，21日起出現咳嗽、喉嚨痛及發燒症狀，26日診斷有肺炎情形，由醫院通報送驗，於今天確診。
對此，網友怒轟，「日本到底禁不禁啦？」「不管啦去日本很安全」、「重外交輕防疫？」「零星啦，不要怕，相信黨」、「小英政績」「菸粉還要死撐嗎？」「台日友好誰敢破壞？」「洗到滿意度80趴，差不多可以面對事實了吧？」「維穩喔？」「日本根本就是蓋牌！」</t>
  </si>
  <si>
    <t>北市推行疫苗護照，擬採納科興、國藥兩款大陸疫苗，台北市長柯文哲昨天主張與世界衛生組織（WHO）接軌，認可大陸疫苗效力。衛福部長陳時中今天則說，疫苗護照原則上與WHO接軌，但還要考量我國核發的緊急使用授權（EUA），築起另一道防線。
柯文哲昨天在議會備詢時表示，推行疫苗護照應採納WHO標準，春節很多台商要從大陸回來，將來疫苗護照上路，接種科興、國藥疫苗的民眾權益應獲保障。
陳時中今在立法院衛環委員會前接受訪問時指出，疫苗護照的相關政策都還在討論中，原則上會採納WHO標準，另外還會考量國內核發的EUA情形。
對於日本首波邊境開放不含台灣，不認我方小黃卡，陳時中也解釋，這是因為日本沒有做數位認證，目前雙方對紙本內容都還在討論中，相信很快就會有新進度。
至於數位認證何時才能出爐？陳時中說，主要的規格架構都做好了，目前都還在跟其他地方談，最主要還是要有人認才能用。
高雄市長陳其邁昨拋出春節期間居家檢疫一律回歸14天，陳時中回應，10＋4的檢疫模式只是提供民眾一個選擇，若地方政府仍堅持14天也可行。</t>
  </si>
  <si>
    <t xml:space="preserve">醫師孔繁錦是孔子第74代子孫，因參加益智節目《金頭腦》獲得總冠軍，被封為「全台灣最聰明醫師」。因為新冠肺炎（COVID-19）疫情爆發，力挺藝人范范而對時任行政院長蘇貞昌開嗆「短視近利」。近日再度持一貫態度放話，讓兒子都看不下，直接嗆自己父「死不認錯」！
在新冠肺炎蔓延初期，蘇貞昌率先下令口罩禁出口政策，讓藝人范瑋琪忍不住直批「狗官行徑」引起很大爭議。孔繁錦卻轉貼范瑋琪道歉新聞力挺，表示「時間會證明，蘇貞昌是短視政客。」認為范只是「措辭不當，但蘇貞昌是大錯特錯」。
如今新冠肺炎疫情可說愈演愈烈，讓風向倒在政府這邊，各國口罩一片難求，反倒是多國紛紛讚賞台灣的實名制政策，蘇貞昌當時的禁令成了「先知」。也讓PTT網友忍不住開酸表示「口罩禁出口也一個多月了，東南亞各國也開始紛紛跟進，我們孔醫師所說的時間會證明，到底證明了什麼？子彈飛夠久了嗎？」甚至有人留言「證明他不夠聰明」。
這讓沉寂已久的孔繁錦，決定於6日再度發聲，於個人臉書回應4點：
●管制口罩本身沒有錯，錯的是說的方式與時機。
●由行政首長高調貼fb，選在武漢封城的那一刻，顯然這話衝著中國大陸，司馬昭之心，路人皆知。
●1/22說過口罩庫存才4500萬，1/24再說產量每日才244萬，明明就不夠，還信心喊話不要囤口罩一定夠？簡直在提醒大家要買趕快！於是引爆搶購潮。之後的藥局實名刷卡配給制，其實是在為他的捅婁衝康善後。
●聰明做法是先宣導民眾戴布口罩就好，暗自調度運作，少大聲嚷嚷，被問到的時侯，措辭溫和審慎。
同日過沒多久，孔繁錦再度在臉書上抒發：
「兒子問我何苦？我說你猜，用四個字成語？」兒子答「求仁得仁？沽名釣譽？愚公移山？唐吉軻德？」孔繁錦回「草船借箭。」
沒想到，兒子直接在底下留言「死不認錯」四個字，也讓整篇文被蓋起高樓，不少網友前來朝聖這「大義滅親」之舉。而孔祥瑄則回應說，「其他還可以觀望，但他（孔繁錦）一挺范就被我們罵爆了。他現在假裝很深謀遠慮的樣子，其實根本挺的時候連范講了什麼都不知道。」
</t>
  </si>
  <si>
    <t>彰化縣COVID-19新冠肺炎本土疫情，9日零確診，但新增1名死亡案例，為40出頭歲、女性肝癌患者，發病67天後死亡，是彰化縣今年以來累計13例新冠確診死亡案例中，最年輕的一位。
彰化縣衛生局長葉彥伯表示，死亡案例年約40歲至44歲間，是一名女性肝癌患者，來自南彰化某大型醫院6樓6B病房群聚染疫確診者，肝癌細胞已移轉至肺部、腦部，治療期間Ct值一度高於30，但轉至安寧病房後Ct值再度下降，又轉入負壓隔離病房，於8日病逝。
葉彥伯說，死亡個案為彰化縣13例確診死亡案例中最年輕者，今年5月底南彰化某醫院爆發院內感染後，女子於6月2日確診、Ct值15.1，8月8日死亡。彰化縣累計270人確診，13人死亡，其中來自水果盤商傳染鏈，有5人死亡，南彰化醫院群聚有6人染疫死亡；另2例死亡案例分別來自不同傳染鏈的家族群聚事件。
針對中央宣布降二級後陸續解封，彰化縣長王惠美臉書直播線上說明會上，有網友留言質疑，游泳池都開放了，為何夾娃娃機台卻不能開放？亦有網友怒吼「快餓死了！」、「空燒3個月租金電費、稅金了，都快死人了，怎麼吃飯？」。
王惠美回應，中央雖開放游泳池，但烤箱、蒸氣室等等附設室內設備空間未開放；此外國家級遊樂場所開放戶外空間，讓民眾可以去走一走，但採行預約制，針對娃娃機店部分，一切仍須依照中央規定辦理。社區大學等仍先採線上授課，是否恢復開課有待中央確實公布細則指引，再另行宣布。</t>
  </si>
  <si>
    <t xml:space="preserve">MSI微星(2377)今日宣布其三款最新產品因出色的設計贏得了2020年德國iF設計大獎。微星榮獲2020德國iF設計獎的產品為：MSI GS66 Stealth電競筆電、MSI MPG SEKIRA 500X電競機殼、MSI MPG SEKIRA 500G多工電腦機殼。獲獎產品將於5月2至10日在德國柏林Cafe Moskau展出。
MSI微星科技行銷副總經理程惠正表示，微星將持續為遊戲玩家、內容創作者和所有消費者提供最先進的前瞻設計。
至於新冠肺炎對微星的影響，公司表示，公司昆山廠和深圳廠目前的復工情況如何，以及供應鏈是否有出現供貨吃緊情況，目前公司不方便對這個議題發表意見。
MSI微星科技榮獲2020德國iF設計獎的產品為：MSI GS66 Stealth電競筆電、MSI MPG SEKIRA 500X電競機殼、MSI MPG SEKIRA 500G多工電腦機殼。獲獎產品將於5月2至10日在德國柏林Cafe Moskau展出。
MSI GS66 Stealth電競筆電以輕薄機身佐以強大效能，靜音機箱中配備了300Hz超極速電競螢幕，並以世界上最薄的風扇葉片成就三風扇冷卻設計，再搭配99.9Whr長效電池及沈穩低調的黑色。
MSI微星MPG SEKIRA 500X電競機殼搭載四組可調燈效的ＡRGB風扇，不僅可顯示數百萬種顏色，更展現出玩家的獨特電競風格。配備雙面白金等級免工具可拆換的強化玻璃面板，使MPG SEKIRA 500X看起來像是一個堅固的堡壘，其上方搭載可抽換式的散熱器支架，支援高達三組側向通風的水冷風扇，為玩家激烈的馬拉松式電競戰場帶來極佳的散熱效果。
MSI微星MPG SEKIRA 500G是全球首款專為遊戲玩家和多工用戶設計的機殼。它的外觀設計有別於傳統電腦，主打高貴時尚金屬風格，黑色鋁合金面板經過金屬拉絲處理泛出細密的髮絲光澤，再飾以玫瑰金邊框。MPG SEKIRA 500G它的Mid Tower機殼直追Full Tower容量，可支援E-ATX大尺寸主機板、風扇和水冷排，讓使用者能夠輕鬆直觀地建構怪物級電腦主機。
</t>
  </si>
  <si>
    <t xml:space="preserve">
一名60多歲男子17日打完AZ疫苗後，竟出現異常勃起10個小時，直到隔天上午起床後才恢復正常，引發討論，不過有泌尿科醫師指出，這樣的狀況不見得和AZ疫苗有關。而《醫生漫畫家阿毛》也在臉書用漫畫方式分享各種疫苗的「鄉野傳說」，其中BNT打完竟會讓人「罩杯升一級」，讓女網友激動高喊：我只等BNT！
施打AZ疫苗後的常見副作用，包括注射部位疼痛、疲倦、頭痛、肌肉痛等，沒想到竟有男子日前打完疫苗後勃起10個小時，沖冷水也沒用，只好掛急診就醫。不過泌尿科程威銘19日在臉書表示，這樣的狀況不見得和AZ疫苗有關，指出這個狀態稱做「ischemic priapism」（缺血性陰莖異常勃起），若持續勃起、沒有血流進入陰莖，陰莖會呈現缺氧狀態，超過4個小時，陰莖組織就會開始受傷壞死，未來陽痿機會大增。
不只AZ，其他疫苗也傳出各種奇特副作用，臉書《醫生漫畫家阿毛》用漫畫方式呈現《傳說中的副作用》：「AZ：男人性慾爆棚；莫德納：變身萬磁王；BNT：罩杯升一級」。不過他也特別強調，每支疫苗都有鄉野傳說，有些很奇葩，笑笑就好，別信以為真。
眾多網友看完笑翻回應：「這樣應該會有效提升是施打率」、「若打了Az的男性遇到打了BNT的……」、「竟然如此！我只等BNT 謝謝」、「這促銷很到位！」、「AZ副作用改成女生的話應該很多老公願意出賞金X」、「三劑混打超能偽娘的誕生」。就連臉書粉專《雙寶爸的小宇宙｜兒童感染科 顏俊宇醫師》也現身回應：「我打AZ我是癱軟」。
★《中時新聞網》提醒您：因應新冠肺炎疫情，疾管署持續加強疫情監測與邊境管制措施， 如有疑似症狀，請撥打：1922專線，或 0800-001922， 並依指示配戴口罩儘速就醫，同時主動告知醫師旅遊史及接觸史，以利及時診斷及通報。
</t>
  </si>
  <si>
    <t xml:space="preserve">據《央視新聞》引述美國媒體報導，截至美東時間19日上午11時左右，美國新冠肺炎確診病例至少10259例，死亡病例至少152例。美國國務院19日將旅遊警示提升至最高的第四級，建議所有美國公民「避免出國旅行」。
美國《全國公共廣播電台》指出，在新冠病毒確診病例數跨越10000大關是個重要里程碑，儘管到目前為止，病例仍集中在少數幾個州，但目前所有50個州、哥倫比亞特區及波多黎各都發現患者感染的報告。
報導說，最近幾天，紐約州的疫情已超過加利福尼亞州和華盛頓州的疫情。紐約州已有3000例確診，州長安德魯．庫莫（Andrew Cuomo）週三在對記者說，美國海軍醫療軍艦安適號(USNS Comfort)正準備派往到紐約，以支援紐約收治大量湧入的新冠肺炎感染者。
目前美國為阻止病毒擴大傳播，已有許多州下令關閉酒吧和餐館，有些州則發布就地避難命令，並要求民眾暫停旅行，以避免疫情出現更大範圍的傳播。
據路透社報導，美國國務院在網站上更新全球旅遊警示，將其提升至最嚴重的第4級，呼籲民眾「不要旅行」（do not travel）；在海外旅行的民眾若仍有班機情況下立即返國，而在海外定居的僑民也應避免出國旅行。
該網站指出，全球許多國家受到新冠病毒衝擊，已實施邊境管制與強制隔離措施，並在沒預先通知情況下就關閉邊界，禁止非該國民眾入境，加上許多國際航班取消、郵輪停航，若民眾仍選擇出國旅遊，不但旅行計畫可能遭打亂，更可能被迫無限期滯留在海外。
</t>
  </si>
  <si>
    <t>指揮中心今天公布第13輪公費疫苗提供BNT、AZ第一劑及第二劑接種，明天起開放預約，首先是明早10點先開放BNT疫苗預約、下午2點開放AZ，預約截止時間皆在4日中午12點，5日開打。
指揮中心表示，本輪共開放4種族群預約AZ及BNT疫苗，兩種廠牌第1劑和第2劑皆有。BNT第一劑12歲以上都可預約接種，第二劑則是10月8日前已接種第一劑BNT的18歲以上民眾；AZ部分，想混打的民眾有福了，AZ第1劑再度開放50歲以上民眾接種，第二劑則是8月27日前已接種第一劑AZ的18歲以上民眾，都可預約接種第二劑。
符合本輪資格的民眾，今天下午2點起會陸續收到提醒簡訊。中央流行疫情指揮中心發言人莊人祥提醒，請符合資格的民眾依照時間上網完成預約。
為了緩解大量預約人流，第13輪採分流預約，BNT將在明天上午10點起開放，AZ則需等到下午2點，兩種疫苗預約皆至11月4日中午12點止，施打日程為11月5日至12日。
至於指揮中心11月計畫開放AZ混打mRNA疫苗，是提供BNT與莫德納？莊人祥表示，這兩款疫苗都在考量當中，但還要考慮年底前的到貨量，以及保留第二劑的施打數量並評估能否在年底完成，才會考慮開放混打的疫苗數量，因此BNT、莫德納都在混打的考量名單中。
同時，第12輪疫苗接種進行中，昨（1日）一共接種25萬1249劑，目前疫苗人口涵蓋率73.77％，劑次人口比為107.47（劑/每百萬人），第2劑人口涵蓋率為33.7％。</t>
  </si>
  <si>
    <t>南韓新冠肺炎新增確診病例數再度升高，韓國疾病管理本部周二宣布新冠狀病毒感染病例新增125人，較前一日的78人大幅增加，主要因群聚感染與境外移入病例持續升高。目前累計確診病例達9,786例。
南韓新冠肺炎死亡病例新增4人，累計死亡病例達162人。
在新增的125個病例中，60例發生在大邱，因一家醫院出現大規模院內感染。首都首爾市新增24例。
境外移入新增15例，累計達518例。為了加強防控境外移入病例，南韓將自周三起不分國籍，對所有入境者實施為期兩周的強制隔離措施。</t>
  </si>
  <si>
    <t>高端疫苗昨解盲，是否可以為國人施打引起爭論，台大醫院前副院長王明鉅今在臉書分享中研院研究技師詹家琮的文章表示，國產疫苗有2大問題，除了只看受試者血液的抗體中和效力是不夠的，再來就是疫苗二期試驗對象，不是現在流行的英國變種病毒，讓他質疑「拿一年多前的結果，作為對抗英國變種的疫苗取得緊急授權的依據，真的好嗎？」
前台大醫院副院長王明鉅今（11日）在臉書發文表示，高端疫苗臨床試驗二期結果昨解盲，他分享中研院研究技師詹家琮的臉書貼文表示，簡單來說，魔鬼真的都藏在細節裡，目前國產疫苗有兩大問題，而這些問題必須釐清才能為國人施打。
王明鉅指出，只看打疫苗後受試者血液中「抗體中和效力」是不夠的，因為人體的免疫反應很複雜，抗體中和病毒上的一種蛋白質，只是各種複雜免疫反應其中之一，身體為對抗病毒，還會有許多免疫反應。也因為這些免疫反應在每個人身上可能都不一樣，所以才會有人感染了無症狀，但有人感染後卻很快轉重症、甚至死亡。
王明鉅解釋，打疫苗以後，身體除了抗體以外的免疫反應，還會產生哪些免疫反應來對抗病毒，這些是在二期試驗中看不到的，必須藉由受試者身體的反映才能觀察到，要看得應該是「人體的整體表現，不只是簡單的中和性抗體的效價。」
王明鉅也說，目前的試驗結果是施打疫苗的3000、4000位受試者身上抽血所得到的抗體，在二期試驗中來對抗的病毒，並不是目前在台灣社區內流行的英國變種病毒，更不是傳染率與死亡率更高的印度變種病毒，而是一年多前出現的病毒株。
王明鉅認為，就算暫時不管「抗體中和效力試驗」是否可以代替人體的整體免疫的評估，但至少抗體所對抗的病毒、抗體要來對抗的敵人，應是目前流行的病毒，應是當下要消滅的敵人，而不是一年多前出現，但現在根本不是台灣社區流行的病毒吧？
王明鉅透露，看完中研院專業技術人員的臉書，他對國產疫苗的看法變得更保守。因為他這才知道，原來這個二期試驗，用來證明抗體可以有效殺敵的敵人，竟然是一年多前的病毒株，而不是現在流行的英國變種。
王明鉅表示，他可以理解二期試驗開始為受試者施打疫苗時，台灣幾乎沒有疫情（至少表面上的確沒有），所以拿原本的病毒株作為假想敵很合理，但明明台灣社區現在流行的全是英國株病毒，如果拿一年多前的結果，就要施打到人體、對抗台灣社區裡的英國變種病毒，這樣OK嗎?
王明鉅質疑，拿一年多前的結果，作為對抗英國變種的疫苗取得緊急授權的依據，真的好嗎？而且在連主管機關都承認國產疫苗可能較難應付變種病毒的狀況下，這樣真的OK嗎？</t>
  </si>
  <si>
    <t xml:space="preserve">新冠肺炎疫情影響不少產業，其中戲院也深受衝擊，不少大片紛紛退檔，現在一家老字號二輪戲院「朝代戲院」今率先宣布，自5月4日起要暫停營業3個月。
「朝代戲院」在臉書上貼出暫停營業公告，公告上指出，因疫情影響，同時也為了大家的安全，朝代戲院自5月4日起暫停營業3個月，但會視疫情狀況調整，並利用這段期間進行裝修和設備提升，待疫情趨緩會再提供大家更優質的服務。
</t>
  </si>
  <si>
    <t xml:space="preserve">教育部今天公布最新統計，4月20日至6月4日傍晚，各級學校合計405名學生確診武漢肺炎，比昨天同一時間公布的統計（377人）增加28人。
教育部校安中心今天上午更新武漢肺炎（2019冠狀病毒疾病，COVID-19）各級學校學生確診案例統計，4月20日至6月4日傍晚5時30分，學生確診數合計405名（395例本土個案、10例境外移入）。
以教育階段區分，大專校院確診人數（146名）最多，高中為65名、國中56名、國小94名、幼兒園44名。
行政院本月3日通過「紓困4.0」特別預算案，教育部方案共新台幣278.5億元，其中孩童家庭防疫補貼（國小以下及身障生）每人1萬元，大專生若經濟受影響，也可申請紓困金及租金補貼。（編輯：陳政偉）1100605
</t>
  </si>
  <si>
    <t>印度第二波新冠肺炎疫情持續惡化，昨天單日新增病例再創紀錄，新增3萬5886例，創下102天新高紀錄。疫情嚴重的馬哈拉什特拉省和新德里計劃為更多人施打疫苗。
根據統計，印度昨天一天新增3萬5886例2019冠狀病毒疾病（COVID-19，新冠肺炎）病例，創下102天以來的新高紀錄，其中有60%需要治療的病例都來自印度疫情最嚴重的馬哈拉什特拉省（Maharashtra）。
此外，統計顯示，印度18個省市及中央直轄區的單日新增病例都創下今年1月以來新高紀錄，這讓許多省市強化防疫措施。
其中，被印度總理莫迪點名關切疫情的旁遮普省（Punjab）從昨晚對9個疫情嚴重的縣市實施延長宵禁2小時的措施，省長辛赫（Amarinder Singh）呼籲民眾遵守規定。
馬哈拉什特拉省省政府雖然數度警告如果疫情惡化，不排除全省再度實施全面封鎖措施，但該省只在部份疫情嚴重縣市實施更嚴格的封鎖和收容措施。
馬哈拉什特拉省省長薩克雷（Uddhav Thackeray）希望中央政府能支持馬哈拉什特拉省為45歲以上的民眾施打新冠肺炎疫苗。
印度中央政府列入3億人疫苗接種計畫的群體中，除醫療和第一線工作人員外，只有60歲以上及罹患糖尿病等慢性綜合病症的高危險群列入首階段疫苗接種計畫。
同樣的，新增病例不斷攀升的新德里，市長克里瓦爾（Arvind Kejriwal）今天與衛生廳相關官員開會討論疫情問題後，呼籲中央政府擴大接種疫苗的群體，以對抗第二波疫情。
印度斯坦時報（Hindustan Times）引述克里瓦爾說，只要中央政府許可，新德里政府可在3個月為所有18歲以上市民接種疫苗。
此外，北方省高灘布德納格（Gautam Buddh Nagar ）警方今天宣布，4月30日前，禁止未經批准的示威活動及即將到來荷麗節（Holi）等節慶與宗教慶祝活動。
印度迄今累計新冠肺炎病例超過1147萬例，居世界第2高，死亡人數達到15萬9254人。</t>
  </si>
  <si>
    <t>百事食品公司在北京大興區磁魏路分廠，20日驚傳有8人感染新冠肺炎，其中2人曾到過新發地市場，密切接觸者87名，全部集中隔離；該廠除隨即宣布關閉，其餘480名員工立刻集中隔離篩檢，檢驗結果皆為陰性。百事中國昨緊急發聲明表示，染疫工廠並未生產可樂。此外，北京昨日再有2地提升為高風險地區，短短10天累計確診達227例，蔓延10個區。
2確診案例 曾到過新發地
北京市疾控中心副主任龐星火表示，傳出確診的8人為北京大興區孫村鄉磁魏路1號一食品公司的員工，該廠隨即宣布停產停工，並採取產品封存、環境消毒和相關人員隔離等措施；目前該廠區其餘480名員工被轉往集中隔離點隔離並篩檢，初步檢測結果顯示所有人均為陰性。
上述8名確診員工中，有2位曾經到過新發地批發市場採購物品，是一起與新發地市場相關聯的聚集性疫情。消息傳出後，為避免民眾恐慌，百事中國在官方微博發出聲明強調，包括北京百事可樂飲料有限公司在內的生產可樂等飲料產品的各灌裝廠，迄今為止並未發現任何新冠肺炎確診病例，目前通報發生疫情個案的工廠只是位於北京大興區磁魏路1號的百事食品一個分廠，該廠從未生產任何飲料產品。據瞭解，該工廠主要生產樂事洋芋片。
百事公司大中華區集團事務部企宣總監樊志敏昨稱，北京分廠監測到新發地批發市場輸入個案後，立刻採取停產停業、產品封存、環境消毒殺菌、人員隔離等措施；目前測試產品安全，同時保證新發地疫情後的產品均已封存。
10天累計227例 擴及10區
北京20日新增本地確診病例22例，10天累計227例，疫情擴及豐台、朝陽及大興等10個區，而豐台區新村街道、大興區黃村（地區）鎮由中風險調整為高風險；截至昨日為止，北京共有4個高風險區、37個中風險地區。
不過，復旦大學附屬華山醫院感染科主任張文宏認為，北京疫情仍不能認定為第2波疫情來臨，所謂的第2波疫情必須要有非常顯著的波峰，這次疫情應該是一次比較突然、小範圍的爆發；但他也坦言，未來將爆發更多小規模且意想不到的疫情。</t>
  </si>
  <si>
    <t xml:space="preserve">聯發科(2454)今日舉辦股東會，由董事長蔡明介、執行長蔡力行主持，儘管今年全球爆發新冠肺炎，但聯發科營運穩住陣腳，上半年營收將相較去年同期會成長約10%，蔡力行也說，「聯發科上半年交出不錯成績，也希望下半年可以繼續」!
針對新冠肺炎對整體智慧機產業的衝擊，蔡明介表示，在疫情衝擊下，的確對整體智慧型手機市場上半年造成不確定性，最近比較穩定下來，手機的整體銷售確實有減少，只是手機在疫情的時候，其實也是一個很重要的通訊產品，這可說是一個新的趨勢。
蔡力行則指出，今年的新冠肺炎對產業影響確實非常大，尤其在大陸市場第一季出現非常大影響，第二季後續也看到一些，惟聯發科在如此的環境下還是表現相當不錯，也反映在第一季財報、第二季財測，整體預估，上半年的營收和去年同期會成長約10%，在如此辛苦的環境下，可以做到如此，主要是長年經營和產品組合，加上和客戶密切合作，今年是5G剛剛開始成長的一年，聯發科搶在成長初期的時候就已經進入市場，產品線豐富，在高階、中階還有入門款，都有很好的產品，第一季5G晶片就已經出貨，第二季則迎來高度成長，聯發科對於5G的發展非常有信心。
除5G的看好外，蔡力行進一步說，今年4G全年在全球衰退相當多，但是聯發科會保持很好的市佔率，主要就是因為產品優異，具有競爭力，市占率會繼續提升，至於其發產品上，他坦言，疫情確實造成影響，但是居家辦公、遠端學習等相關需求就不錯，整體來說，「聯發科上半年交出不錯成績，也希望下半年可以繼續」。
</t>
  </si>
  <si>
    <t>本土新冠肺炎炸鍋不斷，全台三級警戒持續至6月14日，儘管中央流行疫情指揮中心指揮官陳時中認為，校正後確診數持平，顯示疫情並未急遽惡化，可由於也不見真正改善效果，國人還是因此憂心忡忡，擔心台灣升級四級警戒。據指揮中心規定，四級警戒時，民眾非必要不得外出，在家也要保持社交距離或佩戴口罩，不過目前未達四級警戒或封城規劃條件。
針對校正回歸案例，陳時中日前表示，5月21至28日，相關案例數看起來正在減少，台北、新北件數皆往下掉，代表前一段時間部分措施有發揮效果，因此特別呼籲國人減少不必要外出聚會，傳統、黃昏市場易有接觸史、足跡，菜籃族人潮眾多時別前往，金錢交易務必注意清潔衛生，回家一定要先洗手。
此外根據《ETtoday新聞雲》報導，還有行政院官員出面表示，升至四級警戒不一定會完全封城，除非連續14天平均每天新增100名本土案例，且一半以上感染源不明，這2項條件並存，才有可能依指揮中心進行封城，人民切勿提前恐慌，目前這些條件都不存在。
又環保署先前也和民眾分享自製消毒水的方法，以每10cc漂白水搭配500cc清水（比例1：50），均勻稀釋後即可做消毒使用。消毒時，記得要戴口罩、手套，避免刺激皮膚，接著以拖把或抹布擦拭物品表面，並停留待作用1至2分鐘，最後用清水再擦拭乾淨即可。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
國人對「公共衛生師」這個名詞都相當陌生，民眾黨立委蔡壁如表示，目前台灣在防疫上仍缺乏公共衛生師，然而疫情期間公衛師角色相當重要，她將在立法院全力推動「公共衛生師」立法。
台灣的醫療擁有世界水準，民眾應都知道，蔡壁如強調，甚至對於這次新型冠狀病毒疫情，大家也都對國家的公共衛生防疫有信心。在各國都陷入恐慌之際，台灣的防疫可以說是相當優秀，從這波疫情蔓延的速度也可看出，公共衛生才是防堵病毒最重要的一道防線，很可惜台灣較少人重視這一塊領域。
蔡壁如指出，台大公衛所詹長權院長說，美國在SARS期間準備了大量的公衛師，因此她也期望台灣也能儘速通過《公衛師法》，當沒有疫情時，人們對於公衛師的存在與否或許無感，可是一旦出現疫情，「公衛師將扮演重要角色進入社區，能有效防治疫情，補足防疫可能出現的缺口」。
疫情不見停勢，蔡壁如也呼籲，重視《公衛師法》不只是為了這一波疫情，更是為了長遠的未來考量。
更多 CTWANT 報導
</t>
  </si>
  <si>
    <t>大陸新冠肺炎疫情持續，也衝擊了台灣人西進求職的熱情。求職網站104人力銀行17日公布一份報告顯示，面對大陸工廠短期難以正常復工，「目前在中國工作且有主動應徵」的轉職者中有63％的人向大陸職場說掰掰；離開大陸職場的人中，有95％回流台灣，其餘流向東協國家。該平台預估，受疫情陰影籠罩，加上大陸工廠延後開工、面試，大幅削弱求職者西進或續留意願，回流台灣、南進東協成趨勢。
104人力銀行的這份報告以武漢封城的1月23日為比較分水嶺，根據報告，封城前兩週（1月10日至1月22日），「目前在中國工作且有主動應徵」的轉職者中，不回中國、以及續回中國的比例，各占一半；但封城後兩週（1月23日至2月8日），不回中國的比例升高到63％、續回中國的比例降到37％。
對此，104獵才招聘暨人才經營事業群資深副總經理晉麗明指出，大陸許多工廠延後開工，企業用人祭出延後報到、延後面試、甚至延後招募，加上大陸多處封城造成心理恐慌，皆已大幅削弱求職者西進或續留意願。
晉麗明分析，短期看，新冠肺炎疫情讓台灣求職者對大陸職場與生活感到不安；長期而言，近年大陸管理職已在地化，全球企業逐漸將一般製造業轉移至東南亞，因此，人才回流台灣、轉往東協已成趨勢；在此時間點，大陸企業徵才轉趨觀望，是否調降薪資水平或調整福利，將對大陸企業與求職者造成壓力。</t>
  </si>
  <si>
    <t>新冠肺炎疫情趨緩，苗栗縣內國中小校園開放成各界關注焦點，27日苗栗縣長徐耀昌宣布，30日起平日及假日重新開放校園戶外空間與場地，讓社區民眾散步、運動，但務必遵守校園門禁管理與防疫新生活運動規範。
肺炎疫情爆發迄今，苗栗縣政府為維護學童健康安全，全面暫停開放校園。但考量民眾對於休閒運動的需求，且疫情逐漸緩和，縣府決議重新開放校園。徐耀昌表示，台灣已超過1個月無本土案例，經全方面考量下，30日開放校園戶外空間及場地，民眾可利用清晨、傍晚、假日到校園運動，但校園室內場地仍暫停開放。教育處指出，平日開放時間將按照各校在疫情前規定，原則以上學前、放學後為開放時間。
徐耀昌提醒，因全國疫情持續延燒，防疫不能鬆懈，民眾到校園運動務必遵從各校校園門禁管理的規範及相關防疫公告內容，並落實個人自主健康管理，若有生病、發燒等情形，應避免進入校園，共同把關校園師生健康安全。</t>
  </si>
  <si>
    <t xml:space="preserve">謝忻去年和人夫阿翔爆出婚外情，事業一落千丈，還被媒體拍到在咖啡廳打工，被指經濟上可能有困難。不過，小甜甜表示謝忻能借1萬塊給她，財力方面應該沒問題，謝忻也為金援小甜甜做出回應了。
謝忻15日在IG貼出兩張和小甜甜的合照，有趣的是她們一起丟下包袱，對著鏡頭大翻白眼，謝忻寫道：「妳有需要的時候，我會幫妳，但妳做錯事的時候，我會指責妳。」短短的兩句話，見證了兩人的閨密之情。
小甜甜日前自認演藝工作受到疫情影響，新戲無限期停拍，為了多賺點外塊，還到路邊打零工，一想到有10幾萬卡債、車貸與房貸，每月需20萬生活費，她喊話歡迎各種打工上門。
</t>
  </si>
  <si>
    <t xml:space="preserve">
人類在感染新冠肺炎的病毒後，會對肺部產生廣泛的損害，尤其是重癥的情況下，甚至會呼吸衰竭而死亡，負責美國肺協會（ALA）的醫師亞伯特（Albert Rizzo）接受Inverse採訪，探討如何保護肺部的問題。
首先，如果是沒有任何肺部疾病的人，亞伯特認為，最好是停止吸菸及電子菸，而且避免到空氣不良的場所。另外配合適當的飲食及運動，就能提高肺部的功能，而且新冠肺炎對於擁有慢性病、三高的人，殺傷力更強，所以良好的生活習慣，是保持健康的不二法門。
如果本來就有氣喘或肺部疾病的人，最好則是少出門、保持社交距離、多洗手，以及「沒洗完手最好不要碰臉部」等四個方針，尤其是病毒可以長時間地存活在椅子及一些大眾交通工具上，儘量不要外出是比較安全的方式。
亞伯特也認為，這次新冠肺炎的病毒危機，也是對大眾衛生系統的考驗，不論是檢查是否感染、篩選可能感染人物，以及給予適當的治療，都是公衛系統需要面臨的問題，而且未來說不定還有其他病毒出現，只有打好眼前的仗，未來才能有經驗地處理類似的問題。
更多 CTWANT 報導
</t>
  </si>
  <si>
    <t xml:space="preserve">新冠肺炎疫情在郵輪鑽石公主號上擴散，所有乘客在船上隔離兩個禮拜，期滿後終於在昨(21日)晚間由華航包機接回船上19名檢驗陰性的台籍遊客與1位醫生返台，其中機場在機上的溫情廣播也讓乘客、網友感動不已。
華航在臉書PO出了機長廣播影片，機長在廣播中對乘客說：「這是來自機長的廣播，我們預計會持續飛行，與全世界一同渡過疫情，請您一同做好防疫工作，準備一同降落在美好的明天」，華航小邊也在臉書表示：「We fly, we fight. We will all be fine」。
不少網友相當感動，湧入留言「機長真男人」、「感謝華航」、「飛行人員真的辛苦了」、「聲音跟影片中的陽光一樣溫暖」、「有華航真好」。
</t>
  </si>
  <si>
    <t>新冠肺炎疫情昨在台灣一舉增加23例，累計確診個案數破百例。連帶也讓部分民眾的預期心理，擔憂封鎖國境可能會讓食物跟民生用品短缺，昨夜包含全聯、好市多在內的各大連鎖賣場均出現搶購泡麵、罐頭、衛生紙等物品，網友也推薦大家應該購買囤四樣東西。
據網友Fant1408在批踢踢論壇發文表示，「最近開始有人屯糧，開始狂掃麵條雞蛋蔬菜吐司，這是沒有意義的行為，因為缺糧很明顯不會是短期內發生的事」。
原PO說在這種情況下，應該思考的是，如何儲存可以長期保存的三個月份糧食，如果在美國當然沒問題，但是台灣這種小房子，冰箱怎麼可能放的下，所以我推薦大家應該購買囤四樣東西，第一「麵茶粉」。第二「高蛋白粉」。第三「膳食纖維」第四「綜合維他命」。
該網友認為，這四樣不佔空間，可同時有飽足感兼顧營養均衡。但還是要視個人需求和政府公布的疫情發展採買，勿輕信來源不名之社群平台轉傳文章。</t>
  </si>
  <si>
    <t>新冠肺炎肆虐長達數月，去年底開始休長假的張惠妹（阿妹），今年工作計畫全數暫緩，新專輯進度也毫無下落，她的經紀人陳鎮川27日表示：「妹目前完全靜下來，新專輯連開案都還沒。」陳鎮川日前受邀代言名車，他謙稱自己半開玩笑跟朋友說上半年演唱會都取消了，「就找點好玩的事做做」，廣告曝光後阿妹還沒看過，陳鎮川笑說：「我哪好意思跟她討論，會害羞啦。」
陳鎮川身兼填詞人、製作人、舞台導演，並擔任張惠妹、羅志祥、林憶蓮及艾怡良等天王天后的經紀人，近年不少廠商邀約代言都被他婉拒，今年初車商洽談合作，好不容易才讓他點頭；陳鎮川說：「主要是產品的廣告文案比較回歸個人，沒那麼像在賣東西的感覺，不然我會覺得很糗。」
習慣在車裡聽音樂
他當年擔任《連環泡》編劇時買了人生第一部車，「因為住北投交通不方便，那時候買車貸款貸了不少」，他喜歡在車上聽音樂、大聲唱歌抒發情緒，「而且我開車很慢，喜歡看沿途景色、路邊人事物。」他把車子視為房子、甚至避難所，「因為我的工作跟音樂有關，要聽得非常仔細，但我必須在車子裡聽音樂才聽得進去，這個習慣到現在還是這樣。」</t>
  </si>
  <si>
    <t>新冠肺炎（COVID-19）疫情持續延燒，日前台灣第19例確診的白牌車司機也成為了台灣的第一起死亡案例，中央流行疫情指揮中心也隨即掌握到一名浙江台商為感染源。對此，有網友就覺得疑惑，為何這名台商全程配戴口罩仍會感染司機呢？
這名網友在PTT發文，表示一般乘客在搭乘計程車的時候都會選擇後座，與司機有一定的距離，再加上他整個過程都有戴著口罩阻隔飛沫，讓PO主實在想不透為何這名司機還是會不幸感染新冠肺炎，也讓他開始懷疑起是否因為台商體內病毒數量很多，那麼和他一起同住的家人染病的機率是否也更高。
此文一出，引起了許多網友熱議，紛紛留言：「口罩只是減少機率吧」、「全副武裝都有可能會得到」、「口罩也是有縫縫，病毒量太高還是漏出去，而且又密閉空間」、「戴口罩不是萬能好嗎，洗手是重點」；也不少人指出了一個含有超高風險的關鍵行為，「摸錢的時候，我只想到這個」、「給錢的時候感染的吧！」、「手啊，台商只要手上有病毒在車上亂摸，或是給錢時有接觸都有可能」、「收錢的時候才是關鍵」、「因為錢上面有病毒，摸了沒洗手就中」。</t>
  </si>
  <si>
    <t>新北市萬金石馬拉松今（21日）開跑，儘管賽前1名20多歲肯亞籍女選手採檢確診送醫，但7500名跑者不受影響照常進行賽事，金山警分局除負責沿線維安及交通疏導外，各派出所也發揮巧思，出動警察娃娃等替選手們加油打氣。
金山警分局表示，賽事沿線野柳派出所結合警察娃娃、野柳地質公園女王頭娃娃與薆悅渡假酒店的海洋女王為挑戰馬選手加油。
大鵬派出所與中角派出所則結合在地名勝景點金山財神廟，在賽道前由警察娃娃穿著財神爺裝束幫全馬參賽者打氣，希望每一位參賽者都能順利完賽。
金山警分局長林詮峰指出，賽事警力於凌晨4時即完成布崗，維安勤務全程預計將超過10小時，對同仁是體力上的一大考驗，分局已備妥警察補給站與隨身補給品，於賽前及賽中發給同仁補給品。
此外，也特別訂製天燈造型的小鹽燈，結合野柳景點女王頭造型的提袋，並印上新北警局長阿仁哥「人民最大基層優先」的治安理念，於賽後頒發給勤務中有特殊優良表現的同仁，慰勉辛勞。</t>
  </si>
  <si>
    <t xml:space="preserve">英國政府首波入境「免隔離國家」名單中，台灣包含在內。另據政府高層透露，日本、越南可望成為下一波對台鬆綁入境的國家。
新冠肺炎疫情仍在蔓延，台灣並未在歐盟「安全國家」旅客入境名單中。但是英國將台灣納入第一波安全名單，也就是說時，台灣旅客10日入境英格蘭地區時，可免除隔離14天的檢疫。未來會有哪些國家對台灣旅客進行入境鬆綁管制？據《東森新聞雲》報導，政府高層透露，下一波可望是台灣人最喜歡去觀光的日本和越南。
根據日媒報導，日本政府最快7月中旬進行第二波放寬入境，對象包括中國大陸、韓國及台灣。至於越南，越南考慮對連續30天沒有社區病例的國家，在7月底重啟國際航線，優先名單中包括台灣，越捷航空表示，預計7月中要恢復台越定期航班。不過據越南民航局長丁越勝（ Dinh Viet Thang ）表示，旅客入境後仍需自費到指定地點隔離14天。
</t>
  </si>
  <si>
    <t xml:space="preserve">新冠肺炎疫情擴散，台灣今天一天確診數大幅增加23例，目前總計已達100例。對此，民進黨立委王定宇感嘆，台灣第一波防疫本來守很好，但是這四天確診都跟出國旅遊有關，會導致防疫破口出現，必須遺憾的說，「這個破口是某些台灣人自己弄破的」！
王定宇在臉書發文表示，各位台灣的國民，面對中國的武漢肺炎，我們第一波的防疫，是成功且令人感動和尊敬的。但是...現在開始的14天，面對「武漢肺炎」已經全球爆發，這四天來，從一天增加確診6例、第二天8例、第三天10例，到今天的23例，這四天增加了47例，其中46例都跟出國旅遊有關，讓人扼腕和擔憂。
而這波危機是否是因為台灣國境關閉太遲所導致的？王定宇認為，其實不是，因為對外國人關閉國境，是外國人不能進來，而現在這46個病例都是台灣自己國人出國帶回來的，很遺憾的說，這個破口是某些台灣人自己弄破的！
王定宇指出，從醫療資源來看，這47個確診病例和接觸史，代表什麼...代表疫調官短時間內必須處理的量會破萬，是否承受的起？代表我們1100床負壓病房，現在空位僅剩400床，是否承受的起？代表我們基層診所醫療機構面對可能傳染機會增大。代表我們全體醫療人員和資源是否能夠應付最壞的情況？代表社區感染的機率會增大。
王定宇呼籲，接下來14天，是台灣是否守得住武漢肺炎第二波攻勢的關鍵時刻，該居家隔離的，請確實隔離，3月4日-15日從國外回來的台灣人有1萬多人，除了已經有就醫紀錄的562人、有上呼吸道症狀的550人、他種肺炎12人、採撿中100多人，其他的9千多人，請跟鄉鎮市區公所聯絡。
</t>
  </si>
  <si>
    <t>澳門連兩日共新增四例新冠肺炎確診病例，為避免疫情擴大，澳門新冠病毒感染應變協調中心5日宣布，澳門部分娛樂場所將於6日零時起關閉。
受影響的場所包括電影院、劇院、室內遊樂場、遊戲機及電子遊戲室、網吧、桌球室、保齡球場、按摩院、美容院、健身房、健康俱樂部、卡拉OK場所、酒吧、夜總會、舞廳及歌舞廳等。
10月4日至今，澳門新增4例新冠肺炎確診病例上述新增病例的感染源頭的調查仍在進行中。自疫情發生以來，澳門累計確診病例增至72例。
為防止病毒在社區傳播，澳門防疫部門已對新增病例的居住地、工作地以及近期曾到訪的地點，列為紅、黃碼區實施管控。此外，自4日晚間21時啟動第三次全民核酸檢測，計畫7日21時結束。檢測範圍包括澳門居民、所有在澳門逗留的人士。</t>
  </si>
  <si>
    <t xml:space="preserve">國內今天新增一例本土個案，為新北60多歲男子染疫，中央流行疫情指揮中心醫療應變組副組長羅一鈞表示，該男子的職業是做工程，10月16日發燒，17日就醫採檢確診，Ct值33.1，由於個案接觸的人少，感染源目前還在調查，但病毒量低，後續採檢2次都是陰性，可能是之前感染的案例，現處在陰陰陽陽的階段，判斷可能為舊案。
羅一鈞表示，這名個案從事的是工務工作，只接觸到1個朋友以及就醫接觸者，其餘相關人員是自主健康管理和自我健康監測。個案是雙側腎臟發炎導致發燒，和新冠肺炎沒關係。
對於個案的感染源，羅一鈞表示，目前疫調還在進行中，等到個案回憶起更多線索，才會有更多資訊，警政協尋也在進行。這名個案曾在7月14日接種單劑莫德納，確診時Ct值高、33.1，後來2次採檢都是陰性，病毒量低，又迅速轉陰，可能是染疫舊案，處於陰陰陽陽階段。
今日新增的1例本土個案(案16451)，為60多歲男性，今年10月16日因出現發燒等症狀，10月17日就醫並採檢，檢驗結果陽性收治住院，Ct值33.1，IgG、IgM均為陽性，後續採檢2次核酸檢測均為陰性。衛生單位已匡列接觸者12人，其中4人列居家隔離、3人列自主健康管理、5人列自我健康監測，將持續進行疫調及匡列，以釐清感染源。
</t>
  </si>
  <si>
    <t xml:space="preserve">世界衛生組織(WHO)表示，歐洲新冠疫情極為嚴重的國家義大利和西班牙近日出現疫情趨穩跡象，此一現象説明先前採取的「社交隔離」等防控措施已開始生效，但要使新增病例持續下降，仍需持續加大疫情防控的力度。
據《央視新聞》報導，世衛組織衛生緊急項目負責人邁克爾．瑞安(Michael J. Ryan)在記者會上表示，由於持續採取嚴格防控措施，義大利和西班牙新增病例的曲線將逐漸平緩，世衛組織也熱切期望兩國疫情能夠趨於穩定。
瑞安説，義大利和西班牙都採取限制人員流動的措施，其效果體現在新增病例曲線上需要一定時間，因兩國目前疫情曲線實際上應是反映了至少兩周前狀況。他表示，通過「社交疏離」措施，每個確診病例的接觸者數量在明顯減少，這意味著與兩周前相比，處於感染風險的人數已大量減少。再加上持續對社區病例的檢測和隔離，人們其實已能夠搶在病毒進一步擴散之前採取措施。
不過瑞安也強調，光靠管控措施遠遠不夠，還必須加倍努力推進公共衛生措施來壓制病毒，因為病毒不會自動退卻。現在的問題是如何讓病例數下降，這不僅是限制或放開人員流動的問題，而是要讓病例數不僅穩定，而且呈下降趨勢。
據義大利官方統計，周日新增確診感染病例減少5.6%，這已經是確診病例連續第3天呈下降趨勢。但西班牙周一新增新增849起武漢肺炎死亡病例，累計死亡人數達8189人，創單日新高，死亡病例總數僅次於義大利，居全球第2。
</t>
  </si>
  <si>
    <t>野村證券調查發現，蘋果iPhone第二季砍單20％，科技產業分析師李佳伶指出，經驗顯示，蘋果砍單通常是一系列的動作，未來幾個月仍須持續提防，同時，iPhone供應鏈上半年營運將低於預期，第三季變數居高不下，風險無法輕忽。
受制於新冠肺炎侵擾，野村上周開始觀察到蘋果對供應鏈砍單，呼應了大立光在法說會上短線偏保守觀點。李佳伶不諱言，蘋果本季砍單來得比預期稍早，考量過往經驗，蘋果砍單未來幾個月應會持續發生，直到下單量與實際需求相符，這次也不例外。
有鑑於此，野村認為，iPhone供應鏈受到蘋果砍單影響，即便第二季彌補首季遭新冠肺炎疫情衝擊的損失，上半年營收恐難達成財測預期。此外，儘管市場對iPhone第三季訂單預期相當高，但相比其他Android品牌智慧機砍單幅度，下季iPhone出貨量實有很大不確定性，假設新iPhone延遲一個月，將使下半年新iPhone出貨量短少1,500～2,000萬支，野村證券也已把2020年5G版iPhone整體出貨量，由7,000萬支降為6,300萬支。
根據外資觀點，來自蘋果營收占比較高（五成以上）的主要供應鏈包括：鴻海、和碩、可成、鎧勝-KY、玉晶光、TPK-KY、GIS-KY、臻鼎-KY、台郡、瑞儀等。法人說明，iPhone第二季遭砍單對相關供應鏈，應有程度不一衝擊，若下半年新機發表時程不如預期，影響可能更大，這些個股中，野村對TPK-KY、GIS-KY、瑞儀前景較為保守。
值得留意的是，玉晶光約有九成營收來自蘋果，長期也都是市場關注焦點，摩根大通證券依舊對玉晶光市占提升題材富有信心、維持正向觀點，但最新也指出，鑒於肺炎疫情衝擊智慧機銷售，需求比預期更為疲弱，加上下半年新iPhone或將延遲面世，罕見下修對玉晶光財務預期。
李佳伶提醒，儘管蘋果iPhone部分訂單可能是推遲到第三季，若將第二、三季訂單合併計算，下修幅度不致那麼激烈，然砍單狀況出現後，通常會對供應鏈氣氛至少造成一～兩個月的負面效果，現在應先避開iPhone產品占營收比重偏高的供應鏈廠商，短期來講，較專注於AirPod、iPad、高效能運算（HPC）的電子供應鏈，是較佳選擇。</t>
  </si>
  <si>
    <t xml:space="preserve">美國總統川普周五發表媒體稱他敗選後的首度公開談話，他在白宮玫瑰花園先是大讚最近新冠疫苗研發獲得突破，接著說，除非紐約州長古莫（Andrew Cuomo）不擋路，否則當地不會獲得疫苗。
據CNBC新聞網和《紐約郵報》（New York Post）13日報導，川普承諾最快4月時，政府將會在全美各地分發新冠疫苗。可是由於古莫不信任，因此不會給紐約州。
「最快4月，全美各地民眾都會得到疫苗，除了像紐約州等地，基於政治理由的地方外，州長決定這麼說——而從政治上來說，我認為不好，從健康的觀點來看，我認為很糟——但他想要在疫苗上慢慢來。」
古莫先前不斷貶低相關疫苗，說在川普手下它已政治化，並需要紐約州政府二度審核。就在美國輝瑞（Pfizer）大藥廠宣布，疫苗研發出現重大突破後，古莫周一隨即發表評論說，川普推出疫苗有「瑕疵」，甚至說，「我們不能讓這疫苗計畫按照川普和他政府設計的方式繼續下去」。而川普周五反唇相譏道，「他不信任疫苗的來源，這些來自全世界一流的公司、最棒的實驗室，但他不信任是在這白宮，在這政府治下的事實。」
不過，古莫聞言，隨即透過MSNBC回應道，只要川普給紐約州疫苗，他馬上就會分發。他強調，政府一發疫苗，紐約州就會著手分發，絕不會有任何延誤，並說川普說的話沒一句是真的。
然而，古莫也坦承，過去4年來，他都直言不諱，反對川普的許多政策，並直指這次美國總統選舉川普在紐約州大輸，而州檢察官也在調查這位白宮主人的逃稅案。古莫說，川普對紐約州有意見，喜歡把矛頭對準紐約，那是他的問題，也是他個人的信用問題。
另一方面，紐約州檢察長詹樂霞（Letitia James）也發出聲明，威脅如果政府一旦有了疫苗，卻沒立刻給紐約州，將為川普的政治報復行為，控告這個「跛腳鴨」總統。
</t>
  </si>
  <si>
    <t>懷特（4108）搶搭新冠病毒列車，正透過旗下「懷特精製黃耆多醣研究中心」開發抗病毒藥物的新適應症，加上5月營收以1,034萬，交出月增93.47％、年增42.21％佳績，11日激勵買盤搶進，奔上漲停價22.25元，成交量也放大至4,545張，順勢突破均線，預期將可望挑戰前高22.75元。
受惠大陸研究發現，新冠肺炎患者經感染後，體內負責免疫作用的T細胞，以及表面的CD4+、CD8+等受體，均受到肺部發炎影響而大幅降低。懷特認為旗下「癌因性疲憊症」藥物，將有助於提升人體T細胞與其受體的數值，目前正展開研究能開發出對抗新冠病毒的新適應症。</t>
  </si>
  <si>
    <t xml:space="preserve"> 저는 코로나19호 바이러스에 감염됐습니다. 정부로부터, 주변으로부터 주의 받은 모든 것들을 무시한 채 생활한 저의 부주의였습니다. 개인의 행동이 사회 전체에 끼치는 영향이 얼아나큰지.. 저로 인해 또 감염됐을 분들에게 미안한 마음뿐입니다. 나는 아니겠지라는 마음으로 지내왔던 바보 같은 판단이 지금의 나를 만들어 버렸습니다. 한 병원에서 입원해있습니다. 많은 과거를 회상하며 감사함과 미안함이 맴돕니다 하고 싶은 이야기가 너무 많아요.. 너무 많은 사람들이 보고 싶어요..
 J_JUN 김재중 ジェジュン（@jj_1986_jj）分享的貼文 於 PDT 2020 年 3月 月 31 日 下午 10:38 張貼
新冠肺炎持續在全球蔓延，今(1日)稍早34歲JYJ成員金在中在IG證實罹患新冠肺炎，他PO出全黑圖片，致歉說：「個人的行為對社會造成的影響有多大，對因我而被感染的人感到抱歉」，但稍後他又編輯文章，稱是愚人節玩笑。
金在中15歲時參加SM娛樂的選拔以第一名的成績入選，並開始兩年練習生生涯，2003年他與鄭允浩、沈昌珉、朴有天、金俊秀5人以「東方神起」團體身分出道，2009年鬧合約風波，金在中、朴有天、金俊秀因薪資分配不公向法院提出解約，隨後3人出走，另組男團JYJ。
今金在中發文證實得到新冠肺炎，他為此道歉，說：「我得到了新冠肺炎，是我的疏忽，無視政府和周遭的提醒」，他因個人行為影響了整個社會深感抱歉。先前他總覺得「應該不會是我吧」，如今想來心態太傻，現在他人在醫院治療中，「回想過去覺得感嘆又愧疚」，還有很多想見的人與想說的話。
對此，公司表示，因為金在中現在在日本，接到消息後也嘗試過聯繫，但目前還沒連繫上，強調：「目前網傳金在中的發文和他平時的語氣不同」，猜測有可能是被駭客盜帳號。而發文半小時後，金在中又編輯文章稱是愚人節玩笑，說短時間引來許多人擔心，也想告訴大家，「保護自己就是保護身邊珍貴的人」，又指：「我甘願接受因這篇文章受到的一切處罰，希望大家身體健康」，但亂開玩笑行徑已引來大批網友罵翻，紛紛說：「敗光路人緣」、「多大的人了能成熟點嗎」、「不接受任何理由的拿疫情開玩笑」、「沒腦想紅想瘋了吧」。。</t>
  </si>
  <si>
    <t>新冠疫情肆虐至今已2年，各國疫苗覆蓋率逐漸上升，疫情也逐步趨緩，不少台灣民眾期盼何時可鬆綁邊境管制，出國旅遊回來不用隔離14天，對此，台大前感染科醫師林氏璧推測，台灣疫苗覆蓋率未達兩劑8成之前，指揮中心應不會貿然鬆綁邊境管制政策，因此返台免隔離的規定最快應要等到明年第二季（4至6月）後才有可能。
林氏璧今天在臉書發文表示，隨著各國Delta疫情趨緩，疫苗覆蓋率逐漸提高，美國、日本、新加坡、印尼、泰國和馬來西亞等國家都在計畫放寬邊境管理措施，包括對於完整接種過2劑疫苗的旅客鬆綁限制，希望可以在疫情與經濟之間取得平衡。
林氏璧指出，這些邊境管制的細節各國都不太一樣，每個國家認同的疫苗名單也不同。台灣因為守得很好，所以將Delta擋在外面，因此指揮中心在疫苗打到一定的覆蓋率之前，應該不會鬆綁邊境管制措施，估計至少國內要打到兩劑8成甚至更高才有可能。
林氏璧推測，出國返台隔離14天的防疫政策，應該要等到明年第二季以後才有可能鬆綁，這個冬天，只好繼續宅在家裡看日劇了。
林氏璧也說，台灣距離開放國門還有一段時間，在世界各國打開國門的時候，我們可以好好觀察，其實真的不用擔心打哪些疫苗不能去哪些國家，這些政策各國都會滾動式調整，還需要再多加觀察。</t>
  </si>
  <si>
    <t>中央流行疫情指揮中心，27日公布確診的印尼籍外勞活動活動軌跡，環保局今派員針對指定區域加強消毒，包含台北車站地下街和龍山寺附近周邊；另外，台北捷運公司也加強消毒頻率，列車為8小時消毒一次，公共區域包含加值機、按鈕等設備，則為每4小時消毒一次。
新冠肺炎疫情擴大，人心惶惶，北市環保局對指定公共區域加強消毒，今正逢228連假，出入公共場所或逛街民眾增加，環保局特別針對外籍看護曾到過的龍山寺周邊進行大消毒，而晚上11點也將會對台北市地下街進行封閉場域大消毒。台北地下街合作社副理張慧芸指出，地下街屬人潮較多公共場所，因此，每2到4小時都會以酒精加強擦拭消毒，且每2星期在營業結束後，也會封閉場域進行全面消毒。
萬華區清潔隊長林志芳指出，平日就會針對景點公共區域特別消毒，今天從龍山寺前方廣場廣州街開始消毒到西園街及捷運周邊，都會全面消毒，而日前也已完成國中、國小及公立幼稚園共227所消毒工作。
張慧芸指出，整條台北地下街長達1公里，針對所有場域消毒需花費長達4小時的時間，包括廁所、電梯等區域，此外，在重要出入口還裝設了共15台酒精機，供民眾消毒使用；林志芳表示，這次大消毒不只因確診案例曾到過周邊區域，其實平時環保局就會定期大消毒，落實防疫工作。</t>
  </si>
  <si>
    <t xml:space="preserve">新冠肺炎疫情持續升溫，美國總統川普甚至預測全美最多將有24萬人被奪走性命。此一言論再度點燃市場恐慌情緒，摜壓剛創下史上第二大季線跌幅的全球股市，美股在4月第一個交易日全面重挫，三大指數跌幅都超過4%。
道瓊工業指數今天收盤重挫973.65點，跌幅4.44%，收在20943.51點。
標準普爾指數收盤重挫114.09點，跌幅4.41%，收在2470.5點。
科技股那斯達克指數收盤重挫339.52點，跌幅4.41%，收在7360.58點。
新冠疫情持續在美持續延燒，根據約翰霍普金斯大學計算，美國目前共有20萬3608例確診，全球第一，至少4361人不治。原本樂觀的川普如今也一改之前樂觀態度，坦言未來2周會非常痛苦，慘如地獄，死亡人數可能在10萬至24萬人之間，「大家要有心理準備」。受此言論影響，市場恐慌情緒再起，美股三大指數全倒。
</t>
  </si>
  <si>
    <t xml:space="preserve">伊朗今天通報過去24小時新增43起新冠肺炎死亡病例，死亡總數達到237人；確診數新增595例，全國累積7161例確診。另外，有鑑於疫情持續擴散，伊朗已釋放約7萬名囚犯。
路透社報導，根據伊朗司法部門的米桑（Mizan）新聞網站，司法部長萊希（Ebrahim Raisi）今天表示，由於伊朗新冠肺炎疫情延燒，當局已釋放約7萬名囚犯。
萊希說，將在不影響社會安全的前提下「繼續釋放囚犯」。但他沒有表明，被釋放的囚犯何時或是否需要回到監獄。
伊朗為全球目前新冠肺炎死亡病例數第3多的國家，僅次於疫情起源地中國，以及疫情最嚴重的歐洲國家義大利。
法新社報導，伊朗衛生部發言人賈漢普爾（Kianoush Jahanpour）在記者會上說：「我們的同事證實，伊朗境內新增595起病例，使得伊朗截至9日午間，累積達7161例確診。」
賈漢普爾表示，伊朗2019年冠狀病毒疾病（COVID-19，新冠肺炎）確診數增速逐漸下降，但現在判斷疫情何時會得到控制「還為時過早」。
「又有43人不幸死於冠狀病毒疾病，所以伊朗目前有237起死亡病例。」
伊朗官方指出，首都德黑蘭所在地德黑蘭省有1945起病例，仍是境內確診數最多的省份。確診數第2多的是位於德黑蘭南方的科姆省（Qom），有712例確診。
</t>
  </si>
  <si>
    <t>中央此波撥配莫德納疫苗，南投縣將獲配撥2萬3800劑。南投縣疫情指揮中心今天表示，將於7月3日至10日開放「74歲至85歲長者、原住民64歲至75歲者」接種，接種地點為8家醫院、5大接種站、13鄉鎮市衛生所及3處衛星接種站，場次、地點及時間將在29日公布。
南投縣疫情指揮中心指出，此次第四批疫苗配撥，將採兩次配送，7月1日配送分配量為1萬4000劑；7月8日配送9800劑。此次施打採造冊，由各鄉鎮市戶政事務所造冊列印接種通知單，各公所通知村里鄰長即時發放，符合接種民眾須攜帶健保卡、身分證及接種通知單，依通知時間到指定地點接種。
接種地點在8家醫院、5大接種站、13鄉鎮市衛生所及3處衛星接種站，至於接種場次、地點及時間，預計在6月29日公布。原86歲以上長者及原住民76歲以上者若前次接獲通知單未前往接種，尚有意願接種者，請於7月9日前向所轄里鄰長登記，將再列入下批次依序通知。
南投縣疫情指揮中心表示，南投縣疫苗累積獲配送疫苗為4萬600劑，接種人數3萬5795人，完成率88.2％，占全縣18歲以上人口比例8.5％。昨天第6類（75歲以上長者）接種38人，累計接種數1萬3766人；但並無孕期婦女接種，孕婦累計接種數41人。
因竹山鎮近期出現確診個案，南投縣衛生局於6月25日、26日續辦2場次「竹山鎮新冠肺炎社區篩檢站」，快篩總計篩檢522人，快篩陽性1人，再經核酸(PCR)檢測後，結果陽性1人。</t>
  </si>
  <si>
    <t xml:space="preserve">
新冠肺炎疫苗擴大開放給高齡長者優先施打，近日卻傳出多起老人接種後猝死案件，儘管科學證據顯示「利大於弊」，仍引起不少國人擔憂。對此，重症醫療醫師黃軒表示，為了預防意外發生，長者若要出門接種疫苗，應謹守「「三個不」並配合「天時地利人和」。
黃軒於臉書表示，台灣老人接種後觸死事件頻傳，儘管很多科學數據告知，打疫苗真的是利大於弊，自己也認為如此，但一般民眾都聽不太懂。對此，他建議，老人接種疫苗前需謹記「三個不」，分別是：
1.不宜濕悶出門。
2.不宜爬上爬下。
3.不宜獨自一人。
另外，也要搭配著「天時、地利、人和」不要出門：
【天時】
下大雨、悶熱天、中午大熱天、天雨路滑，可以暫時不宜出門。
【地利】
地面凹凸不平，不適合走路，不要等老人出了遠門，到了打針場所，才發現還要爬上爬下。
【人和】
老人不宜久站...近的看不淸，遠的看不到。現場要有人引導老年人，並設有機動的輪椅或坐位。
15日開放75歲以上長者接種疫苗，截至19日為止，我國接種後通報死亡案例累計73例。中央流行疫情指揮中心表示，目前觀察到僅有時序相關，尚未判定死因與疫苗直接關聯，死因初步跟心血管疾病或慢性病有關，當然專家還需要其他醫學研究做綜合性判斷。
</t>
  </si>
  <si>
    <t xml:space="preserve">國內疫情持續延燒，但已呈現趨緩，行政院研擬推出5倍券來振興經濟，不過，據網媒昨所做的網路民調顯示，83％網友認為發放現金對振興經濟較有幫助，若能領取現金，46％的網友將會在最短時間1個月內消費完畢。對此，藍委許淑華認為，可見行政院長蘇貞昌擔心的「存起來」不僅多餘，更是無視現況作出的荒謬結論。
許淑華今（12日）在臉書發文表示，上週許多家庭過了個無助的父親節，看不到盡頭的疫情，讓市井小民必須咬著牙撐下去，振興效益成為政府政治算計的公式，面對堅持己見的蘇院長，大家只想問一句，既然振興券等於現金，何不直接發現金？
對於發放5倍振興券，許淑華指出，不少民進黨的民意代表也持反對意見，《Yahoo新聞》的網路民調顯示，現金發放有46％網友表示會在最短時間1個月內消費完畢，更有83％網友認為發放現金對振興經濟較有幫助，可見蘇貞昌擔心的「存起來」不僅多餘，更是無視現況作出的荒謬結論。
另外，許淑華稱，據媒體報導，行政院打算請唐鳳政委設計振興券專用的APP來挽救人氣，但額外增加的行政成本又要誰來買單？許淑華直言，政府應普發現金，不用多餘的行政流程及開發成本，聽取民意，才是負責任的「大有為政府」。
</t>
  </si>
  <si>
    <t xml:space="preserve">拜登14日在選舉人團確認勝選後的首場演說中頻頻咳嗽、清喉嚨，讓民眾驚嚇他是否得了新冠肺炎，他當天稍後證實正在和感冒搏鬥，不過強調只是輕微感冒。
14日全美各州選舉人團投票確認拜登勝選、入主白宮，在正式確認勝選後的首場演說中，拜登卻幾度講到聲音沙啞，頻頻清喉嚨、咳嗽，讓美國民眾「嚇壞了」，擔心他是否得了新冠肺炎。
據福斯新聞（Fox News）報導，在演說後和支持者的視訊中，拜登認了「正在和感冒搏鬥」，不過強調只是「輕微」感冒。
「感謝你，我有一點感冒，我很抱歉。」拜登說，但他隨即話鋒一轉，感謝民眾支持，「但你看看，你們做到了，不是開玩笑的，這次選戰就像當年我以29歲之姿參選參議員，我相信一般老百姓能合力達成，你們沒讓我們失望，你們沒讓這個國家失望。」
另據美國版《太陽報》（The U.S. Sun）報導，拜登周一在演說中頻頻清喉嚨，引發網友擔憂他的健康下滑，有網友拜託他，「喝點水吧，喬，你嚇壞我們了。」也有人建議他做一下新冠病毒檢測。
不過也有網友點出拜登是舊疾復發，指出他本來就有胃食道逆流，因此導致他「必須經常清喉嚨」。
福斯新聞指出，近幾個禮拜以來，拜登與副手賀錦麗（Kamala Harris）經常進行新冠病毒檢測，拜登最近一次檢測是在11日，檢測結果為陰性。
</t>
  </si>
  <si>
    <t>近日台灣有不少疫苗到貨，獨缺莫德納疫苗，讓很多7月已接種莫德納第一劑的民眾十分焦慮，擔心第二劑遲遲打不到恐影響保護力，據了解，我自購的108萬劑莫德納疫苗將於明天（17日）到貨，紓解國內的莫德納荒。此外，明天也會有自購的64萬劑AZ疫苗抵台。
我政府自購的505萬劑莫德納疫苗，目前僅到貨150萬劑，到貨率僅29.7%，若再加上明天抵台的108萬劑，到貨量終於衝破5成大關；另先前美國有捐贈我250萬劑莫德納疫苗救急，8月29日還有捷克捐贈我3萬劑莫德納。
目前國內有300多萬人打完第一劑莫德納，卻苦等不到第二劑的狀況，引發民眾反彈，昨天傳出台大要做莫德納混打高端的臨床實驗，更讓廣大莫粉氣炸，中央流行疫情指揮中心指揮官陳時中昨在記者會上強調，只要打過第一劑莫德納者，都能打得到第二劑，目前疫苗政策就是這樣安排，盼民眾不用太過擔心。</t>
  </si>
  <si>
    <t xml:space="preserve">
新冠肺炎疫情嚴峻，全球確診數超過72萬，奪走3萬條以上人命，美國確診已破14萬例，「旺好運平台」董事長許良源邀請「寰宇媽祖文化國際交流協會」理事長蔡咏锝，用「宅法會」模式辦理「百廟眾聖護蒼生，為全球疫情祈福法會」，希望祈福燈能照亮7天法會，為世界疫情帶來光明希望。
本次法會共有206間宮廟參與，超過7000人報名的「百廟眾聖護蒼生 為全球疫情祈福法會」，主辦單位為配合政府集會指引，以「科技宅法會」取代傳統拜拜，避免群聚感染風險，透過粉絲團、海內外直播平台，實況轉播法會科儀，集結900萬名信眾於線上集體祝禱，內政部部長徐國勇也透過錄影致詞，並由前立法院長王金平獻上祈福燈。
法會已從今天開始舉行法會至4月5日為止，今天就有近4萬粉絲透過直播平台見證「科技宅法會」。</t>
  </si>
  <si>
    <t>台中屯區一家醫院也出現新冠疫苗接種劑量錯誤，只是這回是AZ疫苗原本應打0.5CC卻只打0.1CC，目前院方除召回受影響的40多人再補注射，也成立專案小組進行關懷，台中市衛生局也對該醫院接種公費疫苗進行停權處分。
新北市恩主公醫院將未稀釋的輝瑞／BNT疫苗注射於25名民眾身上，台中9月29日也發生類似劑量錯誤的嚴重疏失；大里仁愛醫院9月29日為40多名民眾接種AZ疫苗，原本應接種0.5CC，卻只接種0.1CC，事後點算發現接種人次與剩餘劑量不符，才發現是施打劑量不足。
院方也立即成立專案小組，並於10月1日召回這40多名接種劑量不足者到院補接種，不少接到通知的民眾抱怨「蛤，又要多挨一針」，有民眾憤而向媒體及相關單位投訴。
衛生局表示，接獲民眾反映後，衛生局已於10月2日派員前往釐清案發緣由，依院方說明，疑因交班人員訊息內容錯誤且未三讀五對所致，造成約40位洗腎患者接種劑量不足，發現異常後即依疾病管制署規定，通知患者補接種，除4位民眾因個人因素外，其餘均已完成補打，目前尚未有身體不良反應，院方表示會成立專案小組，持續追蹤患者施打後的狀況，已徹底檢討改進杜絕類似情形發生。
而衛生局在稽查相關人員及了解作業流程後，已對該院針對疫苗接種流程給予改善建議，並要求院方提供檢討改善措施且加強院內人員訓練，維護疫苗接種民眾權益。
因該院接種作業流程疏失，影響民眾健康權益，衛生局也已處以疫苗接種停權處分，並責成該院提報異常事件檢討報告，如經調查釐清有涉及違反傳染病防治法、醫療法或其他相關規定，將依法辦理。</t>
  </si>
  <si>
    <t>金門戰地軍管36年，意外保留純種台灣梅花鹿族群，金酒公司採取土產鹿茸搭配精選高粱酒，調和出2.0版的頂級「金門鹿茸酒」，首批7萬瓶問世，就吸引消費者注意，進入詢問度超高的新品排行榜。
金酒公司指出，根據學術單位研究證實，台灣原生種梅花鹿自1969年就已絕跡，只在金門外島還保有純種的台灣梅花鹿，原因除金門無汙染環境條件外，主因還在地屬四面皆海的離島，加上長達36年的戰地政務軍管，大幅降低與外界鹿隻雜交的機會。
金門本地飼養的梅花鹿，長期食用金酒每天免費提供的酒糟，帶來降低飼養成本經濟效益，更因酒糟含有豐富的有機物質和營養成分，進而加乘提升鹿隻品質，產出金門頂級鹿茸。
金門酒廠過去即曾生產0.5公升裝酒精40度的金門鹿茸酒，在2017世界食品品質評鑑大賞中大放異彩，榮獲《金獎》的肯定。此次金門酒廠再次與金門養鹿協會合作研發推出0.3公升裝30度的新品金門鹿茸酒，維持高品質的鹿茸來源和男女皆適飲的健康內涵。
金酒說明，由金門酒廠酒體中心專業品酒師進行感官鑒定與把關，精心挑選珍貴鹿茸及酒體，調配完美的4比1差度比例的金門鹿茸酒，呈現迷人的琥珀色，口感溫和柔順，入口後味蕾釋放出濃郁，富含紮實、層次感的鹿茸香氣，展現中華傳統漢方的優質特色。
由於鹿茸在藥補中是相當高貴的藥材和營養補給品，有滋補強身、增強體力的功效，目前適逢新冠肺炎疫情席捲全球，金酒也希望這款新酒為消費大眾增強免疫力，適量飲用帶來健康平安。
首批7萬瓶上市，未稅單價新台幣350元，將於金門地區、金酒公司門市及養鹿產銷班販售。</t>
  </si>
  <si>
    <t xml:space="preserve">美奧克拉荷馬州一間麥當勞餐廳因防範新冠疫情實施限制措施，不開放餐廳現場用餐，卻遭2名不滿此一措施的女子連開數槍，造成2名餐廳員工受傷。2名女子開槍後並未遠離，在餐廳附近被警方逮捕。
據美國《有線電視新聞網》(CNN)）報導，奧克拉荷馬州受疫情衝擊，規定餐廳只提供外賣，不設廳內用餐。該州奧克拉荷馬市一家麥當勞依循防疫規定，要求2名坐在用餐檯上的女性顧客離開時，卻引發該2顧客情緒失控，其中一人甚至掏出手槍射擊，致店內2名職員肩膀與腿部受到槍傷，店內還有第3名員工在混亂中割傷及頭部，所幸皆無生命危險。
當地警方表示，職員上前要求坐在餐枱前的兩名疑犯離開時，疑犯變得激動，其中一人取出手槍向職員開槍，分別擊中兩名職員的腳及肩膀，傷勢都不會危及性命，另有一名職員在混亂中頭部受輕傷。兩名疑犯開槍後逃逸，在附近遭到逮捕。
報導指出，近期美國此類因應防疫措施而發生衝突事件頻傳，密西根州一家大型超商，日前也發生保全拒絕未戴口罩的顧客入場，竟遭到對方家屬開槍擊斃的事件。另一家商場則有男子被員工要求戴上口罩時，竟把鼻涕擦在該員工衣服上。
</t>
  </si>
  <si>
    <t xml:space="preserve">新冠疫情肆虐全球，已多次精準預測國際大事的印度神童阿南德近期透露，「好日子」即將到來，他預測11月21日之後，全球將脫離最壞的情況，12月起經濟開始復甦，各地情況也將逐漸好轉，可望回歸正常生活。
阿南德在近期發布的YouTube影片中指出，今年9月至11月，全世界將經歷最壞的時刻，新一波疫情可能達到高峰，不過11月21日後，木星離開魔羯座，前往水瓶座，將逐漸回歸正常生活，12月起經濟開始有復甦的趨勢。不過他也透露，明年4月22日，由於火星與土星相合，有可能再度面臨危難，激起一波動盪，世界可能會發生巨變，經濟要恢復穩定可能要等到2023年4月23日以後了。
阿南德2019年8月因精準預測新冠疫情而聲名大噪，後來也陸續命中國際間的重要大事，包括6月時曾預言，印度、美國、日本及多數歐洲國家6月20日後將發生嚴重大事，結果來自印度的Delta病毒肆虐，國際間相繼發生英國延後解封、以色列加強防疫措施，美國除了變種疫情之外，又發生邁阿密大樓倒塌，日本靜岡也爆發嚴重土石流。
接著阿南德又預言，7月會更動盪不安，甚至疫情恐將反撲，果然法國與荷蘭政府相繼承認防疫出現漏洞，因此擴大防疫措施，阿南德還說7月21日後，狀況會每況愈下，果然7月後歐洲又面臨新一波疫情，更慘的是阿富汗還傳出政變。
阿南德預料，9月至11月將會是全世界最動盪不安的時期，經濟及股市將在12月後逐漸回歸穩定，但之後又會再經波瀾，直到2023年4月以後才會好轉。
</t>
  </si>
  <si>
    <t xml:space="preserve">中央流行疫情指揮中心今（9）日所應下令，為維護民眾健康，即日起，全國酒店及舞廳全面停業。曾經爆發確診新冠肺炎的台商到店找舞小姐的金芭黎舞廳業者今回應，決定全面配合，並遵照中央指示，直到中央宣告可復業為止。
金芭黎舞廳總務阿德受訪時表示，即日起老闆旗下所有的娛樂事業，決定全面配合中央指示關閉，一直到政府有關單位宣布可以開業，才會再復業，一切等待中央命令，至於今天已經報到上班的同仁，等下也會告知解散。
</t>
  </si>
  <si>
    <t>受新冠肺炎疫情影響，獨居老人生活更形艱困，星展銀行捐贈台灣2250萬元，採購每袋價值500元的「星展暖心食袋」，南投縣獨居老人也將受惠；南投縣長林明溱5日與政務委員唐鳳、台南市長黃偉哲等人透過視訊交流，表達謝意。
林明溱指出，南投縣人口老化程度，居全台第3，僅次於嘉義、雲林縣，全縣列冊需關懷的獨居長者達2756人，此次南投縣食物銀行獲贈的星展暖心食袋，將優先分贈給這些獨居老人，讓他們得到生活關懷與實質補給。
視訊會議由星展銀行台灣區總經理林鑫川主持，並邀請供應暖心食袋的良品小農代表，包括「友善大地」有機米、「社會網路」日曬關廟麵、「台灣好漁」魚鬆、「直接跟農夫買」焦鹽玉米棒及「茶籽堂」洗手乳等業者代表參與。
唐鳳、台灣食物銀行聯合會理事長方荷生，都肯定星展銀行善用網路視訊，提高防疫期的作業效率及分享精神；黃偉哲也肯定星展銀行採購小農產品，關懷獨居老人同時也嘉惠受疫情衝擊的小農。</t>
  </si>
  <si>
    <t>配合中央流行疫情指揮中心110年5月15日宣布台北市與新北市提升新冠肺炎防疫警戒至第3級，林務局新竹林區管理處前已於5月15日起至28日止暫停開放新北市及桃園市的森林育樂場域及自然步道，因應新竹縣、苗栗縣也已提升至準3級警戒，因此一併擴大暫停開放。
林務局表示，本次暫停開放場域有內洞、滿月圓、東眼山(含自然教育中心)、拉拉山、觀霧(含觀霧山莊)等5處國家森林遊樂區、烏來台車(含林業生活館)、內灣林業展示館、火炎山生態教育館及出入口位屬新北市、桃園市之自然步道；另插天山及火炎山自然保留區原已核准至5月28日區間之許可證一併廢止。</t>
  </si>
  <si>
    <t>2020年新冠肺炎疫情席捲全球，該如何有效防疫成為各個單位的重要課題，根據各國的社區防疫指引都提醒「電梯」是感染新型冠狀病毒風險最高的處所之一，吳鳳科大在學生宿舍安裝智慧聲控電梯，讓學生透過聲控或手勢，「零接觸」防疫滴水不漏。
吳鳳科大校方指出，防疫期間病毒殘留電梯按鈕容易成為接觸傳染源，將智慧聲控系統應用於電梯，減少接觸機會，有助防疫。實際使用過的學生表示，只要清楚說出樓層，按鈕會馬上亮燈，無需動手按電梯。
總務處則表示，吳鳳是雲嘉地區唯一首推建置「智慧聲控電梯」的學校，更在開學前針對學校宿舍大廳電梯加裝手勢型感應叫車與車箱內聲控控制樓層功能，有效避免學生因接觸按鈕而產生的風險。</t>
  </si>
  <si>
    <t>台中市12日獲中央配發7萬3500劑疫苗，開打3天，驚傳4例在注射新冠肺炎後過世，有3名逾80歲長者，另1名為60歲腎臟癌末患者；施打站雖打氣不減，卻現長者「緩打潮」，市府統計，較開打2天均日打7千多人，今日僅5307人接種，施打率驟降24％。
台中市衛生局長曾梓展表示，統計全市因接種新冠疫苗出現不良反應通報共83案，施打疫苗後有3人死亡並已通報中央，以釐清死亡與疫苗的相關性；另1人為腎臟癌末及糖尿病患者，醫師判定死因為重症引發急性呼吸衰竭，與施打疫苗無關，其他3案則住院。
曾梓展指出，3例死亡個案，後續將由衛生局協助家屬，提出預防接種受害救濟申請，收集相關病歷資料，提送中央審議，若確定因預防接種致死，最高將給付600萬元救濟金；民眾接種疫苗後，若出現不良反應請立即就醫，可申請藥害救濟。</t>
  </si>
  <si>
    <t>新冠肺炎疫情蔓延全球，高雄市立小港醫院與神光晶片公司20日合作簽約，首次公開發表針對新冠肺炎的定量快篩儀器「The ONE」，從檢體採樣到快篩結果僅10至15分，目前正與醫院合作臨床測試階段，未來將可望申請專案量產。
神光晶片公司創辦人柯正浩研究團隊經多年研究，開發出「光譜晶片」，可用來分析物質成分、量測化學反應變化等，現今新冠肺炎診斷方法主要使用核酸（RT-PCR）、抗原與血液抗體檢測，此次發表的神光晶片是用血液抗體檢測，用「合成抗原」檢測血液中是否有含抗體。
柯正浩指出，「The ONE」定量快篩機透過領先全球的創新關鍵技術，具有快、準、廣、即時等優勢，從檢體採樣到快篩結果約10至15分鐘。
柯正浩提到，該快篩機還能精確定量抗體（IgG／IgM），靈敏度為現有快篩測試100倍以上，可排除大部分偽陰性誤判；加上掌上型大小，便於攜帶，利於擴大檢測場域；檢測結果以手機APP回傳雲端資料庫，可即時掌握疫情。
小港醫院院長郭昭宏表示，小港醫院與神光晶片合作已臨床實驗，透過盲測初步驗證其準確性，未來若取得政府驗證，屆時新冠肺炎檢測方式將可比照流感快篩，在15至20分鐘內，就能篩檢出陽性病患。</t>
  </si>
  <si>
    <t>新冠肺炎〈NCP〉的疫情持續延燒，繼亞洲各國之後，病毒也開始陸續進攻歐洲。義大利不但在昨天出現第二起死亡案例，確診病例更是從29起暴增至79例，使民眾人心惶惶，政府更下令封鎖10座城鎮。對此就有網友在PTT發問，想知道義大利有沒有可能成為歐洲破口？
日前有網友在PTT的「nCoV2019」板發文，表示現在義大利的感染人數已經來到79人，正式超越香港，更可怕的是歐洲申根可以讓歐盟內各國人員到處趴趴走，又指出「義大利北邊和法國東、德國南、比利時盧森堡連接的是西歐的重要工業區經濟命脈」讓他不禁猜想「如果整個西歐工業區得像之前大陸完全停工(消毒水、口罩備齊後)慢慢等待復工，封鎖城市、邊境嚴格查哨管制，西歐的經濟會不會遭受致命打擊?!」
文章曝光後引起熱議，不少人紛紛留言表示「英國這時脫歐，會不會是最好時機啊」、「絕對，之後可能再破美國」、「應該早就爆了 德法都沒對境內做積極檢驗，整個歐洲只有英國和義大利有在積極」、「WHO可以廢了」、「大城市比較可能啦，其他地方不容易啦」其中也有知情人士點出「義大利大陸人多」和「鐵路」恐怕是引起失控的關鍵「鐵路都通...一定失控」、「跟黑死病途徑很像」、「溫洲人在義大利有30萬人上下，有個城市出生100人之中38人是溫洲後代，大陸湖北之外就屬浙江溫洲最嚴重，破口絕對是中」、「歐盟國境模糊 一國爆=全部爆」。</t>
  </si>
  <si>
    <t>國內包含北投一家、內湖電視台記者等，連續發生好幾起暴斃的案例，染疫後就迅速病逝，中央流行疫情指揮中心醫療應變組副組長羅一鈞表示，5月11到6月7日以來，共有35人是到院前死亡，佔了11.8%。其中，快樂缺氧是主因。
中央流行疫情指揮中心今(9)日公布國內新增275例COVID-19確定病例，其中274例為本土個案，另有1例境外移入個案。確診個案中新增25例死亡，且有6人確診後二到三天內後就「快速死亡」，1人死後確診。
羅一鈞表示，新冠肺炎病程變化很快，所以會有隱形缺氧的狀況，到院前死亡或是在家中猝死的，已經沒辦法調查，之前出現過什麼症狀，發生什麼身體的變化導致死亡，目前專家研究顯示還是因為隱形缺氧導致，因為不會有明顯前兆，都是氧氣濃度很低，緊急送醫時，時間已晚。
羅一鈞表示，本週針對家戶感染是調查匡列的重點，希望確診個案都可以儘速到醫院內，減少病程惡化的狀況，今天看起來統計到前天確診病例中，雙北確診病患沒有居家隔離，都是安置在集中檢疫所或是醫院處理，本週會這樣處理，
至於快篩陽性，羅一鈞說，若量能足夠，希望可以到加強版集中檢疫所或是加強版防疫旅館，也會配發血氧機，之前已經配發一千台，今天會在配發一萬五千台，希望篩檢站，快篩陽性時可以拿一台血氧機回家，在家中偵測血氧濃度，小於等於94%，就儘速送醫。</t>
  </si>
  <si>
    <t>新冠肺炎持續延燒，台南市長黃偉哲針對疫情造成外銷通路受阻、內需減少的經濟衝擊，指示成立「台南市政府武漢肺炎疫情因應小組」超前部署，以掌握中央紓困的相關方案，才能即時媒合產業爭取中央補助，期望減緩在地產業衝擊。
針對立即受影響產業，黃偉哲指示以宅經濟、鄉野經濟、保健經濟三大主軸，共同籌畫因應策略，擬定共享經濟與隨選經濟，整合台南店家於電商平台建立「台南好物專區」，讓台南好物一站購足，並洽接外送平台，市民在家動動手指服務就來。
在農漁畜農產運銷方面，台南鳳梨產銷已經受到衝擊，台南市政府農業局將積極拓展外銷新市場，建立多元行銷管道以刺激消費；觀光旅遊方面，朝強化消費者信心，多元戶外鄉野行程，推動偏鄉經濟進行，並協助媒合中小企業爭取中央相關紓困補助或貸款。
另外，計程車司機的防疫物資，交通部已同意每日配發公共運輸從業者口罩，台南市計程車已經做好防疫準備，是自由行旅客及市民移動的好選擇。
黃偉哲認為，新冠肺炎情造成的經濟衝擊需要長期解決，台南市各項因應計畫將採波段式逐步推動，現階段將輔導產業強化內部職能、數位轉型等強化體質，共同朝向開發新市場、新服務的目標前進。
行政院會今日也針對經濟內需型產業、農業、交通等3大類紓困、輔導及振興方案：觀光運輸產業分短中長期提出紓困、復甦及升級轉型計畫，呼應內需型產業需求助業者渡難關，農產品多元行銷、通路媒合、拓展外銷市場及紓困貸款。
黃偉哲表示，台南市除配合中央的各項紓困振興措施，也會積極媒合業者爭取中央補助或貸款申辦，期待能減緩疫情對台南的產業衝擊。</t>
  </si>
  <si>
    <t>中美為病毒發源地，近日針鋒相對！傳出台灣去年12月底就收到警示指新冠肺炎可能人傳人，中央流行疫情指揮中心指揮官陳時中表示，當時確實已蒐集到情報，也擔心有人傳人可能性而去函WHO，但WHO僅表示「收到了」。對此，資深媒體人黃創夏認為，若不是傲慢的「收到了」，「全球就不會如今的驚嚇」。
陳時中昨指出，他對台灣蒐集到的情報有信心，因此台灣自去年12月30日就開始對武漢直航班機進行登機檢疫；1月2日就開設了應變中心。陳時中指出，因為無法獲得公開透明的第一手資訊，陳時中指當時便已警戒，因此台灣1月20日宣布指揮中心三級開設，1月23日就看到武漢緊急宣布封城。陳時中也提及，當時已蒐集到情報，擔心有人傳人可能性而去函WHO，但WHO僅表示「收到了」。
對此，黃創夏在臉書指出，如果去年12月31日，WHO接到台灣的預警，不是傲慢的「收到了」，而是「知道了，立即處理」，黃創夏直言，「全球就不會如今的驚嚇」！</t>
  </si>
  <si>
    <t>在新冠肺炎（COVID-19）疫情引發的社會動盪之下，美國民用槍械與彈藥的銷量自去年起猛烈增加，且客群擴及原本並無太大意願購買武器的民眾；一間槍店店員便表示，他最近遇到老年婦女和單親媽媽等顧客，坦言此類情況「前所未見」。
美國社會主義期刊《雅各賓》（Jacobin）特約編輯費南德茲（Belen Fernandez）10日投書「半島電視台」（Al Jazeera），稱美國人正瘋狂地武裝自己，因而引發彈藥的「大饑荒」。各地槍店的彈藥被搶購一空，甚至已影響執法機關；美國「國家執法槍械教練協會」（NLEFIA）執行董事烏斯騰伯格（Jason Wuestenberg）表示，由於彈藥不足，該協會已有部分教練被迫取消針對執法人員的培訓課程。
紐約州那努特（Nanuet）槍店「好人槍枝與彈藥」（Good Guys Guns &amp; Ammo）經理歐希利（Joe O'Healy）透露，該店的彈藥銷量猛增10倍，且已開始有老年婦女和單獨推著嬰兒車的單親媽媽來到店裡，選購用於防身的霰彈槍等武器，坦言此類情況「前所未見」。
費南德茲引述多家媒體指出，美國民眾囤積武器和彈藥的原因包括疫情恐慌、社會動盪、犯罪率上升、對未知的恐懼、肉類不足、有更多時間打獵等；《比靈斯日報》（Billings Gazette）更表示，據稱部份美國人正為「潛在的內戰做準備」。
費南德茲表示，雖然美國總統拜登（Joe Biden）有意收緊槍枝管制，但在該國彈藥製造商手裡握有價值達數十億美元的訂單之下，相關問題顯然不太可能迅速獲得解決。</t>
  </si>
  <si>
    <t>依據中央流行疫情指揮中心公布，新竹市23日新增2名COVID-19確診個案案4003、案4235。本土新增的案4003為30多歲女性，校正回歸的案4235為30多歲男性，兩人皆是出現症狀後採檢確診，兩案總匡列人數為40人居家隔離。市長林智堅於下午公布案4003、案4235與22日確診的案3863、3864共4案足跡。
本土新增的案4003為一名30多歲女性，平日工作搭乘高鐵往返新竹市、台北市，21日發燒達38度，就醫後，PCR陽性確診，目前全案匡列12人居家隔離。足跡包括9日11時30分至13時於新北市林口區言吾語火鍋店用餐，17日8時57分至9時30分期間搭乘高鐵0610班次，從新竹前往台北，16時11分至16時45分搭乘高鐵0841班次，從台北回到新竹。
校正回歸的案4235為一名30多歲男性，14日曾回到台北市萬華區家中，16日出現喉嚨痛、發燒至38度，18日喪失嗅覺，就醫PCR陽性確診，目前全案匡列28人居家隔離。足跡包括14日13時至13時30分曾到訪台北市忠孝SOGO以及台北市忠孝東路的高家涼麵，當日14時至16時則回到萬華家中，推估與萬華活動史有關聯。
另外，竹市衛生局也公布22日確診案3863、3864足跡，兩人為曾前往桃園金沙酒店的案3340雙親，兩人15日中午12時與案3340有家庭聚會，當日15時40分到16時10分間曾至千百億彩券行。18日16時30分至17時30分曾到新竹市七伍宮拜拜，足跡較單純，都在新竹市。
目前市府已針對相關足跡地點消毒，並提醒市民，若曾到過確診個案足跡場所，請持續自我健康監測，若於6月4日前出現發燒、上呼吸道、腹瀉、嗅覺異常等症狀，應配戴醫用口罩，儘速就近就醫，不得搭乘大眾運輸，就醫時請主動告知接觸史，相關疑慮請撥打1922。
★《中時新聞網》提醒您：因應新冠肺炎疫情，疾管署持續加強疫情監測與邊境管制措施， 如有疑似症狀，請撥打：1922專線，或 0800-001922， 並依指示配戴口罩儘速就醫，同時主動告知醫師旅遊史及接觸史，以利及時診斷及通報。</t>
  </si>
  <si>
    <t>台北市政府跨年晚會，副市長黃珊珊昨（29）日表示維持正常舉辦，但府前廣場管制區人數上限為8萬人，民眾入場採實聯制，並需消毒、戴口罩、紅外線量體溫，且一律禁止飲食。對此，民進黨台北市議員許淑華質疑，北市跨年限8萬人真的控制得了嗎？改線上直播有這麼困難嗎？對於北市府的態度感到很擔憂，就怕出現防疫破口。
許淑華昨在臉書表示，近期確診個案1人為日前染疫紐籍機師的接觸者，是本土感染，引發民眾擔憂，跨年到底要不要繼續辦各界議論紛紛，中央上緊螺絲嚴謹看待，北市府卻語出驚人，認為「不希望把這個事情看得很嚴重」，這樣真的OK嗎？而這樣的態度讓她非常擔憂，呼籲北市府跨年活動改為「線上直播」，避免人群聚集，防疫考量為優先。
根據台北捷運資料，去年台北市跨年周遭捷運運量，高達320.6萬人次，今年市府打算在周邊做出入管控，許淑華認為，是一個非常大的工程，這樣的人數流動非常可觀，真的不能輕忽！
昨日觀傳局公布人數總量部分，管制區內從過去約11萬名觀眾，將調整至上限8萬人。許淑華指出，管制區「實聯制」並非8萬人每一個人都可確實登記，有個萬一恐怕變成一個未爆彈？後果由誰承擔？且外圍人群流動就算擠爆擠滿，根本無法控管，是否也會成為防疫破口？
許淑華調閱資料，此次跨年各單位預估協勤人數共動員5959人，聘請大批人力控制人流管制，真的能達到效果嗎？
北市府堅持舉辦跨年晚會，許淑華尊重看待，但為了疫情健康考量，在敏感時期若改線上直播，降低人群聚集，能避免更多風險、讓台灣更好，是否應該朝向這方向思考？
此外，101宣布取消高空跨年煙火派對，周遭的微風南山、微風松高和新光三越舉辦的跨年市集，及元旦於微風廣場舉行的迎新打鼓活動也跟著喊卡。許淑華說，各團體表現防疫優先態度，不讓人群聚集，放棄商機為台灣疫情一起作戰，值得讚許。</t>
  </si>
  <si>
    <t>新冠肺炎疫情今年以來威脅全球，而台灣疫情從1月底開始升溫，從勞動部勞工保險局統計發現，申請育嬰留職停薪的人數也從2月開始顯現，特別是男性保險人，以30至34歲的男性保險人為例，年增58％。
在金融業工作、小孩不到一歲的新手爸爸林先生表示，太太去年已經請過育嬰留停，原本自己沒有申請的計畫，只是疫情爆發後，每天通勤、工作時在銀行櫃台都要遇到不同的民眾，很擔心沾染病毒回家、讓寶寶染病，所以跟太太商量後，毅然決然申請育嬰留停。
據勞保局統計，今年2月申請育嬰留職停薪津貼初次核付的人數為7,587人，與去年同期相比，暴增45.87％，而今年3月申請的人數也持續增加，來到8,041人，雖較去年同期略減，但在出生率下降的年代，是罕見的連續月增。
從年齡層來看，今年2月初次申請育嬰留停津貼的勞工集中在30至34歲，總計有2,964人，其中男性有454人、女性有2,510人。35至39歲的區間中，也有417名男性、1,754名女性勞工申請。值得注意的是，30至34歲男性勞工的申請情況與去年同期相比，年增58.19％，35至39歲也年增39.46％，30代男性申請的比例明顯增加。
育嬰留職停薪津貼可以維持是按照申請日前前6個月平均月投保薪資60％計算，每一子女合計最長發給6個月。勞動部官員表示，確實有些新手爸媽可能考慮到疫情因素前來申請育嬰留停津貼，在有6成薪資津貼的情況下，也能留在家中照顧幼兒、降低外出工作染病的風險。</t>
  </si>
  <si>
    <t xml:space="preserve">高雄市長韓國瑜今（26）日早上主持防疫記者會，他提到，敦睦艦隊事件，確診累計14例，自主隔離有255位、自主健康管理3929位。昨新增1例確診個案，市府卻未對外公布足跡，衛生局長林立人解釋，這位確診個案的活動史，其實就是在先前公布的39處地點之中，相關密集接觸者也已匡列居家隔離。
衛生局簡任技正潘炤穎指出，新增確診的這例敦睦艦隊實習生，在4月18日入住檢疫所，當時呈現核酸檢驗呈現陰性，事後有返陽，經第二次採檢，4月25日確診，這也是高市第14位敦睦艦隊 官兵生員確診案例，同時是高市境外移入的第44例。
林立人提到，過去市府針對敦睦艦隊330位居住高雄官兵做過疫調，已經匡列自主健康管理對象，這次新增的確診個案，經追查行跡與前幾波公布的39處地點有重複，日前也已清消完畢，因此沒有必要再重複處理，而個案相關接觸者本來在還沒確定個案前
已自主健康管理，後來也轉成密切接觸者需居家隔離14天。
林立人指出，軍艦特殊疫情群聚，雖然18日被集中隔離檢疫，但依照傳統傳染病防治，需觀察兩波潛伏期，第一階段最危險是往後推14天至5月2日前，民眾必須多加留意防範，而最保險的是觀察至5月16日止。
針對「平安演習」，綠營酸言酸語，一下瞎扯「饑寒起盜心」，或是誣指韓國瑜說「市民是強盜」等莫須有指控。韓國瑜強調，平安演習目標清楚就是市民安居樂業，希望疫情影響經濟疲弱下，繼續維持良好治安，因此有些人說法都是他們的偏見，但這些故意扭曲說法，對投入的警力、民力而言是不公平的。
另外，針對51連假防疫措施，潘炤穎指出，各局處將針對51連假高風險場域提出必要討論，預計明日防疫會後，公布相關管制計畫。韓國瑜也指示觀光局提早規畫因應，希望風景區不要有過度擁擠情況。
</t>
  </si>
  <si>
    <t xml:space="preserve">1名高雄市籍的敦睦艦隊染疫官兵，4月17日晚間曾到台南市新營交流道附近的麥當勞用餐。餐廳直到24日才接獲通知緊急停業大消毒，下午3點台南市政府環保局也進行戶外消毒。
敦睦艦隊確診個案活動足跡「擠牙膏」，市府衛生局24日接獲通報，指1名高雄市的確診個案，曾於17日晚間7點到8點到新營區交流道附近的麥當勞用餐。
衛生局表示，該餐廳接獲通知後，24日立即暫停營業，並請特約消毒公司進行全面清消後才營業，下午3點環保局也進行戶外消毒，但時隔確診個案的用餐時間，已經超過1周。
衛生局疫情發現，該餐廳的員工都有佩戴口罩，桌椅採用梅花座隔開用餐距離，客人離開後會先進行桌面消毒，每整點再執行地面丶門把丶厠所等設備重點消毒。
</t>
  </si>
  <si>
    <t>中央流行疫情指揮中心今天宣布，台灣增2例境外移入新冠肺炎確診，全台共有395人確診，包含340境外移入、55例本土。疫情仍處緊張時期，台北市長柯文哲竟跑到高雄聚會，佈局高雄市長補選。此舉惹怒桃園市議員王浩宇，他直問「防疫還是選舉優先？」，並罕見讚許韓國瑜努力拼防疫，凸顯柯文哲的失職。
王浩宇在臉書貼文以《防疫還是選舉優先？》為題指出，不只是鄭文燦，上週末六都市長（包含韓國瑜在內），都安排了許多防疫行程，努力拼防疫。
王浩宇並以鄭文燦市長4月12日的行程為例指出：
8:00 桃園市政府防疫專案會議
9:30 訪視大湳市場防疫作為
10:30 視察仁海宮防疫措施
11:30 訪視安養機構視訊慰問長輩
14:00 視察台茂購物中心防疫措施
15:00 視察漁貨直銷中心防疫工作
王浩宇話鋒一轉提及柯文哲，指「就在北市爆發知名酒店的女公關『J小姐』染病事件疫情調查的關鍵時刻，擔任北市疫情指揮中心指揮官的柯文哲市長卻低調離開台北，到高雄參加民眾黨辦的室內的群聚活動，為高雄市長補選佈局。」
王浩宇痛批：「這麼不負責任的市長還不能被檢討，這哪招？」</t>
  </si>
  <si>
    <t xml:space="preserve">
國內新冠疫情持續延燒，近日雖然本土確診數稍有趨緩，民眾對於仍疫苗有迫切需求。急診醫師白永嘉分享，一位中年男病患出車禍，在急診間吵鬧，對著醫護人員出氣。經過制止後，白永嘉忍不住形容該男子不受控的行為超「疫苗」，一旁的護理師馬上聽懂話中玄機。
新竹馬偕醫院急診外科部主任白永嘉日前在臉書表示，一位騎車自摔的中年男子，在急診室內對著護理師大小聲，好不容易制止後，白永嘉忍不住直呼，「他真的超『疫苗』！」身旁的護理師先是愣了一下後，便馬上明白他的意思。
白永嘉隨後解釋，目前疫情嚴峻，「疫苗」＝「每個人都想打」，所以現在如果忍不住想罵人，「就罵他疫苗吧！」白永嘉表示，自以為拿健保卡繳掛號費就是大爺的人，「疫情期間，收斂一點別太『疫苗』喔。」
此文一出迅速被轉傳分享，網友大讚「好幽默」、「這詞用得真貼切，很順」、「急診室總是能看到一堆奇葩，真的很想扁他一頓。醫生罵人怎麼這麼委婉」、「這個可以變流行語耶」、「罵的好，疫苗---很欠打」、「原本也不懂，意會後大笑」、「台灣好多被寵壞的病人」。
</t>
  </si>
  <si>
    <t xml:space="preserve">衛福部長陳時中今拍板下令，十二月一日起海外國人若無核酸檢測證明不得返國，被外界指有違憲疑慮。對此，前立委沈富雄分析新冠肺炎疫情後得出3個結論，並批評陳時中是嚇破了膽，只能一昧守成，完全沒有應變能力。
沈富雄今(25日)在臉書上表示，這個病，老的不能得，未老的得了等於在打疫苗，他指出，第一波疫情的慘狀深深影響了各國處理的態度及策略，佛系與否都有嚴重的失誤，以至於整整十個月後，全球仍飽受第三波疫情之苦，而當時沈富雄就斷言，人類對這個病的真面目尚未認清，尤其對病毒的習性及生態沒有完全了解，假以時日，這個病會非常近似「類流感」。
沈富雄還結合美國的疫情進行分析，並提出3個結論：
一、首波疫情的猛烈使我們看錯了它的真面目，諸多過當及不足的政策導致不必要的封城及經濟的衰退，付出了過高的社會成本。
二、60歲以上的老人應全面帶口罩及打疫苗，今年這群老人流感疫苗的施打率僅49%，明年春天對他們施打疫苗是重中之重的防疫重點。
三、60歲以下者，是否帶口罩及打疫苗可以隨意，對超過人口一半的此一族群，新冠肺炎雖非癬疥小疾，但應以「類流感」或「流感化」視之，得了，等於老天在啟動「herd immunization」，只要老人顧得好，經濟活動應維持正常。
最後，沈富雄也說，陳時中部長是嚇破了膽，只能一昧守成，完全沒有應變能力。
這個病，老的不能得，未老的得了等於在打疫苗
今年二、三月間，新冠肺炎在武漢爆發疫情，接著在義大利、西班牙大舉肆虐，因為這是前所未見的新病，醫界措手不及，而且得病者集中在老年人，所以，我們目睹的是方艙醫院在匆忙中建立，火葬場的煙囪白煙日夜不...
</t>
  </si>
  <si>
    <t>新北市雙和醫院62歲洪姓確診男子，昨（31日）上午持水果刀砍傷病房內3名女護理師，事後受傷護理師緊急送往急診室救治，警方獲報後已立即將男子帶回。然有受傷護理師的學姊在IG透露，其中一名20幾歲的護理師右手韌帶被砍斷，身上還有多處刀傷，不禁感嘆「要同仁以後怎麼繼續回到職場上」。
新北市雙和醫院洪姓確診男子昨天上午7時左右，因不滿護理師未關心自己，持水果刀砍傷病房內3名女護理師，其中23歲施姓護理師腹部遭利器劃傷，已第一時間送入開刀房治療，而25歲陳姓護理師則是胸部、右手刀傷，27歲蔡姓護理師為肚皮刀傷。
事後洪男遭警方迅速壓制；對此，新北地檢署表示，洪男罹患新冠肺炎隔離治療中，視訊後檢方無法做後續強制處分，也無法得知洪男犯案意圖，因此洪男目前仍由警方戒護。新北市長侯友宜得知消息後，立刻到醫院探視，並給予每人10萬元慰問金，不捨地說「這麼認真還受到傷害」。
「靠北護理師」IG粉專於31日晚間在限時動態PO文，表示被確診男持刀攻擊的3名護理師，有一人韌帶和神經被砍斷、一人氣胸、一人腹部受傷，感嘆「現在不只要防新冠病毒，還要防病人」。
有受傷護理師的學姊透露，昨日受傷的23歲護理師右手韌帶被砍斷，身上還有多處刀傷，不禁感嘆「要同仁以後怎麼繼續回到職場上」。
★中時新聞網關心您：
不良行為，請勿模仿！
拒絕暴力！請撥打113、110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法國24」電視台（France 24）報導，法國教育部長9日表示，法國不會跟隨美國、澳洲、英國等國家的腳步，對北京冬季奧運會進行外交抵制，與該國先前聲稱希望整個歐盟「同進退」的態度相違背。
法國教育部長布朗凱（Jean-Michel Blanquer）告訴該國BFM電視台和RMC廣播電台，法國不會對北京冬奧進行外交抵制，雖然他本人不會出席，但體育部長馬拉希尼亞努（Roxana Maracineanu）屆時將代表法國政府前往北京。
布朗凱強調，須當心體育與政治之間的聯繫，因為體育是一個「與世隔絕的世界」，若讓其遭受政治干預，可能導致情勢失控，最終毀掉所有競賽。不過他也表示，法國會繼續譴責中國大陸侵犯人權的行為。
不過法國總統馬克宏（Emmanuel Macron）7日才在聲明稿中表示，將與歐盟成員國協商，尋求在是否外交抵制北京冬奧上採取一致的態度；而在布朗凱接受訪問的同時，法國外交部長勒德里安（Jean-Yves Le Drian）則在記者會中重申，外交抵制問題「將以歐洲層級處理」，仍在尋求與歐盟的共同立場，不清楚布朗凱是否提前洩漏法國政府的實際立場。
在美國政府6日宣布對北京冬奧進行外交抵制後，澳洲和英國已先後跟進，紐西蘭也稱不會派官員出席，但強調原因與新冠肺炎（COVID-19）全球疫情有關，且早在10月就已向中國大陸通知此決定。除此之外，南韓、日本等美國東亞盟友皆尚未正式表態，與法國同為歐盟核心成員國的德國也表示，歐洲須就是否外交抵制北京冬奧商定共同對策。</t>
  </si>
  <si>
    <t>高雄市1日新增一名肺炎確診案例，為大寮家庭群聚案相關案例，由於隔離確實，無相關足跡及匡列對象。面對12日即將來臨的端午節連假，陳其邁拜託市民盡量減少移動，用視訊取代探親。
高市今日新增一名個案為案8621，77歲男子，為大寮家庭群聚案、案4743的父親，感染來源為有萬華旅遊史的屏東案3037，由於疫調確實、提前告知隔離，因此無足跡及匡列對象。
陳其邁強調，疫情趨勢已經逐步下降，表示相關衛生措施有落實，也有效用。但12至14日就是端午節連假，陳其邁要求市民盡量減少移動，盡量用視訊的方式取代探親。因為根據母親節的經驗看來，很多感染都來自過節時的人口流動，造成許多家庭群聚感染。
高雄長庚胸腔內科教授林孟志表示，高市將設置5台高通量PCR儀器，檢驗量可增加5000件（每天），11日前再建置10個社區快篩站，預計可達43個據點規模。此外，落實醫療降載、人員分艙分流，針對高風險單位工作人員定期採檢，另聘請專家啟動40家醫療院所做感染控制查核。
高市負壓及專責病房目前還有9成能量，住宿型長照機構人員3天內全部完成快篩，地區醫院病人、陪病家屬、員工均要快篩，由23家專責醫院協助。
基層診所醫師9成已完成第一劑疫苗注射，若診所人員7成施打疫苗，醫師公會將會頒給「安心診所」標章，可供民眾識別。
針對長照機構，限制訪客探視、禁止院際人員支援交流、每日稽核防疫作為、新住民入住出院返回前均須經PCR檢測為陰性，長照機構人員全面快篩檢測。
高市府針對四大醫學中及專責醫院的一線防疫醫護人員推出「暖心挺醫護2.0」計畫，康橋商旅覺民館、御宿商旅站前館共有238間房免費入住。
疫苗部分，前兩批5萬8400劑已完成施打，第三批2萬7千劑將再針對第一線醫療人員、警消、高風險（防疫旅館、防疫計程車）等人員施打。
針對國民黨前立委黃昭順疑似插隊打疫苗事件，陳其邁再次強調「沒有特權、例外」，陳其邁也呼籲醫院「珍惜人民的信賴」，針對幫黃施打的大昌醫院，市府和衛生局已經口頭和書面提出嚴厲警告。衛生局表示，醫院是按名冊撥補疫苗，接種過程也要過健保卡，內控機制沒問題。
陳其邁也公布5大快篩族群，5月1日後有雙北旅遊史者；與串門子餐廳相關人（5月14日後曾前往用餐、工作者，5月15日後曾與前者有接觸者）；5月12日起14天內出現3次或7天內出現2次呼吸道症狀者；住宿型長照機構照護及行政人員；地區醫院的住院病人、陪病家屬、院內員工及看護。</t>
  </si>
  <si>
    <t>受到新冠肺炎疫情波及，民間社團舉辦捐血活動大幅減少，新竹捐血中心血庫安全儲備量不到4天，桃園市長鄭文燦連續兩天到捐血中心加油打氣，號召民眾挽起袖子捐血。他也說，會協調社團以一定頻率持續舉辦捐血活動。
擔憂群聚感染
鄭文燦表示，疫情影響，民間社團捐血活動及人數銳減，可是醫院血庫耗量是固定的，目前新竹捐血中心血庫安全儲備量不到4天，因此希望民眾發揮愛心，踴躍捐血。他也會協調各社團固定舉辦捐血活動，讓醫療院所無後顧之憂。
新竹捐血中心表示，大約1個月前，就開始受到疫情衝擊，導致血庫的存量大幅減少。中心分析，主要是民眾因疫情影響，出門意願降低，加上平常號召力強的社團、慈善團體等也擔心群聚感染，減少舉辦捐血活動。
每小時消毒1次
不過，新竹捐血中心強調，捐血的場地會固定1小時消毒1次，也會讓捐血人保持適當距離，防疫措施相當完善。經過說明後，也有部分社團承諾將會繼續舉辦捐血活動，也盼民眾持續參加。
此外捐血中心也說，血庫安全儲備量基本上是7天為宜，目前只剩不到4天，可以說是相當緊繃，因此呼籲民眾踴躍捐血。不過因應疫情，如果是3月19日起曾經出國民眾，回國後暫緩捐血28天，如果是曾被確診新冠肺炎而痊癒者、與確診病例密切接觸者，也暫緩捐血28天。</t>
  </si>
  <si>
    <t xml:space="preserve">新冠肺炎疫情在海軍磐石艦上爆發，造成24人染疫，網路上不少人質疑艦上醫官是否隱匿，但肝膽腸胃專科醫師吳文傑臉書上表示，「不可能有隱匿的情況」，而醫護因為常常在第一線，出事後也是第一個被檢討，就盼大家能多體諒。
吳文傑在臉書《吳文傑醫師的健康筆記》上透露，自己曾在海軍醫務室服役過，海軍官兵生活空間小，這次船上疫情可能感染人數會比郵輪多。接著，針對不少人認為醫官隱匿這點，他表示，哪些有症狀的人需要篩檢，這說交給醫官決定，「我是覺得很困難啦！最好是有感冒症狀就篩檢，不然我覺得一定會漏掉」。
吳文傑認為，船上不太可能有隱匿疫情的狀況，畢竟醫官比誰更了解，「如果一個人得到感染，全艦官兵風險是會有多高」。常常第一線的醫師都在煩惱要不要篩檢，若是篩檢，病患的生活工作一定會受很大的影響，檢查出來不是新冠後，難保患者秋後算帳，認為是看診醫師誤判。
吳文傑補充，醫護常常是第一線，出事後也常常是第一線被責怪檢討，希望大家多多體諒，不會有醫師要隱匿病情的，尤其是海軍船上軍醫官，這個機會真的是不大可能。
</t>
  </si>
  <si>
    <t>勞動基金投資今（1）日公布，今年上半年受到新冠肺炎疫情影響，投資績效受創，但隨著各國管制措施鬆綁、金融市場回升，投資收益亦逐步回穩，7月單月獲利1,780億元 今年累計收益轉正，整體勞動基金今年截至7月底累計收益282億元。
勞動基金運用局指出，新冠肺炎疫情自今年初快速蔓延，全球金融市場呈現斷崖式下跌，導致多元投資全球金融市場的勞動基金績效並不理想。
世界各國為振興受疫情創傷之經濟情勢，紛紛持續擴大寬鬆貨幣政策以及財政刺激方案，再加上主要經濟體逐漸放寬封鎖措施與疫苗藥物研發出現進展下，全球經濟於7月重回成長步伐，股票及債券市場亦大幅回升，MSCI全球及台灣加權股價指數累計今年至7月底表現分別為-1.29%、5.57%。
勞動基金運用局依市場情勢審慎動態調整資產配置，均衡布局於國內外金融市場，7月單月獲利1,780億元，爰今年截至7月底止，整體基金規模為4兆4,051億元，累計收益為282億元，收益率0.66%。</t>
  </si>
  <si>
    <t xml:space="preserve">國內口罩產量雖已提升，但民眾仍僅能每兩周購買一次，仍然必須樽節使用，中央流行疫情指揮中心今天示範如何用電鍋乾蒸口罩殺菌，呼籲民眾多加利用家中電鍋殺菌口罩，延長使用壽命。馬上用電鍋乾蒸8分鐘後，陳時中馬上試戴，大讚「熱熱的不錯」。
今天疫情指揮中心現場示範如何乾蒸口罩消毒，先是在內鍋裡放鍋架，再放入電鍋，不能放水，按下開關後等3分鐘跳起，再悶5分鐘後就完成。陳時中表示，沒實際操作一次，還不知道鍋架要放內鍋裡。被研究組副組長吳秀梅笑說「部長是不是沒煮過飯？」
指揮中心表示，透過電鍋乾蒸口罩確實能延長口罩的使用時間，乾蒸後的口罩對細菌的過濾效率仍然能維持在99％以上，因此民眾可無須擔心乾蒸後的口罩性能會大幅衰退。
指揮中心指出，之所以用電鍋乾蒸，是因為加水會影響口罩的靜電層材質，此外用酒精消毒、或是在電鍋內加入精油等方式都不適宜，若口罩有明顯髒汙、破損，也不建議使用電鍋乾蒸。
衛福部食藥署說明，電鍋乾蒸口罩是經實驗證實有效，但其他如烤箱、微波爐、氣炸鍋、負離子吹風機、殺菌型烘碗機，部分電器雖看似有效，但因操作不當恐發生危險，且尚需實驗證實，因此暫不推薦民眾使用。
至於乾蒸後的口罩會不會有味道？指揮中心強調，口罩戴久有異味是因口水上的細菌繁殖所造成，透過電鍋乾蒸後可殺死細菌，口罩也不會有任何異味，指揮官陳時中今也在記者會上試戴乾蒸後的口罩，掛保證表示乾蒸後的口罩完全無異味。
一般民眾平日使用完口罩該如何保存？指揮中心表示，不建議使用後的口罩放在夾鏈袋內，因為會加速細菌的繁殖速度，建議可用紙袋等有開口的袋子包裝，在放入口袋等收納空間保存。
中山醫學大學賴全裕副教授指出，內鍋壁溫度達180度左右病毒都殺死了，有疑慮就洗一洗，不必買新的電鍋蒸菜。有化學物質的都不建議噴灑在口罩去除氣味。
</t>
  </si>
  <si>
    <t>國內昨日新增375例新型冠狀病毒肺炎相關通報，截至目前累計通報63,713例(含62,344例排除)，其中432例確診，包括346例境外移入，55例本土病例及31例敦睦艦隊。確診個案中，6人死亡，324人解除隔離，其餘持續住院隔離中。
4月20日及21日定點返台專案航班，共有460名湖北返台民眾，截至目前2人就醫治療中、2人陪同就醫，其餘持續於集中檢疫所密切健康監測。至於敦睦艦隊(磐石艦)群聚事件，截至目前掌握接觸者共1,995人，其中584人為居家隔離對象，已採檢482人，478人為陰性，其餘檢驗中；1,411人為自主健康管理對象。
指揮中心表示，全球累計3,381,839例確診，分布於186個國家、地區；病例數以美國1,120,092例、西班牙215,216例、義大利207,428例、法國200,137例及英國177,454例為多；病例中238,040例死亡，以美國65,364例、義大利28,236例、英國27,510例、西班牙24,824例及法國24,594例為多。
指揮中心提醒民眾，平時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全球疫情發燒，許多國家進行封城鎖國措施，政府也禁止高中以下師生出國，並對故意前往第三級疫區的人士開罰，外界質疑缺乏法源依據，指揮官陳時中昨搬出特別條例第7條的應變權作為回應。但國民黨立委費鴻泰認為，沒有法源就是獨裁國家，建議蔡總統直接發布緊急命令，這樣程序才完備。
根據特別條例第7條，指揮官為防治控制疫情需要，得實施必要之應變處置或措施，被外界視為指揮官對於防疫作為的「霸王條款」。
陳時中表示，禁止師生出國是為避免校內出現群聚感染，由於新冠肺炎全球大流行，外出旅遊的風險已相當高，這對校園、社會的威脅很大，因此決議高中以下不要出國。
至於故意前往加徵費用，係依傳染病防治法第58條，公布姓名則是依特別條例第7、8條，於法有據，但在執行時會衡量是否為防疫的必要，因此任何須動用第7條的都會非常謹慎。
不過，人權律師、時力立委邱顯智指出，大法官解釋曾指限制人民遷徙或人身自由都要有嚴格法律規範，特別條例第7條的規範仍不明確，受規範人無法理解，應由行政院提出較具體的法規命令並送立法院審查，《災害防救法》第5條也規定，中央政府為達災害防救之目的，採取的必要措施要送立法院報告。
時力立委陳椒華則表示，疫情嚴峻，確不適合出國，但法律規範並不完備，執政黨應盡快配合修正，此外，自疫區返國的人可能不遵守法律，到處趴趴走，執政黨對此應修法管制可能的災難。</t>
  </si>
  <si>
    <t>大陸橫店影視城因新冠肺炎疫情影響，全面停工半個月多，直到上月13日起開始復工，22歲女星關曉彤近來也準備開始拍戲，但日前卻被拍到現身醫院的發燒門診，意外掀起討論。
關曉彤近日在媽媽的陪伴下前往橫店，準備復工拍戲，卻有陸媒拍到母女倆和工作人員一行人現身醫院門診，正好是發熱（發燒）門診，因此引發外界猜測。
而據《新浪娛樂》求證關曉彤工作人員的說法，對方則表示：「曉彤健康狀況良好，圖是配合當地例行檢查。」</t>
  </si>
  <si>
    <t xml:space="preserve">信驊(5274)在BMC(伺服器遠端管理晶片)領域持續坐穩高市占，占比營收目前95%，董事長林鴻明表示，今年對於信驊營運樂觀看待，目前看到第一季已經比去年第四季動能持平，第二季應該也不錯，面對半導體產能「缺」聲連連，他表示，信驊在晶圓上目前狀況還好，比較緊張的是封測產能。
林鴻明表示，以新台幣匯率28來預估，今年信驊希望BMC產品營收有15%的成長，新事業部的Cupola 360視訊晶片則有5%的成長，他強調，非BMC領域的成長不是來自於BMC產品出貨的減少，而是兩者規模同步放大，整體產品規模的放大，且毛利率部分，今年確定會比去年更好，主要原因包含BMC產品的經濟規模成長，與供應鏈的更具談判籌碼，加上非BMC領域的成長，目前B/B值(Book-to-Bill Ratio，訂單出貨比)大於2。
林鴻明表示，以現階段訂單狀況來說，去年因為疫情關係，自去年第四季就有很多大陸訂單都開始進來，美系訂單則是穩定成長，信驊今年會走出一個更靈活、更高附加價值的商業模式，另外，也看到BMC領域有走向OPEN BMC發展的趨勢，信驊也在努力，打造更多的商用模式。
談到業界普遍面臨的問題，即半導體上游產能緊張，林鴻明說，已經晶圓來說，因為信驊有一定的客戶做支撐，所以目前看到的狀況是還好，反倒是在封測上比較緊張，以前2周的排程，現在最長一度要到3個月，是比較緊張的部分。
面對上游原料喊漲，是否有漲價計畫，林鴻明表示，目前確實有和供應商討論價格，現在狀況還好，短期內沒有漲價計畫。
整體評估，林鴻明表示，今年攸關營運的幾大關鍵包括有匯率，目前信驊都是以新台幣兌美元28來看，再來就是供應鏈問題，尤其是封裝。
</t>
  </si>
  <si>
    <t xml:space="preserve">
因應新冠肺炎疫情，新竹市政府為避免群聚感染，保護親子們的健康，3區的親子館自2月起就陸續減少課程並於3月底全面休館，市府考量目前疫情狀況稍有趨緩，決定14日起採分流且實名制入場重新開館。
市府社會處長李季縈表示，廣受大小朋友喜愛的新竹市3個親子館因新冠肺炎疫情影響，於3月底起全面休館，14日重新開放後將採分流措施，每日入館分為3梯次，分別為上午10點、下午1點半及3點半。
另，東區及香山區親子館每次可以有50組親子，北區親子館因場地較小每次入館為10組親子。想要預約入館的家長，即日起可至新竹市托育資源中心親子館網頁https：／／wpcc.hccg.gov.tw登記預約入館日期及時段。
李季縈指出，各親子館開館前已全面進行消毒工作，包含每日以稀釋漂白水清潔地板、擦拭設施設備及教玩具圖書，並開起氣窗、大門、排風扇、空調，使親子館室內保持通風，再用紫外線消毒燈進行消毒，以最高規格及安全的環境迎接大小朋友。
開館後也會持續進行工作人員及入館民眾健康管理，工作人員每日上班均先清洗手部及量額溫，服務親子的工作人員須全程佩戴口罩，入館前所有親子除了實名制登記外，都要進行手部消毒及量額溫，落實各項防疫措施。
</t>
  </si>
  <si>
    <t>新北市幼兒園爆發群聚，第一波就驗出8名學童確診。台大醫師及學者指出，雖然兒童感染新冠肺炎症狀較輕，但12歲以下目前仍無疫苗可打，一旦染疫恐怕對家庭及社會帶來極大影響；尤其不少幼兒園教室都是密閉空間，應加強二氧化碳濃度監測，並落實通風換氣，空氣傳播風險可降低9成。
台大醫院今天舉辦「幼兒園新冠病毒之Q and A」線上記者會」，台大公衛學院教授詹長權於會中指出，國內防疫一年多以來一直忽略了空氣傳播的風險，當新冠病毒經由呼吸、說話、咳嗽或打噴嚏而散發出來，大小從1到100微米都有，如果是小於5微米的顆粒，就可以在空氣中散播好幾個小時。
詹長權說，過去我們定義「密切接觸」都是以2公尺為基準，但如果是小於5微米的病毒顆粒，很可能飄散超過2公尺，甚止病毒排放者已經離開該空間時，其他人再進入也可能被感染；尤其Delta變異株在上呼吸道的病毒量高達Alpha的1000倍，通風更是現階段必須改善的防疫重點。
早在今年8月、新北幼兒園群聚發生前，台大醫院環境及職業醫學部主任蘇大成團隊至北部2家幼兒園實際訪查，發現有兩個共通點──沒有可通風的門窗，且環境內塑膠製品多，病毒恐長時間殘留。蘇大成指出，幼兒園不像小學教室有獨立空間，有些甚至開設在大樓內，這樣的密閉空間是病毒傳播的高風險環境，呼籲政府相關單位應加強查核。
台大環境及職業醫學部醫師陳宗延進一步說明監測結果：在幼兒園上課期間，教室內二氧化碳濃度超過法定標準1000ppm，甚至嚴重超標至1400、1500ppm。台大公衛學院副教授陳佳堃也指出，二氧化碳濃度是確認通風好壞的指標，但要保持室內通風不是開門開窗就可以，最好再搭配排風扇等機械式換氣方式，才能達到室內外空氣完全交換。
陳宗延建議，如參考歐美的指引，每人排風量應達到36到45CMH，若以30坪空間容納20人為例，每小時應換氣2.4到3.6次，將整間教室的舊空氣，以新鮮外部空氣取代。
如果業者難以評估通風效果，陳宗延建議，最簡單的方式就是監測二氧化碳濃度，即使學童滿載時，也要盡量控制在800ppm以下；若無法改善通風排氣系統，至少應分艙分流，減少學童容留人數和停留時間，或考慮將學習活動改在戶外進行。</t>
  </si>
  <si>
    <t xml:space="preserve">新冠肺炎疫情延燒，目前尚沒有針對它的特異性藥物，老藥新用成為短期內一種經濟和有效的療法開發策略。據大陸國家衛健委所公告「新型冠狀病毒肺炎診療方案」中提到，患者在臨床診療上可採取利巴韋林作為抗病毒治療策略(建議與干擾素或洛匹那韋/利托那韋合併使用)。
特殊學名藥大廠法德藥(4191)代理的利巴韋林吸入劑(Ribavirin for Inhalation Solution, USP, ANDA207366)，可治療下呼吸道病毒感染，是美國FDA唯一核准的學名藥吸入劑型，效用更優於口服與注射劑型。法德藥正向大陸國家藥品監督管理局(NMPA)申請緊急註冊，可望獲得加速審批，也已經在大陸找到代理商，為利巴韋林吸入劑上市銷售做好準備，期能盡速供應新冠肺炎的治療需求。
法德藥為利巴韋林吸入劑的台灣與大陸地區總代理，其所代理的利巴韋林凍乾粉吸入劑為專供霧化吸入使用，目前利巴韋林在大陸僅有針劑，並無吸入劑，法德藥已向中國NMPA申請緊急註冊，可望獲得加速審批，提供新冠肺炎病患抗病毒藥物的另一選擇。為能以最快速度上市銷售，法德藥已經找好大陸地區的代理商，預先做好上市銷售的準備。
大陸國家衛健委所公告「新型冠狀病毒肺炎診療方案(試行第六版)」中提到，新冠病毒患者在臨床診療上可採取利巴韋林作為抗病毒治療策略(建議與干擾素或洛匹那韋/利托那韋合併使用)。從學理上也支援利巴韋林於新冠肺炎的治療應用，在中國呼吸與危重監護雜誌2020年3月第19卷第2期-針對新型冠狀病毒感染患者的霧化吸入治療的建議中，推薦具霧化專用劑型的利巴韋林霧化吸入治療法。同時，利巴韋林亦被載明於美國化學會(American Chemistry Society, ACS)推薦的候選療法報告中。
</t>
  </si>
  <si>
    <t>109學年度JHVL男子組冠軍賽上演「黑馬傳奇」，以複賽第6名踏進新莊體育館決賽圈的麥寮高中國中部，不但先在6強決賽先後擊敗台北市明湖國中與雲林縣馬光國中，隊史首度闖進冠軍賽後，今天更展現強悍霸氣，以25比23、25比23、25比21扳倒傳統勁旅屏東縣新園國中，笑納隊史第1座JHVL冠軍。
麥寮高中國中部教練陳信助表示，決賽前夕，全隊特別南下到新園國中移地訓練，並與新園國中教練郭明香約定冠軍賽見，沒想到一語成讖，甚至在最後一戰甜蜜復仇，刻下隊史嶄新里程碑。陳信助苦笑說：「真的很感謝新園國中與郭明香教練給我們的刺激，不過，從他們手裡拿走冠軍後，我們下次恐怕沒辦法再去新園國中移地訓練了吧…。」
麥寮高中國中部是本屆JHVL男子組6強球隊中，團隊平均身高最矮的一支隊伍，早知道會面臨身材劣勢困境，陳信助在108學年度選擇轉往乙級賽場磨練，沒想到新冠肺炎疫情爆發後，高中體總仍讓乙級聯賽「打好打滿」，給了麥寮高中國中部滿滿的成長養分，陳信助也強調，雖然當時是在乙級賽場，但他們的訓練與要求都是甲級規格，最後才在「三年磨一劍」的累積下，為麥寮高中國中部寫下JHVL的嶄新篇章。
這座JHVL冠軍不但是麥寮高中國中部隊史首冠，也是陳信助生涯首座冠軍，他透露：「我高中時期最好的成績只拿過亞軍，後來拿過大專銀牌與雲林縣銀牌，冠軍還真是頭一遭，這座冠軍給了我很大鼓勵，也有更多動力繼續深耕基層，希望為麥寮高中培育更多人才。」
男、女子組冠軍都出爐後，大會進行閉幕典禮，也公布本學年個人獎項，男子組獲獎名單如下：
最佳舉球員：林祐廷（新園國中）
最佳自由球員：蔡濬任（馬光國中）
最佳邊線攻擊球員：王進寶（麥寮高中國中部）
最佳邊線攻擊球員：丁柏鈞（馬光國中）
最佳中間攔網球員：謝郾承（新園國中）
最佳中間攔網球員：紀宇憲（潭秀國中）
最佳對角攻擊球員：張廷翰（潭秀國中）
最佳潛力球員：吳育胺（麥寮高中國中部）
最有價值球員：王進寶（麥寮高中國中部）</t>
  </si>
  <si>
    <t xml:space="preserve">美國新任總統拜登26日對聯邦政府下了一道命令，要求官方機構，不再使用「中國病毒」這樣的用語來稱呼新冠肺炎。對此，資深媒體人黃暐瀚表示，拜登此舉不是因為顧忌中共，而是在乎被歧視的亞裔美國人，想當初他這樣呼籲時，卻遭網軍舖天蓋地的攻擊。
對於拜登的舉動，黃暐瀚今（29日）在臉書發文表示，拜登不用「中國病毒」並不是怕大陸，而是在乎被歧視的亞裔美國人。黃更回憶到，他去年3月曾建議，台灣最好不要使用「武漢肺炎」這類用語，隨後立即遭受網軍猛烈攻擊，媒體一篇又一篇，痛批他是「中共同路人」。
黃暐瀚強調，他自己也不是怕中共，但擔心台灣將因此跟世界衛生大會（WHA）越來越遠，都是為了自己好，誰管中共生不生氣？如果美國不說「中國病毒」，台灣不說「武漢肺炎」，都可以緩和與大陸的關係，雖然未必就成好友，但至少不必急著要去當敵人。
在去年的國慶日上，總統蔡英文的談話中，就已將武漢肺炎改稱「新型冠狀病毒」，11月川普敗選之後，台灣指揮中心的記者會，也逐漸不再使用「武漢肺炎」。黃暐瀚直言，若國人覺得，指揮中心現在避開「武漢肺炎」的用語，對台灣是正確的事，那就應該支持，不要去罵，酸一下，差不多就夠了，不要批評「對的事情」，這是永遠不變的準則。
</t>
  </si>
  <si>
    <t>3rd COVID test here in bangkok 😢😢... The tournament starts tomorrow 👍👍 #bangkok #Thailandopen #tournament #badminton pic.twitter.com/Lc5c7YZkQa
YONEX泰國羽球公開賽今天從32強賽事點燃戰火，原本在參賽名單的印度前世界球后賽娜（Saina Nehwal），在最新一次的病毒採檢呈陽性反應，在大會建議下退賽，她的丈夫卡夏普（Parupalli Kashyap）也是這次參賽選手之一，因為是密切接觸者，也得退賽並前往醫院隔離，而其他檢驗結果陰性的印度球員可以繼續參賽。
賽娜原訂今天要出戰馬來西亞選手琪索娜（Kisona Selvaduray），可惜在第三次病毒採檢收到確診的壞消息，也奉送琪索娜直接晉級16強，她的丈夫卡夏普也退賽赴醫隔離，外媒並提到，另一位印度男子選手普拉諾伊（HS Prannoy）也一度傳出確診，不過後來官方證實他是陰性，仍在參賽名單中，將在明天出戰馬來西亞好手李梓嘉。
賽娜不久前透過社群網站分享接受檢測的影片，她也展現出期待比賽的心情，可惜首輪前夕確診，無緣角逐冠軍，世界羽聯BWF透露，截至1月6日，在設置的泡泡園區裡的824位與賽者的檢驗結果都是陰性，而且在前往泰國前都要提出新冠肺炎檢測陰性的證明，都是希望努力讓與會人員安全完成任務。</t>
  </si>
  <si>
    <t>長庚醫院日前通過衛生福利部核准新冠肺炎疫苗第3劑混打計劃，試驗對象為第一線醫護人員及航空機組人員，人數共計400人。林口長庚醫院副院長邱政洵表示，機組人員時間較難配合，仍在邀請加入中，醫護人員則非常踴躍，他預計2周內可開始施打，施打完1個月後得到初步數據。
邱政洵說，國內最先取得的是AZ疫苗，較其他疫苗相對弱一點，許多醫護人員很希望加入試驗，目前還在籌備中，參與者也必須簽署同意書。
第3劑加強劑實驗將分為4組，包括半劑莫德納、1劑莫德納、1劑BNT以及1劑高端，並在施打1個月、6個月與12個月後，抽血觀察綜合抗體變化以及T細胞反應。
邱政洵指出，此試驗有2個特點，包括台灣第一，以及比較4種疫苗劑型是在全球第3劑試驗中少見的，能做完整的免疫調查。他說，最後抽血是1年後，可以觀察第3劑的免疫狀況，數據不只提供給台灣，還有全世界對於新冠肺炎的研究。
邱政洵表示，目前為施打前的準備期，法規上也取得同意了，希望2周內可打，施打完1個月抽第1次血，可以看到第3劑加強針的立即反應，但重點還是要看半年、1年後的數據。
邱說，各國拿到的疫苗廠牌、數量都不一樣，如何利用不同資源做有效施打，相關資訊是很必須的。至於未來要打到第幾劑疫苗才夠？他認為，最近沒再看到更致命、傳染性更高的病毒演化，也開始看到抗病毒藥物的研發，他個人比較樂觀，是否會像流感每年打1劑，還言之過早。</t>
  </si>
  <si>
    <t xml:space="preserve">2020這一年注定是將來歷史上記載關鍵變動的一年。面對剛一開春就爆發的新冠肺炎，美國從事不關己坐看好戲，到後來疫情爆發不可收拾，所謂「民主國家」的治理失能，更反映在不斷攀高的確診數字，還有國內經濟的嚴重衰退。陷入連任危機的川普，卻只能用「假新聞」、「病毒會自己消失」來硬拗，因為對他而言，什麼都沒有比反中更來得重要，似乎只要消滅中國（當然這也只是嘴炮），一切就能迎刃而解。
於是，便有了蓬佩奧模仿昔日邱吉爾的「鐵幕」演講，呼喚老掉牙的冷戰對抗，想讓整個世界走回頭路。身為世界超強的美國，像極了上個世紀二戰前夕的德國，經濟低迷，民粹橫行，種族主義興起，侵略殺氣瀰漫。在美國的挑撥下，世界多個熱點都成火藥庫，台灣更被國際多個機構認為是最危險的地方。
80年代以來，全球化浪潮高漲，人們開始習慣以「和平與發展」取代「戰爭與革命」。其中，自由貿易打破了許多傳統藩籬，使得各國之間能夠以合作化解對抗。然而自從冷戰結束後，美國愈加狂妄自大，放縱不事生產的資本遊戲大行其道，過度消費更造就泡沬經濟，從而造成金融危機。「美國優先」的心態使美國無法包容不同的政經制度和文明價值，製造世界無止盡的動亂。
此外，人類還面對更大的生存危機，那就是像氣候異常、生態變遷、新型傳染病等不斷增加的自然災害。身為世界老大的美國，不但無法領導世界因應這些新挑戰，反而還繼續沉迷對抗。當今新時代需要的是和而不同、合作共榮，就像中國致力一帶一路、消滅貧窮，在外交上遵循不結盟、不爭霸，將研發防疫的成果作為人類公共財共享，這才是新時代的新思維。
台灣卡在中國大陸和美國兩大強權之間，過去利用中美之間的戰略模糊，得以兩面逢源都不得罪。但美國隨著自身實力下降，也就愈加產生恐懼，進而毫不遮掩地展現其貪婪、霸道的一面。無奈台灣從李登輝主政開始，就走上「去中國化」的不歸路，明明高度依賴大陸市場（蔡英文上任後對大陸貿易依存度不降反升），卻又和大陸在政治及情感上高度對立，從而只能在中美衝突白熱化的當下被美國綁架，賠上自己的發展命脈。
不論是民進黨「抗中保台」，或者是國民黨「親美反共」，都是舊時代的舊思維，糾纏在上世紀國共統獨的意識形態。新時代的新思維，應該回歸到「人民過好日子」，只有這才是真正的普世價值。
我們應該學會尊重不同制度，還原台灣硬被「祖國是日本」的李登輝去掉的中國本色，儘早加入到中華民族的復興行列。當大陸扶助第三世界脫貧，北斗衛星升空到位，5G通訊獨步全球，這些展現的都是新時代的大格局，不是台灣自吹自擂的假民主、真民粹所能理解。
李登輝雖然過世了，他的路線仍牢牢綁架台灣，致使台灣人與大陸同胞心靈撕裂，更要承受認同與現實巨大落差的煎熬。從當初的「戒急用忍」，再到「兩國論」、「公投制憲」，李登輝認為台灣可以不理會與大陸政經關係的本錢，就是因為他和許多當時西方「中國崩潰論」的學者一樣，都認為中共必倒台、大陸必分裂。時至今日，大陸不但沒有崩潰，而且馬上要成為世界第一大經濟體。如果仍要堅持李登輝路線，就只有準備好與大陸全面對抗，別無他途，至於勝敗結果，大家都要承擔。
即將到來的新時代，美國用盡一切，連演都不演了，就是要對付中國。中美激烈對抗的新格局下，統獨所能模糊的空間必然愈來愈窄，終至攤牌。這將是一個失去世界領袖風範的美國，為保其霸主地位而無所不用其極的時代，這也將是即將全面實現復興的中國大陸，最後最艱險的一段路。
身在台灣的我們，切莫再迷失於「抗中保台」的選舉口號，唯有人民過上好日子，那才是值得我們捍衛的真民主。至於靠「抗中保台」選上的蔡英文，若再不改弦更張、懸崖勒馬，必將被舊時代的瓦礫堆埋葬。不願陪葬的我們，更要團結自救，走出一條親陸、富台、強中的道路，在新時代的浪潮中，掌握航行的方向，登上光明的坦途。
（作者為新黨榮譽主席）
</t>
  </si>
  <si>
    <t>國內拼疫苗人口涵蓋率，但基層診所協助打疫苗卻沒收入，日前中央流行疫情指揮中心表示將提高基層院所的疫苗處置費，但至今仍未發放。中央流行疫情指揮中心指揮官陳時中今（11日）說明，將在下周一（8月16日）核付給各醫療院所。
陳時中表示，3月22日到6月30日的疫苗處置費，現在是委託健保署來發放；8月9日已行文給健保署，12日會把款項撥付給健保署，再由健保署於16日核付給各醫院。
他坦言「這段時間作業比較慢」，以後對於疫苗處置費和人次獎勵費用，會採用每月結算方式發放；7月的疫苗處置費及6到7月的接種人次獎勵費用，預計在8月底前撥付；至於績效表現優良的獎勵，採按季來結算，6到9月為一期，10月來撥付。</t>
  </si>
  <si>
    <t xml:space="preserve">日前有女大生打完AZ疫苗後連吞6顆普拿疼仍止不住身爆痛，引起許多人好奇詢問，普拿疼一天最多可以吃幾顆？家醫科醫師許書華表示，止痛退燒藥的主要成分是「乙醯胺酚」，一般建議最大日劑量不超過4000毫克，並且在黃金1小時內服用最有效，過量恐造成肝臟損傷，甚至重症或死亡。
許書華在臉書《許書華醫師 陪妳寫日記》指出，以325毫克的普拿疼計算，一次1～2顆，每4到6小時服用一次，安全日劑量為8顆，在24小時內不能超過12顆(3900毫克)；若為500毫克劑量，最大安全日劑量為6顆，在24小時內別超過8顆(4000毫克)；至於最高單位的650毫克劑量，服用間隔需拉長到8小時，最大安全日劑量為4顆，24小時內不要超過6顆(3900毫克)。
許書華建議，打疫苗後若出現發燒疼痛症狀再吃，而且在黃金止痛一小時內適度服用正確劑量，效果可達到8成以上，若拖到後面已經非常疼痛或嚴重發炎才使用，效果恐只剩下3成，因此服用的劑量可能就必須再增加。
許書華也提醒，普拿能不應與其他含有乙醯胺酚成分的藥品同時使用，否則可能造成劑量過高問題，服藥時不應飲酒或併服含酒精飲料，避免加重藥品的肝毒性，過量服用恐出現中毒症狀，包括噁心、嘔吐、食慾不振、右上腹部疼痛，嚴重中毒時，皮膚可能會變黃及感到倦怠，一定要馬上停藥、盡速就醫，並在中毒後的8小時內給予解毒劑治療最有效。
</t>
  </si>
  <si>
    <t xml:space="preserve">
陸委會副主委邱垂正14日以英文的「COVID-19」，稱呼新型冠狀病毒所引發的肺炎，並表示政府未來將致力於維護兩岸和平現狀。一再呼籲蔡英文總統別用「武漢肺炎」，卻被1450出征、被批舔共的國民黨革實院長羅智強，除肯定陸委會的作法，這解讀此為蔡總統和衛福部長陳時中轉彎的序曲，並點名館長陳之漢「你說呢？」
羅智強今早在臉書發文說，他呼籲蔡總統別用「武漢肺炎」，卻被出征、被批舔共；然後，許信良呼籲別用武漢肺炎、洪奇昌呼籲別用武漢肺炎、柯文哲呼籲別用武漢肺炎、黃偉哲呼籲別用武漢肺炎；現在陸委會也宣布要維護兩岸和平，不用武漢肺炎，用covid-19，這也是蔡英文和陳時中轉彎的序曲。
羅智強說，理念的勝利，從來屬於無畏無懼、堅持到底的人，而時間終將站在道理的這一邊，謝謝大家無畏1450張狂的洗板，陪他一起堅強的守著這一份道理。館長你說呢？
</t>
  </si>
  <si>
    <t>全球籠罩在新冠肺炎的陰影下逾八個月，疫情仍尚未緩解，隨著時序進入秋冬，各國專家紛紛擔心疫情再度惡化的可能。另2020美國總統大選在即，再加上美國總統川普確診新冠肺炎，以及川普宣布已指示暫停紓困案協商，一度影響美股走勢。市場接下來將聚焦在10月15日的美國總統選舉第二場辯論，川普染疫後的狀況也為辯論會是否如期舉行增添變數。且本月美國企業財報陸續出爐，企業是否提供樂觀的2021年營運展望，會是左右美股走向的重要變數之一，亦是投資人密切關注的重點。
日前因美國紓困法案暫停的影響，使美股三大指數下跌，台股一度受到干擾，但仍表現有撐。接下來，市場預期蘋果將在10月13日推出新iphone12系列，可望為相關供應鏈挹注成長動能；且今年推出的iphone將是蘋果首支5G手機，對5G手機滲透率頗有助益，5G題材有機會再度發酵。投資人若看好相關個股，可考慮利用權證提前布局，利用小資金的權證商品放大獲利空間。在權證篩選上，永豐金證券衍生商品部建議新手投資人以價內10％至價外20％附近，且剩餘天數仍有60天以上的權證為主，也可依據自身投資屬性篩選權證。提醒投資人，進場前需謹慎評估承受風險的程度，適時掌握停損停利！
永豐金證券向來積極推動權證市場，為使投資人充分了解權證，永豐金證券將於10/15（四）舉辦講座「權民開講：權證理財，其實不難」，由知名權證講師解析近期市場趨勢外，並以淺顯易懂的方式講解權證商品知識，鼓勵投資人善用權證提升投資效益。課程詳情及報名可至「永豐金理財網」學習講座頁面、經由「永豐金權證網」右上方連結進入或掃QR code進入。名額有限，報名從速喔！</t>
  </si>
  <si>
    <t>彰化縣衛生局20日最新公布確診個案公共場所活動史，包括了正彰化肉圓、麻辣火鍋，茶行和豆漿店等等，又增加9個足跡。衛生局也強調，看足跡也要比對時間，這段時間內有到過這些地方，出現身體不適症況，就要去篩檢，注意健康自主管理。
彰化縣衛生局強調，公布足跡不是獵巫，標籤化，考量確診者幾乎都是在密閉空間接觸，同時間進行餐飲、聊天等，成了高風險，同時間內到過這些地方，需要自我留意。
彰化縣衛生局長葉彥伯提供怎麼看足跡四大招
1.確認地點、日期和時間。
2.計算自主健康管理時間，自足跡接觸日起加14天
3.14天內有狀況立即就醫。
4.就醫時，主動告知醫師活動接觸史，配合採檢，等待結果。</t>
  </si>
  <si>
    <t>北市士林一間長照機構6月間發生47確診3死的群聚感染事件，台北市好政連線發起人林延鳳28日踢爆，士林區某家社會局轄管的長照機構又有確診案例，目前已知有2位住民及2位工作人員篩檢為陽性，27日晚緊急將機構住民進行分流隔離安置作業，北市防疫又見破口，呼籲北市府不要隱匿，盡快對外說明。
林延鳳接獲民眾陳情告知，士林區某家社會局轄管的長照機構27日又有確診案例，目前已知有2位住民及2位工作人員篩檢為陽性，擔心有群聚感染狀況，昨晚緊急將機構住民進行分流隔離安置作業，正確數字仍待市府公布。
「專案優先施打疫苗是否真落實？」林延鳳表示，北市社會局先前對外宣布針對轄管的103間長照機構工作人員及住民以施打新冠肺炎疫苗，但截至7月15日止，應施打工作人員有2498人，實際施打為2344人，住民應施打人數為5000人，實際施打人數為4073人，仍未施打疫苗工作人員與住民還有超過1000人以上，這會變成長照機構發生感染的嚴重破口。
林延鳳說，以這次發生確診的長照機構來看，機構目前均並未開放家屬探視，個案到底是去醫院就診感染，或經由工作人員感染，尚待北市衛生局做出完整疫調資料。
「北市府應積極管理，別讓人民擔心受怕！」林延鳳呼籲，北市府應盡快完成長照機構工作人員與住民的新冠疫苗施打作業，若有遇到不願配合施打的對象，應積極與家屬及當事人溝通協助施打，並確實做好防疫管理作業，否則長照機構確診事件不斷發生，不僅是台北市民恐慌，全台人民也跟著擔心受怕。</t>
  </si>
  <si>
    <t>新冠肺炎疫情已趨緩和，新竹縣府交旅處日前召開觀光景點暨商圈防疫分流管制解除會議，決議六福村、小叮噹主題樂園遵照中央疫情指揮中心及觀光局指示，6月7日後解除人潮分流管制；內灣老街、北埔老街及湖口老街商圈則自6月1日起提前解除人潮分流管制。
中央疫情指揮中心為防範新冠肺炎疫情出現社區感染，對風景區進行人潮分流管制，讓原本已受疫情影響的遊樂區更加雪上加霜，像全國知名的六福村主題樂園，假日入園旅客平均減少了8成。
內灣、北埔及湖口老街商圈，除了一般親子家庭遊客外，生意多靠遊覽車為主的阿公阿嬤團，因疫情影響國內旅遊幾乎全斷，業者都很樂見6月1日解除人潮分流管制。
縣長楊文科表示，新冠肺炎疫情趨緩，民眾可以多出門到戶外走走，歡迎大家到新竹縣熱鬧的商圈消費，但還是要做好自身防疫措施，落實防疫新生活運動及防疫安心旅遊，共同提升生活品質，促進經濟發展。
交旅處長游志祥表示，目前新冠肺炎疫情趨緩，中央疫情指揮中心推動防疫新生活運動，交通部則推動防疫安心旅遊，鼓勵民眾在落實個人衛生防護下，也可多前往配合防疫措施的店家消費，使民眾生活及產業經濟能在一定安全條件下，逐步恢復正常。</t>
  </si>
  <si>
    <t xml:space="preserve">因應新冠肺炎疫情，澳洲自3月18日開始，要求國民返國，23日起要求各大娛樂場所歇業以來，祭出多項防疫措施，就是要民眾乖乖待在家中，減少外出，而餐廳也只可以外帶、禁止內用，但是有一家餐廳，被民眾爆料裡面坐了「好幾位顧客」，警方前往查看差點沒嚇死。
澳洲昆士蘭一家歐式料理餐廳「Continental Cafe」，因為受到肺炎影響，認為店裡生意慘淡、實在太冷清，老闆波唐斯（Beau Downs）於是向隔壁理髮廳，借來沒在使用的假人頭，放滿用餐的桌上，看起來比較有「人氣」。
想不到老闆一個幽默舉動，讓民眾以為店家違反規定私自營業，因此向警方檢舉，警方前往店裡一看，發現都是假人頭，也忍不住笑出來，雖然老闆想法相當有創意，不過大多民眾認為看起來毛毛的、有點詭異。
而將假人頭送給老闆波唐斯的理髮廳店長路克（Luke Reynolds），則稱讚對方此舉動，認為波唐斯很會廢物利用。
</t>
  </si>
  <si>
    <t xml:space="preserve">觀光局內勤主管之子染疫事件，目前該主管在家隔離，而其上周行程曝光後，竟然還包含立法院，網友大驚，立院慘了！
中央流行疫情指揮中心日前公布的案269，是一名觀光局在桃園機場旅服中心工作的同仁，且傳出因曾「接待」過從菲律賓返國的某部會官員之子而確診，該兒子也確診，是案例277。
資深媒體人周玉蔻更在臉書爆料，案277男子的父親為觀光局官員，兒子從疫區回台，竟啟動機場貴賓接待，3人一起喝咖啡？耍什麼小咖大官威啊？結果，兒子變確診277，機場接待確診269，顕然這個官員兒子出了海關，沒有繼續執行防疫措施，爸爸帶兒子趴趴走，害人家確診。
綜合媒體更報導，該官員當天接機時並未請假，就翹班出門幫兒子接機，引起外界議論紛紛。對此，觀光局副局長張錫聰，還要再確認，目前資料顯示，在補請階段。
外傳該名官員上周有跟很多同仁開會一事，經綜合媒體披露，上週在交通部、觀光局裡開會，並和觀光局長官同仁有近距離接觸，其中上周五更與相關部會首長赴某立委協調會，接受某立委陳情，下午則是到交通部開會，交通部長林佳龍當時也在場，交通部也證實此事。
對此，批踢踢網友大驚表示，「這個弄到長官跟立委有染病危機會被拔嗎」、「可憐基層，還確診......有關係就沒關係唉唉」、「立院慘了」、「立委現在應該都人心惶惶吧」！
</t>
  </si>
  <si>
    <t>儘管美國新冠肺炎單日確診人數持續創新高，加上市場預估即將登場的第二季財報季恐出現12年來最糟成績，但仍無法抑制美股漲勢，那斯達克指數10日再創新高。美國吉利德藥廠（Gilead Sciences）表示，新冠肺炎藥物瑞德西韋（remdesivir）可改善臨床復原狀況，並讓死亡風險降低62％。受此激勵，吉利德10日股價大漲逾2％。
道瓊工業指數10日收盤大漲369.21點或1.4％，報26,075.3點，標普500指數揚升1％，以3,185.04點作收，那斯達克指數終場上揚0.6％，收在10,617.44點，再創收盤新高紀錄。亞馬遜和網飛10日股價再次締造新猷，帶領那指上攻。
就周線而言，道瓊指數全周揚升0.9％，標普指數收高1.7％，那斯達克指數勁揚4％。2020年迄今，道指和標指分別下跌8.6％和1.4％，但那指漲幅超過18％。
新冠肺炎疫情重創全球經濟，市場早已預期第二季企業獲利可能直線下滑，美股可能不受黯淡的業績影響，持續維持上漲趨勢。　　根據Refinitiv數據顯示，標普500百大企業第二季獲利估計暴跌44％，將創下全球金融危機以來最差季度表現；2008年第四季企業獲利崩跌67％。
網飛、百事可樂、美鋁，以及多家重量級金融股將率先公布業績，包括摩根大通、富國銀行、花旗集團、高盛和美國銀行（BoA）等。根據Refinitiv數據，金融股第二季獲利可能腰斬，縮幅超過52％。網飛的財報將於23日出爐。
根據路透社統計，美國10日新冠肺炎新增確診案例突破6.9萬人，已連續三日刷新紀錄。美國九個州單日確診案例亦創下新高。截至11日，美國確診案例逼近330萬例，死亡人數超過13.6萬人。</t>
  </si>
  <si>
    <t>據大陸國家衛健委官網消息，11月30日，大陸報告新增確診新冠病例113例，其中本土病例91例，均在內蒙古呼倫貝爾市。截至12月1日6時30分，內蒙古多地防控升級，全大陸共有高風險地區6個、中風險地區12個。近日發現的新冠變異病毒株Omicron，香港昨日出現第4例確診，患者來自奈及利亞。
中高風險12+6 分布4省
在新增的確診新冠病例113例當中，其中境外輸入病例22例（雲南8例，四川5例，廣東4例，上海3例，福建1例，廣西1例），含3例由無症狀感染者轉為確診病例（均在四川）；本土病例91例（均在內蒙古呼倫貝爾市）。
據滿洲里市新冠肺炎疫情防控指揮部1日發布的公告，自2021年12月1日9時起，將滿洲里市3地，包括：興華街道、扎賚諾爾區第三街道、第四街道調整為高風險地區，並實施相應管控措施。
截至1日14時45分，全大陸共有高風險地區6個、中風險地區12個。6個高風險地區均在內蒙古呼倫貝爾市，12個中風險地區分布在雲南省德宏州瑞麗市、遼寧省大連市、上海市浦東新區和青浦區、內蒙古自治區呼倫貝爾市和通遼市。
此外，1日0時至14時，內蒙古滿洲里市報告新增確診病例12例，其中滿洲里市區新增8例，扎賚諾爾區4例。截至目前，滿洲里市累計報告新冠肺炎確診病例142例，其中滿洲里市區106例，扎賚諾爾區36例。
滿洲里市啟動第4輪檢測
截至1日14時，內蒙古滿洲里市第3輪大規模核酸檢測已全部結束，共採集樣本16萬4529人份，篩查出陽性57例，其中已確診17例，另40例待臨床複核。1日上午8時，滿洲里市開展第4輪大規模核酸檢測工作，截至14時，已採集樣本13萬5472人份。對於逃避、欺瞞和拒不接受核酸檢測的個人，造成疫情傳播擴散的，將依法依規嚴肅追責問責。
香港特區政府衛生署衛生防護中心表示，香港12月1日新增3例新冠肺炎確診病例，均為輸入病例。此外，稍早前1例輸入病例昨天證實驗出Omicron變種病毒，香港至今累計確診4例感染Omicron病毒病例。</t>
  </si>
  <si>
    <t xml:space="preserve">立積(4968)今年營運不受疫情衝擊，累計前三季已經賺贏去年全年，隨著WiFi 6的良率提升，佔營收比重增加，法人看好，11、12月營收仍有機會再創歷史新高，立積今日股價逆勢剽悍，一度大漲9%，午盤後漲幅收斂，但依舊持穩在6.5%左右。
今年上半年全球因為疫情關係，對於5G的布建力道放緩，惟整體商機還在，業界普遍認為僅為向後推遲1~2個季度，隨著5G的動起來，勢必帶動WiFi 6普及速度，且WiFi 6的成長更快於5G，對立積來說有著相當大的商機。
以立積今年營運表現來看，並未受到疫情影響，累計前三季營收為37.11億元，年增加93.69%，累計稅後純益為5.37億元，年增270%，每股稅後純益8.59元，毛利率為34.76%，年減3.19個百分點，其實立積光是今年上半年每股獲利3.66元，就已經賺贏去年全年的3.13元。
立積專注於WiFi FEM產品，是由PA(功率放大器)、LNA(低雜訊放大器)、SW(天線開關)整合而成， WiFi產品佔立積2019年度營收89%，立積的FEM搭配全球各主要通訊晶片品牌廠出貨，包含高通、博通、聯發科(2454)、瑞昱(2379)、Quantenna(已被ON Semi併購)、Celeno等，立積主要的投片對象包括宏捷科(8086)、台積電(2330)、GLOBALFOUNDRIES、穩懋(3105)等，合作的封裝廠包括江蘇長電、菱生，面對現階段上游晶圓、封測等產能緊縮，立積針對明年產能已經很有明確的規畫，計畫成長在逾25%。
立積營收自今年5月首度突破4億元，5~9月營收連續5個月創歷史新高，9月營收更首度突破6億元，只是10月因工作天數減少，月減少12%，但仍有5.31億元，由於WiFi 6良率提升，且佔營收比重增加，故法人看好，立積預估11、12月營收仍有機會再創歷史新高。
</t>
  </si>
  <si>
    <t xml:space="preserve">天主教靈醫會呂若瑟神父日前發起募款活動，盼救助新冠肺炎重災區的義大利家鄉，短短6天募得1.5億元及相關醫療物資，引起社會廣大議論。前總統馬英九今(2)日臉書發文表示，他赴宜蘭探視呂神父，向他表達敬意，並透露自己從小即受天主教的照顧。
馬英九在臉書上說，小時候家住萬華，常跟著祖母到住家附近西園路天主堂時聆聽神父講道，並領取奶粉、牛油、麵粉、玉米粉等救濟品，可說是幼年即受天主教的照顧。
馬英九指出，台灣過去曾接受外援，隨著經濟不斷發展，現在已有能力幫助他人，在國際人道援助上屢不缺席。此次社會各界熱烈響應呂神父發起的活動，大量捐款與物資湧入，再次展現台灣已由「愛心輸入國」轉變為「愛心輸出國」，也代表民眾對一生奉獻台灣神職人員們的深深感謝。
探視當天，呂神父謝謝台灣，感謝天主當年把他帶到這裡來。馬英九回應表示，我們才要說，謝謝神父，謝謝你們到台灣來。
台灣與天主教會的淵源可追溯至西元1626年，西班牙道明會士馬志烈(Bartolome Martinez)神父等人在基隆和平島建立第一座聖堂。如今，天主教在台灣設立了許許多多的育幼、安老、身障等社福機構和醫療院所，並深耕各級教育，對於國人的醫療、教育及社會福利等方面貢獻良多。
馬英九特別提到，尤其是天主教神父及修女們遠離家鄉與親人，由世界各地千里迢迢來到台灣，哪裡貧窮與落後，就到哪去，越是偏遠的地方，越能看到他們的身影。他們日以繼夜地為這塊土地上的人民服務，留下許多感人事蹟。
</t>
  </si>
  <si>
    <t>蘇花改通車後，花蓮觀光、休閒養生產業前景看俏，國內金融壽險、國外主權基金等不約而同，在新冠肺炎疫情發生後，於最近實地考察花蓮新地標台開新天堂樂園、洄瀾灣園區等周邊商業與旅館用地，擬危機入市，有意共同投資開發！台開董事長邱復生昨日證實，將引進策略投資人。
打造觀光文創 還有生技園區
台開洄瀾灣特區總面積達80公頃，其中35公頃為開心農場、水鳥花園、馬場、自行車道等生態環境。另可開發面積45公頃，其中23公頃為新天堂樂園、旅館、商業用地、住宅用地及養生村等，22公頃為光華樂活創意園區（工業區）。
台開指出，現正由安泰銀行籌組25億聯貸案，未來將配合工業局輔導與近來台商回流需求，將「光華樂活創意園區」打造成觀光工廠、文創及生技等園區。
蘇花改通車後，台北到花蓮只要約2.5小時左右，約與到台中開車時間相當，台開透露，當地觀光工廠需求增溫，目前如立川漁場、乳製品業者等表示有意願進駐園區，另有物流、影視、食品代工業、雲端產業也同樣表達高度進駐意願。園區建蔽率70％，容積率300％，最小單位1,200坪，每坪價格約6.5萬至8萬元起。
新天堂度假養生 花蓮異軍突起
至於「花蓮新天堂度假養生村」占地約3,173坪，總樓板面積14,350坪，地下一層，地上10層，樓高近50公尺，中庭十米挑高、共734間房間，分標準房與精品套房，每間都是飯店級精裝修。樓層規畫上，除3樓有寵物旅館，3-9樓為住宿房間，1-2樓則有醫療等複合式市集，10樓養生俱樂部，與全球知名酒店ibis品牌飯店合作，24小時飯店級管理，未來也將是AI智慧養生村，目前施工進度約20％至25％間，預計明年8月取得使照，2022年農曆春節前營運。
新冠肺炎防疫時期，花蓮異軍突起，台開指出，蘇花改的通車，帶來車潮、人潮，讓花蓮資產土地能見度大幅攀升，也推升1、2月到訪台開新天堂樂園人潮高達70萬人次，業績顯著提升。</t>
  </si>
  <si>
    <t>新冠肺炎疫情擴及全球，台灣不少旅居海外的民眾紛紛掀起一波返國潮，且台灣近日新增的確診案例也幾乎都是境外移入，其中案393與案384是一對夫妻，兩人旅居美國30年，期間久久才回來一次台灣，現在卻爆出兩人返國前均已出現症狀，仍執意搭機返台，讓同機乘客暴露在高風險之中，引發爭議。更有不少網友好奇30年前的台灣是什麼樣子？對此，就有旅遊粉專整理出7大要點，神還原當時的狀況。
指揮中心昨（13日）公布，境內新冠肺炎新增5例確診，其中案384、393為一對長住美國的夫妻，兩人相隔1天搭機返台，且男子在4月3日就已出現病症，妻子則是自稱拉肚子症狀是喝牛奶導致。
消息一出引爆網友們的怒氣，外界質疑兩人長年旅居國外，一回台就有症狀，對此指揮中心發言人莊人祥強調，此案並非長年旅居國外但回國後確診的唯一個案，並澄清回台後確診的隔離費用並非健保支應，依法是由政府支應，其餘醫療費用是自費或健保。
除了確診費用究竟由誰埋單引爆話題之外，網友也紛紛好奇，個案離開台灣30年，究竟1989年12月31日以前的台灣是什麼樣子的？對此，旅遊粉專「愛出國i-FLY.tw」整理出7大要點，直言案393於1990年到美國的時候，正值青春年華，跟現在大部分網友差不多年紀。
1、總統是李登輝
2、出國要向內政部入出境管理局申請許可
3、美元台幣匯率衝到1：26左右
4、股市12000點
5、還沒有全民健保（1995年3月才實施）
6、電腦不普及，還停留在倚天DOS系統，單色螢幕
7、電視只有華視、中視、台視三個頻道</t>
  </si>
  <si>
    <t>東南亞新冠肺炎添亂，打亂光學鏡頭廠佳凌（4976）出貨進程，在客戶生產及原物料供給都出現影響下，致第三季訂單能見度受阻，不過佳凌強調，「訂單只是延後不會不見」，為免客戶復工後，急單湧現，現已預先做好產線調配，以期將可能的影響降到最低。
佳凌4日舉行股東會，佳凌董事長劉嘉彬樂看去年營運倒吃甘蔗，強調隨著全球車市在去年下半年解凍，佳凌營運也走出谷底，順利轉虧為盈，經統計，去年光是光學鏡頭應用產品的年增率就達到六成。
今年車用市場續熱，也帶動佳凌訂單持續滿載，上半年營收9.13億元，年增率102.85％，累計前五月自結稅後純益也達到3,492萬元，換算EPS 0.32元，與去年上半年每股淨損0.67元相較，可謂逆轉勝。
由於車用市場持續暢旺，據悉今年第二季時，佳凌客戶給的預測訂單已來到9、10月，不料受新冠肺炎影響，不單今年5月IC傳出缺料問題，隨後6月又傳出越南疫情趨於嚴重，到7月就連馬來西亞也陷入疫情，佳凌坦言，在疫情前景不明下，客戶下單動作略顯遲滯，部分原料也出現缺貨問題，第三季的業績能否明顯好轉，目前還要再觀察越南和馬來西亞兩國疫情的進展，所幸第二季的營收基期不高，僅4.37億元，挑戰的壓力不大。
佳凌指出，目前消費性產品的來料沒有問題，只是客戶因疫情停工而延後拉貨，此部分訂單仍會按既定計畫來生產，只是不像之前得加班因應，如此一來，雖會為短期營收帶來負面影響，但因加班減少，反倒可以省下加班費，對獲利來說，也不啻是好事一件。至於車用鏡頭部分因為得搭配客戶的主要零組件一起出貨，此部分的訂單遞延則是受累於客戶端缺料，不過佳凌強調，去年下半年新增的自動化產線目前仍如常運作，只是稼動率由滿載略降至七、八成。</t>
  </si>
  <si>
    <t xml:space="preserve">
下班順道載同事一程，或許因為車內空氣不流通，同事覺得有點頭暈。加上最近為防武漢肺炎蔓延，儘量避免待在密閉空間，因此同事伸手就要開窗，但正值下班尖峰，窗外瀰漫汽機車廢氣，該開窗還是使用車內空調循環呢？
◎車內空氣品質不佳 更可能成為武漢肺炎傳染高風險區
車子是密閉空間，人與人間的距離小於1公尺，在密閉空間的傳染風險也較高，日前白牌司機受感染身亡恐怕就是一例。
除此之外，車內空氣品質也不佳。刊登在《國際環境（Environment International）》期刊的新研究就顯示，車子內裝如座椅、面板、踏墊等使用的阻燃劑可能致癌、不孕或胎兒發育不全，而且待在車內的時間越長，接觸的量越多。
該研究針對現今常用於阻燃劑的磷酸酯類有機化合物進行量測，發現磷酸酯類有機化合物中的三磷酸酯（TDCIPP）量，和待在車裡的時間成正比。「這些有機化合物會附著在灰塵上，車內的人很難避免吸進或吃進肚子裡，」研究者加州大學河濱分校環境毒物助理教授佛茲（David Volz）說。
美國生態中心（Ecology Center）科學家吉爾哈特（Jeff Gearhart）也指出，來自皮革、染料、黏著劑、各種塑料的揮發性化學物質約有50～100種，可謂是「化學物質雞尾酒」。
◎車內4大空汙來源
對經常開車的人來說，車內空氣品質攸關健康， 台灣氣喘學會副祕書長、胸腔重症醫師蘇一峰表示，車內空汙主要有4個來源：
●車輛內裝：包括皮革、染料、黏著劑、各項塑料，都是有機化合物和溶劑，含有致癌物質苯、甲苯，會導致肺癌、血癌、腎臟癌等，而且隨著氣候漸暖，如果車輛停在戶外直接曝曬，高溫會增加揮發性有毒物質的濃度。
●車內布置：有些人為了讓車內會擺放毛毯、絨毛玩具等，這些都容易附著塵蟎和灰塵引發氣喘。另外許多駕駛會在車內放置芳香劑，可能釋出甲醛等有毒物質。
●習慣不佳：如在車內吸菸、吃東西，食物碎屑會產生異味、滋生黴菌、跟灰塵結合，引發氣喘和呼吸道疾病。
●車外污染源：主要是粒狀污染物，原因包括戶外空氣品質不佳、車多壅擠的尖峰時段和高速公路，許多人認為汽車空調能過濾車內、外空氣，因此車內空氣品質應該是相對好的，但其實不然。其中原因在於汽車空調是吸引車外空氣在車內循環，尤其是前車是柴油卡車這類重污染的車輛。
◎擺脫車內病毒和空汙 可以做3件事
面對車內空汙和防疫考量，專家建議，最好的方式是「開窗、戴口罩和勤換空調濾網」。
1. 開窗
蘇一峰建議，坐上車後先開窗10分鐘，讓車內空氣流通，降低車內有害物質的濃度，尤其是經烈日曝曬過後的車子更該這樣做。如果車外空氣污染嚴重，是否該開窗呢？高雄長庚醫院胸腔內科主治醫師王金洲認為，和空汙比較，武漢肺炎是急性的感染，應以防疫為優先，「建議開窗戴口罩，雖然醫用平板口罩無法抵擋PM2.5，但能過濾較大的空氣雜質，也有一定的保護功效。」
2. 戴口罩
衛生福利部南投醫院感染控制科主任廖嘉宏建議，想防疫最好的方式是「開車窗、戴口罩」。至於車外循環的效果，則因為每台車的換氣率不同，不一定能充分將車內、外空氣交換，他也不建議只開一扇的車窗，「因為開窗會造成空氣流動，在下風處的人可能會被上風處（靠開窗處）的傳染。」他說，車內循環當然更糟。艷永華國際有限公司執行長、多所職校汽車科培育講師廖俊樺也指出，開窗是營造半開放式的空間，空氣流動下病毒量會降低，減少感染風險，能搭配口罩是最完整的保護。不過他也認為，不管有無開窗，若有防疫考量，在車內的人都建議戴口罩。
3. 勤換濾網
如果碰到某些情況不方便開窗，例如外面下大雨，則可使用外循環功能，車外循環可以提供一些新鮮空氣、降低車內一氧化碳、二氧化碳和其他有毒化學物質的濃度，但廖俊樺也提醒要勤換空調濾網，如此可以增加車內換氣的效率。「一般是里程5,000至10,000公里就要更換濾網，」蘇一峰說。
如果是接載陌生人或不確定是否有傳染風險的親朋好友，除了戴口罩，也可在乘客下車後清潔座椅、安全帶、手把等地方。廖俊樺強調，目前車用空氣清淨機還沒有證據顯示可以降低空氣中的病毒量，所以還是應保持車內通風。
◎除了空氣清淨機，還可以這樣做
想防範武漢肺炎，要戴口罩、開窗保持空氣流通、勤換濾網；如果是想改善車內空氣品質、降低毒物濃度，除了可購買離子式或具備活性碳濾網的空氣清淨機來淨化空氣，還要注意以下4個重點：
●不要用化學清潔劑清洗車內，用清水即可。
●不要在車內抽菸，即使開窗抽菸，車內空氣還是會變差。
●保持車內環境乾淨，用吸塵器清潔容易卡髒污的地方如腳踏墊、座椅縫隙等。
●移除不必要的毛料裝飾物，減少塵蟎和灰塵。
</t>
  </si>
  <si>
    <t xml:space="preserve">總統蔡英文明（8月23日）要打高端疫苗，資深媒體人趙少康表示，之前坊間盛傳蔡英文已經打了疫苗，自己是完全不相信這件事，還跟人爭得面紅耳赤，因此，他呼籲，如果蔡英文想破偷打疫苗謠言，就請蔡英文公開抽血檢查抗體。
趙少康今（22日）在臉書發文表示，之前坊間盛傳蔡英文4月已經在AIT打了兩劑BNT疫苗，還有立委告訴他，連立法院的司機都在gossip（八卦）碎嘴這件事，說得活靈活現，不知道是不是總統府司機傳給立法院司機的閒話，還說明天蔡英文打的會是生理食鹽水。
對於這項傳言，趙少康稱，自己是完全不相信蔡英文會幹這種事的，為此還跟好幾個朋友辯得面紅耳赤，但沒有證據也辯不出什麼結果，為了遏止謠言，蔡英文可以考慮在明天注射高端疫苗前，先公開抽血檢驗有無新冠肺炎病毒的抗體，如果沒有抗體，就證明謠言不可信，也會增加蔡英文的公信力。
趙少康直言，大家都知道蔡英文是高端疫苗最頂級的推銷員，一年多來多次率領前副總統陳建仁、衛福部長陳時中等人卯足了勁替高端宣傳掛保證，激勵高端的市值從30億膨脹到700億。雖然鼓動了不少支持者追隨跟進，但開放三輪至今只有60萬人預約登記實在還是太少。
對此，趙少康認為，蔡英文有責任也有義務在9月6日，也就是在823打了高端疫苗的14天後，公開抽血檢查抗體，確認疫苗的效果。如果有效，可以大大增加大家的信心，鼓勵人民群起而注射高端；如果沒效，也可以提高大家的警惕，甚至立刻停止施打無效的疫苗，以免出現防疫破洞。這是蔡英文能為高端疫苗效果做的最好示範，也是粉碎各種亂七八糟傳言最好的機會。
針對外界謠傳蔡英文偷打輝瑞疫苗傳聞，總統府發言人張惇涵6月13日嚴正表示，這是不折不扣的謠言，蔡總統、賴副總統目前皆未接種疫苗。張惇涵強調，總統、副總統願授權由中央流行疫情指揮中心調閱相關接種紀錄，公布於國人，以昭公信。也請有心人士停止造謠，呼籲社會各界勿以訛傳訛，避免觸法。
</t>
  </si>
  <si>
    <t xml:space="preserve">新冠病毒不僅威脅全人類健康，因各國相繼「鎖國防疫」，全球陷入「封鎖悖論」，亦即為防止新型冠狀病毒擴散，各國對外關閉邊境，對內封城或嚴格限制外出，雖產生防疫效果，卻造成經濟及社會活動停滯，付出慘重的經濟損失，形成悖論。隨著歐、美疫情擴大，世界經濟前景漸趨悲觀，野村全球市場研究公司分析指出，若疫情無法有效控制，全球經濟不僅「V型」復甦無望，甚至可能陷入「L型」的長期衰退。
3月下旬以來，日本各大城市接連的外出「自肅」（自我約束）勸告，造成餐旅及百貨銷售等內需大幅萎縮，安倍首相在參議院答詢時指出，新冠病毒疫情「堪稱日本戰後從未經歷過的國難」，並稱「已設想最壞的情況」。此警告除針對疫情，更帶有對日本經濟的憂心。4月1日，日銀（央行）公布日本大型製造業景氣判斷指數（DI）為負8，是7年來首度由正轉負，且預測第2季為負11，日本景氣持續惡化。無獨有偶，美國國會4月2日發布今年第2季的GDP預測為負28%，此為史上最大的負成長數字。為避免日本經濟失速，安倍內閣將推出超過「華爾街金融風暴」時，規模前所未見的緊急經濟對策。
然而，全球各自為政的救市措施，不足以使人類安度此二戰結束後的最大危局，何況疫情中，美、中爭論不休，甩鍋對方，互指為新冠病毒禍源，美國總統川普以「中國病毒」指稱此病毒，《華爾街日報》亦口不擇言稱「中國是真正的亞洲病夫」。美國將疫病汙名化的前現代做法，迎合美國社會的種族主義，並升高「中國威脅論」的聲量，試圖干擾中國的國際參與，弱化其影響力。疫情中的美、中較勁，不僅平添全球防疫的破口，更釀成經濟危機。
新加坡總理李顯龍呼籲，互相指責無濟於事，美、中及各國須合作對抗新冠病毒，且希望美國在此事上扮演領導角色，因美國擁有資源、科學、影響力、軟實力，以及令人信服且成功處理這些問題的經驗，不僅是為美國自身的利益，亦有利於更多國家的更大好處。
誠如李顯龍總理所言，美國較中國應負更大的國際責任與義務，但美國哈佛大學教授奈伊認為，川普囿於狹隘的「美國第一」，缺乏對欲望的克制，偏向短期「零和收益」的政治操作，未意識到「合作」與「凌駕」的辯證關係，忽略體系及同盟的重要性。「川普外交」不利於防疫等國際權力間的「正和博弈」，令美國在新冠肺炎全球擴散下，付出慘痛代價。
《日本經濟新聞》評論指出，「封殺新冠病毒，全球政治需要對表」，歐、美及中、日等亞洲主要國家須共商清晰的路線圖並構築全球政治的頂層設計構架，其間，美、中需要互信，需要尋求共存。北京須做中、美共識構築的主動者，共揚人性的良善，重建交流及合作信心。
G20集團領袖於3月底舉行視訊峰會，承諾將盡可能減少疫情對世界經濟造成破壞，並共同投入疫苗及藥品的研發，但美、中兩國的態度為能否獲致具體成果的關鍵。G20視訊峰會後，川、習隨即通電，但雙方合作依舊有口無心，爭拗不斷，即使川普有心與習近平維持互動關係，卻不容易撼動美國反中的深層結構，美國與歐洲的矛盾與互疑，也隨著疫情惡化而深化，G20峰會聯合公報多邊合作宣示可能淪為紙上談兵。
全球大流行的新冠肺炎不應加深美、中的新仇舊恨，彼此怨懟，而應是雙方捐棄文化偏執及成見，尋求合作的契機。瘟疫當前，美、中若能放下偏見與爭執，共同抗疫，將可緩解雙邊關係的緊張，引領國際社會走向合作，使新冠病毒對各國的傷害降到最低，否則歷史將記上我們犯下的錯誤。「部落主義」的他我劃分、相互攻伐，將使人類錯失戰勝新冠病毒的機會，分崩離析的國際社會更難以收拾全球經濟的危局，「部落主義」是當前人類比新冠肺炎更嚴重的病毒。
</t>
  </si>
  <si>
    <t>大陸當前積極研發新型冠狀病毒肺炎病毒滅活疫苗，在美國總統川普於30日凌晨宣布，美國暫停與世界衛生組織（WHO）的關係後，大陸國資委同日稍後表示，大陸研發的肺炎疫苗預計最快在今年底或明年初上市。
香港信報30日報導，大陸國資委表示，國藥集團中國生物武漢生物製品研究所和北京生物製品研究所的新冠滅活疫苗，目前已完成第1期及第2期入組，共有2千多人接受注射。
臨床數據顯示，疫苗安全性、有效性獲充分驗證，不良反應發生率和程度均遠低於已上市各類疫苗。該疫苗臨床試驗分為3期，完成第1至3期臨床直至上市，預計最快在今年底或明年初。</t>
  </si>
  <si>
    <t>台灣疫情升至三級警戒，舉凡進入店家，都得實施實聯制。近日一名超商店員表示，一名阿嬤說要繳費，卻不會使用實聯制，只好教對方用手寫，沒想到對方竟嗆「我不會」，甚至大聲嗆店員「你們都會得肺炎」。
該名超商員工昨（23）日於臉書社團《爆料2公社》抱怨，平日上班已經很忙，最近因應疫情升溫，還要查核每個客人有無落實實聯制。近日遇到一名想要繳費的阿嬤，他向對方表示要完成實聯制，才可以進入店裡，阿嬤卻以「我不會」回應。
原PO表示，阿嬤因為沒有智慧型手機，只能使用手寫實聯制，他也願意一步一步教導，結果阿嬤卻不斷跳針喊「我不認識字，我不會寫啊」。原PO說，阿嬤已不是第一次來店裡，之前明明有自己填寫成功的經驗，他只好要阿嬤回家請家人幫忙繳費，豈知，阿嬤一聽直接爆氣怒嗆「你們都會得到肺炎」。
原PO無奈地說，店員其實都很願意幫忙，如果我們都幫忙寫，真的會沒完沒了，教會他們才是最重要的，況且現在走到哪都需要實聯制，並呼籲大家教進入超商完成實聯制後，可以主動示出給店員看，「可幫助你我省下很多時間」。
貼文曝光後，網友也發表自身意見，「不歧視老人，是有些老人真的很歡」、「這位阿嬤的口德好差」、「建議家人該幫老人家刻印章，蓋一下就好」、「辛苦了 只能說什麼人都有」、「其實不只是老人家，這幾天出現很多狀況，也有很多中年人，甚至是年輕人」。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新冠肺炎疫情持續延燒，有愛心團體擔心這段期間，在艋舺公園周遭的街友乏人照料，19日下午在公園附近發送愛心便當，資深藝人劉尚謙也擔任志工協助發送，劉表示這次活動是朋友發起的，他覺得很有意義所以來參加，希望給社會送暖送愛心。
發起活動的朱品臻表示，這次預計發送600個便當和礦泉水，她本身是嫁來台灣的越南外配，因緣際會做生意有一些獲利，為了回饋社會，這3年多來她都會進行一些公益活動。
她表示這次來艋舺公園，是想到疫情期間，街友可能乏人關注，所以準備便當和飲料，希望他們可以飽餐一頓，朱的義舉果然吸引大批人潮，許多人接過便當後，立刻跑到公園角落大快朵頤，有街友就開心表示：「好久沒有吃到排骨了～」
</t>
  </si>
  <si>
    <t>受新冠肺炎疫情影響，國內多所大學將在明天開學，花蓮慈濟大學共有16名大陸港澳學生，因過年返鄉無法返台上課，校方開學前啟動安心就學方案，透過網路遠距教學，讓大陸港澳學生開學上課時「一個學生也不能少」，確保學習不中斷。
慈大教資中心劉哲文主任表示，大家都以為線上教學門檻很高，其實只要一台手機就可以，他還親自示範如何在PPT裡錄音，提供給授課老師參考，上課前護理系老師江錦玲也將影片、簡報掛上網讓同學可以事先預習，並用臉書與在香港學生連線。
開學前，慈大數位教學組與大陸港澳不同地區的同學約測試，了解同學所在地的網路品質沒問題，以及可使用軟體，像是台灣一般常用的臉書Facebook、通訊軟體Line在大陸地區無法使用，必須改利用we chat等，透過視訊同步討論上課內容。
未來內外科護理學」每周上課將利用手機以臉書私密社團直播，班上7位同學自願輪流協助錄影，港生曹曉穎說，感謝學校的安排，照顧到回不來的學生，現在一星期只能出門一、兩次，但因為有線上教學，就好像在台灣和同學上課一樣。
家住在福建的生科系學生鄭琪萱表示，這幾天已經可以外出活動了，但還是很渴望能回到規律的生活，大一有很多必修課，學校這邊一直與她聯繫，協助她選課並安排遠距教學，也希望這波疫情趕快結束，大家一起加油，恢復原來的生活。</t>
  </si>
  <si>
    <t xml:space="preserve">亞系外資針對聯詠(3034)出具最新研究報告指出，在疫情衝擊下，智慧型手機和電視相關出貨前景轉趨保守，故一舉將聯詠評等持有調降至減碼，目標價由193元下修到144元。
亞系外資指出，聯詠的智慧型手機和電視相關產品占營收合計高達70%，只是由於新冠肺炎疫情衝擊，預期下半年需求前景不佳，尤其OLED滲透率低於預期，加上智慧型手機需求放緩，恐拖累聯詠2020年OLED驅動IC和TDDI兩大成長動能表現，恐拖累聯詠業績，決定調降聯詠評等由中立的「持有」調降至賣出的「減碼」，目標價由193元下修到144元，另外，亞系外資也預估聯詠今年第二季營收將季增4%，第三季營收將季減14%，決定調降2020年、2021年每股盈餘預估，降幅分別為19%、21%，分別為12.02元、13.02元。
亞系外資指出，預估聯詠2020年OLED驅動IC與TDDI營收將分別年增24%及年減8%，低於先前預估的年增123%、年增5%，而iPhone SE新機推出後反應熱烈，將帶動消費趨勢轉往中低階智慧型手機，恐不利於OLED螢幕滲透率提高以及手機零組件升級。
</t>
  </si>
  <si>
    <t>新冠肺炎疫情凶猛，17年前SARS疫情爆發時，由中央統一採購的負壓救護車因早已超過使用年限全部報廢，因應隨時可能升溫的疫情，宜蘭縣消防局長徐松奕表示，已備妥方案，並與醫療器材供應商約定，一旦發生緊急狀況，必須立即提供至少2套可裝設在救護車上的「負壓艙」，防止疫情蔓延並保護救護人員安全。
自從17年前因SARS疫情由中央撥發的2輛負壓救護車，過了使用年限報廢後，宜蘭縣就再也沒有負壓救護車裝備，如今遭逢新冠肺炎疫情，消防局不敢掉以輕心，立即實施任務編組，在溪南、溪北兩個區域分別指定一組專責救護人員，專組人員在執行載送疑似新冠肺炎患者時，都必須穿戴隔離衣、手套、面罩，身上防護衣物接縫處另以膠帶纏繞，避免救護人員執勤時受感染。
徐松奕指出，雖然目前中央還沒有進一步明確指示，但消防局已鎖定有如一個小帳蓬，並可裝設在救護車上的「負壓艙」，每套「負壓艙」設備要價20多萬元，目前只有雲林縣購置，以目前宜蘭縣狀況，雖然尚未達到需要緊急添購負壓艙的程度，但消防局已向醫療器材供應商談妥，一旦有需求，至少能購得2套「負壓艙」投入防疫。
至於負壓救護車，徐松奕說，由於中央並未對負壓救護車訂出標準，因此即使地方政府有意自行添購或接受民間捐贈，也沒有標準可循，恐衍生不必要的困擾，建議還是由中央統一執行較為適當。</t>
  </si>
  <si>
    <t xml:space="preserve">新冠肺炎確診病例在全台持續攀升，而林口長庚紀念醫院兒童一般醫學科主治醫師吳昌騰在臉書分享了一個新加坡案例，他坦言，讀完他的診療經過後，「一股寒意在心中升起」，更形容新冠肺炎病毒是一個「奸巧敵人」。
吳昌騰臉書《來講兒科急診的543-吳昌騰醫師》提到，新加坡一名6個月大的寶寶染病過程，寶寶的媽媽在1/29出現發燒、喉嚨痛症狀，2/3住院，當天鼻咽拭子SARS-CoV-2陽性。而爸爸也在2/1出現相同症狀，被住院隔離。
吳昌騰說明，寶寶雖然無症狀，但免於感染的機率很小，2/4寶寶被收住院後都沒有出現症狀，因此醫師並未照胸部X光、胸部CT，但寶寶入院後採集的鼻咽標本經過檢測，證實診斷為新冠肺炎感染且病毒載量高。
接著，吳昌騰補充，寶寶入院第2天，血液病毒檢測陽性，但大便和同一天的尿樣呈陰性。住院期間，出現過一次發燒，未用藥但一小時後體溫又正常。且寶寶每天咽拭子查新型冠狀病毒都是陽性，直到第17天終於轉陰性。當中，第八天尿檢正常，但隨後在糞便中驗出病毒陽性，弔詭的是，寶寶一直沒有消化道症狀，直到2/22出院。
吳昌騰提到，兒童普遍症狀較輕微，甚至無症狀，這個寶寶幾乎是無症狀感染，但可怕的是，該寶寶從開始到住院16天，每天的鼻咽拭子一直持續陽性，同時病毒載量還較高，仍然可以排病毒。
吳昌騰坦言，看完這故事，一股寒意在心中升起，同時他也提醒醫界，新冠肺炎病毒真的是一個「奸巧敵人」，鼓勵大家要一起加油對抗病毒。
</t>
  </si>
  <si>
    <t xml:space="preserve">新冠肺炎疫情全球肆虐，但台灣此前控制得不錯，直到近日境外移入確診數不斷增加，引發民眾警覺，各地又掀口罩搶購潮，資深媒體人狄志為今天因緣巧合下加入戰局，po文透露睡少少起大早去知名連鎖超市搶購口罩，被眼前的景象驚呆。
狄志為今(8/13)一早在臉書po文，表示知名連鎖超商美廉社今起開放預購口罩，全台共700多家店搶5萬盒，一盒259元，一人限購5盒，而他本無意加入搶購潮，只是「我三點半睡，六點起床叫老大上學，想想不如來排排看，會不會太瘋狂」，嘴上說著瘋了，狄志為卻乾脆加碼，挖老婆起來一起衝。
夫妻倆趕到店面前不過清晨6點半，眼前景象讓他們直呼「OMG」，因為算一算排隊人數已經來到40多人，狄志為表示昨天有問了一下店員，店員說這是全台同時開放搶購，「機器刷得過就買得到，刷不過就是沒了」，讓他不禁幻想先前中了彩卷、發票又抽到動滋卷的狄家三口，是否能延續運氣也搶到口罩？
狄志為想起前副總統陳建仁的提醒，「接下來1家一個人至少得準備三個月的口罩」，讓全台民眾再陷入搶購口罩的輪迴，也堅定了自己的搶購決心，但結果相當可惜，「排了半天這次運氣不好，白跑ㄧ趟！媽咪的叻！差三個人」，一問之下才知頭香4點就來排了，還有人專業到帶小椅子來排，讓他大嘆：「我怎麼也會跟風來排呢？」。
</t>
  </si>
  <si>
    <t xml:space="preserve">
目前新冠肺炎在歐洲擴散，歐洲疾病預防管制中心（ECDC）示警，疫情正朝向社區性傳播發展，確診案例也不斷攀升，若持疫情持續惡化擔憂其他國家也會出現類似像義大利與中國大爆發的情形，應立即採取相對防疫措施，保護最脆弱的人群。
據《中央社》報導，歐洲疾病預防管制中心表示，針對歐洲對抗防疫措施，預期病例將會持續增長，重要的是透過減少傳播機會與加強醫療衛生系統，來保護免疫力差容易感染的人群免於受到嚴重的疾病和致命傷害。
歐洲疾病預防管制中心公布2019年新冠肺炎最新疫情報告，包括歐盟（EU）27國、英國及冰島、挪威等國全出現疫情，累計確診2萬2105例、死亡943例，其中義大利最為嚴重，病例計1萬2462例、死亡827例。
德國總理梅克爾（Angela Merkel）11日表示，在病毒傳播同時，免疫力較差的人們較易感染，再加上沒有治療方法下，「大約會有6成到7成人口染病」，重點放在減緩傳播速度。
德國也建議取消聚集人數在1000人以上的聚會，包含足球賽、商展等大型活動。比利時政府也同樣建議禁止超過1000人的室內大型集會。
義大利全境封鎖後，又進一步下令，除了食品與藥局外，全國商家全部關閉；奧地利則宣布禁止義大利航班與火車入境；斯洛維尼亞也將在與義大利邊境實施控管措施。
荷蘭表示，只要有感冒、咳嗽、喉嚨痛或發燒症狀者都應待在家中、取消100人以上的活動，包括博物館、音樂廳及體育競賽等公共場所，及所有大專院校提供遠距教學課程。
更多 CTWANT 報導
</t>
  </si>
  <si>
    <t>中央流行疫情指揮中心宣布7月13日起微解封，但各縣市政府做法不一，民眾看得霧煞煞，對此指揮官陳時中回應，適度放鬆是在整體疫情判斷之下，強度太強，違規的事情就多，防疫疲乏會及早出來，反而強度就不好；所以在這兩者取得平衡，相信地方政府都會從中做取決。
新北市政府宣布，中央公布的指引很難做到，餐飲業仍不開放內用；新竹市長林智堅也宣布，市內12座公有市場維持禁止內用，校園操場也不對外開放；雲林縣也表示，學校操場暑假期間無法進行實聯制及清消，暫不對外開放；高雄市長陳其邁則表示，以戶外場所優先開放，室內管制強度需要再研議。
陳時中表示，有些人覺得太緊，有些人又覺得太鬆，這是兩難的情況，鬆綁的部分是屬於指引，個地方整府可以因應疫情和民情，做出最適切的判斷，沒有所謂同調不同調的問題，在三級範圍內可以做出彈性應用。</t>
  </si>
  <si>
    <t xml:space="preserve">微軟、臉書、推特與Alphabet旗下的谷歌等美國科技公司今天發表聯合聲明說，他們正在合作消除平台上關於疫情的不實訊息。
路透社報導，這些公司也包含領英公司（LinkedIn Corp.）、Reddit與YouTube。聯合聲明說，他們正與全球各地政府的醫療保健機構合作，分享關於武漢肺炎的最新重要資訊。
聯合聲明說：「我們正在協助數以百萬計的民眾掌握疫情，同時一起打擊關於病毒的詐騙與不實資訊，提高我們平台上權威性的內容，並與全球各地政府的醫療保健機構合作，以分享重要的最新資訊。」
美國財經媒體報導，這些科技巨擘與社群網站龍頭說，也歡迎其他公司加入他們的行列。白宮科技政策辦公室今天也表示，「已與不同的美國科技公司與產業協會召開許多會議，未來將會持續開會，成為我們全美疫情對策一部分」。
根據約翰霍普金斯大學（Johns Hopkins University）與公共衛生機關的數據，美國的2019冠狀病毒疾病（COVID-19，俗稱武漢肺炎）病例激增，目前累計超過3500起，死亡病例至少74起。
</t>
  </si>
  <si>
    <t xml:space="preserve">「鑽石公主號」郵輪幾乎每天都爆出30例以上新冠肺炎確診病例，導致日本境內總確診數不斷飆升，日本政府的防疫能力也遭質疑，包括吉里巴斯在內，目前全球已經有4個國家限制日本人入境。
日本讀賣新聞今（13）日報導，由於新冠肺炎疫情延燒，太平洋島國吉里巴斯已經自10日起限制日本人入境，要求欲前往吉里巴斯的日本人，先在沒有出現2019年冠狀病毒疾病（COVID-19）疫情的國家待滿14天才能入境，成為全球第4個限制日本人入境的國家。
不只吉里巴斯，此前薩摩亞、密克羅尼西亞及吐瓦魯等3個太平洋島國都已陸續祭出類似旅遊限制措施。
值得注意的是，外國觀光客也開始避開到日本旅遊。香港《南華早報》報導，部分旅客在取消赴日行程時，也要求航空公司、郵輪公司退回費用。
停靠在橫濱港的鑽石公主號今日再新增44確診病例，全船3,711人中，這艘船總計目前確診病例數已來到218人。由於船上人數眾多，日本政府遲遲無法決定讓所有人接受病毒檢疫，鑽石公主號儼然成為「病毒方舟」，最新消息是，日本擬讓80歲以上老人、慢性病患者、艙房內沒有窗戶的乘客優先受檢、下船。
</t>
  </si>
  <si>
    <t>高雄市仁武區爆發家庭群聚感染，13人陸續確診，由於指標個案曾在三峽恩主公醫院就醫，一度引爆高雄槓新北疫調不實。個案被公布足跡後，位在高雄市新興區的西服店透過臉書發表聲明，揭露一段20多年前的往事，「充滿濃濃洋蔥」。
該名個案今年60多歲，平常在桃園工作，5月24日住進恩主公醫院動手術，6月22日確診；這段期間他因返回高雄造成家庭群聚，家人又跑去上班，再傳染給同事，導致共13人染疫。
高雄市政府公布其足跡，分別去過CS Kingsman紳士西裝西服店及勾勾手自助婚紗店，店員快篩全為陰性，目前自主管理中。CS Kingsman陳姓負責人在臉書PO出聲明，呼籲民眾不要責怪指標個案，「團結一起度過這波疫情才是最重要的」。
陳姓負責人透露，個案於6月19日由女兒陪同到店裡做西裝，只因女兒想替爸爸圓夢。原來父親20多年前結婚時沒拍婚紗，一直以來不無遺憾，貼心的女兒希望爸爸能一圓夢想，才會帶他來製作西服。
負責人強調，這對父女是當天最後一組顧客，依規定量體溫也無異樣，「經過此事件，希望大家不要帶著批評仇視的角度去責怪誰」，他認為，發生這種事大家都不樂見，遇到了該面對還是要面對。</t>
  </si>
  <si>
    <t>經濟部即將在3月中召開電價審議委員會，電價已連續三次未調整，但國際原油跌至每桶50多美元，近期又遇上新冠肺炎（COVID-19）疫情肆虐，知情官員透露，4月起新電價維持「連四凍」可能性很大，有不調漲空間。不過目前電價平穩基金僅剩22.5億元，若下半年電價面臨調漲壓力，將無銀彈可平抑電價。
對於電價可能「連四凍」，工商團體幾乎「鬆一口氣」，更指現在漲電價會讓全民困擾，希望政府要傾聽民間聲音，甚至呼籲連今年基本工資都不要調漲。
全國商業總會理事長賴正鎰表示，電價調整將會影響物價，現在台灣遇上疫情，觀光等相關產業損失慘重，若是現在漲電價是「雪上加霜」，期望政府因應民間需求，暫時不要調整電價。
經濟部將於3月中召開「電價費率審議委員會」，敲定今年4月起的新電價。據了解，由於中美貿易戰於去年趨緩，國際油價一度漲至每桶68美元，帶動能源成本攀高。惟近來因新冠肺炎影響，能源價格持續下跌，截至2月下旬，西德州、北海布蘭特及杜拜原油，每桶已跌至50至60美元之間，讓電價上漲壓力減小。
知情人士透露，由於調整電價會連帶影響物價，目前疫情蔓延，任何事都要以防疫為最優先，且近期國內產業與台商回報經濟情勢受疫情影響嚴峻，此時不宜再調高電價，加重國人負擔。
值得注意的是，2019年台電全年稅前虧損147億元，經濟部決議提撥412億元電價穩定基金挹注台電，讓稅前盈餘達265億元，較2018年盈餘減少35億元，台電累計虧損也降為758億元。
經濟部2018～2019年連三次以電價穩定基金彌補台電虧損，2020年初電價平穩基金已見底，僅剩22.5億元，近期國際能源價格下跌，但若未來全球景氣回升，帶動產業復甦，能源需求大增，電價將有上漲壓力，屆時已無銀彈可平抑電價，最終恐仍會反映在民生用電上。</t>
  </si>
  <si>
    <t>美國總統川普確診新冠肺炎，住院四天後就出院，引發各界關注，重症暨胸腔醫師黃軒則引述國際研究分析其恢復後，出現肺功能障礙的機率，若川普是輕症將有42.5%的機率出現肺功能障礙、重症則有75.6%的可能性，並羅列出新冠六種症候群及使用呼吸器的機率，提醒年長與肥胖是危險關鍵。
黃軒表示，「咳嗽、發燒和嗅覺喪失」一般被視為新冠肺炎的三大症狀，但為了弄清特定症狀是否傾向於同時出現以及與疾病進展之間的關係，研究大數據分析出「六種類型和使用呼吸器的機率」。
一、不發燒的「流感」
用呼吸器比率：1.5%
症狀：偏頭痛、嗅覺喪失、肌肉疼痛、咳嗽、喉嚨痛、胸痛、不發燒。
二、發燒的「流感」
用呼吸器比率：4.4%
症狀：偏頭痛、嗅覺喪失、咳嗽、喉嚨痛、聲音嘶啞、發燒、食慾不振。
三、胃腸道
用呼吸器比率：3.3%
症狀：偏頭痛、嗅覺喪失、食慾不振、腹瀉、嗓子痛、胸痛、無咳嗽。
四、一級嚴重（ 疲勞 ）
用呼吸器比率：3.3%
症狀：偏頭痛、嗅覺喪失、咳嗽、發燒、聲音嘶啞、胸痛、疲勞。
五、二級嚴重（意識混亂）
用呼吸器比率：3.3%
症狀：偏頭痛、嗅覺喪失、食慾不振、咳嗽、發燒、聲音嘶啞、嗓子痛、胸痛、疲勞、精神錯亂、肌肉疼痛。
六、三級嚴重（腹腔和呼吸道）
用呼吸器比率：19.8%
症狀：偏頭痛、嗅覺喪失、食慾不振、咳嗽、發燒、聲音嘶啞、嗓子疼、胸痛、疲勞、精神錯亂、肌肉疼痛、呼吸窘迫、腹瀉、腹痛。
黃軒補充說明，組別6中幾乎一半的患者都得住院治療。而組別1中卻僅有16％才需住院。而老人、慢性疾病患者、肥胖和肺病患者，多是呈現在組別4、組別5和組別6。
黃軒指出，川普年紀較長，又有肥胖問題，先前確診後難掩疲態，更曾有報導指出他呼吸困難，而這些症狀都屬於組別6的三級嚴重症候群的症狀，其中將近五成的患者必須要住院，另根據美國廣播公司的報導，川普還曾有發燒、畏寒和咳嗽的症狀。
黃軒表示，臨床上有部分重症患者病發時，會先「感到刺骨的寒意 」並伴隨全身性的痠痛，嚴重還可能出現幻覺，而這些都是呼吸衰竭前的重症表現之一。若川普有這些症狀的話，就要小心了。另外，即便川普的症狀改善了，仍要小心後遺症。
川普住院治療4天後，昨已出院回白宮。黃軒引述國際期刊論文研究，感染新冠病毒出院30天後，測確診患者的影像和肺功能情況，其中54.3%的人，其電腦斷層掃瞄仍發現異常，即便再出院當天仍有83.3%的人電腦斷層掃描出現異常，包括毛玻璃的肺、肺纖維化等。
黃軒補充，康復1個月後的患者，有75.4%的人仍存有肺功能障礙，不因影像恢復正常，肺功能就恢復正常！依國際期刊論文的資料，川普若是輕症，恢復後仍有42.5%的機率會肺功能障礙；若是重症恢復的話，則有75.6%的可能會有顯著的肺功能障礙。
【本文獲黃軒醫師授權】</t>
  </si>
  <si>
    <t xml:space="preserve">13日起防疫微解封，林務局表示，經與部落社區協調，決定戶外場域開放範圍縮減，太平山森林遊樂區、鎮西堡巨木群步道等仍暫停開放，松雪樓、奧萬大山莊等住宿人數則降載5成。
林務局今天表示，經與當地部落社區協調，開放戶外場域縮減為91條自然步道、53條林道、14處國家森林遊樂區、3處平地森林園區及4處林業文化園區。
林務局指出，室內展示教育場館、軌道設施（阿里山林業鐵路、太平山蹦蹦車與烏來台車）、山屋與通舖型住宿設施，以及自然保護區域（包含自然保護/留區與野生動物保護區），仍暫不開放。
對照8日公布預計開放120條自然步道、81條林道、17處國家森林遊樂區，林務局說明，當時也附帶說明各步道場域開放需與當地相關部落社區協調，尊重在地意願，並視各地疫情管制狀況動態調整。
林務局表示，近日與部落社區協商，加上部分縣市政府、區（鄉）公所依據傳染病防治法第37條第1項第6 款公告其境內旅遊景點、步道、園區等持續暫停開放至7月26日，所以做了調整。
林務局表示，13日起仍暫停開放鎮西堡巨木群步道、桶后越嶺步道、紅石步道等54條自然步道，大鹿林道本線、雙龍林道、延平林道等28條林道，以及太平山、內洞及觀霧等3處國家森林遊樂區。
林務局預計，微解封後北部首選一日遊的國家森林遊樂區為鄰近雙北及桃園市的東眼山及滿月圓，此外還有大雪山、阿里山，以及高屏民眾喜愛的藤枝，此園區採預約制，13日起一整週預約幾乎已滿。
林務局提醒，13日起開放的各森林育樂場域將實施遊客人數總量管制，森林遊樂區入園人數降為原承載量的4成，到達人數上限後將採一出一進，大雪山莊、松雪樓與奧萬大山莊住宿人數也降載5成。
為落實人潮分流，奧萬大入園人數上限為800人、阿里山3000人，武陵農場則每天限400台小型車進入，入園遊客須量體溫，額溫攝氏37.5度以上者婉拒入園。
入園者須全程佩戴口罩，避免戶外10人、室內5人以上群聚，且需維持室外1公尺、室內1.5公尺社交距離。用餐方面，如遊客於場域內有飲食需求，應配合疫情指揮中心指示，在與不特定對象保持社交距離，可暫時取下口罩飲食，用餐完畢即應佩戴口罩。
</t>
  </si>
  <si>
    <t xml:space="preserve">鈺齊-KY(9802)第一季合併營收為新台幣27.73億元，年增7.6%，創歷史同期新高，毛利率23.8%，較去年同期揚升4.2個百分點，營業利益比去年同期成長35.8%，達新台幣3.56億元，歸屬於母公司稅後淨利為新台幣3.54億元，EPS 2.02元，亦分別較去年同期大幅成長72.5%及50.7%，首季營收、營業利益、稅後淨利，共創歷史同期新高。
鈺齊大陸、越南及柬埔寨首季產能占比分別為27.7％、43.2％、29.1％，非大陸產能占比已逾7成，而柬埔寨產能更首度超越大陸。另關於銷售地區(品牌客戶指定目的地)，大歐洲首季營收及比重分別達到新台幣12.3億元及44.4%，而大美洲市場則是逐年開發有成，首季已達新台幣10.3億元(37.1%)，多品牌接單策略對產品組合優化、營運規模擴增以及銷售地區分散，確可產生多元正面效果。
全球新冠肺炎(COVID-19)疫情，導致大陸各廠區延後開工而減少2月及3月的總產量，而且自三月中下旬過後，隨著全球疫情急速惡化，品牌客戶下單態度及拉貨動能轉趨保守，當前國際情勢不確定因素仍高，故未來數月營運展望，仍需視全球疫情控管程度及終端消費市場表現而定。
</t>
  </si>
  <si>
    <t xml:space="preserve">(18：06更新)韓國死亡病例增至8例。第8例死亡病例是與清道大南醫院有關的人員，被移送至慶北大學醫院接受治療過程中死亡。該患者並未計入當天下午的確診患者人數中。好消息是，有4例患者解除隔離（第9、13、15、20例），治癒病例增至22人。使用體外呼吸器的病危重患者有2人，14人正在接受吸氧治療。
（16：36更新）韓國今（24）日下午再增加70確診病例，累計境內確診數上升至833人，加上上午宣布新增的161起病例，韓國單日就增加了231起新病例。
韓國今日也出現第7例死亡病例；此外，韓國軍隊下午在新增2名士兵確診，累計軍營至今已有13人感染新型冠狀病毒，部隊7,500人遭到隔離。
韓聯社報導，韓國今日上午宣布，截至當地時間上午9時，韓國新冠肺炎確診案例較前一日下午4時再增加161例。
韓國衛生當局表示，上午確診的161人中，有129人與大邱市新天地教會相關，其餘32人感染來源仍在調查。
《韓國前鋒日報》（Korea Herald）23日曾報導，大邱市衛生官員擔憂，當地確診數恐持續攀升，目前已有超過1,200名新天地教會教徒出現症狀。
此外，韓國今日也出現第7例死亡案例，死者是一名62歲男性，和慶尚北道清道郡大南醫院有關。清道郡大南醫院日前爆出群聚感染，包括9名醫護人員在內等110人已證實染上新冠病毒。
另外，韓國國防部今日下午指出，軍隊再新增2名士兵確診，加上上午8時證實11名士兵染疫，累計韓國部隊至今共有13名軍人確診，較前一日增加4人。韓聯社稍早報導指出，韓國各軍種感染人數分別為陸軍8人、海軍1人、空軍1人、海軍陸戰隊1人。
報導寫道，上午新增的4例軍人病例中，3人來自京畿道陸軍部隊，1人來自大邱陸軍部隊，有關當局推測，這4人是在軍營內被其他確診者感染。
由於部隊一旦出現交叉感染，很容易演變成集體感染，韓國國防部人士表示，新增的4例和確診者有過密切接觸，目前都已被隔離，至於是否有交叉感染情形出現，還有待流行病學調查。
韓國軍隊出現新冠肺炎疫情，最初是由於一名在濟州島服役的海軍士兵前往大邱度假，之後返回部隊於20日確診。截至24日，韓國軍隊一共有7,500人受到隔離。
</t>
  </si>
  <si>
    <t>新北市今日確診者有65人，新北市長侯友宜15日表示，新北已連續3天人數在百人以下，但絕對不要放鬆，今天金山有出現6例，是因為家族群聚，市府明日將派出機動快篩隊，呼籲有疑慮的金山區民眾一起出來快篩，希望把冷區的個案，採取堅壁清野精準打擊。
侯友宜說，今天比以往少，新店10例跟昨天差不多，三重9例，其中金山6例最特殊，主要是1例確診後，因為家族群聚又造成6例。
侯友宜說，為有效控制住，明天將派出金山機動快篩隊，呼籲金山地區有疑慮的全部快篩。
侯友宜說，對於金山、汐止、三峽與淡水個案數少的區，一定要採取堅壁清野模式，而熱區則是要採取圍堵壓制，才能夠有效把疫情控制下來。
確診數字降溫，侯友宜說，大家絕對不要放鬆，新北目前為止確診個案5780人是全國最高，還是要提醒大家，病毒隱藏在看不到的地方，唯有不斷廣篩，才能精準打擊。</t>
  </si>
  <si>
    <t>自己先做好防疫安全，才能保護人民！交通警察大隊增設「自動測溫除菌門」，民眾申請交通事故資料及辦理計程車審驗事宜，以及執勤同仁都要經過這道門殺菌，多一層防護的保障，大大降低感染風險，每位同仁都說讚」。
考量目前正值防疫緊要關頭，包含實聯制、量體溫、噴酒精外，增設「UVC（短波長紫外線）自動測溫除菌門」同時兼具除菌與體溫量測功能，運用高科技節省人工量測體溫所需的人力與時間，更避免接觸造成感染。
測溫功能採用非接觸式紅外線測溫儀器，檢測時間小於1秒，誤差小於0.3℃。當體溫超過37.5度時就會自動出現警報及閃紅燈警示；另外除菌消毒方面，採用UVC除菌燈管照射2至3秒後，可達到9成以上的消毒成效。
交通警察大隊大隊長陳松寅再三囑咐員警在執行防疫勤務，務必做好自身安全防護，保護自身健康與安全，才有能力保護人民，大家胼手胝足共同來防止「新冠肺炎」疫情擴散。</t>
  </si>
  <si>
    <t>新冠肺炎全球延燒，大陸、南韓投入中藥療法，台灣中醫團隊也研發獨家中藥方「臺灣清冠一號」，經研究可阻斷新冠病毒感染、抑制細胞激素風暴出現，5月已完成中藥廠非專屬授權，最快7月進軍歐美。不過，專家諮詢小組召集人張上淳認為，目前僅試驗組，臨床實證數據還不足，建議可和其他如東南亞國家合作，待實證證據齊全後，再考量納入治療指引。
中醫師公會全國聯合會昨分享治療新冠肺炎成果，由三軍總醫院、台中榮總、彰化基督教醫院、彰化醫院、以及高雄長庚共5家醫院參與治療研究，醫院以衛福部中醫藥研究所公布的《新冠病毒病中醫臨床分期治療指引》，共21名確診者參與，其中1名危重症、5名重症、15名輕症，最後均康復出院。
國家中醫藥研究所所長蘇奕彰表示，有數千年歷史的中醫，在治療呼吸疫病已有豐富經驗，SARS期間也有投入研究，這次針對輕症、重症、危重症、恢復期患者給予不同藥方。
研究團隊發現，多數病人在中醫介入後，發燒症狀緩解，心跳、血壓也明顯穩定，8到10天就能三採陰性出院，且無任何副作用；進一步研究發現，中藥能阻斷患者朝重症發展，並加速痊癒速度，同時減少復陽、重症後肺纖維化等併發症。
三總中醫部主任黃怡嘉表示，收治一對重症夫婦，住院第一周服用奎寧時，發生心律不整、發燒、咳嗽等副作用，因此增加中醫會診，開始服用中藥，8天後就三次陰性解除隔離，2人也在隔離1個多月後痊癒出院，相擁而泣。</t>
  </si>
  <si>
    <t>金管會保險局24日公布，今年到3月23日為止，關於新冠肺炎，產險業共有3,281件理賠案，理賠金額共2,896萬多元，主要是信用卡綜合保險、旅行業責任險中的旅遊不便條款啟動，即民眾規劃出國時，旅行目的地仍未被公布為第三級，且在公布前就已刷卡、投保旅綜險等相關保單，產險公司就會理賠班機取消或行程被取消、縮短的損失，平均每件約8千多元。
現在全球都被列入新冠肺炎疫情的第三級旅遊警告區，旅行綜合險或旅遊不便險若在宣布前投保就「必賠」，宣布後投保也沒有用，因此國內產險業全面停售旅行綜保險，即民眾現在要出國、出差，也無法投保旅綜險或旅遊不便險。也就是說，出發前24小時，行程因新冠肺炎因素被取消或縮短的損失，目前已無保單可理賠。且由於旅行社4月底前也不出團，因此旅行業責任險亦已沒有投保的情況。
保險局表示，產險業的旅行綜合險都含有旅遊延誤、行李延誤或遺失、旅遊縮短或活動取消等旅遊不便險的部分，其中行程在24小時前被取消或縮短，造成被保險人已先支付的旅遊費用損失，旅遊不便險會理賠。不過大部分的保單都會有「疫區」除外條款，即已被宣布第三級的地區，被保險人仍執意前往，行程被取消或縮短的損失，保單不理賠，為免有爭議，現在產險公司都已停售旅綜險。
由於新冠肺炎疫情擴大，現在全球都已被公布為第三級警告區域，若民眾現在投保旅綜險，將無法理賠。目前所有產險公司已無法銷售含旅行不便在內的保單，如旅行綜合險、旅行業責任險等。
至於刷卡送的信用卡綜合保險仍是有效，但是仍是要看理賠條款。旅行不便的部分，若刷卡去的地方是第三級，被取消行程或縮短行程的損失是不賠，但旅行平安險部分的人身保障等還是有效。</t>
  </si>
  <si>
    <t>中央流行疫情指揮中心5月中旬宣布全國三級警戒，一直到7月13日宣布微解封，包括健身中心等做好防疫規範就可以開放民眾進場，但有消費者向消基會反映認為健身房無法提供包括淋浴等服務，但卻有健身房已開始扣款，對此，消基會認為，「降級不解封」或是「微解封」，仍受到政府的管制措施之下，應等待會員能夠無礙使用健身中心內各種健身器材、選擇各式課程時，才是恢復正常營運與收費的時機，並呼籲消費者應快篩陰性才能入場運動。
消基會近期接到投訴指出，7月中旬微解封後，健身中心宣稱仍有健身器材可使用，因此正常收月費。
消基會董事長黃怡騰說，7月13日微解封，政府仍要求健身中心不得開放淋浴間等設備，並且要求要人流管制，「這樣就算開放了嗎？」
消基會秘書長徐則鈺指出，先前宥於政府要求停業，不可歸責於消費者，因此大多健身中心均未繼續扣款，7月13日後微解封後，如果消費者持續使用，繼續扣繳月費當然沒有問題，但如果有消費者可能仍有疑慮不願使用時，應可以認為健身中心無法提供完整服務，不能向未使用的消費者收費。
消基會呼籲健身中心因為政府尚未同意完全解封開放消費者使用之前，即應延續三級警戒階段時的做法，即消費者無須辦理請假手續、業者不能無故收繳月費，等待會員能夠無礙使用健身中心內各種健身器材、選擇各式課程時，才是恢復正常營運與收費的時機。
此外，黃怡騰指出，政府主管機關貿然開放健身中心，十分不妥，當務之急，只有全面的、快速的為年輕人接種疫苗，並輔以進行PCR或一般快篩檢測陰性才准進場，才是終結健身中心被迫停止營業的最佳良方，在此之前，任何不同程度的解封企圖，都不是最佳的辦法。</t>
  </si>
  <si>
    <t>彰化縣衛生局20日下午再次公布確診個案公共場所活動史，包括了溪湖的五星級平價鍋物、嬉遊郵局、員林高中和墊腳石圖書等文化廣場，衛生局強調，看足跡也要比對時間，這段時間內有到過這些地方，出現身體不適症況，就要去篩檢，注意健康自主管理。
彰化縣今天再添加6人確診，彰化累計確診個案達到64例，彰化衛生局上午公布9個足跡後，下午再公布最新8個足跡，其中溪湖郵局佔了兩個時段，提醒民眾注意。
彰化縣衛生局強調，公布足跡不是獵巫，標籤化，考量確診者幾乎都是在密閉空間接觸，同時間進行餐飲、聊天等，成了高風險，同時間內到過這些地方，需要自我留意。
彰化縣衛生局長葉彥伯也提供怎麼看足跡四大招
1.確認地點、日期和時間。
2.計算自主健康管理時間，自足跡接觸日起加14天
3.14天內有狀況立即就醫。
4.就醫時，主動告知醫師活動接觸史，配合採檢，等待結果。</t>
  </si>
  <si>
    <t>高雄大樹區金鑽鳳梨進入盛產期，卻遇上新冠肺炎，外銷通路受挫，國內一日農夫活動也因民眾宅在家受影響，農業局長吳芳銘為挽救情勢，首度走進鳳梨園區開直播，與網紅高鈞鈞、高雄市議員邱于軒及台北市議員游淑慧、侯漢廷聯手行銷大樹鳳梨。
直播中，吳芳銘介紹了鳳梨相關產品，例如有機鳳梨果乾、鳳梨蔭醬、鳳梨酥等，也讓大家試吃新鮮的鳳梨；看到鳳梨果乾與新鮮鳳梨懸殊的體積差異，讓侯漢廷驚訝表示：「太奢侈了，可以這樣吃嗎？」而邱于軒則是吃完現削鳳梨後，立馬表示：「我相信下一個會更甜，可以再削一個！」
一行人歡樂的採果氣氛，讓網友們直呼想到現場一同採摘，線上觀看直播有4400餘人，直播後2天總觀看人次達7萬多，吳芳銘說，希望透過鳳梨採果體驗的直播，傳達給全球華人朋友，來高雄一探高雄農村的魅力！
「高雄一日農夫」農村體驗品牌深植人心，遊客客源多元，全國各地都有遊客參與、港澳星馬及東南亞國外旅客也會慕名而來，吳芳銘鼓勵大家走出戶外呼吸新鮮空氣及到鳳梨園採收鳳梨，但因正值新冠肺炎防疫期間，為防群聚感染，3月份起改不搭遊覽車前往，而由報名遊客自行前往。
首批開放報名今、明2天名額就有超過5成、66人參加，，下周六、日開放120位名額，想參加民眾要趁早，農業局盼藉由改變活動模式，能讓遊客安心又能體驗採果樂趣。</t>
  </si>
  <si>
    <t xml:space="preserve">行政院長蘇貞昌日前在立院接受質詢時，拿「訂冷凍雞腿」比喻採購疫苗，引發各界批評。台北市議員王世堅直言，現在疫情高漲，使用這種不當比喻很輕率，並指蘇揆的一言一行，神明和人民都看在眼裡，王世堅更表示，自己會等到全台灣2300萬人打完疫苗後再施打，並呼籲政治人物們這麼做，他指出，現在疫情延燒成這樣，政治工作做到這種程度，那政治工作者應該最後施打。
王世堅11日在中視政論節目《庶民大頭家》中表示，「我宣布我拒絕打疫苗，我期待我自己，我也呼籲所有政治工作者，大家都退出甚麼任何第2類施打，第幾優先，通通退出」，他認為，最沒資格打疫苗的、應該在全國2300萬人都打了疫苗之後在打的，就是政治工作者。
王世堅指出，當你從事政治的時候，你已經跟人民報告，我們是要來報效國家、服務人民，現在弄到這邊有疫情、那邊有疫情，每天都有國人過世，如果政治做到這種程度，政治工作者應該最後一個施打，「我要求我自己，我拒絕施打疫苗，我要在2300萬人都打了之後，還有剩再給我，我也呼籲所有政治工作者，應該這麼做，不要再說他是第2優先、第幾、很重要」。
王世堅認為， 我們國家少掉政治工作者，還有人會來替代，國家不會斷掉，並指出，這3、4個月來，蘇貞昌溫和很多，但他有帶一點嘻笑怒罵的態度，不是說每一個答詢，都要用比喻讓大家聽懂，這個不好，人命關天，現在疫情高漲，全民都百分之百在關注這件事情，這是很嚴肅的一件事，以後國會答覆，不要再以任何不當的比喻，這樣太過輕率。
雖然王世堅對蘇揆的態度轉變表示肯定，但他也呼籲蘇揆，他做的一個決定、下的政策，包括紓困，其實選民都在看，王世堅希望蘇貞昌團隊能注意這點，「你每個一動作、每一句話，背後都有神明和人民在看」。
</t>
  </si>
  <si>
    <t>行政院長蘇貞昌今日召開擴大防疫會議，指揮中心建議，12-17歲青少年應續接種第2劑BNT疫苗，並建議已完成2劑基礎劑者，在完成第2劑疫苗接種的6個月後，依序接種追加之第3劑，蘇裁示，相關規劃請指揮中心於適當時機對外公布。
指揮中心指出，目前已連續24日沒有本土病例，而國內疫苗接種人口涵蓋率第1劑為77.68％、第2劑為54.24％，劑次人口比為131.93（劑／每百人），目前共已施打約3088.9萬人次，預估接種涵蓋率到了12月中，第1劑可接近8成、第2劑可超過6成。
指揮中心表示，有關各地方政府即將舉辦之歲末或跨年大型活動，為因應國際間新變異株Omicron，主辦單位除應遵守地方政府大型活動相關防疫規定外，亦應遵守指揮中心所公告之相關指引規範。
指揮中心指出，有關春節返鄉專案部分，為因應新型Omicron變種病毒，已將南非、波札那、納米比亞、賴索托、史瓦帝尼及辛巴威等6國列為「重點高風險國家」，加強入境檢疫隔離措施。
蘇貞昌說，有關地方政府所舉辦的大型歲末、跨年活動，請指揮中心盡速告知防疫指引，而學生接種第2劑疫苗及第3劑疫苗接種時間，也請指揮中心於適當時機對外公布。</t>
  </si>
  <si>
    <t>桃園市長鄭文燦昨宣布「固安計畫」守住移工「馬其諾防線」，今起700個宿舍工廠5天內完成分艙分流檢查，並針對移工普篩，12個聯合快篩站1站1醫院負責，會跟工業區廠聯會合作，另外141家大型工廠和宿舍則採機動入廠篩檢，部分大工廠有健檢合約醫院已經起跑，務必確保疫情下企業能穩定經營。
鄭文燦說，桃園是外籍移工最大的基地，有11.6萬名外籍移工，有9萬名產業型移工，1.2萬家工廠數也冠全國，挑戰大，因應竹苗外籍移工確診事件，要建立高科技帶的移工防線，推出「固安計畫」。
鄭文燦說，今起針對700間僱用或安置50人以上的移工工廠和宿舍，由勞動部和勞動局5天完成分艙分流檢查，禁止跨廠區，不轉換工作地點、不跨生產線，宿舍共同生活區域停止，不同工廠移工要分區、分流、分時段用餐、住宿、沐浴和盥洗，強調用餐一定要一人一隔板，也要確保移工減少外出，以防疫安全為唯一的考量。
桃園針對移工也祭出篩檢計畫，鄭文燦說，桃園和12家醫院合作準備12個快篩站，1醫院負責1站，每站每日篩檢能量達300至500人，都有設置醫療跟行政站長，負責和工業區的廠聯會和各廠家協調，若快篩試劑呈陽性反應，立刻執行PCR核酸檢測，確診者由防疫計程車送到防疫旅館進行後續醫療。
141家雇用100位以上移工的工廠或大型移工宿舍，市府也會以機動篩檢方式，媒合醫院診所入廠篩檢，鄭文燦也說，部分大型工廠有外勞健檢合約醫院，已展開篩檢工作，他提到桃園外籍移工多，長年來已經有一套完善的管理制度，但在疫情下要確保企業穩定經營，一定要提高防疫標準，每一個企業面對防疫、面對災害、面對環境的變遷展現韌性，不管大型或中小企業都調整得很快，希望移工篩檢計畫盡快完成，掌握9萬移工的染疫風險。
鄭文燦說，5月以來桃園有2起移工群聚感染事件，包括16例工廠移工、2例看護共18人，沒有社區群聚的現象，都已掌握風險、擴大採檢，桃園防線守的辛苦，要嚴防雙北熱區不至於擴散到桃園、也要建立桃竹苗高科技帶的移工防線，他強調雙北疫情爆發5周來，桃園確診數落在10到20個之間不容易，沒有樂觀的本錢，希望確保每一顆球不漏接，持續守住桃園。</t>
  </si>
  <si>
    <t>新冠肺炎襲擊歐洲政壇，多位政要及高級官員傳出感染新冠肺炎。西班牙政府週三(25日)表示，副總理卡爾沃(Carmen Calvo)接受新冠病毒檢測，結果為陽性。
根據路透社報導，西班牙政府表示，這是卡爾沃第二次接受檢測，第一次被驗出陰性反應，但測試結果難以判斷，於是她昨天再度接受篩檢，這次的結果呈現陽性。
政府聲明中強調，生於1957年的卡爾沃自從2018年6月起擔任西班牙副總理至今，並身兼兼總理府、議會關係與平等大臣。現在健康情況良好，正在醫院接受治療。</t>
  </si>
  <si>
    <t>高雄4日新增1例本土確診個案，該確診者案10472居住於小港區，3日出現症狀，因此到院就醫、篩檢後，採檢結果呈陽性反應，目前感染源尚未找到，而中央流行疫情指揮中心公布的確診者案10261也曾到過高雄，高市府在防疫記者會上公布2人的相關疫調資料及足跡。
根據高市府衛生局疫調顯示，案10472是居住在小港區的20多歲男性，自5月31日開始有發燒、頭痛、頭暈、咳嗽等症狀，6月3日至自行到醫院就醫並採檢，PCR檢驗結果為陽性，且CT值僅17，具有高傳播風險，感染源至今不明，目前隔離治療中，包含家人在內，總共匡列47名接觸者。
高市府衛生局表示，在對案10472的疫調過程中，因為確診個案回憶足跡的進度不如預期，所以到目前為止，詳細的疫調結果還未完成，包括感染源及是否到過相關的高傳染風險地區，都必須再進一步釐清，目前得知他曾在5月31日中午、6月1日晚間到過7-ELEVEN大坪頂門市，也曾在5月31日下午到50嵐光明新厝店買飲料。
而新北確診者案10261是50多歲男性，居住於新北市，長期在北部擔任裝潢工人，曾於5月28日與友人開車返回屏東家鄉，行經高雄時到彌陀友人家作客吃飯，停留時間約1小時，隨後便開車回到屏東，共匡列7位接觸者。</t>
  </si>
  <si>
    <t xml:space="preserve">NBA緊急停賽之後，球員的荷包也可能遭受重大打擊。他們的合約幾乎都是保證支付，但依據現行勞資協議，資方遭遇「不可抗力」時不必支薪，包括戰爭、自然災害、恐怖攻擊、流行病。這一次的新冠肺炎已被宣告為全球大流行，老闆大概不用付錢了。
美媒《福斯財經》分析，一般全職NBA球員的工時是這樣算的：每季平均為92.6場比賽，包括例行賽82場、表演賽5場、季後賽5.6場。每停賽1場，就扣除1場的薪資。簡言之，假設聯盟本季就此「腰斬」，球員大概會損失25%年薪。
如果NBA在30天後復工，直接打季後賽，球員就少掉18場例行賽的薪資。聯盟以前雖然也有過封館的縮水球季，那時至少能安心打完季後賽。目前最好的情況還是打完整個球季，端看美國政府是否能控制疫情。
</t>
  </si>
  <si>
    <t xml:space="preserve">鴻海與台積電宣布完成各500萬劑的BNT疫苗簽約採購，行政院發言人羅秉成昨（12日）舉行記者會表示，政府全力支持，捐贈單位全力奉獻，才能在完成這項重要的捐贈案。對此，台灣民意基金會董事長游盈隆認為，常聽到政府官員說如何協助民間企業購買疫苗，這件事看似小事，但卻透露出蔡政府相關官員自覺或不自覺的倨傲心態，希望政府要有所警惕才是。
游盈隆今（13日）在臉書發文表示，有件事，自己如鯁在喉，不吐不快。那就是，蔡政府對鴻海、永齡、台積電、慈濟等民間企業、基金會或宗教團體主動出錢出力對外洽購疫苗一事的態度。
游盈隆直言，蔡政府相關官員經常掛在嘴邊的話「政府會『協助』辦理相關法律文件.....」等的話語，聽久了，坦白講很不舒服。為什麼？因為疫苗嚴重短缺本是政府的施政缺失，和民間企業、基金會或宗教團體無關。
當有民間企業、基金會或宗教團體看情況緊急，紛紛主動跳出來「協助政府」對外買疫苗時，游盈隆認為，政府感謝都來不及，怎麼可以主客易位，反過來口口聲聲「協助鴻海」、「協助台積電」、「協助慈濟」，彷彿忘了疫苗採購是政府的責任和義務，即便民間企業或團體對外洽購疫苗，仍須政府同意、授權和辦理相關法律文件，但這不應混淆政府與私部門的份際。
游盈隆稱，大家很少或沒有聽到政府感謝鴻海、台積電的「協助」，比較常聽到的是政府官員說「如何如何協助鴻海、台積電和慈濟」，這件事表面上看似乎是小事，但卻透露出蔡政府相關官員自覺或不自覺的倨傲心態，希望政府相關官員能有所警惕才是。
</t>
  </si>
  <si>
    <t>下一波疫苗要來了？有消息指出，新一批AZ疫苗可能會在明、後2天將送抵台灣，指揮中心稍早澄清疫苗到貨資訊並非事實，中央流行疫情指揮中心指揮官陳時中在例行記者會再次重申，目前正在多方洽詢中，國產疫苗目前進展順利，至於下波疫苗什麼會來，來了之後會報告。
根據統計，台灣向國際洽購的疫苗共有1981萬劑，分別是向COVAX平台訂購的476萬劑、逕自向廠商購買的AZ購買1000萬劑，以及向莫德納採購的505萬劑。此外，國產疫苗，也預計購買2000萬劑。
國內目前取得的2批AZ疫苗，分別是直接洽購的11.7萬劑以及自COVAX所分配19.92萬劑，將分別在5月底以及6月15日到期，而有消息指出，新一批AZ疫苗可能會在明、後兩天送抵台灣，陳時中再次澄清，目前正在多方洽詢中，國產疫苗目前進展也相當順利，至於這波疫苗什麼會來，來了之後會再和大家報告。</t>
  </si>
  <si>
    <t xml:space="preserve">新冠肺炎疫情持續肆虐，歐洲已經成為重災區，許多體育選手都遭到感染，而在西班牙出現了第一位體壇人士，因為新冠肺炎死亡的案例，死者是在馬拉加當地擔任教練的Francisco Garcia，當時除了新冠肺炎之外，他還患有白血病。
根據美國《ESPN》報導，才21歲的Francisco Garcia因為出現呼吸道症狀，所以被送醫治療，後來被確診為新冠肺炎，而在過程中他還被發現患有另外一種不明疾病，最後診斷為白血病，而他在西班牙當地時間的周日過世。
他所任教的球隊也在臉書上發文表示悼念之意，「Atletico PortadaAlta足球隊要向Francisco Garcia及其家人表達，最深的哀悼之意，你總是在我們需要你的時候挺身而出，雖然很艱難，但我們仍會在聯賽中繼續為你而戰，而且永遠不會忘記你。」
西班牙當地新冠肺炎疫情是越來越嚴重，至17日上午確診人數已經到達9,942例，已經快要突破一萬人大關，且已經累計有342人死亡，當局雖然已經採取相關措施，但疫情似乎仍然停不下來繼續發展，而總理Pedro Sanchez日前也表示，「會保護公民並讓生活機能得到滿足，並盡可能減少疫情大流行。」
更多 CTWANT 報導
</t>
  </si>
  <si>
    <t>中央流行疫情指揮中心公布確診地圖，北市7例居冠，台北市長柯文哲稱若社區感染到群聚程度，北市就開設一級應變中心；黃珊珊則說，標準不是北市訂，是按中央標準而訂，中央若一級開設、北市就開，北市現在還是「應變小組」，要升「應變中心」是要依中央認定才能升級的。
黃珊珊表示，其實北市本身早訂下的規定，只要是第4級的衛生局就可以開應變小組，但現在已拉到府的等級，所以由她來當指揮官，要到應變中心才是市長當總指揮，但中央也沒有升到一級，還是衛服部，也還不到行政院，因為這是有分級制度。
她說，北區的總指揮官是台北市立聯合醫院副總院長璩大成，他也是北市應變小組的主要成員，所以中央跟地方的資訊都有在一起，要升級會配合中央升級，自27日起，她跟衛生局長黃世傑也每天在晨會向柯市長報告相關疫情。
她統計，24日止，北市居家隔離新增9人，而先前217名居家隔離者全部解列；居家檢疫者有3044人，解列1092人，其中10人有症況（6人就醫、4人未就醫）；違反居家隔離、檢疫規定並遭罰者有63人，其中4人罰7萬、1人罰6萬、其餘皆罰1萬；17日至今增加的社區監測通辦採檢者有867人，市府已把20個超前部署方案給各局處準備。
對於鑽石公主號的旅客被安置在陽明山檢疫所隔離，黃珊珊僅說「要問中央。」</t>
  </si>
  <si>
    <t>新冠肺炎疫情擴散，有防疫大國的日本卻成為大陸以外疫情最慘重國家之一，政府防疫措施也引發民怨，其中鑽石公主號事件更是引起軒然大波。日本厚生勞動省副大臣橋本岳在推特貼出一張照片，反擊質疑聲浪，表示政府有做好防疫，但照片曝光後引起譁然，日本網友痛罵官員根本腦殘，難怪會變毒船。
日本神戶大學醫院感染科專家岩田健太郎曾公布影片揭發鑽石公主號防疫措施相當糟糕，引發國際關注，影片如今也下架，橋本岳則在推特抨擊岩田登船無正當性，更揚言將回報厚生勞動省進行懲處。
昨(20日)橋本岳在推特上貼出鑽石公主號內部檢疫照片，得意表示政府有做好防疫措施，但透過照片可以看到，鑽石公主號兩扇門雖然區分為「清潔通道」、「不潔通道」，但中間沒有任何保護措施，且兩扇門根本相連，還通往同一個空間，根本沒有任何意義。
日本網友看到照片後憤怒灌爆橋本推特，痛罵「腦殘嗎？」、「你自爆了，白癡」、「官員無能，難怪控制不住疫情」、「天佑日本」、「日本還有救嗎」、「還岩田教授公道」、「病毒進腦了？」、「病毒是會乖乖排隊？」、「難怪會變毒船」。
事後橋本驚覺大事不妙，趕緊刪除照片，但早已被網友備份瘋傳網路。</t>
  </si>
  <si>
    <t xml:space="preserve">先前曾多次稱「疫情很快過去」、「美國防疫工作很好」的美國總統川普在睽違數月的疫情記者會上一改先前樂觀態度，坦承新冠疫情在美國在好轉前，恐會更加惡化。不過就在川普態度轉變前幾小時，美疾病管制與預防中心（CDC）21日報告透露，根據不同地區與時段，美國境內的實際確診數恐比現今通報數量高達2倍至24倍。
據美國有線電視新聞網（CNN）報導，CDC研究團隊指出，「對大多地方而言，實際確診數可能是已報告的10倍之多」，並以紐約為例，CDC曾於4月1日時估計當地有64萬人確診，但官方僅有通報5.3萬，這代表當地實際確診數起碼是12倍之高。
CDC表示，當前處於疫情重災區的佛羅里達州、康乃狄克州以及明尼蘇達州比官方統計的確診數，實際上起碼高出6至11倍。報導也指出，根據美國醫學會雜誌（JMAM）的研究，這些數據恐怕仍只是保守估計的。CDC主任芮斐德（Robert Redfield）也曾於6月25日坦言，全美實際確診數，恐怕比現在已確認的數量還要高10倍，也就是起碼超過2千萬人確診。
此外，就這CDC這份分析報告出爐不久後，川普就在睽違數月的疫情記者會上警告美國人民「疫情在好轉之前恐會更糟」，「有些事情我實在不想講，但事實就是如此」，並一改先前戴上口罩防疫曖昧不明的態度，稱「每一位無法保持社交間距的人民，請戴上口罩，不論你是否喜歡，它確實有影響」。
根據約翰霍普金斯大學統計，全美至少有389萬人確診、14萬人死亡；而路透社統計，21日的單日死亡人數增逾1,000例，是6月初以來新高。
</t>
  </si>
  <si>
    <t>嘉義縣最大連鎖酒店「長榮文苑」去年底試營運，出師不利遇上新冠肺炎，雖住房率持續受影響下滑，1日長榮文苑仍照時程開幕，同步推出優惠住房專案、抽獎等活動，先搶一波清明連假觀光潮，未來再結合故宮南院等周邊景點，推套裝行程。
長榮文苑2019年12月21日試營運，占緊鄰故宮南院的地利之便，初期平均住房率至少5成，餐廳逢假日更是一位難求，沒想到蜜月期就碰上新冠肺炎，且隨疫情延燒，住房率明顯下滑，即使面臨旅遊業大海嘯，長榮文苑仍決定照既定計畫於1日開幕。
為歡慶飯店開幕，長榮文苑至30日止，推出平日住房優惠和用餐抽獎等活動，最大獎是年底前不限次數免費享用飯店午餐，另預訂用餐顧客姓名有長、榮、文、苑其中1字還能參加抽抽樂，在多項好康助攻下，長榮文苑連假前兩天訂房率升到5、6成水準。
長榮文苑指出，接下來會隨疫情發展調整營運模式，包括多元供餐、錯開用餐時間或關閉部分樓層等，另內部也在研議因應社交距離的具體作法，未來則打算和南院、東石鄉、布袋鎮一帶休閒業者合作推體驗遊程，想辦法把因疫情取消出國，轉為國內旅遊的消費者吸引上門。嘉義縣政府文化觀光局長許有仁表示，許多民宿、旅館業者反映受疫情衝擊，生意慘淡，考量近日居家檢疫民眾激增，已有專門提供親友住宿的安心旅館出現，在中央相關補助未出爐前，文觀局已在評估研議，是否透過預算調整，補助親友安心旅館住宿費，既提高親友投宿意願，減少感染風險，也協助旅宿業者度過這波寒冬。</t>
  </si>
  <si>
    <t xml:space="preserve">台中今傳出確診者3日晚間曾到全聯梧棲文化店購物、5日再去全聯清水鰲峰店，目前個案皆無症狀，仍在疫調中，並已通知環保局進行環境清消。全聯表示，依循中央流行疫情指揮中心指示，採取高規格防疫措施，梧棲文化店、清水鰲峰店已收到通知閉店清消，預計明天恢復營業。
結果複驗結果出爐，這5人僅1人確診，個案也沒去過這兩家全聯門市。
全聯補充，針對政府公布確診者到過的門市，皆會使用高規格專業食安級清消作業，即清消SOP中第二道增用紫外燈室內殺菌，第三道用漂白水進行賣場擦拭，採高規格防疫措施，另門市平常消毒也會因應人流提升頻率，平均每2小時就消毒一次，包含收銀區、手推車、提籃等，讓消費者可安心購物。
</t>
  </si>
  <si>
    <t>星期六有兩個非洲國家通報新冠肺炎的案例，納米比亞與盧安達出現了確診病患，至今已累計19個非洲國家出現新冠肺炎。
根據路透社報導，納米比亞衛生部長尚古拉(Kalumbi Shangula)在記者會表示，該國境內今天首度通報有新冠肺炎的確診病例，一對西班牙夫婦3月11日入境國內後，兩人的冠狀病毒檢測都呈陽性且隨即展開隔離。
東非國家盧安達的衛生部同一天證實，境內出現首起新冠肺炎病例，這名患者是一名印度公民，3月8日從孟買抵達盧安達。這名男性患者入境時沒有任何症狀，但3月13日前往一處醫療院所就診時被檢驗出新冠病毒。
非洲的案例為各大洲中最少的，但許多國際醫療專家皆表示，資訊的不透明，讓人難以一窺非洲疫情的真實狀況。
上周二剛果民主共和國宣布確診首例，但該名病患的實際身分卻跟第一時間公布的大有出入。一開始，剛果衛生部官員告訴記者，該名病患是一名比利時人，在機場入境剛果時被驗出病毒，隨即送往金夏沙的醫院隔離治療。後來經過查證，衛生部又改口說，該名病患是一名剛果國民，從法國返回，入境時沒有任何症狀，兩天後身體不適自行聯繫醫療中心，確診之後被送往東部的城市N'djili隔離。
不只是此案例，往年的伊波拉疫情就有跡象顯示，非洲的疫情資料並不準確，國際醫療專家對非洲的真實疫情感到憂心。</t>
  </si>
  <si>
    <t>瑞信證券指出，美食-KY（2723）受惠優化成本與產品升級的結構性利多，以及重啟經濟的循環性層面利多，2022～2023年獲利年複合成長率將是極為強勁的25％，初次納入研究範圍給予「優於大盤」投資評等，推測合理股價估值200元。同時，內需消費族群也搶搭五倍券行情，題材熱度高。
瑞信證券近期對台股非電族群關注度大提升，台股策略分析師許忠維日前才開啟網家基本面研究，給予「優於大盤」投資評等，非科技研究團隊最近又將美食-KY納入研究範圍，此外，在零售產業中，瑞信定調將在後新冠肺炎疫情時期，獲得營運反彈契機，除青睞網家、美食-KY外，亦同步看好統一超與寶雅。
在新冠肺炎大流行之後，美食-KY營運出現結構性轉變，加快毛利復甦節奏，並採取多項措施來提升門市店面獲利能力，包括：淘汰非生產性店面、改善成本結構，以及推出新店面型態。
儘管美食-KY美國店面2020年下半年的同店銷售表現不亮眼，但在上述努力下，大陸與美國事業的毛利率均恢復得比預期快。
值得注意的是，因新冠肺炎疫情在美食-KY主要市場有捲土重來態勢，2021年的同店銷售復甦力道備受考驗，市場對後市仍存有擔憂。
所幸，隨成本結構優化，美食-KY積極提高產品價值與拓展數位平台，加上其具備經濟規模優勢，使美食-KY大陸市場的同店銷售在後新冠肺炎疫情時期加速回溫，瑞信看好接下來迎來周期性復甦，2022年獲利表現將會更好，盛讚美食-KY是重啟經濟的主要受惠者之一。
考量同店銷售增長更快，瑞信預期，美食-KY集團的營業利益率將從2021年的7.2％，進步為2022年的8.4％，儘管在瑞信的估計中，假定美食-KY台灣事業體2022年的營收只能恢復到疫情前的75％水準，然僅是如此偏保守預期，台灣市場便將貢獻2022年總獲利增長的28％；再加上大陸與美國市場獲利能力提高，料將推動美食-KY於2022年獲利大彈升。</t>
  </si>
  <si>
    <t>新冠肺炎疫情蠢動！交通部長林佳龍今天視察台鐵與高鐵板橋車站後表示，所有搭乘大眾運輸乘客必要戴口罩才能搭車，並呼籲全體民眾配合，不要防疫讓有缺口。但消息一出，網友嘩然表示異議！
交通部長林佳龍是在今(31)晚視察台鐵、高鐵板橋車站的防疫措施後宣布，4月1日針對所有的大眾運輸，要求大家戴口罩才搭車，大家要配合，讓清明連假時不要有防疫缺口出現。目前高鐵的12站均開始量測體溫，也設有紅外線的體溫量測儀；台鐵今天起在全部的239車站執行量測體溫，另包括1298個郵局、公路系統包括高速公路的服務區、公路客運的轉運站動起來要求乘客量體溫、戴口罩。
雖然交通部是有備而來，但對照先前中央流行疫情指揮中心表示，搭乘通氣量足夠的大眾運輸（如公車、捷運、高鐵），不用擔心不戴口罩會被感染，因此身體健康者從事戶外活動、搭乘通氣量足夠的大眾運輸時，不需要戴口罩，請把口罩留給真正需要的人（如有慢性病者、有呼吸道症狀者）與醫療、防疫人員，才能讓防疫發揮最大效用。
而今，口罩仍實施實名制限購狀態，並非充分提供需要者。所以，林佳龍一宣佈搭大眾運輸「要求乘客戴口罩」，網民反酸表示：「開始緊張了，放了一堆的人進來了，都不篩檢」、「我願意戴啊~~~但是請讓我一天最少有一片口罩 ~~產能剛剛逐漸提昇就開始強制了 2週9片都還沒開始」、「我ok，你先領，現在不ok了？」、「不是叫健康的人不要帶嗎------誰能自認為健康呢 ------保護自己和別人不是都很重要嗎」。</t>
  </si>
  <si>
    <t>彰化縣衛生局日前因進行精準普篩與中央流行疫情指揮中心槓上，雙方就入境普篩與否至今仍舊各執一詞，今台灣微生物學會召開新冠病毒檢測研討會，「順時中」、「逆時中」兩派人馬首度交鋒，順時中代表由疾管署副署長莊人祥領軍，逆時中代表則有台大公衛學院教授詹長權、陳秀熙出席，莊人祥致詞時表示，今天堪稱是防疫界的八二三砲戰，但仍希望雙方人馬能純就學術面討論，點到為止就好。
指揮中心專家諮詢小組成員、長庚大學新興病毒感染研究中心主任施信如，在會中提到，新冠疫情全球已有兩千三百萬人染病，死亡人數也超過八十萬人，當中有不少國家的經濟受到衝擊，因此國際上開始有人提出免疫護照的概念，盼能逐步恢復國際間的往來，提振經貿活動。
她提到，免疫護照最重要的關鍵在於檢驗結果以及體內抗體的保護時間有多長，目前雖然無法確認感染後具有抗體的人究竟會不會受到二度感染，但從今年一二月份感染新冠病毒的確診者中來看，大部分到現在都擁有中和抗體，因此康復者在半年後都不會被感染的可能性是有的。
不過，施信如也指出，新冠病毒的變化速度快，從國外文獻已可得知，感染族群已從高齡長者下降到二十至三十歲成年人，現在更發現小孩也會遭受感染，而且重症與死亡個案也不再限於高齡，青壯、嬰幼兒等也都有可能。
至於臨床表現上，新冠病毒的症狀也越來越多元，施信如說，除一般的發燒、咳嗽、喉嚨痛等呼吸道症狀外，現在更演變為嗅覺、味覺異常，更有文獻提到有侵犯到神經的可能，而根據長庚收治的重症患者也發現，新冠病毒甚至會引起血栓。
她強調，目前世界上仍無證據顯示感染後的抗體保護為終生有效，同時也發現，有感染者始終無法得到中和抗體，這些都是未來推出免疫護照有待克服的問題。</t>
  </si>
  <si>
    <t xml:space="preserve">新冠肺炎疫情重創澳洲教育事業，國際學生不來，財務缺口擴大，澳洲大學爆大規模裁員潮，今年以來已經有超過1.1萬名大學教職員失業，這還不包括臨時員工及兼職員工。
英國《衛報》（The Guardian）報導，新冠肺炎疫情導致國際學生人數驟減、學校財源被砍斷，澳洲國立大學（The Australian National University）與新南威爾斯大學（University of New South Wales）昨（16）日分別宣布各裁員215人及256人，澳洲國立大學為了因應疫情帶來的衝擊，決定2021至2023年每年節省1.3億美元支出，至今已經裁員465人。
多所大學同樣面臨財務缺口擴大的窘境，澳洲全國高等教育聯盟（National Tertiary Education Union）指出，目前各大學已經裁員逾1.1萬人，這還不包括數千名已經被解雇或不被續約的臨時員工及兼職人員。非營利組織澳洲大學聯盟（Universities Australia）預估，至年底，大學失業人數將會攀上2.1萬人，至2023年，高等教育將會損失160億美元。
澳洲國立大學7月才表決通過節省1,350萬美元的支出方案，導致90人失業，未來學校每年將再節省1.03億美元支出，預期更多人將失業。新南斯威爾大學副校長賈可布斯（Ian Jacobs）在給員工的信件中指出，學校明年面臨3.7億美元的財務缺口，校方預計將削減3.8%人力。
針對大學龐大的資金壓力，澳洲教育部長特漢（Dan Tehan）表示，對於教育事業前景仍樂觀，相信疫情趨緩後，澳洲將能吸引更多國際學生，不過澳洲廣播公司新聞網（ABC News）報導，澳洲教育部也坦言，很難說國際學生何時會回來。
根據澳洲內政部（Department of Home Affairs）的統計數據，澳洲境內有55.5萬人持有學生簽證，不過從國外入境的國際學生人數已經驟減，澳洲統計局（Australian Bureau of Statistics）指出，2019年7月有14.4萬名留學生入境，不過今年7月只有40人入境，根據澳洲廣播公司新聞網統計，今年3月6萬名留學生入境後，每月入境學生人數就驟降至2位數，4月只有30人入境。
</t>
  </si>
  <si>
    <t>一場世紀瘟疫──新冠肺炎在全世界已經奪去近490萬人的性命，約等於台灣20%的人口，而全球染疫人數等於台灣10倍人口，已達2億3千萬人，疫情能否平息，還得看今年秋冬是否大幅感染而定。同時，得過新冠肺炎卻幸運逃過死劫的人及其家屬，也多數面臨身心靈巨大的後遺症，值得國人注意。
發表在權威期刊《刺胳針（The Lancet）》的中國研究發現，1700名從新冠肺炎痊癒的人，有76%的人至少出現一種後遺症，並持續6個月之久。最常見的症狀包括疲倦、肌肉無力、睡眠障礙、焦慮和沮喪，肺部功能傷害、腎功能下降的現象。感染程度愈嚴重，後續的症狀會持續愈久，有個最新名詞叫「長新冠」。
我在美國常遇到新冠肺炎的倖存者，一位曾任癌症病房的護士，姐姐、爸爸及祖父都因新冠過世，她染疫已過1年，仍會高度緊張、失眠、氣喘、疲倦，至今還不能回去工作。才28歲的她說，身體和心理覺得像82歲。BBC記者露西．亞當斯在去年3月染疫，今年1月回去工作不久居然再度染疫，「我今年44歲。但我的身體卻像一個80多歲的老人。大多數日子裡，我從疼痛中醒來，然後帶著疼痛入眠。」他們是典型的長新冠患者。
我國控制新冠肺炎得當（除了疫苗及藥品準備匱乏外），大約是世界少數最成功的國家之一，但此冠冕不是沒有代價的，政府在疫調及隔離做得徹底是主因。因為對防疫的迫切需要，政府某些危害隱私及人權的措施，民眾不願置喙，連人權協會都少有批評，再加上媒體推波助瀾，大幅報導患者隱私，使新冠患者及家人受到再度或三度、四度傷害，恐將造成許多人成為永遠的長新冠患者。
例如入境要隔離14天，現在一定要住防疫旅館，很多旅館防疫措施比家裡還差，實在沒道理。有公寓只因兩人確診，就要求該棟樓所有居民都得到防疫場所住14天，對此媒體及鄉民都少有批評聲量。中央疫情指揮中心及縣市政府公布患者足跡的作法也侵害了個人隱私，歐洲、美國都沒有採取這種作法，非不能也，乃不為也，否則被疫調的民眾告政府是可以告到政府破產的。
而媒體更是罔顧新聞倫理，將確診者冠以各種外號，如葡萄家族、跑趴男、獅子王、K歌王等，更大幅報導去過萬華茶室的人，極盡諷刺能事，讓確診者彷彿被烙上一個恥辱標誌，猶如霍桑所寫的《紅字》，通姦的人必須終生戴著一個紅色的A字一樣。
確診者的家人也受到很大歧視，甚至在第一線抗疫的醫生及護理人員的子女在學校都受到歧視，令人深深遺憾。多位醫生出面呼籲政府要促成醫院對長新冠的重視，進行3R：正視（recognition）、研究（research）、復健（rehabilitation），而且越早進行越好。
西方國家目前是一面防疫，一面開放經濟，今年初就已開始對後新冠患者展開援助措施，對患者增加病假天數，民營企業也得遵守。他們不單認為同島一命，更是全世界一命，大家都得負責任；並鼓勵長新冠者接受心理諮商，成立支持團體，以獲得身心靈的療癒。這值得台灣學習。</t>
  </si>
  <si>
    <t>新北市新店渡碼頭去年受米塔颱風衝擊淤積嚴重，影響人力擺渡營運，水利局今年2月起封閉周圍浮筒自行車牽引道，進行渡船碼頭周邊清淤工程，如今工程順利完工，浮筒自行車牽引道也於11日重新開放，提供民眾更舒適的休憩空間。
新店渡船始於1881年間，因早期碧潭吊橋尚未興建，是進入灣潭等山區的交通樞紐，連結新店溪兩岸的重要工具，如今新店渡碼頭為新店溪流域僅存的人力擺渡渡口，更是全台唯一人力擺渡，深具新店地方文化特色。
水利局表示，市府2019年9月興建完成全台唯一浮筒自行車牽引道，成功串連了青潭地區與碧潭風景區的生活與休憩空間，藉此更延伸了碧潭觀光動線，也成為新店觀光的一大特色，提供單車族一條安全的行駛路線。
米塔颱風去年侵襲造成新店渡口嚴重淤積，影響全台唯一人力擺渡營運與浮筒自行車牽引道使用，水利局今年2月起開始進行清淤與浮筒牽引道檢修改善工程，關閉浮筒自行車牽引道。
水利局表示，如今清淤工程順利完工，人力擺渡已可正常營運，浮筒自行車牽引道於昨日重新開放使用，開放時間為上午6時至晚間10時，僅提供行人與自行車牽引使用。
水利局強調，重新開通後民眾又可騎著自行車沿途欣賞新店溪風景，來到浮筒自行車牽引道感受不同的風景，但由於正值新冠肺炎防疫期間，呼籲民眾注意自身健康防護，保持戶外安全社交距離，佩戴口罩、勤洗手。</t>
  </si>
  <si>
    <t>Omicron變異株蔓延世界各國，國內也有3例境外移入個案，而英國即使疫苗覆蓋率高，Omicron感染數仍然突破3000人，且出現全球首例死亡病例。目前對於Omicron的科學證據仍不足，國內專家分析，應該不至於變成「大魔王」程度，尤其台灣多數人剛打完疫苗，抗體濃度高，Omicron的危害應該不會比英國嚴重。
台灣科技媒體中心今（15）日邀請中興大學獸醫病理生物學研究所所長吳弘毅、長庚大學新興病毒感染研究中心主任施信如召開線上記者會，分析目前科學研究對Omicron變異株的最新狀況。
吳弘毅指出，變種病毒一定會持續產生，但包括Omicron在內，應該不會變成大魔王的程度，因為病毒變異只是為了生存，如果致病力太強，感染者快速死亡，對於病毒傳播反而不是有利的。
目前已知Omicron有超過30個變異點。施信如分析，變異點越多不代表免疫逃脫情況越嚴重，而是要看變異的位置，以Omicron來說，確實有幾個重要的變異點；而目前各國突破性感染情況增加，但台灣多數人剛打完疫苗，抗體濃度高，應該不會比英國嚴重。
兩位專家皆認為，新冠肺炎未來將走向「流感化」。吳弘毅提出思考方向：各國是否可以制定一個每年打疫苗的時機，就像流感疫苗每年統一開打，讓全世界的抗體趨勢比較一致。
國內原優先開放醫護人員等高風險族群施打第三劑，近來開放全民滿5個月皆可追加接種。施信如表示贊同，但她提醒，每個人對於疫苗的反應不同，有些人抗體產生很高，現在打第三劑反而不好，如果可以先透過簡單的檢測方式，先了解每個人的抗體，就可以把疫苗用在需要的人身上。
她也提到，mRNA疫苗是新的疫苗，無法得知有哪些長期副作用；目前有研究發現，打完疫苗後心肌炎相關因子會增加，但是否導致疫苗副作用，目前尚未被證實；未來一旦被證實，代表有些人可能需要避開mRNA疫苗，而改成蛋白質疫苗，這些還需要全球科學家繼續努力。
牛津大學團隊最新發表的研究指出，接種兩劑AZ疫苗25周後，對於Omicron的保護力幾乎等於零，BNT較高。吳弘毅認為，不能說AZ完全沒有效果，疫苗接種後25周是很長的時間，抗體本來就會下降；施信如也提醒，該研究是在實驗室中將血清和Omicorn混合，無法得知在人體實際預防重症的效果。
針對有醫師指稱「打兩劑AZ等於沒打」，施信如認為，AZ在全球疫情爆發時幫助很大，已經完成階段性任務；但AZ產生的中和抗體比較低是事實，不是說AZ的壞話，而是了解它有極限性，未來第三劑勢必要改打別的疫苗。</t>
  </si>
  <si>
    <t>（國人健康力指標變動趨勢。圖／中大台經中心提供）
新冠肺炎疫情重大打擊全球的方方面面？在台灣，民眾可能不這樣想。今（25）日和2月消費者信心指數（CCI）同步公布的國人健康力指標，顯示民眾對自己健康感到樂觀，雖然指數較上月有些微下降，但相較於去（2019）年11月的流感大爆發期間的偏向悲觀，指數仍反映民眾對個人健康呈現樂觀。
2月調查的「目前健康狀況」指標，調查結果為111.1點，較上月的調查結果下降1.3點，調查單位說明，這顯示民眾對自己健康呈現樂觀。「預期健康狀況」指標部分，本月調查結果為99.1點，與上月的調查結果相較下降0.25點（109／01：100.1），偏向悲觀。
此項民眾健康力指標，為台灣產學合力作出的民眾健康自評指數，由臺北醫學大學管理學院暨大數據研究中心與健康力股份有限公司調查協辦。此次調查期間為109年2月18日至21日。
健康力董事長黃千芬表示，雖然新冠疫情在全球蔓延，已然發生的國家、地點不同，台灣醫療體系及防疫措施相對上有所成效，染疫病患受到的照護也比較好，民眾雖然會憂慮疫情，看到台灣抗疫成效也比其他國家好，對自己身體健康跟防疫能力，就不是那麼擔憂。
由於此次調查是在21日結束，至今一周來，疫情在韓、日和義大利等地快速擴散，甚至有出現社區感染，中大台經中心執行長吳大任表示，台灣民眾較能放心抗疫成效，前題在台灣沒有發生社區感染，這是防衛民眾對整體系統安心的重大關卡。</t>
  </si>
  <si>
    <t xml:space="preserve">立委周春米26日在臉書指稱，有網友在網路上陳述屏東體育館在做大通鋪臨時醫院，她趕緊請助理到館內拍照澄清，協助闢謠；屏東縣長潘孟安也痛斥「這是惡意假消息，假得太離譜」，已經報請警局全力偵辦，並強調目前屏東無新冠肺炎確診個案，不需過度恐慌。
</t>
  </si>
  <si>
    <t>世界衛生組織（WHO）祕書長譚德塞2月28日宣布，將新冠肺炎疫情全球風險從「高」上調至「非常高」。不過他仍強調，全球仍有機會控制疫情。
譚德塞說，過去幾天全球新冠肺炎病例和受疫情影響國家的數量持續增加，這現象令人憂心。
譚德塞表示，一些國家出現相互關聯的疫情發展，但多數病例仍可追蹤到密切接觸者，並未發現病毒在社區自由傳播證據。他強調，控制疫情的關鍵是阻斷病毒傳播鏈。如果採取強有力的行動盡早發現病例、對病人進行隔離和護理、追蹤密切接觸者，「我們仍有機會控制這種病毒」。
由25位中外專家組成的聯合考察組於2月16日至2月24日，相繼赴大陸北京、廣東、四川和湖北武漢等地開展考察，於2月28日提交報告，2月29日公布。根據《中國─世界衛生組織新型冠狀病毒肺炎聯合考察報告》指出，面對這種前所未知的病毒，大陸採取了歷史上最勇敢、最靈活、最積極的防控措施，國際社會還尚未準備好去實施已被大陸證明唯一能阻斷或最大程度降低病毒傳播措施。
這篇報告其他重點包括：新冠病毒是一種動物源性病毒；不認為空氣傳播是主要傳播方式；蝙蝠似乎是該病毒宿主，但中間宿主尚未查明；大陸新冠肺炎人際傳播主要在家庭中發生；新冠肺炎病毒幾乎人人易感，感染後是否具有免疫力需進一步研究；患者感染後平均5至6天出現症狀。</t>
  </si>
  <si>
    <t xml:space="preserve">雖然新冠疫情即將進入冬天戰場，但隨著農曆年節即將到來，許多民眾仍有出國需求，必須到醫院進行新冠肺炎自費篩檢，不少民眾看到將近7000元的檢驗費用不禁直呼：「好貴！」
尤其香港從12月起大幅調降新冠肺炎檢測費用，從原本大約1500元港幣(約新台幣5000多元)，降至240元港幣（約新台幣890元）；而中國大陸檢測費更加便宜，但每個區域檢測費不同，最便宜僅需人民幣120元(約新台幣510元)，最貴的則需1200多元，而南韓的檢驗費用約台幣4000元左右，雖然價錢相差甚多，但所做的檢測卻都是PCR核酸檢驗，以台灣7000元跟大陸510元相比，足足差了13倍！
為什麼檢驗費用差這麼多？根據檢驗廠商私下透露，一般來說，檢測費用中有40%爲成本費用，主要是人力成本和運輸成本、防護成本，包括醫護人員費用、全套防護衣費用，每做一個人次就必須換一套衣服，光是整套防護衣成本就要將近2000元。
指揮中心表示，新冠肺炎的自費檢驗費用，是依醫療法第21條規定：「醫療機構收取醫療費用之標準，由直轄市、縣(市)主管機關核定之」，其中非屬健保給付項目，直轄市、縣市主管機關應衡酌醫用者意見，參考醫院提供之醫療設施水準、成本分析與市場行情等資料，依審查程序據以核定。目前全國84家自費檢驗指定醫院，檢驗費用約5000到7000元；另有37家提供快速檢驗服務，民眾可於當日就醫採檢及取得報告，快速檢驗費用以7000元居多數。
指揮中心指出，依據駐外單位提供資料，美國自費檢驗費用約為美金250元（折合新臺幣約7100元）以下；英國自費檢驗費用約為英鎊130至200元不等（折合新臺幣約5000至7600元）；日本自費檢驗費用約為日幣25000至50000元不等（折合新臺幣約7000至14000元）。
更多 CTWANT 報導
</t>
  </si>
  <si>
    <t xml:space="preserve">
新冠肺炎病毒持續在全球肆虐，伊朗官方公布的確診病例破萬，超過500人死亡，是僅次於大陸、義大利之外，疫情最為嚴重的國家。繼多位伊朗高級官員陸續染疫，伊斯蘭革命衛隊高級指揮官納賽爾·沙巴尼（Nasser Shabani）也傳出因感染新冠肺炎病逝。
綜合外媒報導，伊朗伊斯蘭革命衛隊（IRGC）發言人夏立夫（Ramezn Sharif）在當地時間13日證實，先前確診感染的高級指揮官沙巴尼，已不治身亡，革命衛隊至少有5名隊員死於新冠肺炎。伊朗至少有7名政要、24名議員染疫，當中共有3人死亡，高級官員因染新冠肺炎病逝的比例，位居全球之首。
更多 CTWANT 報導
</t>
  </si>
  <si>
    <t>義大利新冠肺炎疫情延燒，22日確診病例累計達到51例，由於新增病例均出現在北部地區，當天北部12個城鎮宣布關閉學校、體育館、餐廳、咖啡館、酒吧及其他公共場所，暫停一切辦公、商業、娛樂及公眾活動，停止公共交通。當局敦促居民未來一周不要外出。</t>
  </si>
  <si>
    <t>中央流行疫情指揮中心今日公布1起北市死亡個案，弔詭的是，該案例早在6月27日死亡，卻在2個月後才通報，衛福部長陳時中也說重話，要北市府介入督導。台北市衛生局今日坦言，該家醫院為北市立聯合醫院中興院區，但院方確實有上傳資料，因此初判死亡個案「校正回歸」的原因是系統問題，目前尚在釐清當中，預計下午6點對外說明。
陳時中下午2時記者會上表示，今日有1例死亡個案是在6月27日過世，但就診醫院卻沒有落實通報，直到家屬和北市請領慰問金後，才發現有沒通報的情況。陳當場直言「請台北市督導該院，以後要申報確實，一旦確認後趕快申報出來。」
對此，衛生局疾管科長張惠美在防疫記者會上證實，個案是在台北市立聯合醫院中興院區病逝，詳細情況正在與院方確認，請對方就整個處理過程、個案死亡日期進行釐清，也會與中央疾管署確認個案通報資料的完整性，今晚6點會公告院方處理時序，衛生局將全力督導。
張惠美解釋，第五類法定傳染病個案確診後死亡，診治醫院須在7天內於傳染病個案病例資料的匯集平台，上傳死者資料和病歷摘要，同時要在法定傳染病個案系統登錄死亡日期。至於疾管科何時得知死亡個案延遲？張則說，她是今天才下午收到個案，目前還在釐清狀況。
衛生局主秘邱秀儀補充表示，此案在比對過程當中，發現可能是系統出現問題，初步來看聯合醫院有上傳資料，2筆資訊可能出現系統合併、操作問題。因為中央系統較多，主系統是疾管署法定傳染病系統，後續還要去不同子系統上傳登錄死亡日期等資料，還在釐清是哪個環節出問題，因為傳染病個案資料很多種，包括起初的通報資料、死亡資料。</t>
  </si>
  <si>
    <t>美國勞工部周四公布6月非農就業報告，數據意外強勁，單月就業人口大增480萬，創史上新高紀錄，失業率也下滑至11.1％，由此顯示新冠肺炎造成的經濟衰退可能已經結束，不過最近疫情再度升高則可能衝擊經濟復甦的力道與時程。
受到官方就業報告數據出奇亮麗的激勵，美股周四早盤跳空開高，道瓊工業指數大漲近400點或1.5％，來到26,120點，標普5百指數勁揚1.3％，那斯達克綜合指數跳漲逾130點或1.3％，來到10,291點的歷史新高。
根據勞工部公布的數據，6月就業人口總共暴增480萬，創下1939年開始此項統計以來的單月最大增幅紀錄，其中民間部門大增476.7萬，政府部門小增3.3萬。
數據遠優於市場預期，華爾街經濟學家的預估值為增加300萬，5月就業人口增幅也從250萬上修至270萬。
失業率從5月的13.3％下滑至11.1％，優於市場預期的12.3％。
儘管就業市場已展開復甦，但離強盛狀態仍有一大段距離，4月份就業人口狂減2,000萬，即使連續兩個月就業人口強勁反彈，但經濟部門迄今仍流失約1,000萬個就業，而失業率今年2月時還創下3.5％的50年新低。
另一個值得觀察的重點是，官方就業報告搜集數據的時間為6月中，而6月下旬美國新冠肺炎疫情突然加溫，每日新增確診人數甚至已突破前高，恐為就業市場與經濟復甦埋下新變數。
此外，上周（截至6月27日）初領失業救濟人數報143萬，僅較前一周僅減少5.5萬，請領人數高於市場預期的136萬。請領失業救濟人數3月底一度飆至近700萬歷史高點，之後雖一路下滑，但近來減幅明顯趨緩，顯示企業仍持續裁員。
田納西大學勞動經濟學家華納梅克（Marinane Wanamaker）表示，「我們正處於緩步復甦的初期，疫情若無法獲得控制，我認為復甦時程就會拉長。」
密西根州立大學經濟學教授庫克（Lisa Cook）也指出，「整體局勢依然危急，有很多的小企業與商家仍然處於永久停業狀態。」</t>
  </si>
  <si>
    <t xml:space="preserve">這恐怕能視為川普連任警訊，路透社的民調指出，川普上任以來，現在是共和黨支持者對未來最悲觀的時候，40年共和黨鐵粉表示對川普感到厭惡，另外將近4成支持者相信美國走錯道路。
路透社/易普索（Reuters/Ipsos）6月初做的民調顯示，由於新冠肺炎疫情、經濟低迷、以及非裔男子之死引發的全美動盪，3大危機衝擊美國社會，現在是川普上任以來，共和黨支持者對國家未來最感悲觀的時刻，只有46%的共和黨支持者認為美國走在正確道路上，這個數字是2017年8月以來最低；和3月初疫情大爆發之前相比，當時還有70%共和黨支持者對未來感到樂觀。
現在，則有37%共和黨支持者相信國家走在錯誤道路上，當中17%表示，如果現在舉行大選，他們會投給拜登，不過另外63%仍計畫持續支持川普。
路透社針對十多名共和黨支持者進行採訪，他們都認為美國已走錯方向。上屆大選中投給川普的48歲北卡羅萊納州居民奈特（Matthew Knight）表示，對川普處理這些危機的方式感到失望，「想想看發生的這些事，川普根本沒幫到忙，事情都錯了」，他說本來打算再投給川普，但如果情況繼續惡化，他將重新考慮。
另外一名40年來從未投給民主黨的62歲共和黨鐵粉馬麥可（Bill McMichael）則表態，今年11月可能投給拜登，因為他對川普的所作所為「感到厭惡」。
儘管共和黨支持者對美國愈來愈感到悲觀，不過整體而言，川普目前的支持度仍維持在40%，多數支持者仍滿意他的施政表現，部分支持者即便對未來感到憂慮，但出於對拜登的不信任，以及相信川普能挽救經濟，今年底他們仍打算投川普一票。
路透社/易普索這份民調於網路進行，總共獲得1,113名美國成人填寫，信賴區間為正負3個百分點。
</t>
  </si>
  <si>
    <t>中央流行疫情指揮中心社區防疫組副組長楊靖慧表示，今天開始秋冬專案上路，8大類場所民眾需要強制戴口罩，主要是擔心冬季大家在室內時間多，而且呼吸道相關症狀疾病也較多，因此呼籲民眾進入室內或預期會接觸不特定人士，就要戴上口罩，可保護自己也保護別人。
中央流行疫情指揮中心表示，8大類場所包含醫療照護、大眾運輸、生活消費、教育學習、觀展觀賽、休閒娛樂、宗教祭祀及洽公，未依規定佩戴口罩，經勸導不聽者，將依違反《傳染病防治法》第37條第1項第6款規定，由地方政府裁罰3000元以上1萬5000元以下罰款。</t>
  </si>
  <si>
    <t xml:space="preserve">美國總統川普宣布，在因疫情停止競選活動3個月後，他將於19日，在奧克拉荷馬州的土沙（Tulsa），展開新冠肺炎疫情爆發後第一場連任造勢活動。但這個地點對非裔來說，是傷痛與悲劇的代名詞。
在將近百年前的1921年6月，白人至上主義者曾針對非裔，發動美國史上最嚴重的種族大屠殺。在此種族關係緊繃的敏感時刻，加上日期又選在6月19日的黑奴解放日，川普的選擇絕對不是巧合，也格外引人側目。
在疫情尚未完全被遏阻之際，就要辦大型活動，令公衛專家相當憂心。因為美國確診剛突破2百萬，且有10多個州近期確診持續上升，而川氏造勢通常都可吸引數萬人潮聚集，對防疫來說絕對不是好事。
</t>
  </si>
  <si>
    <t>防堵新冠肺炎南非新變異株（B.1.1.529）疫情，疫情指揮中心26日公布，29日起南非、波札那、納米比亞、賴索托、史瓦帝尼及辛巴威等六國，提升為重點高風險國家，只要抵台前14天，曾至上述國家，包含轉機在內，返台後須入住集中檢疫所14天，並配合專案採檢，且不適用春節返台專案。
醫療應變組副組長羅一鈞說，南非新變異株學名為「B.1.1.529」，11月中旬在波札那發現，目前還沒有希臘字母正式的命名，預估可能成為當地新一波疫情主流。但南非新變異株與Delta基因定序明顯不同，因此不用擔心先前我國境外移入的南非個案有潛藏可能。羅一鈞指出，目前亞洲僅香港偵測到二例，台灣尚未發現，南非目前病例數至少77例。
指揮官陳時中也表示，我國沒有直飛的航班，直接威脅較小，但是目前仍先採取完整的阻絕，再視後續情況調整。
從重點高風險國家返台的民眾，除了要在集中檢疫所進行14天的檢疫外，還要配合專案採檢，在到集中檢疫所及檢疫期滿時做PCR採檢，並在自主健康管理期間做一次家用快篩。若為國籍航空公司機組員則是入住防疫旅宿或符合規定的公司宿舍檢疫14天，且仍需配合PCR檢測及7天自主健康管理。
原本指揮中心預定26日公布跨年鬆綁指引，卻未公布，外界推測是否因南非新變異株而延後公布？陳時中回應，雖然保留因疫情變化滾動檢討的空間，但跨年鬆綁指引延後與新變異株無關，目前大方向已擬定，僅是部分細節還未定案，仍持續討論中，要等整體確定才會對外公布。</t>
  </si>
  <si>
    <t>新華網今天（24日）報導，9月22日下午，江蘇省南通市海門區接到南通市新冠疫情防控指揮部協查函稱：「外省一批自紐西蘭進口的獼猴桃（奇異果）塗抹樣標本檢測新型冠狀病毒核酸陽性」，部分同批次貨物銷往海門區永輝超市龍信廣場店。
接到協查函後，海門區高度重視，立即組織疾控、公安、市監等部門落實全面排查該批次獼猴桃貨物銷售情況、排查密切接觸者及次密接人員和對相關場所開展環境採樣和處置消毒等防控措施。
經查，該批次獼猴桃已通過該超市售出。目前，排查出的相關人員已落實管控措施。已完成接觸該批次獼猴桃的工作人員及環境樣本核酸採樣14份，檢測結果均為陰性。
9月22日晚，如皋市接到南通市新冠疫情防控指揮部協查函稱：「外省一批自紐西蘭進口的獼猴桃塗抹樣標本檢測新型冠狀病毒核酸陽性」，部分同批次貨物銷往如皋市萬達廣場永輝超市。如皋市第一時間組織疾控、公安、市場監管、商務、人行等部門全面調查該批次獼猴桃銷售情況、排查管控密切接觸者及次密接，對相關場所開展環境採樣，落實環境消殺等防控措施。
經查，該批次獼猴桃為進口佳沛金果獼猴桃（奇異果），數量50只，於9月14日至9月16日在如皋萬達廣場永輝超市售完。目前，排查出的相關人員已全部落實管控措施，對相關人員及環境樣本完成核酸採樣36份，檢測結果均為陰性。
9月23日，江蘇省宿遷市沭陽縣接到相關部門協查函稱：「外省一批自紐西蘭進口的獼猴桃塗抹樣標本檢測新型冠狀病毒核酸陽性」，部分同批次貨物銷往沭陽縣永輝超市。接到協查函後，沭陽縣高度重視，立即啓動進口冷鏈食品疫情防控應急預案，迅速組織疾控、公安、商務、市監等部門落實全面排查該批次獼猴桃貨物銷售情況、排查密切接觸者及次密接人員和對相關場所開展環境採樣和處置消毒等防控措施。經查，該批次獼猴桃已通過該超市售出。目前，排查出的相關人員已落實管控措施，已完成接觸該批次獼猴桃的工作人員及環境樣本核酸採樣。</t>
  </si>
  <si>
    <t>台南市新近獲分配的1萬6000劑疫苗2日開打，台南市議長郭信良除肯定市府先前的施打效率外，也建議開放部分疫苗給年長及病弱者施打。
郭信良表示，台南市5月27日獲配1萬3000劑疫苗，5月30日就全數施打完畢，顯示市府衛生局的效率相當高；但民眾們更想知道的是，優先施打的族群是如何造冊？其中還有多少人員尚未施打？以及如何安排其他施打順序的族群。
郭信良指出，目前各縣市分配到的公費疫苗數量有限，依據中央的規定，醫事人員、防疫人員及高接觸風險第一線工作人員等3類為最優先接種對象，優先施打順序的族群施打完畢後，才能進行到下一個施打順序的族群，也因此疫苗施打效率格外重要。
郭信良還說，今天將再開打的1萬6000劑疫苗中，市府決定優先分配部分疫苗給環保局第一線清潔人員及殯葬人員，對於這項安排他予以肯定，但也要特別提醒，年長及病弱者目前的施打排序不高，但是最脆弱的一群，由於抵抗力低，染疫後極容易演變成重症或死亡，希望市府也能開放部分疫苗給年長及病弱者施打，維護民眾的生命安全。</t>
  </si>
  <si>
    <t>不畏新冠肺炎疫情全球肆虐對經濟活動帶來強烈衝擊，台穩精密公司憑藉著廠區擁有無數自歐日進口的高階齒輪研磨與加工設備，及生產技術領先業界的賣點，近期持續接獲中部知名輪胎大廠及南部塑膠押出機大廠齒輪箱的訂單，在機械業黯淡的不景氣聲中掛起一盞明燈。
台穩公司總經理廖德川指出，面對新冠肺炎來勢洶洶衝擊全球經濟與投資活動，台穩積極尋找新出路因應，其中在產業機械齒輪箱市場的拓展方面，已成功接獲中部知名輪胎大廠海外投資所需的膠料密煉機用的大型齒輪箱訂單，總計有四條生產線，每個搭配的大型齒輪箱重達16噸，為台穩迄今所生產過最大型的齒輪箱，在台穩員工加緊趕工生產後，近期都已順利出貨完畢，並獲得客戶的肯定，後續預計將追加數款中小型密煉機用的齒輪箱，也將委由台穩製造。
廖德川強調，該款大型膠料密煉機主要做為橡膠料與混合劑的攪拌混練使用，其搭載的齒輪箱，除了外型之巨大為台穩以往所未生產過外，其馬達功率更要達到3,000馬力，在技術上並要做到兩個出力軸的轉速要同步，業界要投入開發並不容易，但台穩卻順利把它完成，每個齒輪箱的交貨時程還較原訂的六～八個月，大幅縮短為四個月，讓客戶至為滿意，為台穩進軍輪胎產業設備市場打出漂亮的第一仗。
另在塑膠機械齒輪箱市場的開發方面，台穩產品憑藉著品項豐富齊全及擁有高精度、高效率與高可靠度等「三高」特色，持續接獲南部知名塑膠押出機大廠各款機械齒輪箱訂單，穩固了台穩的經營基礎。
值得一提的是，台穩在董事長黃明和、總經理廖德川以「轉動全世界」、「矢志做精密齒輪業第一品牌」的卓越經營理念帶領下，近期再斥資數千萬元增購德商HOFLER齒輪研磨機、日商東京技術CNC齒輪檢測機等業界最頂尖的齒輪加工與檢測設備，可用來生產錐度齒輪、擺線齒輪等特殊齒輪，及產業機械用客製化大型齒輪箱，鎖定要進攻壓鑄機、塑橡膠機械與鋼鐵機械等市場。</t>
  </si>
  <si>
    <t>25日據北京衛健委官方微博消息，24日0時至24時，北京市新增1例新冠肺炎確診病例，該病例有外省市接觸史，已送至定點醫療機構進行救治。
24日北京市新增疑似病例18例，現有疑似病例73例，新增密切接觸者3例，累計確定密切接觸者2487例，其中1748例已解除醫學觀察，17例新冠肺炎患者分別從地壇醫院、佑安醫院、解放軍總醫院第五醫學中心、海淀醫院、普仁醫院、潞河醫院牛堡屯分院、昌平區醫院、大興區人民醫院、順義區醫院出院， 其中9名男性，8名女性，年齡最小1歲，最大89歲。
截至24日24時，北京市累計確診病例400例，出院215例，死亡4例，危重型13例，400例確診病例中，男性病例189例，佔47.2％，女性病例211例，佔52.8％；年齡範圍為6個月至94歲，其中5歲以下14例，佔3.5％；6歲至17歲13例，佔3.2％；18歲至59歲263例，佔65.8％；60歲及以上110例，佔27.5％。</t>
  </si>
  <si>
    <t xml:space="preserve">根據美國製藥大廠默沙東集團今天公布的臨床期中分析結果，還在實驗中用來治療COVID-19（2019冠狀病毒疾病）的口服藥，可使重症高風險患者的住院或死亡機率降低約50%。
法新社報導，默沙東集團（Merck &amp; Co.）與Ridgeback Biotherapeutics發表聲明說，還在實驗中的口服藥molnupiravir，給予染疫初期的高風險患者服用，可大幅降低住院或死亡的風險。
聲明指出：「根據期中分析，服用molnupiravir的染疫患者中，至29天有7.3%住院，而服用安慰劑的患者，至29天有14.1%住院或死亡。」
默沙東集團與Ridgeback Biotherapeutics計劃針對這個口服藥盡快向美國提出緊急使用授權，並且向全球監管機關遞交申請，由於臨床實驗結果證實有療效，在外部監測人員建議下，第3期臨床試驗提早喊停。
Ridgeback Biotherapeutics藥廠執行長霍爾曼（Wendy Holman）表示：「迫切需要能讓染疫患者居家服用並避免住院的抗病毒療法。」（譯者：曹宇帆/核稿：劉學源）1101001
</t>
  </si>
  <si>
    <t>美國總統川普的防疫政策大轉彎，取消了之前備受批評、要求經濟在4月中旬前就恢復運作的計畫，周日宣布其發布的禁足令（Stay at Home）指引從原定的4月12日復活節延長到4月30日，以減緩新冠狀病毒疫情的擴散。
川普在白宮會議上表示，美國的新冠肺炎死亡率可能在兩周內達到最高峰，他並表示，希望直到4月30日的限制指引不必再延後。他更表示，如果美國能把新冠肺炎死亡病例數從可能達到的220萬人控制在10～20萬人，就代表「我們做得非常好」。
川普表示將在周二公布更多的相關細節。根據路透社統計，截至目前為止，美國的新冠肺炎死亡病例已超過2460人，確診人數超過14萬1,000人，在全球排名第一。
川普並於周日宣告華盛頓哥倫比亞特區、俄勒岡、喬治亞、康乃狄克州進入「重大災難」狀態。這表示華盛頓特區可獲得聯邦政府的抗疫資金。目前為止美國已有21個州與2個海外領地宣告「重大災難」狀態。
此前美國過敏與傳染病研究院主任佛奇（Dr.Anthony Fauci）亦提出警告，美國新冠肺炎感染病例可能達到數百萬人，恐將造成10萬～20萬人死亡，目前紐約、紐新奧良等大城市都已出現醫療物資極為短缺的問題。</t>
  </si>
  <si>
    <t xml:space="preserve">世界衛生組織（WHO）當地時間18日，在瑞士日內瓦總部召開新冠肺炎例行記者會上，世衛組織衛生緊急專案負責人邁克爾．里安針對媒體關注的美國總統川普稱新冠病毒為「中國病毒」回應指出，不應把病毒同種族相聯繫。
央視新聞用戶端報導， 世衛組織衛生緊急專案負責人邁克爾．里安表示，一直以來WHO我們傳遞的資訊就很清晰，病毒沒有國界，不區分種族膚色和財富。我們在語言使用上要小心，應避免把病毒同個人聯繫在一起。我相信任何人都會後悔把病毒同種族聯繫在一起，這是所有人都不希望的，我們需要團結合作。
里安強調，2009年（H1N1）流感大流行是始於北美，我們也沒把它稱作北美流感。所以當遇到其他病毒時，我們採用同樣的（命名）方式，避免同地域聯繫。我們要求每個人在這一刻都抱有團結的想法，這是需要事實並一起抗擊病毒的時刻，而不是責怪誰。
里安說，「我們現在要確認所需要做的事情，從而確定地快速前進，同時避免將病毒同種族或其他領域相聯繫的表達」。
</t>
  </si>
  <si>
    <t>一名32歲、育有三個孩子的美國婦女，竟在確診新冠肺炎（COVID-19）後四肢出現血栓，必須要截肢才能保命。歷經艱辛歷程後，她期待自己的經歷能鼓勵更多人盡速接種疫苗，免於遭遇類似的不幸景況。
內科醫生Wesley Ely近日在Twitter上分享了一段故事。他首先提到，新冠肺炎是一種會影響肺部、心臟、大腦或任何器官的血管疾病，而且當重要器官出現血栓情況，嚴重可能會喪掉生命。
🎥 #COVID19 took her hands &amp; feet👇I cried when she sent me this yesterday: Her physical resilience &amp; mental fortitude are my #Inspiration. She sent this 🎥 of her walking w new legs and said to tell YOU…“Blood clots of #COVID can be prevented w a #Vaccine!” (shown w perm) https://t.co/ouoMFhy0JH pic.twitter.com/gZ9n0FcV8V
他特別分享了一位確診病患親身經歷，指出「新冠肺炎奪走了她的手腳」。Ely醫生指出，他收到病患Autumn傳給他的影片後，看到都哭了。也指出她在對抗疾病的韌性與毅力為他帶來了啟發。
醫生分享，有3個孩子的Autumn Nugent在確診後，四肢因為併發症出現血栓。發病期間，四肢就像燒傷一樣，護士需要花好幾個小時為他換藥。最終，她手腳都經歷截肢才保住性命。醫生指出手術後「她每天都需要服用12種不同的藥物。」
Ely醫生沉痛表示：「感染新冠肺炎全然改變了她的生命，而這樣的情況也可能發生在非常年輕，而且完全健康的人身上。」在後期的復健期間，Autumn與Ely醫生之間的感情越來越好，甚至以父女相稱。因此Autumn向Ely提出邀請，請他可以分享她的故事，為的是「鼓勵更多人去接種新冠肺炎疫苗。」
且他也鼓勵更多人能分享Autumn的故事，讓她的精神可以影響更多的人。醫生指出，很多感染新冠肺炎的病人，都期待當初可以接種疫苗。因此，盼望人們能因她的故事，重新思考是否要接種疫苗的決定。</t>
  </si>
  <si>
    <t xml:space="preserve">近來疫情獲得控制，對於餐飲禁止內用到15日，是否考慮提早解禁，新北市長侯友宜今主持疫情說明會表示，現在疫情還是在觀察期間，我們應該戒慎恐懼、嚴陣以待來面對第一波入侵新北的Delta病毒，目前仍在嚴密觀測、掌控，希望能有效控制疫情。
★《中時新聞網》提醒您：因應新冠肺炎疫情，疾管署持續加強疫情監測與邊境管制措施， 如有疑似症狀，請撥打：1922專線，或 0800-001922， 並依指示配戴口罩儘速就醫，同時主動告知醫師旅遊史及接觸史，以利及時診斷及通報。
</t>
  </si>
  <si>
    <t>北京爆發第二波新冠肺炎，傳鮭魚為傳染源，對此，胸腔暨重症醫生黃軒直言，「倒楣的魚，被人宰殺了，還要被誣陷啊！」新冠病毒需受體ACE2幫忙，才可成功進入感染細胞，而此受體僅存於哺乳類動物，不存在魚中。
黃軒表示，新冠病毒很死忠、很挑剔，只愛一種「天菜」，那就是人類呼吸系統有的「ACE2」。病毒是核酸內核、蛋白外殼構成，沒有自主複製能力，無法自立更生，若病毒要浸染細胞，就必須要借宿主的核酸合成、蛋白表達系統來完成複製及擴散。
黃軒指出，北京日前傳出切鮭魚的砧板驗出新冠病毒，引起譁然，但魚類的體內幾乎沒有新冠病毒喜愛的「天菜ACE2」，而若沒有這個受體，病毒就無法成功進入、感染細胞，目前所有已知的證據顯示，這個受體僅存於哺乳類動物，而不存在於魚類中。
黃軒引述「倫敦大學學院」的研究表示，新冠病毒可感染多種哺乳類，但不能感染魚類、鳥類或爬行動物，所以魚體內自然不會攜帶新冠病毒，至於鮭魚能吃與否，按世衛的說法，目前尚未有證據表明，新冠病毒可透過飲食直接傳給人，主要傳播途徑仍是，呼吸道飛沫和緊密接觸。
黃軒說，新冠病毒可在物體表面存活數小時甚至數天，病毒在冷凍的情況下，的確也能存活較久，但傳給人的可能性很低，除非那人的手指沾著病毒，還不洗手狂摳鼻子，其實只要乖乖戴口罩、勤洗手保持社交距離，在大流行未解除前，就能有效防疫。
另外，黃軒也補充，在新冠肺炎疫情大流行下，建議吃肉類、雞蛋和蔬菜之前，最後都先煮過，且盛裝生食、熟食的食物也盡量分開，最重要的是，用餐前、烹飪完後都要記得洗手。
【本文穫黃軒醫師授權，非請勿轉載】</t>
  </si>
  <si>
    <t>海軍敦睦艦隊赴帛琉出訪後染疫，除了責任最大的國軍，外交部也難辭其咎，外交部長吳釗燮今早在立院「外交與國防委員會」報告，但報告的不是軍艦案，而是談「口罩等醫療物資援助友邦的運用報告」。是否會談及軍艦案爭議，也讓人好奇。
國民黨立委李德維昨(22日)在立院司法法制委員會檢舉吳釗燮散布假消息，外交部與美國在台協會台北辦事處3月18日發布「台美防疫夥伴關係聯合聲明」，我援助美國10萬口罩，換取美國提供台灣30萬防護衣原料，但有媒體披露是我方向美國「購買」。法務部次長陳明堂表示，會帶回去交給業管機關處理，至於是不是假訊息，要認定以後才知道。
吳釗燮今(23日)在立院報告口罩援外案的疑雲，會前接受記者聯訪，他表示，口罩援外案沒有其他的政治目的，是為幫助邦交國對抗新冠肺炎。就30萬件防護衣原料，目前全球都缺料，外交部是透過友好友邦人士協助，確保第一線防護人員防護衣，是否有交換一事，吳釗燮強調，希望發問記者看清楚外交部發出的新聞稿，這是某些政治人物扭曲。
對於南美友邦巴拉圭收中國大陸防疫物資，吳釗燮說，與巴拉圭邦交關係很穩定，實際上這是巴拉圭商人向大陸進行商業採購，並非贈送，是有些巴拉圭國民誤會是中國大陸捐贈。
對於 充分尊重國防部敦睦艦隊出訪，國防部出訪，外交部全力配合和準備執行前置作業，對於國軍敦睦艦隊案，吳釗燮重申，國軍有對外例行演訓，外交部絕對配合，也絕對支持國軍。
對於外交部人事異動傳聞，吳釗燮說，這部分他目前不做說明。</t>
  </si>
  <si>
    <t>近來因為新冠肺炎疫情影響，傳出部分旅遊業、觀光業大放無薪假，或是鼓勵員工多休假，勞動部預計在21日修正「充電再出發訓練計畫」，補助訓練津貼為每小時158元、每月120小時，補助訓練費用上限也提高到新臺幣350萬元，目前匡列預算約5億元。
受到新冠肺炎疫情影響，如觀光旅遊業營運受到影響及衝擊，事業單位為維持營運，可能採行勞雇協商減少工時，為協助在職勞工安心安穩工作，勞動部且充分利用暫時減少工時參加訓練課程，修正「充電再出發訓練計畫」，將「傳染病防治法」所定傳染病防治事由納入計畫適用規定，並提高對勞工及事業單位的補助。
計畫修正後，針對這段期間減少工時、參加訓練課程的勞工，補助訓練津貼時數上限特別自100小時提高為120小時，每小時比照基本工資發給158元，參訓勞工最高可領到1萬8960元的訓練津貼；為協助事業單位利用這段期間提升人力資本，辦理訓練課程的補助訓練費用上限，也從原190萬元提高到350萬元。
勞動部常務次長林三貴表示，為了協助事業單位穩定雇用勞工，目前勞動力發展署提供「充電再出發」計畫，為了協助在職勞工安心工作，修正相關計畫，把辦訓費用從190萬元提高為350萬元、訓練津貼上限則從100小時修正為120小時、最高可領1萬8960元。
該計畫申請期間從2月21日至今年8月31日為止，實施期程從受理申請開始至今年12月31日為止。</t>
  </si>
  <si>
    <t>目標3月初上櫃的山富旅行社（2743）12日舉辦業績發表會，面對新冠肺炎強襲觀光旅遊業，山富董事長陳國森表示，公司走入資本場後，旅行團將多元化、主題化與優質化，並強化自由行的元件商品與套裝，同時啟動數位轉型計畫，擴大營運動能與企業規模。
受到新冠肺炎疫情衝擊，山富旅遊預估到4月底，營收損失近8,000萬元；不過陳國森表示，旅遊已是需求，疫情終會淡化，山富立足市場超過30年曾歷經金融風暴與SARS，因開發高端旅遊商品與導入網路資訊系統安然度過危機，如今危機入市，公司對後市仍審慎樂觀。
山富旅遊成立於1988年，目前實收資本額為2.82億元，全台設有15個營業據點、共有504名員工。此次配合上櫃前擬現增發行新股3,800張，其中3,230張將辦理公開承銷，屆時實收資本額將會膨脹至3.2億元。
山富2019年自結合併營收51.6億元，年減0.29％，營收下滑主要原因是，為提升毛利率而做更精確的銷售規劃。不過，山富2109年前三季毛利率8.2％、營益率1.3％，優於前年同期7.11％、0.28％；稅後淨利0.52億元，年增85.43％，EPS 1.85元，優於前年同期1元。
山富2017至2018年平均股利分配率約60％，現金股息殖利率平均達到4％以上。陳國森表示，山富股利政策是維持股東穩健長期獲利，今年公司營運重點將會力拚毛利率持續提升，在股利發放上，今年殖利率將有機會較往年成長。
為了擴大營運動能，山富今年整合虎航和日本新潟縣政府資源，將於3月至10月推出新潟獨家包機共120個來回航次，此將會有助山富降低部份日本旅行團操作成本、並且以差異化產品來集客。</t>
  </si>
  <si>
    <t xml:space="preserve">女星李毓芬五官立體、氣質高冷性感，去年推出新單曲《相信你 Believe In You》、愛情電影《絕世情歌》後，爆發新冠肺炎後就很少出席公開場合，連社群平台也不常更新。近日，她終於發文呼籲粉絲要注意健康，附上的美照乍看沒穿衣，立刻引起網友討論。
新冠肺炎持續蔓延，李毓芬18日曬出兩張照片，向外界溫馨喊話：「想念各位！願大家平安健康，做好防疫，勤洗手、戴口罩，去人多的地方盡量戴著眼鏡、帽子、手套等等，不要管造型美不美了，安全第一！！」畫面中，她留著及肩微捲的頭髮，身上看不到任何一件衣服，只用黑白相間的毛毯遮住重點部位，露出肩頸線條、鎖骨和修長的美腿，性感的相當高級，讓網友看得血脈賁張，直呼：「女神，芬也要保重！」、「但你太美了」、「妳很懂欸，想念的時候放這種照片」。
 任何事情隨著時間的累積，一點一點的努力 ，總能完成些什麼吧。 就像是打遊戲也是一樣吧🤩
 Tia Lee（@leeyufen）分享的貼文 於 PST 2020 年 2月 月 18 日 上午 2:10 張貼
 想念各位！願大家平安健康，做好防疫，勤洗手、戴口罩，去人多的地方盡量戴著眼鏡、帽子、手套等等，不要管造型美不美了，安全第一！！❤️
 Tia Lee（@leeyufen）分享的貼文 於 PST 2020 年 2月 月 18 日 上午 2:19 張貼
</t>
  </si>
  <si>
    <t>台北市長柯文哲今日上午舉行北市防疫會議，會議中下令要將快篩陽性應視同PCR確診，加速檢驗流程，以盡速匡列確診者，同時也因高齡確診者死亡率高，未來會加強健康照護。
柯文哲表示，快篩陽性的case，如何在最短時間處理，所有系統從今日開始，只要快篩陽性就要在最短時間內做PCR，方法必須出來。聯合醫院副總院長璩大成也附和，指快篩陽性視同PCR陽性， 流程上快速許多，第2個才加上症狀與否，「這樣速度就會很快。」
柯也再重申，快篩陽性視同為PCR陽性，除非後面有再改變，原則上還是想辦法盡快做出來，因為這會決定匡列速度，再來就是症狀和年齡，這2個因素決定。</t>
  </si>
  <si>
    <t>新冠肺炎疫情衝擊各行各業，對工具機產業影響頗大，工具機大廠-崴立機電將從加強兩岸三廠生產調控、擴大利基市場、加速新機種開發及積極管控生產成本等多管齊下，期透過各項開源節流措施將危害降至最低。
新冠肺炎疫情肆虐全球，但崴立機電在兩岸投資行動仍持續進行中，其中台灣新竹廠新建工程已發包，預定2022年完工，產能將是舊廠的1.3倍大；蘇州廠擴建工程也如期進行中，預定今年內啟用，產能將大幅增加八成，合計兩廠總投資規模達15億元，約增加3萬平方米的新廠區，展現崴立不畏疫情、追求永續經營決心。
崴立總經理蘇錦添強調，崴立新竹、台中與蘇州等兩岸三座工廠目前各有其主力產品、生產利基與營運定位，呈現三足鼎立，未來將更進一步加強三廠的技術與資源共享，來提高崴立的整體經營綜效，邁向永續茁壯發展的企業。
崴立機電經營團隊核心成員主要來自台灣工研院機械所，團隊成軍30多年來在董事長關永昌以「誠信、創新、團隊、分享」做為核心經營價值帶領下，始終專注在高階工具機的研發與創新，迄今開發出龍門加工機、五面世家、立式加工機、臥式鏜銑機、五軸世家、高速機群、立車家族等七大高階產品群，並兩度勇奪台灣工具機研發創新競賽特優獎，名聞海內外市場，成為台灣工具機產業的領航標竿企業。
由崴立研發上市的大型龍門加工機，主體結構相當強固，且加工性能優異，加工精度極高，成為客戶的首選品牌，享有好口碑。
另外，崴立研發出各種不同型態的高階五軸加工機種，頗適合航太螺旋葉片、機體結構件等零件加工，無論其材質是鋁、鎳或鈦難削硬材，該公司均可提供客戶最適當的產品與加工解決方案，產品並已成功外銷到美國波音飛機供應鏈體系，深受客戶的肯定。</t>
  </si>
  <si>
    <t>美國股市今天在抗新冠肺炎實驗性藥物瑞德西韋（remdesivir）取得正面結果，大幅抵銷美國經濟衰退噩耗下，大幅勁揚。道瓊收盤大漲532.31點。
瑞德西韋的利多，蓋過美國首季GDP萎縮4.8%的利空，美股大漲。
道瓊工業指數收盤上漲532.31點，漲幅2.21%，以24633.86點作收。
標準普爾指數上漲76.12點，漲幅2.66%，收2939.51點。
那斯達克指數收盤大漲306.98點，漲幅3.57%，收8914.71點。
歐股今天也收紅。
倫敦FTSE 100指數收盤上漲156.75點，漲幅2.63%，以6115.25點作收。
法蘭克福DAX 30指數生盤上揚312.11點，漲幅或2.89%，收在11107.74點。
巴黎CAC 40指數收盤上漲101.32點，漲幅2.22%，收4671.11點。
美國藥廠吉利德（Gilead Sciences）製造的瑞德西韋發表第三期開放性臨床試驗的初段結果，評估瑞德西韋5日或10日療程用於治療新冠重症個案的療效及安全性差異。報告指出，重症個案從治療開始到第14天，使用瑞德西韋5日療程者有60%可以出院，10日療程者有52.3%；瑞德西韋組的死亡率為8.0%，安慰劑組則為11.6%。
美國國家過敏與傳染病研究院（National Institute of Allergy and Infectious Diseases）聲明指出，使用瑞德西韋的病患，恢復速度比接受安慰劑的患者快31%，「使用瑞德西韋治療的病患，恢復的中位數時間為11天；接受安慰劑的患者則為15天」。美國傳染病專家佛奇表示，這項數據顯示，瑞德西韋在減少復原時間上，具有明確、顯著、正面效果。研究結果也顯示，使用瑞德西韋的病患死亡率較低，但差異很小。
這項試驗從2月21日展開，總計有美、歐、亞68地、總計1063人參與。</t>
  </si>
  <si>
    <t xml:space="preserve">日本和歌山縣湯淺町（目當於鎮）「濟生會有田醫院」的醫師、患者等共5人感染新冠肺炎，使原本寧靜的小鎮被嚴重汙名化。除了觀光客取消訂房外，還有人要退「故鄉納稅」的回禮。和歌山縣知事仁坂吉伸怒斥，「荒谬！令人氣憤！」。
湯淺町人口僅1萬2千人，原是個寧靜的小鎮，但現在因為世界遺產熊野古道以及有上百年歷史的「重要傳統建築物群保存地區」而1年約吸引50萬名觀光客，尤其是來自大陸的遊客。
《每日新聞》報導，當地的有田醫院傳出醫生和患者感染消息後，許多人都打電話尋問，「現在去你們那裡沒問題嗎？」等，光2、3月當地的飯店、餐廳等就被取消約400人的住宿或宴會預定。
還有人詢問，可不可以取消「故鄉納稅」的回禮。日本鼓勵回饋鄉里，納稅人可選擇不在居住地納稅，而是繳稅給鄉里，當地也會提供地方特產致謝，即所謂的「故鄉納稅」。
愛知縣至16日中午就接到223件詢問電話，甚至有人說，「請告訴我感染患者的地址」。仁坂表示，「好像湯淺町整個都被汙染一樣，遭到日本全國的霸凌，今後考慮舉辦『加油湯淺』等活動」。
</t>
  </si>
  <si>
    <t>聯準會（Fed）主席鮑爾與美國財長穆努欽30日前往眾議院金融服務委員會作證。鮑爾在預先準備的書面證詞表示，美國重啟經濟的時間比他們預期來得快，但解封也帶來風險，像是數州確診病例升高。
鮑爾表示：「我們已進入重要的新階段，這一切比我們預期來得快。儘管我們樂見經濟活動復甦，但這也帶來新的挑戰，也就是我們必須控制好肺炎疫情。」
另外，商業圓桌會議周一公布第二季季調報告，其中追蹤CEO未來半年的資本支出與聘用計畫的經濟展望綜合指數下探至34.3點，創下歷史次低，僅高於2009年第一季的-5點。　大多數執行長認為，疫情對營運的衝擊至少會延續到2021年底，而且有將近三分之一的受訪者表示衝擊會延續到2022年。
商業圓桌會議的成員包括蘋果、通用汽車與嬌生等美國知名的大企業，調查結果顯示在前所未見的疫情危機衝擊下，美國經濟展望存在高度的不確定性。
之前隨著各地區陸續解封，市場樂觀預期美國經濟將順利邁開復甦，不料最近疫情再度升溫，上周五單日新增確診人數飆至逾4.5萬，創下新高紀錄，導致包括德州等地區被迫宣布延後解封計畫。
擔任商業圓桌會議理事長的沃爾瑪執行長麥克米隆（Doug McMillon）表示，「對抗新冠肺炎一役離成功還有一大段距離，員工、客戶與社區的健康與安全仍是營運的首要目標，呼籲聯邦、州與地方政府的議員應共同合作，採取防止疫情蔓延的所有必要措施。」</t>
  </si>
  <si>
    <t>這個周末是全台進入第三級疫情警戒的第一個周休二日假期，大家有沒有聽話乖乖「宅在家防疫」，透過國道五號（雪山隧道）及蘇花改的車流量監測結果，答案是肯定的！國道五號南下車道今（22）日上午始終保持順暢，車流量比往常少了非常多，蘇花改部分更是出現蘇花改通車以來，周休二日第一天南下車流量最稀疏的狀況。
台灣新冠疫情嚴峻，各級政府及官員紛紛大聲疾呼這個周休二日務必待在家，非必要不要出門，對宜蘭縣及雙北市而言，大家是否有聽話待在家中防疫，從國道五號及蘇花改就可以簡單做出判斷。
坪林交控中心表示，往常周休二日的星期六從清晨6點多就逐漸湧現車潮，7點左右就會出現壅塞現象，但今天南下車道的車流量確實大幅減少，車速始終都能保持在時速7、80公里以上，僅石碇上坡路段等少部分路段亮黃燈號誌，其他路段都是綠燈的交通順暢號誌，雪隧南下的車流量每小時只有840輛，「確實減少非常多！」。
在蘇花改部分就更為明顯，公路總局四區養護工程處交管中心主任陳國正表示，今天到上午9點半左右南下車流量累計只有1000多輛，如果繼續保持這樣的情形，預估到中午也不過2000多輛，一整天最多是3000輛，比以往周休二日星期六南下動輒7、8000輛相比，車流量真的少太多了，更有可能是蘇花改通車以來，周休二日南下車流量最少的一次。</t>
  </si>
  <si>
    <t>美國疫苗開發商諾瓦瓦克斯（Novavax）周四表示，在英國進行第三階段臨床試驗初步發現，其新冠肺炎疫苗防護力89.3％，雖然對英國與南非的新變種病毒防護力會降低，但仍具一定防護力。
消息刺激其股價在美股周五盤中狂漲42％至190美元。
諾瓦瓦克斯在英國針對1.5萬人進行的試驗還在進行中，但試驗期間分析發現，迄今參與試驗的人士裡，有62人感染新冠病毒，當中僅6人有接種，其餘是施打安慰劑。感染者裡逾半是新變種病毒。
諾瓦瓦克斯強調其疫苗對最初出現的新冠肺炎防護力可高達95.6％。即使後來出現的新變種病毒，防護力也達85.6％。
儘管諾瓦瓦克斯的英國試驗顯示，其疫苗對新冠病毒與新變種病毒都有相當防護力，但對南非新變種病毒的防護力就低許多。
諾瓦瓦克斯在南非進行第二階段臨床試驗，參與試驗的志願者裡，部份人身體帶有「人類免疫缺乏病毒」（HIV）。
若單純分析HIV呈陰性反應的志願者，疫苗防護力60％。若包含帶有HIV的志願者，整體防護力下降至49％。
諾瓦瓦克斯表示迄今在試驗裡發現的感染者，約90％是感染新變種病毒。因此其正準備研發專門針對南非新變種病毒的疫苗。
疫苗防護力之所以在南非明顯變低許多，科學家認為這跟南非新變種病毒具更多突變性有關。
諾瓦瓦克斯執行長埃爾克（Stanley Erck）說，英國試驗結果是「引人注目」，並有公司期望的那麼好。至於在南非的防護效果是「高於大家預期」。
外界估計諾瓦瓦克斯的初步結果，有助其疫苗獲得英國批准使用。英國政府表示只要得到主管機關批准，該疫苗下半年就能出貨。美國政府則要求試驗人數規模更大來確定其防護效果。</t>
  </si>
  <si>
    <t xml:space="preserve">新冠肺炎疫情衝擊各產業，愛買受惠於「宅經濟」大爆發，實體通路和線上購物本月業績較去年同期最高成長65％；今（19日）起至3月3日正值「春季下午茶大賞」，近300款指定沖泡飲品、烘焙、糖果餅乾等商品58折起，70款草莓、抹茶商品限定推出。
愛買與日本京都宇治市的吉祥物「茶茶小王子」聯名的餅乾、甜點、沖泡飲品系列商品共16款，日本京都茶茶小王子「宇治抹茶霜淇淋」在新北板橋南雅店和桃園店成立快閃櫃，每支原價120元，67折嘗鮮價80元；烘焙區也同步有「抹茶奶凍捲」、「抹茶紅豆蛋糕等抹茶限定商品。
也因草莓季到來，推出近60款草莓限定烘焙、糖餅等，草莓口味糖餅新品占2成；其中，觀察到去年2月草莓季烘焙甜品賣8萬個，今年共有14款草莓烘焙商品，包括月賣3000多盒的「草莓卡士達蛋糕」、粉紅色大理石紋理切面的「草莓吐司」，和表面像被粉紅緞帶環繞「草莓瑞士捲」等。
近來，因宅經濟發燒，2月上半月愛買整體業績較去年同期成長4成，愛買線上購物較去年同期成長65％、訂單數成長9成；實體通路業績成長2成，來客數成長1成，生鮮、米、油、即食品類商品均成長2至3成。這次檔期間190款米、油、沖泡、家庭清潔和個人清潔等商品買1送1；持HAPPY GO卡買DM指定商品，單筆滿100元享點數5倍送，刷遠東商銀信用卡或持Happy Cash有錢卡扣款，加碼再多送5倍點數，會員累計最多點數10倍送。
至於與foodpanda熊貓商城外送平台合作的分店，在既有4家後再增加2家，也就是在雙北地區的南雅店、永和店、景美店和忠孝店後，20日起有楊梅店、21日起有台南店，擴及桃園、台南；現有上線近900項生鮮、即食品等商品，其中，食品類商品品項數增加3成。
</t>
  </si>
  <si>
    <t>新北市議員張錦豪接獲基層公務員投訴，新北就業服務處5月中傳出有志工染疫，但勞工局卻未安排同仁快篩，人心惶惶。對此，就業服務處處長林澤州表示，染疫志工僅有到就服站3小時，第一時間已大清消，未與民眾、同仁接觸，匡列同班志工1人，染疫志工CT值超過30，目前已居家隔離。
張錦豪表示，疫情不斷升溫，新北市各局處傳出基層公務員、志工或駐府外包人員染疫，另外一線的警察、消防染疫事件也時有所聞，他再次呼籲市府，確保基層公務員健康，才能繼續帶領民眾對抗疫情，除了擴大消毒外，更應確實執行居家辦公、分流辦公，確保公務員健康。
林澤州表示，該名志工於5月12日到新北就業服務處服務，5月18日接獲確診通知，第一時間立即對辦公區域進行消毒，同時由衛生局疫調，當下有調閱監視器釐清，由於該名志工全程佩戴口罩，加上並未與民眾、同仁密切接觸，僅匡列同班的一名志工。
林澤州表示，持續關心同仁健康身體狀況，該名確診志工送往集中檢疫所，如今CT值超過30，已返家居家隔離，民眾無須過於擔心，也持續加強辦公環境清消，此外，5月18日之後即暫停所有志工服務。</t>
  </si>
  <si>
    <t>高端疫苗宣布解盲成功，食藥署後續將採中和抗體效價作為替代保護力指標，要求中和抗體效價不得低於AZ疫苗。藍委魯明哲今天質疑，先前說高端疫苗與莫德納疫苗是攣生兄弟，為何挑最弱的比較？衛福部長陳時中說，因為這是國內現在有辦法做的，現在有人接種AZ疫苗，之前打第一劑就開始做相關研究。
魯明哲質疑，先前宣傳國產疫苗是莫德納疫苗的攣生兄弟，中和抗體效價卻和AZ疫苗相比，如同看起來要端出大菜，以為要和五星級餐廳比較，結果確和旁邊的快炒店相比，且交給專家學者認定，台灣恐創下世界先例。
魯明哲進一步質問，若要以中和抗體為標準，應和高端一樣都用重組蛋白，也還沒上市的Novavax相比，其中和抗體濃度為3900，莫德納有800、嬌生214、輝瑞157，怎麼會找濃度僅136的AZ疫苗比較？
衛福部長陳時中說，輝瑞的抗體濃度為157，國產疫苗會比這個高，但中和抗體的橋接性要由專家認定。
另外，魯明哲還說，衛福部報告提到，據國際臨床實驗顯示mRNA疫苗才能安全、有效處理病毒株快速變異，上選如莫德納與輝瑞，國內技術都是重組蛋白，開發期程較長，不易應付突變的新冠肺炎，但現在變種病毒層出不窮，高端疫苗讓人擔心。
陳時中坦言，國產疫苗的保護力還要觀察；未來mRNA製造也是重要的事情，去年還沒有這個能力，今天中研院有相關開發的實驗性能力，準備跟國外談代工。
藍委吳怡玎也問到，Novavax的抗體效價是高端的5、6倍以上，若高端疫苗沒有做三期試驗，人們真的難以相信保護力能和中和抗體效價成正比。陳時中說，近來有相關研究發現，中和抗體跟保護力有正相關；這半年來相關研究變多，相信科學家與審查委員可替大家做比較好的判斷，確認兩者關聯性。</t>
  </si>
  <si>
    <t>新冠肺炎疫情趨緩，新北市長侯友宜今(22日)宣布，下周一（25日）起將展開第2階段、第4梯次漸進開放管制，包括畢業旅行、校外教學、隔宿露營等活動皆可如期舉辦，但須落實防疫措施，家長可自行決定是否參與，後續則將視疫情發展滾動式調整。侯友宜表示，「以學生健康安全為最高原則，也希望給孩子們一個難忘的回憶」。
新北市教育局長張明文補充，單日校外教學僅限新北市境內，跨縣市畢業旅行、隔宿露營，則建議校方盡量安排白天活動，以開放且没有人群擁擠之處為首選。
此外，板橋玩具窩、博物館展覽廳、小型演講廳等，也將在下周起部分開放，但採實名制、預約制，落實防疫措施；風景區也取消2平方公尺1人的人數限制。</t>
  </si>
  <si>
    <t>美國確診人數已達全球之冠，美國總統川普29日（周日）宣布將全國社交距離準則實施時間延長至4月30日，盼藉由嚴格的措施遏止疫情擴大，致力讓預測死亡人數壓在10萬人以下。不過，延後復工也代表美國經濟第二季恐進一步探底。
川普先前提出4月12日復活節以前復工的說法，引發外界抨擊，公衛專家警告復活節後放寬社交管制，將造成不必要的死亡與經濟傷害。美國首席醫療顧問更直言，新冠肺炎可能造成逾10萬美國人死亡。
眼見情況急速惡化，川普一改先前說法，強調未來兩周新冠肺炎死亡率可能達到高峰。他指出，復活節復工只是「期待」，如今希望美國可於6月1日前「邁向經濟復甦的路」。
川普表示，政府延長社交距離準則以避免疫情造成重大傷亡。他呼籲美國民眾：「你們做得愈好，這場夢魘就會愈快結束。」川普提及，倘若沒有採取激進的減緩疫情措施，根據預測模型顯示，美國可能會有220萬人喪命。
川普指出，政府努力讓模型的預測死亡人數維持在10萬人以下。他坦言，10萬人是很可怕數字，如果可以把預測死亡人數壓在10萬人或更少，就代表所有人都做得很好了。
白宮衛生顧問、國家過敏與傳染病研究所（NIAID）主任佛奇（Anthony Fauci）接受CNN訪問時表示，疫情最終可能造成20萬人喪命、數百萬人感染。不過他稍後在白宮玫瑰園簡報時改換較溫和的說法，他解釋這些數據是依據模型預測，反映美國人若未遵守居家令的最壞結果。
佛奇說：「我們認為目前所執行的減緩措施正發揮功效。延長這些措施至4月30日，是明智且審慎的決定。」
根據約翰霍普金斯大學資料，美國已有14萬人感染新冠肺炎，為全球確診人數之冠，死亡人數超過2,400人。</t>
  </si>
  <si>
    <t xml:space="preserve">
中央流行疫情指揮中心宣布，新北幼兒園群聚案今（11日）仍無進一步擴大，維持27人確診，但感染Delta個案累計20人。居住在土城社區大樓的幼兒園老師（案16129）夫妻2人也都感染Delta，為何只有板橋社區需要清空？指揮中心專家諮詢小組召集人張上淳特別說明，這跟台大護理師疫調結果有關。
指揮中心指出，今天無新增本土案例，但有5例境外移入。最新基因定序結果顯示，除了北市松山區國中生（案16179）感染Alpha，包括裝潢工夫妻（案16168、案16171）、幼兒園奶奶（案16165）都是Delta，新北幼兒園群聚27人，目前已累計20人感染Delta。
有媒體好奇，同樣感染Delta的幼兒園老師夫妻（16128、16129），所住的土城社區為何沒有比照板橋社區大樓整棟清空，擴大篩檢處理？對此，指揮中心發言人莊人祥指出，差別在於板橋社區同棟有3戶、6人發生感染，土城社區只有1戶感染。指揮官陳時中也說明，陳時中表示，就像是醫院出現感染，病房出現1例是怎樣處理，2例驗整樓，3例就可能整棟全驗。
指揮中心專家諮詢小組召集人張上淳則解釋，如同莊副所述，並不是每次發現個案就要全棟篩檢，而是由於板橋某大樓發生多戶感染。出現第1例時本來沒打算特別處理，直到發現台大麻醉科護理師也是居住在同棟大樓後，才有後續處理，何況後來又發生第3戶感染。單一、多個案分別有不同處理模式。
</t>
  </si>
  <si>
    <t>國民黨前立委陳學聖昨日（7）指出，日前印尼移工境外移入確診個案激增20位，而近日引發熱議的移工宿舍感染問題也都在桃園，想必桃園市市長鄭文燦壓力一定很大。陳強調，多數移工都從桃園機場入境，等待體檢那幾天會先暫住桃園，不少小仲介為省錢就四處塞人，讓防疫出現破口；他曾提出活化閒置軍營作移工入境檢查暫居宿舍，並由仲介業者繳交相關費用，但過去沒人當一回事，如今事情真的「大條」了，盼鄭能好好留在桃園處理問題，若成效良好，說不定可能就升官了。
陳學聖昨日在臉書發文表示，自從印尼移工境外移入確診個案激增20位，而近日引發熱議的移工宿舍感染問題也都在桃園，想必鄭文燦壓力一定很大，難怪鄭比起過去明顯安靜了許多，「料想最近鄭文燦不敢再四處趴趴走了！」
陳學聖直言，桃園會發生這些問題，其實一點都不意外。因為絕大多數移工都是從桃園機場入境，他們都必須完成體檢後僱主才會來接走，故等待體檢那幾天，多會暫住桃園。不少小規模仲介為了省錢就四處塞人，甚至有些小旅館還專接這種生意，一間小房間擠滿了人，就像是個難民營。
針對這個狀況，陳學聖指出，過去有仲介業者向他建議，不要讓移工一進入台灣，就留下壞印象，所以希望政府能活化閒置軍營，提供作為移工入境檢查的暫居宿舍，並由仲介業者繳交相關費用支應。但這個構想石沉大海許久，過去都沒有人把它當一回事，如今果然爆發移工入境待檢期間群聚感染案件。
陳學聖表示，桃園爆出移工入境群聚感染案件，正好是證明政府「大有為」的時候，尤其前段時間，鄭文燦顯得一派輕鬆、太閒了，本島、離島到處跑還跟關島連線，甚至大清早到台北鳴槍路跑，又到高雄和陳其邁會師，一副就要換「閣揆」似的。如今事情「大條」了，移工不可能不進來，但一個移工確診，國家的負擔就是百萬計，所以拜託鄭不要再趴趴走，好好留在桃園，專心把移工宿舍問題趕快處理好，若成效良好，「真的有可能就會升官了！」</t>
  </si>
  <si>
    <t xml:space="preserve">高雄市85大樓內的日租套房發生1名女租客陳屍屋內，47歲蔣姓女子因2天沒有出門，打掃的房務人員4日直覺有異，向警方報案；警消獲報破門，發現蔣女倒在門後，嘴角滲血，已死亡多時，經過檢測後呈現陰性，檢方將擇期解剖複驗。
據了解，蔣女是日租套房長期租客，離婚並育有1個就讀大學的女兒，但2人並未同住。因蔣女疑似曾吐血，導致房內地上有血跡，身上則無外傷或自殘痕跡，房內也未發現有藥袋或任何違禁毒藥物，警方研判死亡時間約2天，初步排除有外力因素。
轄區苓雅警分局指出，打掃的房務人員4日下午1時30分，敲蔣女房門，但未獲回應，由於蔣女已2天未曾出門，當下心裡覺得奇怪，通知旅館報案。警消獲報到場封鎖現場，取得房東同意後，打開房門並剪斷門鍊，進房後發現蔣女已死亡，立刻通報鑑識人員採證。
警方表示，蔣女平日獨居在這間日租套房內，屋內門窗無破壞跡象，蔣女身上也沒有明顯外傷，暫時排除他殺；經查蔣女並無居家隔離、檢疫或匡列等相關資料，但蔣女嘴邊有血，也有疑似嘔吐物等穢物，讓警方繃緊神經，不知是否和新冠肺炎有關。
警方處理現場採證時全程做好防疫防護措施，也依程序報請相關單位採集檢體送驗，以檢測出爐結果證實為陰性；至於確切死因，仍待檢察官解剖相驗。
</t>
  </si>
  <si>
    <t>指揮中心今公布新增2例本土確定病例，其中案1153本國籍30多歲男性，是華航航空機師。指揮中心公布其足跡，4月29日凌晨出入台北市松山區HOMIES SOFT BAR飛鏢運動酒吧，當日晚間6點至8點半，到海真私房菜民生店用餐，已初步掌握個案接觸者15人，其中13人列居家隔離，2人列自我健康監測。
案1153為本國籍30多歲男性，為某航空公司機師，4月16日至4月18日曾執勤至美國，返台後於住家檢疫至4月21日，檢疫期滿前採檢結果為陰性；4月25日進行機師專案採檢，核酸檢測及血清抗體皆為陰性。
5月1日出現發燒、咳嗽、流鼻水等症狀向公司通報，同日經衛生單位安排就醫採檢，於今日確診，Ct值13，病毒量高、傳染力強，感染源待釐清。
指揮中心公布其足跡，4月29日凌晨出入台北市松山區HOMIES SOFT BAR飛鏢運動酒吧、當日晚間6點至8點半，到海真私房菜民生店吃晚餐，目前已初步掌握個案接觸者15人，其中13人列居家隔離，2人列自我健康監測。</t>
  </si>
  <si>
    <t xml:space="preserve">為即將來臨的東京奧運做準備，日本《朝日新聞》今（6）日報導，日本擬於2021年春天放寬外國觀光客入境，放寬亞洲地區新冠肺炎疫情控制較好國家的小型觀光團入境，例如台灣及中國。
路透社報導，日本《朝日新聞》今日未引述消息來源指出，日本首相菅義偉政府打算於明年春天開放外國小型觀光團入境日本，開放對象主要為亞洲疫情控制較好的國家，例如台灣及中國。
在新計劃之下，外國觀光客在入境前必須確定新冠病毒檢測結果為陰性，且繳交詳細的旅遊行程內容，觀光團必須全程搭乘巴士行動，每個旅行團也必須分開行動，包括入住的旅館、前往的景點都必須分開。
此外，觀光客也必須使用追蹤App，並且每日回報身體狀況。
因應新冠肺炎疫情，日本目前僅開放外國商務人士入境，不過必須隔離14天。
由於新冠疫情爆發，原定今年夏天舉辦的東京奧運延至明年。
針對報導，日本政府並未回應。
日本目前正遭遇第三波疫情，共同社報導，東京昨（5）日通報584例新增病例，再創新高，東京一共有超過4.3萬人確診。大阪疫情也相當嚴峻，大阪的警戒狀態也在3日首度亮紅燈。
</t>
  </si>
  <si>
    <t>新冠肺炎疫情延燒，近期重要活動包括保生大帝、媽祖聖誕等大型宗教活動都已暫停，為讓信眾可為神明慶生及祈福，民政局推出線上祈福活動，與永和保福宮、三峽紫微天后宮、土城慈法禪寺及三重先嗇宮等宗教團體合作，民眾不用出門就可祈願，並有機會獲得宮廟各限量30份祈福小物，讓平安加倍。
民政局長柯慶忠表示，宗教團體提供心靈撫慰，是社會安定很重要的力量。近期疫情嚴峻，許多宗教團體響應市府政策捐款防疫基金及物資，並取消或延辦各項活動，為讓信眾防疫也能持續祈福，民政局特與近期聖誕的神明主祀宮廟聯合推出線上祈福活動，安住民眾身、心、靈，並仿電影《寄生上流》劇情拍攝短片，宣導線上祈福防疫觀念，呼籲減少人潮群聚。
宗教科長賴小萍表示，新北宗教線上祈福搭配近期神明聖誕，分4個波段邀請民眾一起為神明慶生，只要至新北民政保平安臉書留言，寫出祈願，就有機會獲得宮廟提供的限量祈福小物，民政局也會將民眾留言的心願送至宮廟舉行法會上疏文，祝願心想事成、吉祥康泰。
其中，第一波搭配保生大帝聖誕(4月7日)，即日起至3月25日至民政局粉專留言民眾，就有機會獲得保福宮保生大帝平安御守。民間信奉保生大帝為醫神，亦有瘟醫大道公之稱，平安御守在身，期能去瘟除疫，保佑大家身體健康。
另外，天上聖母聖誕(4月15日)、釋迦牟尼佛聖誕(4月30日)及神農大帝聖誕(5月18日)，也將分別與台北紫微天后宮、慈法禪寺及財團法人新北市三重區先嗇宮等宮廟合作，分別送出三用小掛包、防磁波藥師咒輪貼紙、神農公仔鑰匙圈＋抗煞除疫符等保平安小物，歡迎民眾留言求平安。</t>
  </si>
  <si>
    <t>不畏新冠肺炎疫情影響，改編台灣校園靈異傳說的鬼片《女鬼橋》2月27日上映，經過連假後，全台獲2300萬票房佳績，4天就勝過春節賀歲檔的國片冠軍，電影公司更表示《女鬼橋》是228連假的全台冠軍，讓低迷的電影市場一掃疫情陰霾！票房傳出捷報，男主角林哲熹感謝影迷支持：「這幾天都有看到很網友的影評，能夠讓大家討論是很棒的事，也希望票房繼續成長，讓我們有機會做出更好的續集。」
片中著魔戲演得超好的張寗則說：「很開心劇組一起努力的心血能被看到，大家要記得戴好口罩再進戲院觀賞喔！」孟耿如表示：「覺得很感謝大家喜歡女鬼橋，如果有去看的會知道我們除了驚悚以外劇情有很多巧思，謝謝支持！繼續努力！」而嚴正嵐則是包場邀請親朋好友一起觀賞，就連曾沛慈也低調現身力挺。
演員詹宛儒則說：「很多人不敢相信僅僅拍了18天，但我們做到了！在僅有的預算之下，交出了一張漂亮的成績單！」謝毅宏表示：「能參與這部電影對我來說始終是一個里程碑，不僅僅因為它是恐怖片，而是能跟這麼好的團隊合作 這麼好的演員們學習。」葛丞也坦言：「電影無論是劇本發想到演員選角，除了謹慎行事之外，也願意啟用大量新生代演員，身為初生之犢，自己當然也是其中的受惠者。」
1日晚間林哲熹拉片中演員嚴正嵐一起上自己的YouTube直播，結果林哲熹貼身助理大費周章畫上鬼妝戴假長髮，直接坐在現場後方，讓嚴正嵐開心聊天時一看畫面嚇到尖叫，她笑罵說：「你們的直播也太用心了吧！」林哲熹則說：「我們都是下重本！」
《女鬼橋》電影將校園熱門靈異話題改編，再加上曾因直播撞鬼鬧上新聞的真實事件，2018年一位同學凌晨獨自到女鬼橋直播，本來邊走邊說沒有異狀，直到眼尖網友在鏡頭上發現，直播背景的樹上疑似有一名身穿白衣女子飄在空中，不斷驚悚留言「快逃啊！」整起直播事件引起網路爆量熱議，轟動全台。本片以此為靈感觸發，集結《紅衣小女孩》、《粽邪》製作團隊打造全新年度話題之作，全片一連串不間斷的快節奏驚悚恐怖橋段，讓觀眾與角色心境同步，一路從頭膽戰心驚，直奔到最後驚人結局。</t>
  </si>
  <si>
    <t>新冠肺炎連3天零確診，逾半月沒本土案例，疫情中心士氣大振，停業近3周的酒店、舞廳業者，盼政府歡欣之餘，盡快讓他們重新營業。業者估計，全台酒店從業人員、依附酒店為生約25萬人，停業迄今損失營業額破百億，衍生的生計、治安問題，政府須正視。
林森錢櫃大火，外界質疑政府為防疫設立八大行業停業標準不一，若KTV也歇業，5人或不會枉死。北市張姓酒店業者直言，錢櫃消防安檢疏失一籮筐，酒店一直被外界放大檢視，安檢卻馬虎不得，但政府一聲令下就歇業，讓他們猝不及防。
業者批政府 欺負合法繳稅者
敦睦艦確診案例後，國內連3天零確診，月初確診造成「停業令」的酒店女公關證實接觸者都陰性，自身感染源不明已結案，張姓業者說，「酒店停業導火線沒了，政府何不表態？」
他認為政府看準業者「不敢與官鬥」，且社會輿論多少歧視酒店業者；相較醫護禁止出國等議題，不會激起大眾同情，對重開與否擱置不理，欺負合法繳稅的有牌業者。
防疫雙標準 KTV、阿公店照開
曾姓舞廳業者說，「對政府來講，都不出門娛樂染疫風險可降最低，但也應顧及人民生計吧！」況且當初停業是避免群聚感染，但KTV、夜店、阿公店密集群聚卻能倖免，道理說不通。
曾姓業者說，疫情中心指揮官陳時中聲稱「科學防疫」，但停業標準不一，非常不公。他估計所有立委都收過業者陳情，他也反映過，對方卻面有難色回應「現在順時中比較好。」
該立委私下向業者表示，防疫優先，疫情中心行政命令凌駕一切。除非重大缺失，立委也不敢嚴詞批評，稍有立場不同，可能就被網軍「出征」。
酒店重洗牌 恐生地盤爭奪戰
地方民代也四處陳情，但縣市政府都推稱是中央防疫規定，沒人敢「逆時中」。業者說，這是25萬人的生計問題，政府不能雙手一攤。只要防疫得當，落實自主管裡，就該讓業者重新營業。
此外，近來犯罪層出不窮，政府卻把責任推給警方，要求專案查緝。警方私下抱怨，八大行業妥善規範管理，犯罪自然就少。警方也說，停業愈久，資金不夠雄厚的小業者未來將被大業者併吞，酒店版圖重新洗牌，連帶背後圍事黑道，也會為爭奪地盤起衝突，治安衝擊愈來愈大。</t>
  </si>
  <si>
    <t>普生（4117）宣布與中央研究院完成簽訂新型冠狀病毒抗原快篩檢測之全球非專屬授權合約、以及新型冠狀病毒抗體快篩檢測試劑之台灣區授權合約。除積極規劃抗原/抗體快篩試劑向台灣食藥署(TFDA)提出專案製造申請許可，並加速推進新冠肺炎試劑國內、外檢測試劑市場布局。
普生表示，旗下GB SARS-CoV-2 Real-Time RT-PCR核酸病毒檢測試劑於國外申請許可認證進展上，已陸續取得歐盟CE認證、印度進口許可證，近日更與澳洲客戶Labtest Medical Pty Ltd合作取得澳洲衛生部醫療用品管理局(TGA)核准澳洲治療產品(ARTG)IVD CLASS 3登記許可，並於澳洲地區展開GB SARS-CoV-2 Real-Time RT-PCR核酸病毒檢測試劑銷售。
另，普生也獲台灣衛福部食藥署（TFDA）申請試劑專案製造核准許可，供應台灣與國外新冠肺炎檢測所需，目前已順利出貨至東南亞、中美洲等地區，增添營運推進動能。
全球感染新冠肺炎確診人數突破千萬人，且隨著各國邊境逐步開放，為防堵第二波疫情捲土重來，對於新冠肺炎檢測試劑仍呈現供不應求。
普生擁有新冠肺炎試劑包括RT-PCR核酸試劑、抗原/抗體快篩試劑與ELISA血清抗體試劑等產品。其中，與中研院合作研發抗原快篩病毒檢測試劑，可比照流感快篩，檢測時間僅需15至20分鐘內，即可初步篩檢出陽性與否，適用於機場、診所、社區群聚感染等大規模檢測需求，有助於分攤試劑檢測量能，及時進行隔離分流作業。
普生目前除GB SARS-CoV-2 Real-Time RT-PCR核酸病毒檢測試劑持續進行美國、加拿大、非洲等地認證申請、抗原/抗體快篩試劑於台灣、美國、歐洲、東南亞等地相關認證申請，以及ELISA血清抗體試劑研發等，有望陸續開花結果。
此外，普生持續加大試劑原料備貨、提升竹科廠整體產能、加速訂單出貨排程，擴大全球合作經銷通路契機。</t>
  </si>
  <si>
    <t>2020年應是一個美好的開始。然而，意外的黑天鵝降臨，新冠肺炎衝擊全球經濟與產業供應鏈；斷鏈危機爆發、東京奧運延期，所有的產業預測失效，數字一再下修，疫情平息點尚是未知數，在後疫情時代，科技產業該如何重啟，將是重要關鍵。
2020年原本注定是產業的分水嶺。5G世代來臨，加速AIoT的發展，能領先奪得商機的一方將掌握下一個世代的全球發語權。新冠肺炎（COVID-19）疫情撼動全球產業的變化，本書分析因疫情所形成的產業鏈整合趨勢，並探索未來中國與亞太國家的發展策略，以及與全球產業即將面臨的變革。
作者分析，如今的中國相較於2003年SARS發生時期，已經大相逕庭，2018年中國的GDP民間消費額相較於2003年增加了4兆美元，其民間消費GDP近乎是全球GDP的5％，顯示現今中國對全球的影響力不容小覷。新冠肺炎爆發後，停工、復工、斷鏈等頓時成為熱門關鍵字，身為世界工廠的中國，牽一髮而動全球；面板原物料短缺、筆電零件不足、日韓汽車零件缺貨等，即使春節後陸續復工，也無法完全正常運作。
然而，在疫情過後，全球供應鏈版圖可能產生新的局面。中國為了維持在中美爭奪戰中的優勢，將加速半導體進程與5G基礎建設的普及。同時，國際合作關係上也會有所改變，位於東亞島鏈的台灣首當其衝，勢必面臨相對的挑戰與新的機會。
隨著中美貿易戰火持續延燒，影響過去全球化建構的世界樣貌，可能將不再如我們所熟知。未來中國產業將有三種發展的可能性：和平演化、選擇與集中、鋌而走險。中國若以和平演化方式，將需要20到30年方能再度崛起；但若以選擇和集中的模式，將造成更嚴重的貧富差距，如何維穩，將會是極大的挑戰；最後若鋌而走險，以武力方式掠奪資源，台灣將首當其衝成為首要目標。不論最後中國的選擇為何，台灣，一個全球無害的好夥伴，在這供應鏈洗牌的時刻，也是掌握商機的最佳時刻，只有懂得逆向思考，才有做不完的生意。</t>
  </si>
  <si>
    <t>新冠肺炎病毒疫情於歐美國家持續擴大，市場對疫情造成的經濟衝擊擔憂持續上升，截至3月11日VIX指數竄升至53.9點。野村投信表示，近期市場波動下股債齊跌，高收益債券和新興市場主權債在修正過後，價值面投資吸引力浮現，利差均遠高於十年平均，後續利差收斂空間大。
NN（L）新興市場債券基金經理人胡璋健表示，過去十年僅見過兩次新興市場主權債的信用利差接近目前的水準，就長期角度而言，此次修正提供相當好的進場時機。在基本情境下，信用利差可能在未來的六個月、三個月或者甚至是一周便大幅收斂至事件發生前的水準，並帶來可觀的資本利得機會。
歐義銳榮新興市場債券基金總代理第一金投信表示，歐美日等成熟國家維持寬鬆政策，壓抑利率水準，而新興債的高殖利率優勢，可望吸引國際資金投懷送抱。尤其，美國聯準會（Fed）持續購債，釋放流動性，預期美元走勢趨貶，將促使部分資金轉向對美元敏感度較低的新興債資產。
野村環球高收益債基金經理人郭臻臻表示，整體而言，此疫情屬短暫的意外事件，雖然目前疫情擴散至全球，不過各國央行積極採取適當行動，應可降低對經濟的衝擊，目前經濟仍處於復甦軌道，企業財報獲利也多優於預期，今年債券到期量低，違約率可望維持低檔，待風險偏好恢復，可維持高收益債漲勢，對高收益債持正面看法。
台新優先順位資產抵押高收益債券基金經理人尹晟龢表示，在美國官方積極拉抬經濟及降息因應下，美國高收益債後市行情看俏，其中，具擔保及優先雙優勢的高收益債防禦性足，波動較小，表現將相對穩健，投資人可建立基本部位，以降低整體資產波動性。
富蘭克林華美全球高收益債券基金經理人張瑞明表示，現階段市場投資情緒仍處於恐慌階段，可預見的是寬鬆貨幣環境將持續維持，有利固定收益類資產表現，搭配美國連續降息，對非能源類的高收益債仍具支撐力道。</t>
  </si>
  <si>
    <t>中央流行疫情指揮中心27日公布新冠肺炎案32在16日至24日曾搭乘藍38公車，新北市交通局指出，雖疫情中心要求接觸者僅需自主管理，三重客運為讓乘客安心，從嚴管理，即日起停派相關駕駛人員，且給予有薪的防疫假。
新北市交通局表示，已立即訂定防治程序通知各客運公司，若有發生案例，皆須回報在控管的Line群組，嚴格控管駕駛健康和車內消潔。
交通局強調，三重客運接獲通報後，已立即召回所有車輛消毒，並依規定同調度站的其他駕駛，也需做好管理，出車前量體溫、戴口罩、勤洗手。目前相關的司機身體狀況皆正常，車輛也沒有調派其他路線的情形，現在也依交通局的規定定時回報，請民眾安心搭乘公車。
新北市交通局說自1月起即要求本局要求市區公車出車前皆須消毒一次，針對車內常碰觸的地方加強清潔，如車內扶手、欄杆、座椅及下車鈴等設施，請民眾安心搭乘。無須過度恐慌。</t>
  </si>
  <si>
    <t>繼日本女留學生、泰國移工後，蘋果日報報導，中部今天又傳出一起外籍疑似病例，一名在中部從事離岸風電產業的外籍工程師，沒有任何症狀，但因近日要返回歐洲，依照原母國需先取得在台篩檢陰性證明，但卻傳出第一次採檢疑似感染新冠肺炎，目前還待進一步確認。
對此，中央疫情指揮中心發言人莊人祥表示，不會針對疑似個案有任何進一步說明，若有確診，統一在8月1日，明日開記者會說明，對於該個案是否已經有先採檢結為一採陽性？莊人祥強調，不會對疑似個案做說明。</t>
  </si>
  <si>
    <t>新冠病毒（COVID-19）來勢洶洶，歐美甚至出現病毒變異的情況，疫苗研發緩不濟急，所幸目前已經擁有多項藥物，經臨床試驗陸續被證實具有療效，尤其老藥新用的奎寧，至於其他包括目前被公認為最具療效的吉利德旗下研發的瑞德西韋（Remdesivir）、日本富山化工的法維拉韋（Favipiravir）等，即便台灣包括中研院、國衛院、生技中心均分別具合成能力，不過專利壁壘仍有待突破，建立自主供應鏈才是台灣在未來挺進國際市場發展的重要關鍵。
全球罹患新冠肺炎人數逼近二○○萬例，死亡人數逾十二．五萬，死亡率高達六％以上，就商業考量，這樣的罹患人數，早已達國際大藥廠研發疫苗的經濟規模，因此，全球投入新冠病毒的疫苗研發案件，已有數十件；且就冠狀病毒的發展特性來看，在真正的疫苗研發完成前，很可能就已經出現變異病毒，因此，短期間治療性的藥物必須積極研發出來。
三項治療藥物有機會
不管是全新藥物，或是老藥新用，都成為藥商研發方向，目前經過臨床實證的藥物中，已有多項藥物被證實可能對治療新冠肺炎有效，國際市場也因此對於新冠疫情的控制出現較高的期待。
只不過，包括吉利德的瑞德西韋，以及富山化工的法維拉韋，都是具有專利門檻的，由於疫情的影響，全球經濟可能呈現衰退，甚至估計將延續到明（二○二一）年，面對這樣的經濟環境，全球都寄望治療藥物的出爐，如此一來，也不排除一些製藥公司會利用COVID-19機會，大賺一筆災難財。
站在藥商的立場，無可厚非，且研發的專利智慧財產（ＩＰ）是不容侵犯的，在危難時刻（好比目前的新冠肺炎），全球政府應該也不贊成專利的壟斷；因此，ＷＨＯ就有《與貿易有關之智慧財產權協定》（TRIPs）規定，也就是在國家緊急情況，能夠不經專利權人同意，以國家公權力介入，將該專利強制授權予他人使用，目的就是為了在國際緊急事件發生時可以壓抑專利權的濫用，進而達到治療疫苗的價格，可以讓藥廠接受，同時也是政府或大多數人可負擔的共同利益。
雖然國際間有所謂的專利強制授權，只是，說起來容易，但要突破專利壁壘達到政府與藥商都認可的槓桿，恐怕不是簡單的事情。即便這次新冠疫情，已經有多項藥物號稱具有療效，但是因為專利的因素，都需要有政府相關單位的介入洽談。
具合成技術仍需透過授權
儘管包括中研院、國衛院兩個單位，接連宣布已完成肺炎新藥瑞德西韋合成，純度達九七％；而生技中心也宣布成功合成日本富山化工的法維拉韋藥物，如果未來有疫情需求，且無法從美國或日本進口，那麼還是需要透過技術授權，才能在台自主生產。（全文未完）
※全文請見《先探投資週刊2087期》有更多精彩當期內文</t>
  </si>
  <si>
    <t>紡拓會1日召開董事會進行董監事改選，新任董監事一致推選台塑企業總裁王文淵擔任董事長，為其3度接掌董事長，希望借重其豐富經營經驗、長才及國際高度聲望，在面對新冠肺炎疫情及貿易戰衝擊中，再次帶領台灣紡織業突破困境、再創新局。
此次董事會亦推選代表上游的力麗董事長郭紹儀、中游的佳和董事長翁茂鍾、下游的南緯董事長林瑞岳出任紡拓會副董事長。而宜進董事長詹正田在卸下董事長職務後，亦將續任常務董事職務，繼續為台灣紡織業盡一份心力。
紡拓會表示，詹正田2017～2020年就任董事長期間，除首次舉辦科技紡織徵才博覽會以解決缺才問題，並與中國大陸、韓國、越南等地重要紡織相關組織定期舉辦交流活動，同時積極組織會內董事及監察人參與國際重要紡織會議及活動，與國際建立友好的互動關係。
而新任董事長王文淵向來為紡織業及製造業領航者，過去曾在2005～2008年、2009～2011年2度出任紡拓會董事長，目前身兼工業總會理事長。面對今年新冠肺炎疫情衝擊全球經濟，王文淵再度被推選3度出任紡拓會董事長職務，可望再次任重道遠。
王文淵表示，紡織業曾是台灣主要創造外匯的產業，現在雖逐漸沒落、占GDP比重不高，但台灣為全球機能性紡織品主要原料供應來源，可見紡織業仍是台灣的重要基本工業，必須加以扶植、持續發展。
因應全球紡織產品走向機能性、環保及智慧趨勢，王文淵指出，未來3年將以帶動產業整體發展為首要目標，強化研發與創新設計能力、朝高價值及差異化產品精進，以提升附加價值、拓展海外市場，讓台灣優質機能性紡織品能大放異彩，續朝永續發展目標邁進。</t>
  </si>
  <si>
    <t xml:space="preserve">台灣近期新冠肺炎確診人數爆增，台股受衝擊，元大投信指出，台股近期走勢，仍深受新冠疫情變化影響，短期交投宜謹慎，惟本次台股修正非基本面所致，於疫情穩定後可望收復跌幅。非經濟因素造成的股市影響，多屬於短期影響，而優質龍頭企業往往抗跌領漲特質明確，修復能力強，適合作為低接標的，建議於台股修正之際，投資人可視自身風險屬性、投資習慣與需求區分為三種操作策略。
一、穩健型的投資人適合精選龍頭優質產業的台股基金，以定期定額方式分批長線布局，且若為台股主動型基金，可倚靠經理人專業與經驗，並視疫情影響及合理股價點位浮現與否擇時佈局。
二、積極型看多投資人可視自身風險屬性與商品適合度，依個人資金水位分配，透過2倍槓桿ETF布局反彈。
三、積極型看空投資人可視自身風險屬性與商品適合度，認為台股短線可能持續修正或有避險需求，依個人資金水位分配，可藉由反向操作台股ETF，或以反向ETF與黃金建立避險部位。
元大投信研究團隊表示，相較於個股買賣，台股槓桿或反向ETF交易成本較低，惟提醒台股受新冠疫情等不確定因素影響，後勢仍可能出現大幅震盪，且槓桿或反向ETF適合短線操作，投資人須多加留意進場時間點，謹慎評估及評量自身風險屬性與商品適合度，並嚴設停利停損點。
</t>
  </si>
  <si>
    <t xml:space="preserve">蘇內閣防疫，連在野黨立委在立法院都多次稱讚，行政院副院長陳其邁昨深夜在臉書表示，今年1月底過年時，行政院成立了防疫大數據小組。我們用智慧科技廣泛地應用在防疫工作，連歐美都想取經。
陳其邁說，身為一個醫師，畢業於台大公衛所，如同大家知道，他有一個亦師亦友的夥伴，從學校到政治工作、到SARS，到今天的新冠肺炎，陳建仁可說是奮鬥不息。陳建仁當然教學嚴格（雖然看起來和藹可親），讓他不但能從臨床工作轉換到流行病學的領域，也能瞭解各種數據分析及複雜的統計。
時代在轉變，隨著計算機、通訊，各種新技術的發達，已經比他研究所時代突飛猛進；大數據分析、人工智慧中的機器學習，也已讓過去不可能的任務，可以在短時間完成，開啟了防疫工作前所未有的新視野。 . 陳其邁表示，二月初，他邀請杜奕瑾及 AI Labs的工作夥伴，一起協助政府防疫。這陣子，相關的工作會議來來回回，已開了好幾次。他們不僅放下手邊的工作，也因此讓利用科技、大數據分析協助防疫的「台灣模式」獲許多國家詢問，包括歐盟、美國等等，也都想向台灣取經，想深入了解AI、大數據在防疫上的應用。
他說，下午Ethan打電話告訴他，他們想到好方法了！急著與他分享討論。因此晚上討論了包括：1.運用人工智慧協助臨床醫師在新冠肺炎 診斷。以大數據整合包括疫情調查、臨床、實驗室檢驗、病毒分析做流行病學的預測分析。2.運用人工智慧輔助 防疫追蹤系統 落實居家檢疫管理。包含居家治療及居家檢疫，雙向提供資訊與疫情指揮中心連線，包括更多的衛教、健康資訊。
3.老藥新用平台，已初步透過AI篩選出有效藥物，現在持續針對更多藥物與實驗室深入進行精確比對。 . 超前部署，需要大家Brainstorming 集思廣益，想出更好的方法解決問題，更是一個團隊的信念，無私的分享彼此的知識。感謝健保署李伯璋署長、衛福部資訊處龐一鳴處長、行政院資安處簡宏偉處長在防疫結合科技用盡心思，就像今天晚上燈火通明。
</t>
  </si>
  <si>
    <t xml:space="preserve">美國退役高球選手吉姆金(Jim King)於當地時間8月10日病逝，死因是新冠肺炎的併發症，他今年86歲。吉姆金年輕時擁有188公分、104公斤的壯碩體格，被認為是PGA美巡賽裡有名的硬漢。吉姆金的老友路易斯(Jeff Lewis)說：「吉姆金是世上最強悍、最勇敢的傢伙之一。」吉姆金家住佛州的朱庇特鎮，佛州是近來美國疫情嚴重爆發的地方。
另一頭在紐約舉行的美國網球公開賽也受到這波疫情衝擊，美國網協本周緊急宣布本月24日開打的資格賽改為閉門比賽。依照美國網協6月時的規劃，美網將會「全程開放觀眾」，如今疫情再起，加上資格賽的選手較多，隨行人員估計有2500人，決定不開放觀眾進場。
美網的主賽將於本月31日開打，這是大會重要的收入來源，目前的計畫是照常開放全部觀眾。
球王喬柯維奇(Novak Djokovic)在東京奧運受傷，預計休養到美網回歸。納達爾(Rafael Nadal)因為腳傷放棄溫網與奧運，也計畫在美網復出。費德勒(Roger Federer)仍為膝傷所困擾，他告訴《法新社》說：「我現在不比受傷之前了，那時候我只在乎自己排名多少，下一場要打什麼；現在有很多困難，我還得考量身體狀況、出賽的目標、團隊的意見。」
</t>
  </si>
  <si>
    <t xml:space="preserve">美股尾盤變臉，四大指數紅翻黑，道瓊收跌405點，台股今在台積電(2330)開高帶動下，指數開漲5.71點，報在12697.46點，隨即翻黑陷入震盪，回測5日線支撐，電子股僅剩零星題材股點火，傳產股今出頭撐盤，電子股成交比重盤中一度罕見跌破6成大關，資金流到傳產，目前台股短天期均線出現糾結，上檔月線壓力大。
權值股方面，華為大限即將在下周9月15日生效，全力拉貨潮下，帶動台積電8月營收創高，且預估營收將季增約9%再創新高，但今股價卻是利多不漲，開低於盤下震盪，股王大立光(3008)弱勢震盪於平盤附近，鴻海(2317)早盤也是於盤下小跌，除蘋概三大指標股的走弱外，其餘權值股，同樣8月營收創新高的聯發科(2454)在華為拉貨效應下，8月營收衝上新高，但股價並未反映利多，下跌修正約1%。
疫情帶動得需求升溫下，第三季面板價格強勁反彈，電視面板連續兩個月大漲10%，單季電視面板價格漲幅將近30%，IT面板需求每月漲幅也約2～3%，面板供需吃緊的情形可望延續到明年，面板雙虎友達(2409)、群創(3481)逆勢走揚，盤中漲幅聯袂來到近1%，彩晶(6116)也小漲抗跌，盤中漲幅逾2%。
今日資金回流傳產股，包括塑化、鋼鐵、航運等類股，塑化族群近期受惠大陸經濟活動重啟帶動，多項塑料開工率明顯拉升至逾80%，加上塑化報價上漲，二線塑化股中的華夏(1305)今續揚6.5%，目前漲逾3%，台苯(1310)漲幅也一度逾5%，中石化(1314)則持穩上揚。離岸風電題材續夯，中興電(1513)漲逾3%，世紀鋼(9958)漲幅一度逾4%，上緯投控(3708)早盤後漲幅收斂、震盪小跌。
分析師表示，市場持續關注美國國會新刺激方案進展，近期美股科技股與整體盤勢短期陷入震盪，影響市場投資氣氛，台股歷經一個多月的整理，短天期均線出現糾結，上檔月線壓力大，不過季線向上，提供下檔支撐，目前屬於12500~12900的區間震盪格局，觀察能否成功站上月線，否則區間高點越來越低情形，預計台股將持續受國際市場消息波動影響，市場觀望氣氛恐升高，可留意基本面強勢族群，包括風力發電、鋼鐵、紡織、航運等族群。
</t>
  </si>
  <si>
    <t>英國情侶在台居家檢疫，但抱怨環境太差，像住監獄。中央流行疫情指揮中心指揮官陳時中表示，英情侶上午已經發文澄清，BBC也將相關報導下架，相信公道自在人心。
莊人祥分享檢疫所的收費，目前是有特殊任務(武漢包機、鑽石公主號)才可以免費入住，其他狀況要入住的話，無論是外國人還是台灣人入住防疫旅館都要收費，而集中檢疫所一天是150元美金，各縣市的檢疫場所，則有不同的價格。
至於英國情侶解除隔離，是否能領取補助金1000元，陳時中回應，需請相關單位再研究。</t>
  </si>
  <si>
    <t>季節／台北報導
新冠肺炎感染者持續增加，但因為篩檢費時導致篩檢數量有限，各界關心新冠肺炎快篩試劑哪時可以上路加速篩檢時間增加篩檢量？對此經濟部長沈榮津表示，還需要半年。
國民黨籍立委林奕華今天在立法院質詢時指出，原本因應新冠肺炎制定紓困特別條例時，國民黨團版本特別訂有獎勵相關條款，但在民進黨通過的版本被拿掉了，政府如今只編了9千萬的相關研發經費，非常不足。現在的新冠肺炎篩檢要四小時，但快篩只需要半小時，因此請問工研院在新冠肺炎快篩部分研發是否已有成果？是否已經要找廠商進行臨床測試了？
經濟部長沈榮津回稱，科技業者與廠商都願意搭配做試劑，經濟部在計畫上有支持。林奕華追問那快篩哪時可出來？哪時可以正式上路？沈榮津表示還要一段時間，大概還要半年。
對此林奕華表示一般來講緊急狀況下測試比較快，如果3月底、4月初能出來使用更好。她也提到科技會報有16億預算，很多錢並非急需，建議將這部分的錢撥10億組科技國家隊，投入新冠肺炎快篩疫苗藥品研究。</t>
  </si>
  <si>
    <t>義大利新冠肺炎疫情惡化，政府採取封城措施卻打擊經濟活動，導致該國經濟陷入衰退的風險大增。而為了防範病毒擴散至全歐洲大陸，花旗、瑞士信貸與野村控股等投行宣布禁止員工至義國出差。
最新數據顯示，義大利新冠肺炎確診人數至少229人、死亡7人，成為歐洲疫情最嚴重的國家。有鑒於疫情持續擴大，義國政府宣布封鎖12個城鎮，其中包括北部最富裕的倫巴底（Lombardy）和威尼托（Veneto）。
凱投宏觀（Capital Economics）資深歐洲經濟學家阿倫．雷諾茲（Jack Allen-Reynolds）指出，受到新冠疫情衝擊，義大利恐難逃連兩季萎縮、經濟陷入衰退的命運。
阿倫．雷諾茲表示，義大利政府採取積極防疫措施，封鎖城鎮大多是產值貢獻龐大的區域，恐令該國經濟衰退機率升高。</t>
  </si>
  <si>
    <t>路透報導，多家正研發新冠肺炎疫苗的藥商計劃本周發表聯合聲明，強調在有足夠數據顯示其疫苗安全有效前，不會急著向美國申請上市批准，以消除外界對政治施壓加快疫苗上市所引發的安全疑慮。
外傳輝瑞（Pfizer）、嬌生（Johnson &amp; Johnson）、莫德納（Moderna）和賽諾菲（Sanofi）等參加聯合聲明。但這些藥商沒有立即就此做評論。華爾街日報上周五最先報導聯合聲明的消息。
據了解，聯合聲明目的是公開承諾把接受注射疫苗民眾的安全列為首要任務，只會在第三階段臨床實驗裡，有足夠數據證明疫苗安全有效，才會向政府申請緊急使用授權或上市批准。
外界揣測川普為勝選連任，可能會向主管機關尤其食品藥物管理局（FDA）施壓，在11月3日總統大選前批准疫苗使用來拉高聲勢。
FDA過去一些做法惹爭議。像3月對川普鼓吹的羥氯奎寧和氯奎寧，發出緊急使用授權來治療新冠肺炎病患，但6月因有證據顯示可能引發心臟併發症和增加死亡風險而取消授權。
川普8月開記者會高調宣佈FDA緊急授權，以康復者血漿治療新冠肺炎病患，但FDA局長哈恩（Stephen Hahn）後來就記者會提及一些未被正確引用的數據道歉。專家批評哈恩過度強調血漿療法的好處。
媒體報導疾病管制與預防中心（CDC）行文要求各州做好最快10月底配送疫苗準備，和輝瑞對其疫苗可望10月底會有正面實驗結果表達極樂觀態度，令外界揣測疫苗最快在大選前上市，立即引發政治施壓聯想。
儘管白宮立即表明絕無政治施壓，但不少科學家和公共衛生專家仍對可能的政治施壓表達憂慮。社會的氛圍促使藥商希望透過聯合聲明，來消除民眾對疫苗安全性的疑慮。</t>
  </si>
  <si>
    <t xml:space="preserve">大陸國家主席習近平10日前往武漢，他表示「疫情防控已取得階段性成果」。這是他於疫情爆發後首次抵達重災區的武漢考察，分析指出，這意味著中國大陸已控制住至今仍在全球肆虐的新冠肺炎（COVID-19）疫情。
根據大陸官方數據，截至9日，中國新增確診19例、死亡17例，湖北新增病例創新低，僅有17例，武漢14家專收肺炎輕症病患的方艙醫院也全部休艙。此外，根據潛江市新型冠狀病毒肺炎疫情防控指揮部會議決定，自2月27日至3月10日，該市已有13日未出現新增確診病例，在做好疫情防控的前提下，潛江市近日所有公共交通將恢復，企業將全面復工復產，成為湖北首個「解封」的城市。
在疫情爆發後，習近平自1月底起數度對疫情防控召開政治局會議和專題會議，啟動一系列最嚴格的全國性封城和隔離應急防控措施，以遏止疫情在全中國的擴散途徑，以及在武漢及其外部的傳播，期間，中國大陸調集全國醫療資源投入湖北救治，延長企業停工時間，受此衝擊，其社會及經濟層面均付出沉痛代價。
在2月疫情最高峰期間，中國日均確診人數在3,000例以上，2月間一度單日確診人數高達1.5萬人。湖北武漢的新增病患和死亡率均佔據全國最高比例。由於疫情已造成中國大陸逾3千人死亡，其中有多名醫護人員。習近平昨日視察期間，也特別表達對於逝者的哀悼。
習近平昨日在視察首座因應疫情緊急設立的火神山醫院以及民眾社區後強調，湖北和武漢疫情防控形勢已經取得階段性重要成果，但是未來防疫任務依然艱巨繁重，大陸中央將繼續支援湖北、武漢抗疫工作。
湖北11日啟動全省復工，針對未來經濟情勢，習近平也表示，疫情短期會給湖北經濟發展帶來陣痛，但不影響長期看好的基本面。在加強防控的前提下，採取差異化策略，有針對性的展開援助企業、穩定就業、擴大就業等工作，幫助湖北解決實際困難和具體問題，早日全面步入正常軌道。
</t>
  </si>
  <si>
    <t>台北市長柯文哲21日表示，北市的疫苗會進行管制，先讓醫療院所、防疫旅館等第一線作戰人員施打，其他須施打人員以造冊、批次施打的方式管制，與防疫有關的防疫巴士、防疫計程車、救護車人員也都可施打，以確保防疫戰線安全。
柯文哲表示，目前戰況緊急，昨收到的41萬劑疫苗，中央不能再拖一個禮拜，要趕快走完流程、盡速發給地方。柯並再度強調防線不能被突破。
對市府部分單位傳出有確診者，黃珊珊表示，會匡列接觸者，並全面進行清消，也有規畫異地辦公等措施，市府不會停擺。黃並透露，她曾接觸過確診的里長太太，後來檢疫是陰性，只要個人防護做好，不是接觸就會被傳染。</t>
  </si>
  <si>
    <t xml:space="preserve">美國有線電視新聞網(CNN)主播安德森．庫柏(Anderson Cooper)在節目採訪前駐北京大使駱家輝(Gary Locke)時多次提到，台灣對新冠疫情的表現受到國際矚目，從網上Instagram的分享圖片可以看到台灣還能維持正常生活，對全世界來說是非常令人驚訝的成就，但世衛組織仍刻意忽略台灣的地位與防疫成果。駱家輝則指出，台灣早在一月初就採取嚴格的防控措施，對病例進行接觸追蹤與隔離，比美國或很多家來說早了很多，這是疫情受到控制很重要的因素。
庫柏在其節目中訪問駱家輝時首先提到，大陸在新冠疫情初期並沒有重視其嚴重性，甚至還懲罰了幾位洩露消息的「吹哨人」，疫情擴大之後對實際的病例與死亡人數也有瞞報，如何解釋這種現象？
駱家輝答稱，這是中國大陸官場很普遍「報喜不報憂」的現象，不管是逮捕吹哨人或是壓制疫情消息，都是為了官場前途，因為升官與否是要看其任上是好消息多還是壞消息多，所以會刻意壓制壞消息與疫情的嚴重性，另一方面則誇大經濟成長的成果。
駱家輝還說，台灣與大陸只有二百多公里距離，而且與大陸有大量人員與商業往來，但大陸新冠疫情爆發後，至今台灣只有3百多人確診，死亡則是個位數，而且沒有採取影響人民生活與經濟的嚴厲措施，非常值得美國與其他國家學習。
庫柏指出，也從媒體上看到台灣在防疫成果受到國際讚揚，在新冠肺炎疫情剛開始出現時，台灣對世衛組織提出警告，但世衛組織怕影響與中國大陸的關係而刻意忽略。現在從Instagram上分享的影片，台灣人還是會出門用餐，生活似乎一如往常地進行，而且大家都戴著口罩，沒有口罩的人政府還會發給他們口罩。這種現象讓人非常訝異。
駱家輝稱，台灣用早期發現、早期隔離，並進行多次檢測與追蹤接觸者的方式，但是美國沒有重視疫情的嚴重性，政府反應也太慢，主要是不願意影響民眾生活與經濟活動。台灣早在一月初就派人前往武漢了解疫情，並很快採取嚴格的防控措施，這做法與美國完全不同。並對病例進行接觸追蹤與隔離，比美國或很多家來說早了很多。美國政府也忽略了來自疾病管制與預防中心（CDC）公衛官員的建議，甚至白宮貿易顧問納瓦洛（Peter Navarro）在今年1月發出的警告，反而是許多州長、市長們當機立斷，開始實施嚴格措施，幸好現在開始展現出好的成果。
</t>
  </si>
  <si>
    <t xml:space="preserve">新北疫情持續升溫，繼板橋某間幼兒園爆發群聚感染，中和區某國小學童PCR陽性，校方昨天深夜緊急通知今起停課3天，由於學童CT值32，研判感染已久，屬於獨立個案，與板橋某幼兒園關連性不大，但市府仍將採取預防性措施，該生就讀班級停課14天，該校預防性停課3天。
據了解，中和學童感染源來自同住阿嬤，阿嬤因家人生病，9月5日前往陪病必須做PCR篩檢，9月6日結果出爐為陽性，衛生局緊急匡列全家接觸者隔離並採檢，這才發現學童PCR陽性，不過兩人CT值高，約為32左右，研判屬於舊案，感染源仍在釐清。
新北市府不敢大意，決定學童就讀學校必須預防性停課三天，昨天晚上11時緊急發出庭課通知，一、「若貴子女為居家隔離者」請依居家隔離通知書的防疫規定，落實防務的措施；二、「若貴子女自主健康管理者」必依各類自主健康通知書須知，落實防務的措施；「若貴子女未具備一、二身分別」，停課期間注意身體的狀況，如有發燒或呼吸道的症狀，請儘速戴口罩並就醫。
新北市衛生局對此不願表示意見，一切由中央統一對外說明。
</t>
  </si>
  <si>
    <t>高端疫苗開打，傳出零星死亡及不適個案，媒體詢問台中市長盧秀燕看法，她說，疫苗是各喜各愛，強調台灣是自由國家，民眾有自己的選擇權，市府會持續提供疫苗接種站及合約醫療院所，目前台中尚無不良反應個案。建議民眾接種後多休息、多喝水，勿做激烈運動，
盧秀燕也提到，過去5輪疫苗施打都是「登錄的人比疫苗供應量還多」。台中市有8萬多人預約登記，比較特別的是「供過於求」。據了解，中央配發台中8萬多劑高端疫苗，又再加碼供應2萬多劑，目前預約登記尚未額滿。</t>
  </si>
  <si>
    <t>(16：12更新)空服員從外站回來不用居家檢疫14天，有長榮空服員擔心成為防疫破口，在航空公司人力不足跟防疫之間，中央流行疫情指揮中心該如何取捨？副指揮官陳宗彥表示，有要求將排班間隔拉開，最少5天以上。
陳宗彥表示，首先，機組人員回來之後，有要求航空公司雖然沒有納入居家檢疫14天，但有要求將排班間隔拉開，希望最少要有5天以上。
陳宗彥說，機組員入境時如果身體有症狀，一樣會在篩檢站的地方做採檢，並納入居家檢疫的名單。
外界關心，機艙內餐飲、口罩的現況如何？指揮中心表示，艙內要求都已提升，防護機制，機組員全程配戴N95口罩、餐的部分也簡化，以經濟艙來講，過去餐點服務3次，現在簡化成1次。
副指揮官陳宗彥說，回國後，是把機組員納入居家檢疫措施，而不是自主健康關懷，只是不受14天限制，希望排班時間拉長，機組員是不可以外出，由航空公司依照指揮中心頒布的準則，提出完整計畫，按照計畫要落實執行，由民航局來督導兩家航空公司是否有落實執行。
陳時中補充指出，所以不是區隔放鬆，是時間縮短，隔離措施沒有少。</t>
  </si>
  <si>
    <t xml:space="preserve">
因應新冠肺炎疫情延後開學的高中職以下各級學校，25日正式開學，新竹市警察局考量家長關心疫情發展及學童上、下學安全，特於今天上午加強校園安全巡邏和守望勤務，動員警力54人，並結合義警、民防、義交等協勤民力33人，以有效疏處交通、維護安全。
市警局長鄧學鑫表示，學童們結束了為期5周的寒假，回到校園除了適應開學後的各項作息以進入新學期的校園生活，更要注重保持勤洗手、正確使用口罩的習慣。
除此之外，家長們也非常關心學童們在校園內的人身安全，市警局除配合各校需求，強化各項校園安全維護作為，另也持續執行校園訪視，並建立緊急聯絡電話單一窗口，以發揮緊急應變能力，展現波麗士大人親民、愛民的服務形象，對校園外逗留學童加以關懷，並適時提供協助，以防止意外發生，落實關懷學童安全作為。
另，市警局也針對校園周邊治安顧慮場所加強巡邏、臨檢等攻勢勤務，對於可疑人士進行盤查，以維護師生安全，營造本市校園安心、健康之學習環境，讓家長及學童們更能放心。
市警局同時提醒學童，出門、上下學要結伴同行，行蹤應告知父母，並言明返家時刻，養成隨手關門習慣，不接受陌生人的金錢、玩具及禮物，不食用陌生人給予的糖果或飲料，同時不搭乘陌生人車子。
</t>
  </si>
  <si>
    <t>台北市19日新增1名本土確診個案15515，CT值低只有15.5，該確診者13至14日下午5時到6時30分曾前往World Gym站前店，12至16日下午2時到2時30分在家中經營的汕頭意麵店吃麵。
北市副市長黃珊珊今公布案15515公共場域活動史，該案為中正區個案，CT值15.5較低，也是北市今天唯一新增本土個案，根據中央改變匡列至發病前14天行蹤，案15515在4日下午2時47分曾出現在高鐵台北站，當天下午5時17分至晚上7時，前往桃園市中壢區春德路的華泰名品城。
此外，12至16日每天下午2時至2時30分，案15515會前往北市中正區林森南路的汕頭意麵吃麵，該麵店是家中經營，13日至14日下午5時至6時30分，曾經到位在中正區忠孝西路1段的World Gym站前店。</t>
  </si>
  <si>
    <t xml:space="preserve">經濟部公布針對當前經濟出具最新看法，11月出口及民間消費均有創高表現，在疫苗利多以及基期較低下，國際研調機構IHS Markit也預估，明年全球經濟成長上看4.5%。
經濟部統計處指出，今年受新冠肺炎疫情肆虐，各國實施封鎖管制，嚴重衝擊全球經濟，國際原油與原物料價格重挫，IHS Markit 12月預測今年全球經濟成長-4.0%，為2010年以來首度負成長，明年可望在疫苗研發利多，各國經濟逐步回復，加上低基期因素，成長4.5%。
統計處表示，受惠於國際品牌消費性電子新品陸續推出，遠距商機持續發酵，以及新興科技應用產品需求續增，11月我國出口金額及製造業生產指數為歷年單月次高及新高，分別年增12.0%、8.2%。民間消費方面，因新式車款熱銷、雙11檔期加碼促銷及展店效應等挹注，推升11月零售及餐飲業營業額均創歷年同月新高，年增率分別為2.5%、0.8%。
展望未來，全球肺炎疫情帶動產業積極推展數位轉型趨勢不變，且我國半導體產業先進製程具有競爭優勢，加上消費性電子新品及逢年終銷售旺季，均可望挹注我國出口及製造業生產成長動能，惟近期全球肺炎疫情再起，加上美中貿易及科技爭端未解，國際經濟情勢不確定性仍高，宜持續關注並妥善因應。
</t>
  </si>
  <si>
    <t>新冠肺炎本土確診疫情升溫，兼任民眾黨主席的台北市長柯文哲昨出席民眾黨國家治理學院國政班結業式前受訪表示，解決疫情擴散，終究還是要靠施打疫苗，在疫苗施打前的半年空檔，他主張台灣應要有「一定程度鎖國」，不然每天境外進到台灣的人這麼多，時間久了醫療體系會被穿透。
新冠肺炎疫情升溫，柯文哲日前談及疫情恐等8月才會停歇，面對各國都要力爭的疫苗，他表示疫苗掌握在先進國家手中，等到3月其他國家開始施打，「我們這邊就有壓力了」。他更預言說，預料大陸將出招，讓政壇掀疫苗大戰，如果台灣買不到疫苗，大陸卻說要免費送疫苗給台灣，屆時台灣將會陷入焦慮。
柯文哲說，對於是否接受大陸疫苗，台灣內部勢必再掀一波論戰，甚至演變成政治攻防焦點、意識形態之爭。
隨著部立桃園醫院疫情感染潮未歇，昨天再度出現本土確診案例，柯文哲昨進一步表示，變種病毒活性強，傳染速度快，而且已經社區感染，呼籲指揮中心修正SOP，同時擴大居家檢疫，避免疫情擴散。
柯文哲強調，要解決疫情擴散，終究還是要靠施打疫苗。問題是，在疫苗施打前還有半年的空檔，他建議某種程度鎖國，不然不斷有境外確診案例移入，久了醫療體系會被穿透。
昨應民眾黨邀約演講的前副總統呂秀蓮，則稱讚柯文哲說，柯文哲是學醫出生，如果疫情在柯領導下應該很輕鬆。</t>
  </si>
  <si>
    <t>衛福部長陳時中31日表示，國產疫苗第二期收案人數有將近有4,000人，屬於擴大型第二期，以此規模若可通過，安全性不會有問題。
陳時中表示，綜觀各國，由於疫苗三期實驗會拉很長，若要等三期結束才下決定，會緩不濟急。各疫苗大廠第三期時要完成的時間都還要一陣子，BNT要2023年4月才能通過，莫德納要2022年10月完成，嬌生是2023年5月，AZ疫苗在英國、巴西、美國等地預計完成的時間點不一，最快今年9月，最慢要到2023年2月。陳時中說，也因此各國EUA（緊急授權使用）均已提早核准，避免緩不濟急。</t>
  </si>
  <si>
    <t>為照顧更多老人與民眾，岡山秀傳醫院與高雄市衛生局協力，到田寮區成立健康友善社區。衛生局長照中心說，希望未來高雄市每里都能有一處健康友善社區，服務各地區的老人。秀傳醫院院長趙昭欽與長輩們相約活到120歲。
岡山秀傳醫院院長趙昭欽、高雄市衛生局長照中心主任李素華等人出席揭牌儀式。活動開始前，長輩表演舞蹈「弄獅」、「草螟弄雞公」，展現活力。趙昭欽等人也跟著跳舞，大家打成一片。
趙昭欽說，該社區老年人口比例為28.5％，請大家照顧好健康，這對子女來說是最大財富；他並與大家相約，一起到健康友善社區運動，共同活到120歲。
李素華表示，岡山秀傳醫院於2012年就到西德社區服務，照顧長輩，將醫療資訊導入社區，辦理血壓量測、心房顫動檢測等活動。根據內政部統計處資料，田寮區的老年人口占該區總人口比例居全國第二（28.5％），該區有超過兩千名老人。
她說，希望未來高雄市每一里都能設置健康友善社區，服務各地區的老人。今年市府預計設立的目標是261個健康友善社區，已經達到8成；全高雄市有981里，已經設立260餘個健康友善社區，還需努力。
此外，目前是後防疫時期，主辦單位也教導長輩製作防蚊抗菌液，長輩們學習的興趣很高，努力吸收新知。</t>
  </si>
  <si>
    <t>中央流行疫情指揮中心24日公布台中新增8例本土確診個案，其中案4735西屯區泰安國小附設幼兒園廚工，及案4736廚工的先生、案4737廚工的女兒確診，環保局從昨晚即展開校園消毒清潔，25日上午7時20分在前進指揮所開始作業前，再度進行泰安國小消毒作業，消毒抗疫保護民眾安全。
市長盧秀燕強調，市府第一時間掌握個案相關足跡及接觸史，加強清消，西屯區泰安國小附設幼兒園一名女性廚工24日公布確診新冠肺炎，由於已掌握她的先生、女兒及幼兒園一名老師相繼確診，為免疫情擴大，立即下令成立泰安國小附設幼兒園前進指揮所。
環保局也於24日晚上8時30分由副局長商文麟代隊，出動噴霧車及清潔隊員、志工消毒泰安安國小圍牆內外環境消毒。
25日上午前進指揮所開始作業前，環保局與志工再度在泰安國小舉行消毒作業，上午7時20分完成消毒中市防疫部隊晝夜消毒，保護民眾安全。</t>
  </si>
  <si>
    <t>新冠肺炎本土疫情嚴峻，住新北的60歲婦女染疫，被南送到嘉義縣集中檢疫所後病情轉為重症，拒絕插管治療，嘉義基督教醫院醫護人員及家人透過視訊，用親情喚醒她的求生意念，她接受插管治療20天後拔管出院，為感謝嘉基團隊，捐款6萬元讓醫院添購防疫設備。
這位曾姓婦人因感染新冠肺炎被送到嘉義縣集中檢疫所內，發燒不舒服，透過檢疫所醫師視訊問診，血氧機驗出血氧濃度下降至80％，5月28日轉送嘉義基督教醫院治療，到院時高燒不退，全身寒顫，意識模糊，拒絕插管，照X光檢查發現雙側肺葉嚴重浸潤。
嘉基內科部醫師陳柏君診斷曾婦無慢性病及癌症病史，鼓勵她積極治療，但家屬不能探病，醫護人員協助曾婦與丈夫用視訊談話，丈夫看到太太虛弱的模樣，很不捨，不斷呼喚她，在親情的鼓舞下，她才接受插管治療。
嘉基醫院表示，曾婦的丈夫向醫院說出原委，曾婦很韌性強，很能忍痛，不願意麻煩別人，這次一定是難以忍受才會打1922求助，原本期待會到慈濟醫院治療，因而送到嘉基時有所遲疑。
曾婦及丈夫為感謝嘉基醫護人員能以同理心化解她的遲疑，讓她安心接受插管治療，最後拔管出院，決意捐款6萬元給嘉基添購防疫物品，分享他們的幸運。
陳柏君醫師表示，曾姓患者肺部浸潤情形在出院前已明顯改善，血氧也相當穩定，目前南部醫療量能尚足以因應重症患者，希望患者要對醫療有信心，治療過程中好好配合，就能期待治癒出院，與家人團聚，重溫親情。</t>
  </si>
  <si>
    <t>在大陸公布兩會舉行時間的同一天，北京市政府宣布，從4月30日起，北京的防控疫情等級，從一級降為二級，大陸境內低風險地區進京出差，返京人員不再要求居家隔離14天，正在隔離觀察的，可以解除觀察。
北京市29日的新冠疫情新聞發布會上，北京市政府副秘書長陳蓓介紹，4月30日零時起，將一級響應機制調至二級。不過她也表示，應急響應機制的調整，並不意味著防控措施的減弱。
他還指出，入境人員依然執行14＋7的集中隔離和居家觀察隔離的要求。對大陸國內低風險地區進京出差、返京人員，不再要求居家隔離觀察14天，正在居家集中觀察的可以解除觀察，不包括境外和湖北、武漢進京人員。
他表示，要嚴格社區管控，持續封閉管理，出入證實名制管理。嚴格進京檢查站管理，持續保持最高等級查控。學校要封閉管理，入校測溫。要持續常態化防控，經北京口岸入境人員、高中風險返京人員、武漢即將返京人員等重點人員，全部進行核算監測。嚴格就醫管理，實名制預約，加強對出院不陽者的篩查，嚴格阻斷院內疫情傳播。北京市民原則上不出外旅遊，嚴格管控標準，從境外到國門再到家門閉環管理。</t>
  </si>
  <si>
    <t>台北市大安區某防疫旅館24日上午傳出一名年約80歲居家檢疫男性，倒臥旅館內身亡，警消獲報到場，初步判斷男子身上無明顯外傷，北市府也證實有接獲訊息，台北市長柯文哲表示，新冠肺炎死亡率是2％，但會讓原本健康危險因素放大好幾倍，會再請醫療部門去研究有哪些危險因子。
柯文哲說，全世界1億6千多人感染過，可以更精確的分類，防疫旅館也有近的、遠的，有症狀的可以放醫院，健康的放較遠的，可以把病人快篩後，做更精確的分配，而新冠肺炎會讓健康危險因子放大好幾倍，這是很明確的現象。</t>
  </si>
  <si>
    <t>新冠肺炎蔓延全球，但台灣的中醫中藥複方的「清冠一號」在藥廠授權製造後，已經熱銷全世界14個國家在使用，總統蔡英文今出席第91屆國醫節大會時大讚，自去年疫情爆發以來，台灣發展中西醫合作的模式受到世界矚目，顯示台灣的中、西醫雙軌運行逐漸成熟，中醫師則藉機陳情，希望政府協助中醫核發更多專業人士證照。
中醫師公會全聯會今舉行「第91屆國醫節」，總統蔡英文及立法院長游錫堃均出席，蔡英文大讚，台灣的中、西醫雙軌運行逐漸成熟，在新冠疫情延燒至今，中醫更因為過去累積的研發能量，衛福部國家中醫藥研究所帶領研發、可用於治療新冠肺炎的中藥複方「清冠一號」，台灣藥廠獲得授權製造後，行銷歐、美、日等14國，在世界熱銷，讓世界看到台灣。
中華民國中醫師公會全國聯合會理事長柯富揚也藉機表達，中醫藥發展法雖然已經通過，但是到現在為止，西醫團隊共有12張醫師人員證照，中醫師卻只有一位，就是中醫，沒有專屬的護理師等。
柯富揚強調，合法、合理的專業調劑人員、傷科輔助人員、中醫護理師等都應該也要核發合格證照，好的團隊才能全面照顧人民，「西醫是巨人，跑一步，我們中醫還追不到」，陳情，希望總統蔡英文可以協助。
柯富揚表示，去年中醫發明清冠一號，行銷歐美日，目前已有14個國家使用，且不少居家隔離患者透過視訊也可以得到的中醫照顧，目前正常執行中醫居家照護和居家醫療，需要政府更多的關懷與幫忙。
蔡英文致詞時表示，台灣中醫藥在「中醫藥發展法」制定後，中醫藥發展走向新里程碑，中醫特定疾病輔助醫療計畫的治療反為除原本的癌症、孕產照護，也新增呼吸困難的病人。
蔡英文也表示，仍要持續發展中醫學的訓練和中醫照護佈建的工作，並讓法規越來越完善；在中藥品質方面，不論查驗制度、檢驗標準、製造品質和中醫藥典的編修，也都要積極接軌國際標準，並在中醫藥研發製造爭取新南向市場的機會。</t>
  </si>
  <si>
    <t xml:space="preserve"> Recently the @mlb announced they will be continuing to send paychecks to players while the season is suspended. @kateupton and I have decided to donate those funds to a different organization each week so that we can support their efforts and highlight the great work they’re doing during the COVID-19 crisis. Everyone around the world is affected by this virus, and we hope to contribute to the families and jobs affected, the healthcare workers and first responders on the front lines and the many others in need of basic necessities, medical supplies and support at home. As soon as the first paycheck is received we will be highlighting the first organization. We know everyone is impacted by this crisis, but for those who are able, we encourage you to stay home to help flatten the curve and look to those around you who need a helping hand. #covid19 #flattenthecurve
 Justin Verlander（@justinverlander）分享的貼文 於 PDT 2020 年 4月 月 4 日 上午 8:38 張貼
太空人王牌投手韋藍德(Justin Verlander)偕同辣妻阿普頓（Kate Upton）一起做公益，他們要捐出在賽季暫停時大聯盟所預支的薪資，並拍影片透露將把每周獲得的薪水捐贈給正為新冠肺炎努力的非營利組織，來回饋社會也支持這些辛苦人們的付出。
大聯盟與球員工會達成協議，就算賽季暫停，球員仍能獲得補助款直到5月底，每人所拿到的薪資按不同層級、不同年資領到金額也有差異，根據《今日美國》報導，韋藍德每周能領到3萬3411美元(約101萬台幣)，2個月共可得到28萬6980美元(約869萬台幣)。順帶一提，韋藍德今年的薪資是3300萬美元(近10億台幣)。
韋藍德在影片中和名模辣妻阿普頓一起發聲，他表示這社會還有太多在前線的醫護人員及工作人員需要幫助，也有很多人因這次疫情而丟了工作，「阿普頓和我決定將我每周獲得的薪資捐給為疫情努力的組織，希望能支持他們的工作，也給予他們出色的表現一點鼓勵。」
韋藍德與阿普頓將在領到薪水後，決定要捐贈給哪個單位，同時向大家介紹這組織所做的貢獻，「每個人都在這場危機中受到影響，但是有能力的人，我鼓勵你們留在家中並為控制疫情盡一份心力，也請試圖幫助身邊需要協助的人。」
</t>
  </si>
  <si>
    <t>澳洲總理莫里森（Scott Morrison）18日稍晚表示，澳洲已與英國製藥廠阿斯特捷利康（AstraZeneca）簽訂新冠肺炎疫苗生產和配送協議，將為澳洲2,500萬人口提供足夠的疫苗。所有民眾皆能獲得疫苗，但優先順序將由醫療小組決定。</t>
  </si>
  <si>
    <t>江蘇揚州採取了疫情以來最嚴格的社區管控措施。澎湃新聞今天（14）日報導，8月13日，揚州發布公告，要求疫情重點管控區域內的封閉小區、封控管理小區均嚴格執行「足不出戶」。
此前，揚州已對主城區低風險小區實施了封控管理，規定：在疫情重點管控區域內，每戶每3—5天可限一人「憑證」外出採購。
如今，隨著疫情形勢不斷變化，當地進一步升級管控措施，取消了原來的規定，實施統一的「足不出戶」政策。
7月31日，揚州緊急發布《關於進一步加強新冠肺炎疫情防控工作的通告（第5號）》。其中提到，對主城區有確診病例或無症狀感染者的小區實施封閉管理，所在單元的居民實施集中隔離；並要求居民「足不出戶」。
而對主城低風險小區實施封控管理，每個小區原則上保留1個出入口，小區居民「非必要不外出」，對進出人員嚴格執行查蘇康碼、行程碼、測體溫、戴口罩等防控措施。
進入到8月份，揚州新增本土確診病例呈直線上升之勢，不斷有小區被划為中高風險地區，從而被納入封閉管理的「硬隔離」之列。
8月7日，江蘇省省長吳政隆在揚州檢查指導疫情防控工作時，作出了「揚州疫情正處於爆發期」的判斷。
第二天（8月8日），揚州再次發布通告，除了強調封閉小區要實行「足不出戶」之外，還提及，原則上，封控管理小區，每戶每3—5天限一人憑出入證和蘇康碼、核酸檢測陰性證明，經測溫後進出小區（自然村）採購生活必需品。
8月10日下午，吳政隆在大陸國家、省、揚州市疫情防控三級對接會上指出，還有部分感染者是通過社會篩查發現的，這表明：在社區和城中村管控、應隔盡隔應隔快隔等方面，還存在薄弱環節和漏洞。
次日，8月11日，揚州在新冠肺炎患者相對集中區域，設置六個疫情重點管控區域。要求相關區域內的封控管理小區的居民，不得離開所在小區，嚴禁聚集性活動，非必要不出戶。而區域外人員則一律不得進入。
8月13日，管控措施再度升級。官方要求，疫情重點管控區域內的封閉、封控管理小區均嚴格執行「足不出戶」。
揚州官方稱，對於居民生活所需的物資，倡導採用線上線下相結合的方式採購，由供貨方配送到小區門口。最後，由當地統籌社區工作者、中共黨員幹部、志願者等力量，做好「即到即送」服務。</t>
  </si>
  <si>
    <t xml:space="preserve">萬華華西街幫某大哥父親日前病逝，原定預定22日本周六下午將在第一殯儀館舉辦告別式，並廣發訃聞給全國各幫派分子及殯葬業者，預計將有1200人到場參加。消息上周傳出後，令負責對幫派活動進行蒐證的第一線員警憂心不已，擔心萬華是疫情重災區，那麼多人群聚在一殯，恐有被傳染的危機，形成疫情破口；部分道上兄弟也陷入兩難，不去，似乎不給華西街幫面子；去，又擔心在殯儀館根本無法維持社交距離下，自己的健康將遭到波及。所幸，上周六北市將防疫提升到三級警戒，宣布即日起北市不開放公祭，才讓警方、兄弟們都鬆了一口氣。
不過，警方仍擔心到時還是會有人到場「致意」，也有禮儀公司人員透露，現在還是有些人會到告別式場合，因喪家及工作人員都不好意思拒絕，所以有時會安排眾人一起鞠躬致意，盡量縮短流程及聚集時間。
台北市殯葬管理處處長洪進達表示，昨日全國已公布公祭活動全部停止，北市殯儀館的禮廳管理員都會在現場巡視並加強宣導，此外，殯葬從業人員對疫情也十分緊張，所以都願意配合公家作法，勸離到場的民眾，以防止疫情擴散。
北市殯葬處表示，目前禮廳在周末等加價日打8折，若使用網路公祭打5折，對於先前已預約禮廳的家屬暫無補償，若有人違反規定舉辦公祭，衛生局已授權殯葬處，可對現場違反規定的群聚民眾進行開罰。
</t>
  </si>
  <si>
    <t xml:space="preserve">march 1 / april 1 pic.twitter.com/glCSpwu5Uy
https://t.co/hBBfnuBlga pic.twitter.com/vym9SbBlqh
3月過了，但短短31天內，全世界變了樣，都成了新冠病毒肆虐的舞台。在3月結束，迎接4月之際，許多推特推友發起「3月1日v.s. 3月31日」的無奈對照，讓其他人看看，在這一個月內，自己的天地和心境起了多大變化；希望在疫情嚴峻，世人苦悶慌亂的黑暗時刻，發揮創意撫慰人心，搏君一笑。
start of march vs. end of march pic.twitter.com/yX5AnxUQzR
March 1 vs. March 31 pic.twitter.com/vH7Hsg3Nry
pic.twitter.com/ZZUnK1kYf2
包括《紐約時報》記者伊茲科夫（Dave Itzkoff）等人在內的推友們，紛紛貼上3月初與3月底對照，當然這些都不是推友們自己的影像，而是電影或電視作品的截圖，但看得出原本輕鬆的神情，歡快的人生，亮麗的外表，愉快的心境，在短短1個月內，變成了萎靡、衰敗、傷心、苦惱，有的甚至大崩壞。雖然是與推友分享讓大家莞爾一笑，但也反映出這場世紀瘟疫對世人的重大影響。
</t>
  </si>
  <si>
    <t>新冠肺炎肆虐全球，台灣本土疫情延燒，三級防疫警戒延長至28日，對此就有網友不禁好奇「餐飲業到底有多慘？」貼文一出隨即掀起熱議，更有內行人點名一類型的餐廳，受到的衝擊最大。
原PO在PTT「八卦板」以「餐飲業現在到底有多慘」為題，PO文透露自家巷口的小吃店自發布三級警戒後，就一直關門，直到近日才開張，火鍋店更慘，雖然每天營業，卻幾乎沒人想外帶回家，讓他不禁好奇「有人也是做餐飲的嗎？這波疫情下到底有多慘？」
貼文一出隨即掀起網友熱議，紛紛留言回應「還好吧？還是賣很貴」、「鹹酥雞生意好到爆炸」、「我離職同事賣飲料比上班好賺，特例嗎」、「剛好過濾爛店，好的店家外帶外送根本接不完」；也有人感嘆「年輕人為主力的幾乎都倒了，老店都沒事」、「小吃還好，餐廳本來就是做內用的，外帶不到兩個月賠了差不多300萬」。
另外有不少網友一面倒點名，吃氣氛、裝潢漂亮的「網美餐廳」即便能外帶，恐怕依舊難以生存，「吃裝潢的網美店應該最慘」、「網美店一定先倒」、「吃氣氛的也全死」、「小確幸、放假吃、聚餐類，這類客層都GG了」、「吃到飽、吃氣氛的店都很慘啦」。</t>
  </si>
  <si>
    <t>中央流行疫情指揮中心今天（17日）公布新增333名本土病例，宜蘭縣有2例，累積有18人確診，雖然宜蘭縣未比照雙北宣布高中職以下停課，但縣長林姿妙呼籲，中央統一停課標準，避免教學現場及家長困擾。
宜蘭縣衛生局公布宜蘭縣新增2案例的足跡，案1763曾在5月12日晚間6時至7時前往羅東鎮掌櫃食譜，案1943在5月10日下午4時至5時前往礁溪鄉襄聚牛排館，累積宜蘭縣有18人確診。
2新增本土中，案1763與羅東鎮銀河遊藝場有關，案1943是在台中參加進香團，9日晚間回宜蘭，10日又到台中，11日發病，今日確診，在台中隔離治療中，詳細疫調由台中衛生局了解中。
昨天傳出有一位確診者進出羅東某醫療機構，衛生局長徐迺維表示，院方啟動相關管制機制，有匡列醫護人員、社工、清潔人員等37人，目前35人檢驗陰性，並沒有群聚的問題。
林姿妙除呼籲中央統一停課標準外，也表示宜蘭弱勢學生若選擇在家自主學習，仍會提供午餐補助，不到校上課的學生務必在家自主學習、自我健康監控，不要在外遊蕩，以保障大家的健康。
相較於雙北，宜蘭縣新增的確診數維持個位數，徐迺維強調，真的要戒慎恐懼，還要繼續努力才能維持這樣的局面；雙北往返宜蘭方便，請求縣民務必提高警覺，有任何不舒服或與確診者曾同時間去過相關足跡地點，可前往醫院篩檢，但建議鄉親可至陽明交通大學醫院網站首頁預約，避免醫院湧入太多人，也減少群聚。</t>
  </si>
  <si>
    <t>台灣人壽關懷保戶並共體時艱，即日起宣布新增保戶三大服務關懷措施：一、取消新冠肺炎30日疾病等待期之限制，凡生效日期在4月30日（含）之前的保戶，於投保後確診新冠肺炎者皆適用。二、個人險保戶若為醫院或診所之醫事人員，於執行職務時，不幸確診感染新冠肺炎，額外提供新台幣5萬元一次性慰問金；三、新增新冠肺炎確診保戶之房屋、汽車貸款本金利息亦可緩繳3個月。
本次新增的保戶關懷措施，是針對專案期間內新投保或原已是台灣人壽之保戶提供的增值服務，為讓保戶安心，一旦確診為新冠肺炎即可立即獲得保障，特地取消30日疾病等待期限制；同時為讓第一線工作之醫事人員得以安心工作，於執行職務時確診感染新冠肺炎，將提供額外新台幣5萬元慰問金。本專案先行開放至4月30日，屆時將視疫情狀況評估調整。
事實上，台灣人壽早已針對新冠肺炎疫情啟動包括提供續期保費及保單借款利息緩繳3個月，並設置單一窗口，受理辦理解約、保單借款、給付滿期金或還本金等服務，並通融得以傳真方式提出申請。同時也針對健康醫療險保戶如感染新冠肺炎申請理賠，包含1998年之前保單及其「法定傳染病」雖列為除外責任者，基於有利於被保險人考量，仍予以給付被保險人；且被要求入住負壓隔離病房，也將比照加護病房住院項目賠付。
此外，台灣人壽現已提供完善數位金融服務，包括網路投保、視訊生調及理賠申請，均可透過數位管道一指搞定，用視訊進行投保之生存調查，對於已符合失能但需檢附生存證明的保戶，亦可透過視訊取代往返戶政機關申請戶籍謄本。降低保戶與員工外出與人接觸感染的風險。
若需申請住院醫療理賠，疫情期間可透過台灣人壽官網登入「龍e賠專區」，依線上導引填寫申請書，拍照上傳診斷證明書等應備文件影像，迅速完成理賠申請，30分鐘理賠金即可入帳。而在高雄榮總就醫之保戶，還可透過台灣人壽「eClaim理賠區塊鏈」平台，線上授權醫院以區塊鏈技術傳送就醫資料，不用再往返醫院開立診斷證明書。</t>
  </si>
  <si>
    <t>9月1日開學，縣市政府為開學做防疫準備，中醫大新竹附設醫院兒科主任陳思融遇到很多焦慮家長詢問，擔心孩子在未打疫苗的情況下是否能上學？陳思融建議5歲以下孩童除了公費13價肺炎鏈球菌疫苗外，可在6到12個月自費施打1劑，讓保護力更完整。
陳思融指出，Delta病毒與呼吸道融合病毒或副流感病毒的合併感染，確實造成許多肺炎、呼吸窘迫的嬰幼兒入住加護病房，開學後只要學生上課落實戴口罩、勤洗手及保持社交距離就可以預防，家長不需要焦慮。
陳思融說，從兒科的感染控制和疫苗控制，有一個概念是包覆性保護策略，就是對無法打到某種疫苗的小孩，原本就是脆弱族群，希望共同生活的親密家人盡量去打疫苗，透過大人身上完整的保護力，得病機率低，就可以好好保護小孩。
陳思融並說，家中有5歲以下的孩童，父母可檢視寶寶手冊，是否已施打13價肺炎鏈球菌公費疫苗，公費目前提供2個月、4個月和12個月，建議6到12個月可自費施打第4劑，根據兒科醫學會聲明，施打4劑保護力約86％到96％，比施打3劑保護力約67.2％到86％，約高出1成。
感染科主任張凱音則指出，許多西方國家冬天常流行的RSV、流感、副流感等病毒，在去年冬天新冠肺炎流行期間相當平靜，但今年夏季開學後出現許多呼吸道病毒的大流行，因新冠肺炎混和流感等呼吸道病毒感染的個案不少，提醒今年步入後半段，大人應逐步完成新冠疫苗和年度流感疫苗施打，家長應注意秋冬季的流感疫苗消息，避免誤延疫苗的注射時間。</t>
  </si>
  <si>
    <t>位於西門町電影街的日新威秀影城，陪觀眾走過13個年頭，因租約到期，地主有意改建為商城，訂於9月8日吹響熄燈號。日新威秀影城前身為日新旗艦店，威秀影城於2007年8月3日接手經營並耗資千萬重新改裝，2008年5月引進數位放映系統，隔年4月3日砸下6千萬改建第一廳，全台第1個數位IMAX影廳應運而生。
日新威秀非商場影城，僅有4座影廳共800多個座位，卻仍在今年新冠肺炎疫情期間站穩台北市票房前10名，威秀資深公關經理表示，選擇停業這件事其實討論已久，今確定要退出西門町一線戰場，但若未來有機會再與地主合作，也想續前緣，期待有合作空間，至於影城工作人員，將會照勞基法走，提前告知員工，部分人員則平行轉調至其他威秀影城繼續打拼。</t>
  </si>
  <si>
    <t xml:space="preserve">
新冠肺炎（COVID-19）疫情全球升溫，我國全力防堵疫情擴散，今（8日）中央流行疫情指揮中心說明最新進度，記者會重點如下：
◎今日新增0例新冠肺炎確診個案，同時國內已連續26天無本土確診病例。截至目前為止，國內共累計440例確診，分別為349例境外移入，55例本土病例及36例敦睦艦隊，6例死亡，355人解除隔離。
◎酒店舞廳是否可恢復營業？指揮中心宣布，目前仍暫停營業之業者，經各縣市政府評估符合４項防疫及安全條件後，可開放營業；此外，指揮中心也鼓勵民眾力行「防疫新生活運動」，除落實個人衛生防護措施外，可多前往配合防疫措施之店家消費。
◎中華職棒今(8)日終於開放1000名觀眾入場觀賽，將成為全世界第一場開放觀眾進場的職棒比賽。對於會不會有民眾違規在場內進食，指揮官陳時中認為，開放觀眾是日後逐步開放大型活動的試金石，相信不會有人違規。
◎是否放寬非本國籍入境條件？現在台灣人返國必須先居家檢疫，非本國籍人士仍不能入境，除非有特別商務理由才行。指揮中心目前正在考量，透過解除邊境管理，強制要求國外回來人士住在防疫旅館方式管理。
◎擴大紓困方案出現許多「男舉牌、女賣玉蘭花」現象，有人懷疑有詐騙之嫌，但陳時中霸氣回應，來申請的都是有需要的人，「寧願錯發一些人、也不要漏發一個人」。
◎繼續留任衛福部長？總統蔡英文宣布行政院長蘇貞昌將繼續留任，而大家很關心防疫表現亮眼的衛福部長陳時中去留，對於自己未來能否繼續留在疫情直播，陳時中表示，去留位置是行政院長的職權。
◎據陸專家指出，大陸地區確診出院者中，有15%復陽，再度確診新冠肺炎。張上淳指出，各國對於新冠肺炎出院的標準不同，是一採陰、二採陰還是三採陰，都會影響復陽認定，而限制越嚴，相對復陽人數就會越少。目前台灣復陽確診者仍維持４人。
◎有公眾場合設置熱像儀，恐侵犯個人隱私，民眾擔心內衣褲被看光光。中央流行疫情指揮中心指揮官陳時中回應，兼顧防疫與維護個人隱私，確實有些困難，但會盡量避免觸犯隱私。
</t>
  </si>
  <si>
    <t xml:space="preserve">鴻海集團創辦人郭台銘日前透過永齡基金會向食藥署遞件，盼能引進500萬劑輝瑞／BNT疫苗，剛開始指揮官陳時中指申請文件缺原廠授權書，且必須由政府簽約，前天終於鬆口只要藥廠出具原廠資料，民間可自行簽約，今天陳時中再度透露新進度，指郭台銘方面已來函討論相關的法律文件，鴻海方面盼能保留一部分疫苗供員工使用，但重點還是要先取得原廠供貨證明，其他都可以討論。
郭台銘上月對外表示，願意協助中央購買500萬劑的輝瑞／BNT疫苗，也依照指揮中心所需的8大申請文件遞件，但指揮中心收件後卻以缺少原廠授權書為由卡關，並堅持由政府簽約，引發中央有意刁難的爭議。陳時中於12日的記者會鬆口，同意附條件專案進口BNT疫苗，只要藥廠願意提供原廠資料，政府就准疫苗輸入，且只要郭台銘簽約即可。
陳時中今天再度透露雙方的最新進度，指郭台銘方面已來函討論相關法律文件，鴻海盼能保留一部分疫苗供員工使用，但重點還是要先取得原廠供貨證明，其他都可以討論。
</t>
  </si>
  <si>
    <t>美國政府規定，11月以後打完兩劑疫苗的旅客才能入境，若是打了沒有得到國際認證的高端疫苗是否能被允許入境美國？這議題引起廣泛的討論。國民黨立委賴士葆表示，根據疾管署到8月底前的資料顯示，官員打高端的比例只有3.2％，所以美國這個新政策對官員的影響很小。
賴士葆說，官員施打兩劑疫苗已經達到65％的高比例，官員不斷的宣導催促民眾有疫苗就要去打，不要挑選國際疫苗，也不要避選高端。
賴士葆又說，然而官員精挑細選國際認證的疫苗，卻刻意地避開高端，更不可思議的是卻在政策上鼓動側翼、網紅在媒體和社群宣導愛國意識，說打高端才是愛台灣的表徵，官員領的薪水是政府公帑，為什麼言行不一致，不打高端、不愛台灣、卻不覺得愧疚。
賴士葆指出，正副總統強力推銷高端的心志不改，預告9月底要打第二劑高端，如此賣力地推銷高端，民眾就是不買單，為何總統不去說服6成5官員施打高端疫苗，這樣比什麼都具有說服力，不要一昧的誘導民眾打高端疫苗。</t>
  </si>
  <si>
    <t>雙北地區日前有14人一起到花蓮參加法會，卻在昨日傳出有1人確診，新北市衛生局長陳潤秋表示，其餘13人陸續完成採檢，目前沒有新增個案，持續掌握中。
新北市昨日公布1名三重男性在8月12日下午3時09分到5時47分從台北車站搭乘太魯閣號到花蓮鳳林站；8月15日晚上6時49分到10時自花蓮鳳林站搭自強號到台北車站。
陳潤秋表示，目前初步調查，雙北地區民眾到花蓮餐與法會總共有14人，除了1名確診者，其他13人完成採檢，目前尚無新增個案，會把相關資訊交給花蓮衛生局一起合作。</t>
  </si>
  <si>
    <t xml:space="preserve">新冠肺炎直至今日，全球確診人數已突破141萬例，中央流行疫情指揮中心指出，肥胖恐為感染嚴重特殊傳染性肺炎(COVID-19)和導致重症的高風險因素之一，而近年來研究亦發現肥胖者免疫功能較差，得到流感的機率及重症風險皆較高。
因此，防疫期間除了積極配合各項防疫措施外，也應留意自己及家人是否有肥胖問題，從調整飲食及運動生活開始採取行動，一起達到「肥胖走、健康來」。
國民健康署說明，身體質量指數（BMI）是一種體重評估的標準，如果大於或等於24kg/m2（公斤/公尺2）為體重過重，超過27kg/m2即為肥胖。依據台灣國民營養健康狀況變遷調查(2015-2018)結果顯示，18歲以上成人過重及肥胖率為47.1%，男性為55.7%、女性為38.7%。體重過重及肥胖是因為熱量攝取過多、消耗太少，導致熱量累積，以脂肪的形式堆積在體內；除遺傳外，主要受到環境及生活型態等因素的影響。
國民健康署王英偉署長分享，減重必須透過自我管理，調整生活型態和行為改變：
1、聰明吃：飲食上遵循三多三少原則
多喝白開水、多吃蔬果、多全穀雜糧、少油、少鹽、少糖。減少熱量攝取或增加體能活動，讓每天減少500大卡熱量，這樣就可以每週減重約0.5公斤，最重要的是，切勿聽信偏方，採取極端方法，每日攝取熱量若低於1200大卡，反而會危害健康。
2、快樂動：
證據顯示減重者應每周須有300分鐘以上中等強度身體活動，並加入高強度有氧運動或高低強度間歇運動。防疫期間，可利用室內運動器材或國民健康署提供民眾一套循環運動教學影片，只需準備兩瓶礦泉水，就能在家達到運動效果。
3、天天量體重：
測量體重有警惕的作用，有助於節制口腹之慾。體重的控制或維持需要長期抗戰，除了學會正確選擇食物的技巧外，天天量體重，提醒自己，別讓體重太失控。
延伸閱讀：
</t>
  </si>
  <si>
    <t xml:space="preserve">
海軍敦睦艦隊高雄有9人染疫，高雄市長韓國瑜今天表示，744位官兵中扣掉24位已確診，350位戶籍在高雄，當中有92人表示因「未接獲上級指示」，拒絕配合市府進行疫調，高雄衛生局表示，若拒絕可依法重罰30萬。對此，中央流行疫情指揮中心指揮官陳時中表示，是因為自己先前下過命令，在檢疫所時，若在沒有確定對方身份不要回答問題，避免隱私洩露，目前已經請檢疫所配合，希望直接請公務員前往檢疫所作役調。
中央流行疫情指揮中心指揮官陳時中表示，高雄遇到軍中弟兄不配合，導致將被違反傳染傳染病防治法43條予以處分，今天早上他已經去電高雄市政府溝通。
陳時中說，用電話做疫情調查恐怕會衍生相關問題例如個資或是隱私洩露等，他自己前幾天也下過命令，希望檢疫所者，在沒有確定身份時不要回答問題，避免隱私洩露。
陳時中說，疫情調查是執行公務的行為，希望由有公權力的公務員執行。因此已經建議高雄市政府由公務員前往，且也已經請集中檢疫所的人配合。</t>
  </si>
  <si>
    <t xml:space="preserve">日前傳出爆發疫情的法國唯一航空母艦戴高樂號(Charles de Gaulle R91)，艦上人員染疫情況超乎想像。法國軍方表示，總共有2300名人員的戴高樂號航母已有1081人病毒檢測呈陽性，比例將近半數。目前該航空母艦已返回母港法國土倫港，而隨著檢測持續進行，染疫確診的人數可能還會增加。
據《路透》報導，法國國防部長帕莉(Florence Parly)稱，戴高樂號航母上已有1081名人員的新冠病毒檢測呈陽性，約佔戴高樂號艦上2300名人員近半數。
報導說，確診的戴高樂號人員中有545人出現明顯症狀，已有24人入院治療。
戴高樂號航母於1月21日啟航前往地中海東部，支援法國在伊拉克和敘利亞對抗極端主義分子的軍事行動，隨後前往大西洋和波羅的海參加與北歐國家海軍進行的聯合演習。但上周戴高樂號傳出40名船員感染新冠肺炎疫情，航母被迫提前2周返回法國土倫港，並空運大量檢測設備到艦上為官兵進行檢測。目前，法國軍方正在調查戴高樂號是在何處感染以及如何暴發疫情。
</t>
  </si>
  <si>
    <t xml:space="preserve">據印度尼西亞《雅加達郵報》報導，11日，印尼報告了該國境內首例新冠肺炎患者死亡病例，爲該國發現的第25例病例。
據報道，印尼衛生部疾病控制和預防總幹事烏里安托(Achmad Yurianto)說，第25例患者在接受了近三天的治療後，11日凌晨2點左右死亡。印尼目前確診病例累計27例。
</t>
  </si>
  <si>
    <t>台灣連續4天本土確診數破200例，根據疾管署「全國本土病例地理分布圖」顯示，我國從去年1月累計至今共有1329例本土個案，重災區雙北破千例，而原本維持本土確診數0的台南市也破功，出現2人確診，西半部近8成縣市皆已淪陷，僅剩嘉義縣市和屏東縣維持零本土。
根據疾管署「全國本土病例地理分布圖」顯示，從去年1月至今，國內累計1329例本土個案，其中以新北市597人最多，接著依序是台北市526人、桃園市82人、彰化縣58人、宜蘭縣21人、基隆市17人，以上這6個縣市皆是紅色警戒燈號。
而橙色燈號的縣市有4個，分別是高雄市11人、台中市7人以及新竹縣市各3人；黃色燈號的縣市僅台南市2人；淺綠色燈號的是苗栗縣和雲林縣，這2縣市目前都只有1例本土個案。
截至目前仍維持0確診的有9個縣市，包括嘉義市、嘉義縣、南投縣、屏東縣、台東縣、花蓮縣、金門縣、連江縣、澎湖縣，目前燈號仍舊維持深綠色。根據最新的病例分布圖，台灣西半部多數的縣市都已經淪陷，只剩下嘉義縣市和屏東縣沒有本土確診案例。
台灣昨新增267例本土個案，其中127例為男性、140例為女性，年齡介於未滿5歲至80多歲，居住縣市分別為新北市129例（中和區26例為多）、台北市70例（萬華區31例為多）、彰化縣28例，桃園市16例、高雄市8例、台中市5例、基隆市4例、宜蘭縣3例、台南市及新竹市各2例；新增縣市為台南市。</t>
  </si>
  <si>
    <t>隨國內疫情越來越穩定及疫苗覆蓋率提升，勞動部經指揮中心同意開放辦理移工專案引進，為了響應政府政策，國泰產險積極參與開發移工防疫保險商品，金管會保險局也加速審查作業，於今天( 19日)核准國泰產險「移工嚴重特殊傳染性肺炎(COVID-19)住院醫療費用健康保險」及「移工特殊傳染性肺炎(COVID-19)住院醫療費用團體健康保險」，預計於12月1日前正式推出相關商品。
過去移工入境後，如確診「嚴重特殊傳染性肺炎(COVID-19)」時，相關住院醫療費用皆為疾病管制署全數負擔，現行移工確診所致的住院醫療費用，將改由移工的雇主全數負擔，為避免因移工確診，造成雇主負擔龐大住院醫療費用的經濟壓力，現國泰產險配合金管會及勞動部的政策，開發「移工嚴重特殊傳染性肺炎(COVID-19)住院醫療費用健康保險」及「移工特殊傳染性肺炎(COVID-19)住院醫療費用團體健康保險」獲准，協助雇主分擔風險。
未來雇主可於移工入境前，取得移工的授權同意後，雇主可協助為其投保「移工嚴重特殊傳染性肺炎(COVID-19)住院醫療費用健康保險」或「移工特殊傳染性肺炎(COVID-19)住院醫療費用團體健康保險」。
前述商品雇主可依照引進移工的人數作選擇，人數未滿5人時，僅可投保「移工特殊傳染性肺炎(COVID-19)住院醫療費用健康保險」，每人保險費1051元；滿5人可選擇投保「移工嚴重特殊傳染性肺炎(COVID-19)住院醫療費用團體健康保險」，每人保險費1036元。
投保後的移工，於入境日起30日內，經確診「嚴重特殊傳染性肺炎(COVID-19)」且列為境外移入案例者，將提供最高保險金額50萬元的實支實付住院醫療費用保障，針對實際住院醫療費用，經取得移工授權同意後，可由國泰產險直接給付給醫療機構，減少雇主經濟上及作業上的負擔，移工來台工作更安心。</t>
  </si>
  <si>
    <t xml:space="preserve">歐洲議會12日舉行武漢肺炎議題辯論，有6位議員呼籲支持台灣參與世界衛生組織（WHO）機制及相關防疫會議，再次展現對台灣堅定友誼。
《中央社》報導，新冠肺炎疫情持續升溫，歐洲議會人民黨團上週提出緊急決議草案，獲同意納入本週在歐洲議會總部史特拉斯堡（Strasbourg）舉行的全會議程內。但因有黨團強烈反對並提議撤案，引發議員激烈辯論，最後改採全會辯論但無決議案折衷方案。
6位議員包括徐伊凡（Ivan Stefanec）、索埃德羅娃（Michaela Sojdrova）及歐洲議會對中國關係代表團團長包瑞翰（Reinhard Butikofer）、人民黨團環衛委員會協調人李瑟（Peter Liese）、人民黨團人權小組協調人利馬（Isabel Wiseler-Lima）和內部市場委員會主席沙特（Petra De Sutter），在12日深夜全會辯論時，踴躍登記聲援台灣，呼籲支持台灣參與世衛機制及相關防疫會議，再次展現對台灣堅定友誼。
其中徐伊凡發言完全聚焦在台灣。徐伊凡表示，直到今天，台灣是唯一被世衛會議排除的確診病例的國家。這不僅在全球健康保障體系中造成嚴重差距，而且還破壞台灣人民的基本健康權。台灣是西太平洋最重要的國際樞紐，疾病不分國界，台灣應被納入世衛的所有活動。
包瑞翰表示，國際合作至關重要，「我要明確強調，台灣必須完全納入世衛組織主導的國際努力中。」
沙特指出，沒有哪個國家或組織可以單獨阻止病毒的爆發。歐盟應與會員國及世衛組織、中國政府和包括台灣在內的其他國際夥伴密切合作。
李瑟表示，台灣因意識形態原因被排除在外，但意識形態不應該凌駕於健康之上，中國大陸必須明白這點。
這場辯論會是繼今年一月在布魯塞爾全會首度辯論病毒疫情案後，友台議員再度在全會場合公開為台灣參與世衛案強力執言，具重要意義。
</t>
  </si>
  <si>
    <t>中央流行疫情指揮中心今(5)日公布國內新增6例COVID-19確定病例，分別為2例本土及4例境外移入；另確診個案中無新增死亡。指揮官陳時中表示，今天本土案例兩人為同住夫妻，這兩例都在新北市，衛生單位已經匡列接觸者50人居家隔離。新北市長侯友宜進一步表示，該名確診妻子是幼兒園老師，幼兒園已立即停課、全數居家隔離。
指揮中心表示，今日新增2例本土病例，分別為本國籍40多歲男性(案16128)及本國籍30多歲女性(案16129)，2人為同住家人。案16128於今(2021)年9月1日出現咳嗽、發燒、頭痛及全身倦怠症狀，9月4日就醫採檢，於今日確診(Ct值24)。另，案16129於8月27日至8月29日期間出現咳嗽及味覺異常症狀，9月4日因案16128檢驗陽性，由衛生單位安排隔離並採檢，於今日確診(Ct值17)。衛生單位已匡列2人接觸者共50人，均列居家隔離，另有49人尚待風險評估後再行匡列，其餘相關接觸者匡列中。
指揮中心指出，近期確診個案解隔離情形，5月11日至9月3日累計公布14813位確診個案中，已有13751人解除隔離，解隔離人數達確診人數92.8%。
指揮中心表示，今日新增4例境外移入個案，為3例男性、1例女性，年齡介於20多歲至30多歲，分別自塞爾維亞(案16124)、美國(案16125)、布吉納法索(案16126)及日本(案16127)入境，入境日介於9月2日至9月3日，均持有搭機前3日內檢驗陰性報告。
指揮中心統計，截至目前國內累計2801846例新型冠狀病毒肺炎相關通報(含2784487例排除)，其中16019例確診，分別為1433例境外移入，14533例本土病例，36例敦睦艦隊、2例航空器感染、1例不明及14例調查中；另累計110例移除為空號。2020年起累計837例COVID-19死亡病例，其中827例本土，個案居住縣市分布為新北市410例、臺北市317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 xml:space="preserve">海軍疫情感染擴大，這讓網友不非常不能接受，灌爆國防部臉書，痛批國防部怎能在這時後出這大包，若防疫視同作戰！國防部已陣亡了！個有網友認為，國防部處理新冠肺炎的作為，有可能成為罷免高雄市長韓國瑜的變數。
對於海軍竟成防疫破口，國防部19日在臉書「國防部發言人」表示，將編成專案調查小組，由軍政副部長任組長，納編總督察長室、軍醫局、政戰局、法律司及海軍相關部門，配合疫情指揮中心，強調「公開、透明、信任、專業」最高原則，釐清敦睦支隊任務執行全程各項防疫作為，誠實面對，絕不隱瞞。
但國防部的說法，網友絲毫不領情，要國防部說清楚為何在疫情蔓延時，還要去帛琉敦睦艦隊！更有網友痛批，如果防疫視同作戰！國防部已陣亡了！
更有網友注意到，國防部這個破口，有可能成為罷韓的變數。網友CTC0115於批踢踢發文表示，原本以為新冠病毒救了韓國瑜，但連續兩日的0確診，目前推算到6/6號，疫情若真的降到低點，到那時剛好是大家集體踴躍出來投罷免票的時候，那韓國瑜的得票率或許會再創新高，真的可憐哪！原本心得是要這樣打的，但國防布這麼會說謊，看來韓國瑜的罷免案還有變數。
對此，底下網友認為，「所以你關心的不是疫情，是新冠肺炎會不會影養罷韓大業」、「各基層單位捫心自問，弟兄有症狀連長敢上報嗎」、「兩者都關心」、「放假前說自己不舒服要檢測這會被幹飛吧」！
</t>
  </si>
  <si>
    <t>國內新冠疫情出現趨緩，但仍造成逾6百人染疫病亡。旅美學者林環牆表示，迄6月27日止，台灣確診死亡率高達4.32%。是世界平均確診死亡率2.17%的兩倍，以台灣的醫療進步程度與經濟發展水準言，這個數字太反常了。他對此提出3個疑點，希望台灣的政府能提出合理解釋。
林環牆29日在臉書貼文指出，據美國《約翰霍普金斯大學》的資料顯示，迄6月27日止，台灣新冠肺炎確診死亡率高達4.32%。幾乎是世界平均確診死亡率的兩倍，更大幅超前亞洲鄰國：是日本的2.3倍、香港的2.5倍、南韓的3.3倍、新加坡的72倍。新加坡才是真正的典範。
他感嘆，台灣大外宣「Taiwan can help」 這句口號是不是非常諷刺？當然是。對於政府喊台灣「超前佈署」，他認為，從現況來看，當然沒有。有的話，台灣就不必靠美、日緊急捐助疫苗，而台灣疫苗施打率也不會低到不忍卒睹的地步。
但令他很難相信的是，台灣的確診死亡率竟會是同樣人口高齡化的日本的2.3倍。在台灣感染新冠肺炎的死亡風險為何如此之高？真正的原因為何？
林環牆並提出心中3個疑點，第一，是台灣的偽陰性檢測的數量出奇地多，以致多到不可思議？第二，是台灣篩檢量出奇地過少，以致嚴重低估確診數嗎？第三，還是台灣醫療水平或準備出了問題，以致重症者沒有得到及時治療？這個政權有提出合理解釋嗎？
他也呼籲國人，印度的變種Delta病毒株已出現在台灣，傳播力很強，大家要加倍小心防疫，同時繼續施壓這個不誠實的政府，儘速向美國購買輝瑞與莫德納疫苗。
#台灣新冠肺炎確診死亡率迄6月27日止高達百分之四以上
據美國約翰霍普金斯大學的資料顯示(見附圖)，迄6月27日止，台灣新冠肺炎確診死亡率高達4.32%。以台灣的醫療進步程度與經濟發展水準言，這個數字太反常了：
1....</t>
  </si>
  <si>
    <t>台灣帛琉旅遊泡泡2.0開放旅客前往施打帛琉疫苗，起先提供嬌生、輝瑞與莫德納3種疫苗，但當地的莫德納疫苗迅速用完。帛琉觀光局稍早宣布，10月份可提供旅遊泡泡的旅客選擇輝瑞和莫德納2種疫苗。
根據帛琉衛福部的通知，因莫德納數量有限與避免殘劑，莫德納疫苗提供每班機以最少10位，最多上限為30位旅客，輝瑞疫苗則無此限制。</t>
  </si>
  <si>
    <t>大陸因介殼蟲檢疫從3月1日起暫停台灣鳳梨輸入，突襲式的動作對兩岸局勢投下震撼彈。港媒評論表示，相較1月禁止台灣將含萊克多巴胺肉品輸入大陸，因這次鳳梨產區多在南台灣綠營票倉，蔡政府明顯反應更加強烈。評論質疑，從官方數據可見台灣經濟對大陸極度依賴，民進黨「大內宣」都是假；肉品、鳳梨禁銷陸只是冰山一角，兩岸再不破冰，「民進黨民粹的大內宣能頂多久？」
香港媒體《中評社》27日評論引述農委會的資料，台灣鳳梨1年出口大陸達4萬多公噸，佔其外銷比例的97%，數字相當驚人。評論直言，過去蔡政府一再宣傳，台灣農產品不能只靠大陸，要賣美國、賣日本，還說要新南向，但這份數據直接揭穿了民進黨大內宣的騙術。
評論指出，在台灣大到科技公司老闆、小到鳳梨老農，大家都希望兩岸關係穩定，大家可以平安做生意、過日子，兩岸關係是台灣不得不正視的問題，民進黨忙於政治操弄卻忽視了庶民老百姓「只要求生存」的最卑微要求。
不僅如此，評論坦言：「台灣鳳梨因介殼蟲檢疫被大陸卡關，技術面都是可以處理的，難的是兩岸的政治鴻溝。」內文更痛批民進黨：「還要無腦抗中，逢中必反？」怒指4萬多噸鳳梨都已經賣不出去了，行政院院長蘇貞昌跟農委會主委陳吉仲，開口閉口還是「中國」的叫，如果中國是另一個國家，又何須啟動「兩岸機制」去談？尤其蘇至今仍堅持肺炎前面要加「武漢」，官方通訊社也是這樣，每天嗆來嗆去，搞得現在兩岸最大的問題就是氣氛太差。
針對鳳梨禁銷事件，農委會已回函大陸盼就此事坐下懇談。評論表示，兩岸能重啟協商與接觸是好事，但重點是民進黨政府的「態度問題」，必須真正將民眾的福祉放在政黨利益與意識形態之上，兩岸方能早日破冰共創繁榮。</t>
  </si>
  <si>
    <t xml:space="preserve">世衛組織(WHO)總幹事譚德塞(Tedros Adhanom Ghebreyesus)在通報會上表示，現在對新冠病毒已有更多的瞭解，這次疫情讓全球衛生系統不堪重負，破壞了全球經濟，並導致了社會混亂，估計新冠肺炎的致死率是流感的10倍。
據《新華網》報導，譚德塞表示，今天是世衛組織收到新冠肺炎首批報告以來的第100天，已對這種新的病毒有了更多瞭解。自兩個月前啟動第一個戰略準備和回應計畫以來，情況發生了很大變化。
他指出，全球範圍內的病毒傳播使衛生系統不堪重負，破壞了全球經濟，並導致了社會混亂，估計新冠肺炎的致死率是流感的10倍。希望這個提醒，能讓某些國家重新評估疫情風險，摒棄「疫情政治化」的陰謀，全球合作，共抗疫情。
他表示，雖然大家已經目睹了新冠病毒對發達國家造成的危害，但它在更貧窮和更脆弱的國家可能造成的破壞仍未完全顯現。「我們承諾盡我們所能來阻止這一切的發生。在這條(抗疫)路上，我們還有很長的路要走。」
</t>
  </si>
  <si>
    <t xml:space="preserve">（16：00更新）韓國今（4）日下午再新增293確診，累計境內共5,621人染疫。值得注意的是，目前感染人數中，將近7成屬於集體感染。
韓聯社報導，韓國中央防疫對策本部部長鄭銀敬今日表示，韓國境內新型冠狀病毒確診病例中，65.6%和集體感染有關。
當中，以大邱新天地教會的感染數占最多，多達2,583例，占當地確診數的64.5%；忠清南道一間舞蹈教室有80人確診；釜山市溫泉教會有33人確診。
韓國今（4）日上午宣布，昨（3）日單日激增516確診病例，累計境內確診數攀升至5,328人，死亡案例升至32人。此外首爾當局今日宣布，擬再額外投入11.7兆韓元抗疫（約新台幣2,951億元）。
韓聯社報導，韓國中央防疫對策本部今日上午宣布，統計至3日午夜12時，韓國境內新冠肺炎確診數目攀升至5,328人，扣除昨日上午宣布的4,812人，換句話說，韓國單日確診數激增516人。
新增病例中，405例發生在爆發新天地教會的大邱市，89例發生在鄰近的慶尚北道，至今，大邱市已有4,006人確診，慶尚北道774人染疫。此外，韓國前兩大城市首爾及釜山，目前分別有99及93人確診。
值得注意的是，大邱市疫情已不再侷限在新天地教會，當局表示，當地已出現令人擔憂的社區傳播現象，當局將擴大對一般市民篩檢。
此外，中央防疫對策本部也表示，昨日再新增4例死亡病例，累計韓國境內共有32人因新冠肺炎喪命，中央防疫對策本部表示，死者多為年長者，且本身就有其他疾病。
除此之外，韓國國防部今日宣布，軍隊再新增3例確診，累計韓國部隊已有34人染疫。
為因應疫情惡化，韓國政府擬再追加11.7兆韓元預算，對抗疫情。韓聯社報導，首爾當局今日召開臨時國務會議，敲定這項補充預算，預計於5日提交國會表決。報導說，這是韓國政府7年來制定的最大一次補充預算，甚至超越2015年中東呼吸症候群（MERS）制定的預算規模。
另外，美國總統川普昨日表示，正在緊盯韓國新冠肺炎疫情發展，將在適當時機宣布，是否對韓國祭出入境限制。目前，美國已要求所有自韓國機場起飛的飛美直航班機，起飛前對所有旅客進行掃描及多次體溫量測。
</t>
  </si>
  <si>
    <t xml:space="preserve">一名領有台灣身分證的女子，昨（14日）從上海搭機返台在松山機場入境，並在機場收下「居家檢疫通知書」，卻仍搭乘高鐵回高雄，遭高雄市衛生局開出舉發單，需在10天內陳述正當理由，否則最高開罰15萬元。
據向高雄市衛生局向「中央社」表示，該女子返台後未出現新冠肺炎症狀，在機場收下「居家檢疫通知書」，因通知書上有標示不可搭乘運輸交通工具，女子仍搭乘高鐵南下左營，衛生局因而對她開出舉發單。
據了解，這名女子應依規定居家檢疫14天，不過她卻自行搭乘高鐵南下高雄，並在高鐵站內打電話叫他老公接她回家，電話內容被其他旅客聽到，經通報高鐵公司、鐵路警察後，中央疾管單位隨即通知高雄市衛生局，在女子尚未到家前，已在家門口前堵她，並當場開立舉發單
高雄市衛生局疾病管制處表示，該女子違反傳染病防治法第58條第1項第4款規定，並依同法第69條開罰1萬元至15萬元的罰鍰。女子收下舉發單後，依規定可在10內陳述正當理由，否則最高將被開罰15萬元。
對此，高鐵公司提出二點說明：
1. 本案因可能涉及違反傳染病防制法相關規定，高鐵公司於接獲通報後，除立即通知鐵路警察外，並針對該旅客搭乘之列車及行經動線進行加強消毒。
2.高鐵公司再次呼籲旅客若已接獲「居家檢疫」、「居家隔離」通知者，依照規定不得搭乘大眾交通工具，高鐵公司也將積極配合政府防疫措施，以維護旅客安全。
</t>
  </si>
  <si>
    <t>拜登政府為了向全球展示美國對抗氣候變遷的決心，積極推動立法加速減碳，而最新目標轉向冷媒。美國環保署（EPA）近日頒布新法，目標在未來15年將冷媒採用的氫氟碳化物（HFCs）供應量減少85％。
去年12月美國國會通過規模2兆美元的新冠肺炎紓困法案時，已包含制定相關氣候法規的命令。今年5月美國環保署依照命令提出減少氫氟碳化物供應的新法規，經過數月公眾評論期後，在9月23日公布最終版本。
最終版本目前只明定氫氟碳化物逐步汰換的階段性過程與實施辦法，估計在10月1日前補足更多法規細項，並建立交易制度讓氫氟碳化物用量大的企業與用量小的企業進行交易。
根據最終版本，美國二氧化碳排放量將自2022年至2050年減少45億公噸，相當於2019年美國發電排碳量的3倍。美國企業將因減碳而省下法規成本，而政府也能省下氣候變遷對策的公共支出，估計2022年至2050年美國將因此創造2,720億美元經濟效益。
今年5月環保署提出的最初版本估計2022年至2050年二氧化碳排放量減少47億公噸，並創造2,840億美元經濟效益。環保署長雷根（Michael Regan）表示最終版本的差異主要來自公眾評論期收集到的各方意見。雷根表示：「新法規向全世界展現美國全力投入氣候變遷議題的決心。」
新法規獲得美國化工製造業廣泛支持，因為近年業者投入龐大資金發展較環保的替代冷媒。然而，替代冷媒的品質不一且市場尚未普及，令專家擔心新法上路後將使供應商及顧客面臨漲價的過度期。
雖然氫氟碳化物不像上一代冷媒採用的氟氯碳化物（CFCs）那樣破壞臭氧層，但依舊屬於高汙染性的溫室氣體。責任大氣政策聯盟估計，新法上路可能使冷氣及其他冷卻設備價格上漲2％，與當年氟氯碳化物汰換期的價格漲幅相當。</t>
  </si>
  <si>
    <t>飛特立航空遭檢舉安排非編制內員工施打疫苗，交通部民用航空局漏夜比對員工名冊、健保資料等相關事證後，確認疫苗施打名冊中，有16位非現有編制員工，因此舉已違反規定，將依違反傳染病防治法，移請主管機關從嚴處罰。
民航局本月25日接獲檢舉，指飛特立航空提報的疫苗施打名單中，有並非現職員工與高階主管家屬，民航局除要求飛特立航空提出說明，並派員實地檢查，攜回相關資料比對後，於今早完成調查。
民航局表示，飛特立自4月12日起至今，提報的疫苗施打對象共有106人，經民航局逐一比對員工名冊、健保資料與員工工作內容等相關資料後，確認其中16人並非飛特立現有編制內員工，飛特立提報的疫苗施打名冊，確實違反規定。
民航局表示，進一步瞭解後，這16位違反規定人員中，有4位為7月1日才要到公司任職的新進人員（含1位實習生），另12位為公司監察人、兼職人員與該公司執行空拍等業務往來對象。雖然業者解釋這些人員均因頻繁進出機場，確實有施打疫苗需求，但民航局仍認定屬不符合規定。相關調查結果，將立即依違反傳染病防治法，移送主管機關從嚴處分。
民航局表示，航空業相關從業人員疫苗持續施打中，最近獲配的1萬劑莫德納疫苗，上週起也陸續在桃園機場、松山機場等地施打，1萬劑莫德納疫苗中，飛特立獲配8劑，民航局比對資料後，前述16位非現職員工，有4位施打莫德納疫苗。
民航局表示，航空業從業人員人數眾多，施打對象與優先順序，均由業者造冊提報並列出優先順序，後續除持續要求造冊單位需確實依照相關規定提報名單並依優先順序施打疫苗外，也已要求業者應充分向員工說明排序原則與方式，避免尚未施打的員工產生誤解。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新加坡是東南亞交通樞紐，往來旅客眾多，由於新冠肺炎持續延燒，致使新加坡疫情越發嚴重，截至16日為止患者已多達72例，當地許多活動紛紛取消，其中包括蕭敬騰（老蕭）原定4月18日的演唱會；至於韋禮安3月28日在金沙會議展覽中心的演唱會，以及林宥嘉的「idol」4月25日新加坡站，目前都按原訂計劃舉行。
受到疫情影響，新加坡今年入境遊客人數和消費預計下降三成，粗估每天損失1.8萬至2萬人次的旅客，各行各業連帶受到影響；在這波經濟風暴中，新加坡當地僅剩少數公開活動照常進行，包括韋禮安的「而立」演唱會，以及林宥嘉的「idol」演唱會。
韋禮安演唱會的主辦單位日前聲明表示，「我們的歌迷朋友，藝人和工作人員的健康安全始終是我們的重中之重，將持續關注當地衛生局的防控建議」，強調目前處於特殊時期，生命為重、防疫為重，隨時採取進一步措施。韋禮安的經紀人16日表示：「現在疫情狀況難說，也是且看且走。」會隨時留意當地狀況，配合新加坡政府防疫措施；而林宥嘉所屬唱片公司華研也確認新加坡場照常舉行，不排除視當地疫情隨時變動，「但目前都還沒有取消或延期的消息，主辦方還在看情況」。
</t>
  </si>
  <si>
    <t>新冠肺炎疫情影響民眾出遊興致，卓蘭柑橘買氣明顯衰減，坪林社區自力救濟，將今年賣不完的桶柑加工製成果乾，獨家技術去除表皮精油苦澀味，保留柑橘的酸甜滋味，再透過網路銷售，除拓展銷路、延長農產銷售時間，也期望替社區打出品牌。
苗栗縣卓蘭鎮有水果王國之稱，農民多以販賣鮮果為主，農曆年前陸續出產的桶柑，受到今年過年較早影響，產期採收不完，果農原想留到過年後繼續採收，開放遊客到產地採果、購買，沒想到新冠肺炎疫情升溫，遊客不如預期，桶柑除價格下跌，也出現賣不完的窘境。
剛上任的坪林社區理事長黃豐民嘗試開發多元化產品，去年製作手工果醬，今年再研發柑橘果乾，他將品質高但賣相差的桶柑，透過川燙、醃製、低溫風乾等方式製成果乾，光是去苦的工法就得花1天1夜，鮮果製成果乾平均得花4天，雖是連皮帶肉入口，卻沒有柑橘表皮精油的苦澀味，「這就是與眾不同的關鍵！」。
黃豐民指出，果乾常見於網路販售，但多以柳橙為主，用柑橘當原料的比較少見，透過加工技術，不但能延長銷售期，還能增加銷路與產值，若成功得到市場青睞，包含水梨、草莓等當地水果都能再加工創造利潤，希望透過網路行銷以社區名義大量推廣，吸引社區果農加入加工的行列。</t>
  </si>
  <si>
    <t>「有線電視新聞網」（CNN）、「半島電視台」（Al Jazeera）等外媒26日報導，為避免來自印度的Delta新冠肺炎（COVID-19）變種病毒繼續傳播，澳洲已下令擴大封城範圍，除原先的第一大城雪梨（Sydney）和其東部郊區外，將進一步包含更廣泛的周邊地區。
報導指出，衛生當局表示，由於新感染案例持續增加，讓政府需要擴大封鎖範圍。新南威爾斯州州長貝雷吉克利安（Gladys Berejiklian）已宣布，雪梨周邊的藍山（Blue Mountains）、中央海岸（Central Coast）和臥龍崗（Wollongong）等地區，將同樣進入封鎖狀態，持續到7月9日。
「半島電視台」指出，先前的封城集中於雪梨商業區和東部郊區，影響約100萬人；但在封鎖令進一步擴大後，估計約有500萬人的行動受到限制。貝雷吉克利安在記者會中強調，由於情況惡化程度超出預料，讓政府「不得不做出此決定」，並說在面對如Delta這類高傳染性的變種病毒時，短期封鎖「是行不通的」。
在封城期間，除無法在家中進行的工作或學業、採購民生必需品、就醫、總人數低於10人的戶外運動之外，其餘理由皆不得外出；新南威爾斯州的其他地區也會對公眾集會進行限制，最多僅允許5名訪客進入家中，室內須配戴口罩，並重新啟動每人4平方公尺範圍的社交距離規定。
繼先前宣布暫停與新南威爾斯州的免隔離旅遊泡泡之後，紐西蘭也已決定，將進一步暫停與澳洲全境的旅遊泡泡，持續至29日；21日起到過澳洲者則須接受病毒檢測。</t>
  </si>
  <si>
    <t>疫情加速醫藥創新，新藥技術開啟產業獲利之窗，帶領生技醫療產業未來成長可期。法人指出，新冠疫情加速全球醫藥革命，倘若未來疫情流感化，抗疫商機除各類疫苗外，治療新冠確診者的主力藥物未來銷售前景亦十分樂觀。
目前藥廠持續致力技術發展，包括mRNA技術平台、癌症免疫療法、抗體藥物、基因編輯藥物等，挹注相關個股未來營運動能及投資潛力，再加上大廠在手現金充沛，近期有機會加速併購動作，生技醫療基金短中長期題材源源不絕。
新光全球生技醫療基金經理人李淑蓉表示，2021年6月以來那斯達克生技指數（NBI）表現強勁，指數一度創新高，上漲原因除阿茲海默症、與基因編輯藥物有重大進展，還包括疫苗股納入標普指數、接獲大單、各國擴大疫苗適用年齡等利多不斷。
近期美國FDA又正式批准輝瑞BNT新冠疫苗，使其成為全球首支獲美國藥證的授權疫苗，預估未來將大幅提昇民眾主動接種意願、或地方政府、企業、學校等一波波強制施打令，皆可直接帶動疫苗另一波銷售動能。
李淑蓉也相當看好治療新冠肺炎的新藥，例如藥廠再生元製藥、禮來製藥之抗體類藥物已在美國、英國、日本等國陸續獲批上市，或獲得緊急使用授權，適用於早期治療，可降低患者發展為重症，隨著近幾個月全球新冠確診人數上升，相關廠商接單狀況也呈現爆發狀態，而此類藥物未來甚至有機會達到預防新冠肺炎的功用。
法人分析，生技創新技術包括mRNA平台、阿茲海默症藥物、癌症免疫療法、抗體藥物、基因編輯藥物等，今年陸續帶動生技類股表現，具備明星級產品及下一代突破技術的中小型生技製藥股，投資前景備受期待，若透過基金投資團隊主動選股，更能深度挖掘這類潛力新星、掌握上漲契機。</t>
  </si>
  <si>
    <t>台中市北屯區大坑里家庭群聚感染累計21例確診，首例72歲婦人（案7527）的78歲染疫丈夫（案7928）2日過世，成為中市首起新冠肺炎重症死亡個案。市長盧秀燕說，疫情期間民眾遭遇生離死別，她感同身受；市府將成為市民強力後盾，全力協助家屬各項治喪事宜，請市民安心防疫。
民政局長吳世瑋指出，中市首起死亡個案遺體3日已移往大甲殯儀館火化場進行火化，因家屬3個兒子和3個媳婦都在隔離治療中，由住在外縣市女兒處理後事；目前往生者骨灰先由葬儀業者收置暫厝，4日將移往潭子生命紀念館進塔。
吳世瑋說，往生者遺體依「傳染病防治法」規定，需於24小時內火化。若往生者家眷尚在隔離中，無法親自處理喪葬事宜，市府就啟動急難救助；市府將以電話聯絡授權人，協助火化、骨灰暫厝安置等，待家眷居家隔離期滿，再交由家眷處理後續事宜。
吳世瑋強調，台中市目前有2座火化場，分別附設於東海及大甲殯儀館，一經接獲確診者遺體，現場防疫小組即刻啟動防疫機制；由穿著全套防護設備人員執行棺木火化作業，立即就棺木行進路線及其周邊環境設備採嚴謹高規格消毒作業，落實防疫作為，提升殯葬環境防疫能量。</t>
  </si>
  <si>
    <t>大陸國家衛健委21日公布數據顯示，6月20日0～24時，31個省（自治區、直轄市）和新疆生產建設兵團報告新增確診病例26例，其中境外輸入病例1例（在福建），本土病例25例（北京22例，河北3例）；無新增死亡病例；新增疑似病例3例，均為本土病例（均在北京）。
當日新增治愈出院病例3例，解除醫學觀察的密切接觸者397人，重症病例與前一日相比增加2例。
境外輸入現有確診病例82例（其中重症病例1例），無現有疑似病例。累計確診病例1,869例，累計治愈出院病例1,787例，無死亡病例。
截至6月20日24時，據31個省（自治區、直轄市）和新疆生產建設兵團報告，現有確診病例331例（其中重症病例15例），累計治愈出院病例78,413例，累計死亡病例4,634例，累計報告確診病例83,378例，現有疑似病例13例。累計追?到密切接觸者756,965人，尚在醫學觀察的密切接觸者6,339人。</t>
  </si>
  <si>
    <t xml:space="preserve">即使陸官方一再強調早已第一時間通報世界衛生組織疫情訊息，但至今仍遭多個國家懷疑隱瞞資訊，美方更揚言要對可能是病毒起源的武漢病毒研究所展開實地調查。至於WHO是否會對該研究所調查， WHO駐陸代表高立（Gauden Galea）表示，「至今我們仍未收到邀請」。
據英媒《每日快報》報導，高立（Gauden Galea）在接受《天空電視》專訪時表示，「我們大陸正在進行全國性調查，但現階段WHO仍未接收到相關邀請參與，我們期待在近期能受邀進行相關合作」。被問到是否受邀赴陸調查，高立也表示，目前為止沒有，WHO正在向大陸國家衛生健康委員會及相關當局提出參與要求。
高立說，WHO無法從「武漢病毒研究所」和「武漢市衛生健康委員會」兩個實驗室取得研究日誌進行調查，而這些實驗室的日誌應成為任何全面觀察病源的完整報告一部分。他也強調，沒有理由將WHO排除在調查之外，「從我們的角度來看，沒有理由這樣做」。
對於1月疫情爆發之初武漢通報有41起病例，高力也懷疑，「如此規模的疫情，病例數不太可能停留在41例。不過，還有更多病例嗎？這是中國必須回答的問題。」
高立表示，病毒的起源非常重要，特別是動物與人類之間的交互作用，更需要多加研究。現階段優先的是，我必須盡可能了解病毒，以防止疫情再次爆發。
</t>
  </si>
  <si>
    <t>日本捐贈124萬劑新冠肺炎疫苗給台灣，大陸國台辦也表態要捐疫苗，對此，行政院長蘇貞昌今（4日）下午回應，大陸疫苗依目前我國法律是不能進來。
蘇貞昌說，對於任何關係國人健康的疫苗，政府都以非常嚴謹的態度，注重安全性、有效性，同時用科學檢驗，並且要符合法律規定。大陸疫苗依目前我國法律是不能進來，同時中國對於所生產的疫苗，相關的資料、數據都不給外界清楚瞭解，也沒有辦法知道它的安全性、有效性。</t>
  </si>
  <si>
    <t>北京市新型冠狀病毒肺炎疫情防控工作第229場新聞發佈會今天舉行，北京市疾病預防控制中心副主任龐星火通報，今天（8月2日）0時至15時，北京市新增1例京外關聯本地新冠肺炎確診病例，為7月29日公佈確診病例的密切接觸者。這名新增確診病例住在海淀區國興家園，目前國興家園小區周邊相關社區及單位已經封控，共涉及人員1萬多人。
新華社報導，確診病例住址為北京市海淀區首體南路20號國興家園。7月25日從長沙南站乘坐高鐵G486赴北京，當日21時26分到達北京西站，出站後乘坐私家車至海淀區國興家園。
7月29日病患主動向社區報備並按要求進行集中隔離觀察，首次核酸檢測結果為陰性。自述其7月30日出現咳嗽等症狀，7月31日出現發熱症狀，8月1日核酸檢測結果為陽性，轉至定點醫院，綜合流行病史、臨床表現、實驗室檢測和影像學檢查等結果，8月2日診斷為確診病例，臨床分型為普通型。
北京市海淀區人民政府副區長林航表示，疫情發生後，海淀迅速集中隔離密接人員。目前，已將國興家園六號樓所有人員全部判定為密切接觸者並落實相關管控措施，將進一步對7月26日以來曾到訪國興家園的人員進行密接排查。
林航說，目前國興家園小區周邊相關社區及單位已經封控，共涉及人員1萬多人。封控區域內所有單位和公共場所全部關停，人員只進不出，嚴格落實管控措施。同時，立即啓動全員核酸檢測。截至目前，已採集樣本4500例，檢測結果待報。
龐星火表示，北京市已出現多個京外關聯本地確診病例，疫情防控處在關鍵階段。提醒廣大市民，近期到過南京市、張家界市、鄭州市等中高風險地區的返京來京人員，或通過各種渠道得知自己可能是密切接觸者的人員，請務必主動向所在社區（村）及單位報告。</t>
  </si>
  <si>
    <t xml:space="preserve">美國總統川普周三說，他認為北京處理新冠肺炎疫情的方式足以證明，中方「無所不用其極」，就是要讓他在11月總統大選爭取連任時吃敗仗。
據路透29日報導，川普在橢圓形辦公室接受專訪時說，他正就北京處理新冠肺炎疫情的後果，考慮種種不同的選項，他說：「我可以做的很多。」
至今美國感染新冠肺炎的人數已突破百萬大關，而死亡也超過6萬人，雙雙高居世界第一。川普已加強火力，怪中國大陸掩蓋疫情，以致造成全球大流行，也使美國經濟陷入嚴重衰退，危及他再連任4年的希望。
川普經常受到指責，說他沒有及早採取行動，讓美國準備好因應新冠病毒蔓延。不過，這位共和黨總統說，他認為，中方當初應該更積極，也更早早讓世界知道新冠肺炎病毒。
當他被問及，是否考慮利用關稅，或甚至勾銷債務來對付中方時，川普卻不願明說。「我能做的事很多，」他說，「我們要了解事怎麼回事。」
「中國會無所不用其極，讓我輸掉這場大選，」川普說，他認為，北京希望民主黨對手拜登（Joe Biden）贏，以減輕他為貿易和其他議題，而對中方施加的壓力。 此外，川普也說，韓國已同意為防務合作協議支付更多經費，但不願透露實際金額。
</t>
  </si>
  <si>
    <t>國內疫情不斷升溫，繼18日新增確診數「＋0」後，20日新增5例確診，包括東海大學、朝陽科大、潭子、沙鹿等5人確診，幸疫調都有國內熱區旅遊史，其中東海大學大一男生和萬華來的朋友吃飯後即發燒經採檢確診；但先前大里確診2例感染源不明的68歲豆漿伯、45歲食品業務檢體送昆陽實驗室證實是偽陽性，已解隔離；台中市政府也將在下午三點記者會公布確診者足跡。
台中新增2名大學生確診，東海大學住校大一學生因曾和萬華來的朋友用餐，18日凌晨高燒到39度緊急救醫採檢確診，目前已收治在負壓隔離病房治療，但因為他是住宿生，所以確診消息傳出後整個宿舍生都相當恐慌。
朝陽大學女學生則是17日因為喉嚨疼痛難耐就醫被確診，校方稍早已經證實學生確診並啟動防疫政策。而19日新增的病例還有潭子、沙鹿有旅遊接觸史的個案，目前都收治在隔離病房，病況穏定。另，稍早傳出平等國小女籃隊47人曾入住萬華一間飯店，今將進行快篩。有關平國國小女籃隊一行人在萬華的相關足跡與疫情調查結果，台中市衛生局將在下午3點防疫會議中回應。
而平等國小女籃隊5月9日至12日代表台中市參加教育部全國國小籃球聯賽，一行47人在上周曾入住萬華一間飯店，其中5人出現症狀，台中市衛生局強調目前並未確診，中由衛生局副局長陳南松率組防疫小組，率領防疫醫療團隊到梨山組成「前進指揮所」，將針對全校師生與相關接觸家長進行快篩。</t>
  </si>
  <si>
    <t>歐洲職業足賽因為新冠疫情幾乎全面停擺，不少球隊也盼球員暫時降薪共體時艱。不過瑞士俱樂部錫永在協商後，因為部分球員拒絕減薪，竟一口氣砍掉9名一線隊球員，讓瑞士足球員工會（SAFP）痛批「粗暴」。
「如果發生危機，老闆更應該照顧你的員工，」SAFP主席瓦洛尼（Lucien Valloni）表示無法接受錫永的處置，「你不能拿槍指著他們的頭，跟他們說24小時內決定是否接受減薪，如果他們不願意，這其實是他們的權利，結果就是開除，這真的太粗暴了！」
就像各國頂級聯賽一樣，瑞士超級聯賽目前也是停賽狀態，各隊都蒙受鉅額損失。瓦洛尼認為，現在考慮減薪還太早，俱樂部應該更大方向的尋求解決方案，錫永直接砍人是很不好的示範，也無助於團結。
錫永老闆康斯坦丁（Christian Constantin）則直言，「我跟球員說，他們所減少的薪水，可以養2、3個每天努力救人的護士。當所有人都在努力的時候，我沒有必要留下那些不願意努力的球員。」
其實康斯坦丁本來就頗有爭議，從2003年入主錫永迄今，聘用過的教練人數多達40人。2018年他還曾經因為掌摑電視名嘴而被停權14個月，後來處分減至9個月。錫永在2011年曾因排不合格球員上場，被踢出歐霸聯賽，2018年則因為拖欠別隊轉會費，被歐洲足賽禁賽1年。
瓦洛尼說，即使是這麼有爭議的康斯坦丁與錫永隊，直接開除球員這事也做得太過了，他強調即使沒有比賽，球員並不是沒事幹，「他們仍有個人訓練課程，即使待在家裡，他們還是在工作，為什麼他們不該領薪水？」</t>
  </si>
  <si>
    <t xml:space="preserve">盧廣仲去年舉行「大人中」世界巡迴演唱會後，原定今年將舉行2020春季巡演，於北中南Legacy舉行4場演出，不料近期新冠肺炎肆虐全球，盧廣仲所屬添翼音樂10日晚間於臉書發文，考量疫情發展與不確定性，確保每位觀眾與演出人員之健康安全，不造成醫療人員的負擔，經評估後決定延後本次四場演出。
盧廣仲也發文表示：「謝謝大家的體諒與支持。希望所有人平安健康，疫情早日結束！」許多粉絲也相當體諒，紛紛留言「等你」、「健康最重要，大家要帶著健康的身體再見面」、「晚點見也還是會見的」，也有粉絲敲碗盧廣仲開直播「我們乖乖等待，偶爾直播也是很可以的唷」。
公告指出，盧廣仲春季巡迴演唱會3/29台中Legacy、4/11高雄LIVE WAREHOUSE、4/18台北Legacy、4/19台北Legacy場次，目前將延後舉行，延期後之新演出日期將與場館方協調後公告，已購票者可保留原票券至新的相對應場次進場，尚未取票者，為避免票券遺失可延至近新演出日前再取票。如因改期而無法參與者，可辦理退票，退票辦法將與新的演出日期一併公告，造成不便，敬請見諒。
</t>
  </si>
  <si>
    <t xml:space="preserve">第73屆世界衛生大會(WHA)一致通過歐盟提出的應對新冠疫情決議案後，傳出大陸「被迫」加入成為共同提案國。大陸外交部發言人對此表示，個別媒體此一說法完全是的無稽之談。中方支持世衛組織應對疫情工作進行評估，但不應將病毒溯源問題政治化，評估也必須逐步、公正、獨立和全面，不能被少數國家壟斷。
在20日大陸外交部記者會上有媒體提問稱，第73屆世界衛生大會通過了歐盟提出的應對新冠疫情決議，中方對此有何評論？中方為何參加共同提案國？
發言人趙立堅表示，第73屆世界衛生大會一致通過了新冠疫情決議，中方表示歡迎。中方希望世衛大會剛剛通過的這個決議能夠得到全面和準確的貫徹。
他說，決議明確認可和支援世衛組織發揮關鍵領導作用，呼籲會員國防止歧視、汙名化作法，打擊錯誤、虛假資訊，在研發診斷工具、診療方法、藥物及疫苗、病毒動物源頭等領域加強合作，並適時對世衛組織應對疫情工作進行評估。這些均符合中方立場主張，也是國際社會絕大多數國家的共同願望。因此，中國不僅參加了協商一致，而且同140多個國家一道，是這個決議草案的共同提案國。
趙立堅指出，關於病毒溯源問題，決議將溯源研究範圍嚴格限定在查找動物來源、中間宿主和傳播途徑，目的是為了國際社會未來更好地應對疫情，這也是世衛組織和譚德塞總幹事提出的建議。的確，有個別國家在磋商中要求將病毒溯源作為優先事項，但絕大多數國家認為當前重點是疫情防控，不贊成將病毒溯源作為優先事項，拒絕了有關措辭。這說明將溯源問題政治化根本沒有市場。
他表示，關於對世衛組織進行評估問題，決議提出評估由世衛組織總幹事同會員國協商後進行，世衛組織曾對甲型H1N1流感和伊波拉應對工作進行評估，這是世衛組織在每次應對重大疫情後的慣常作法。決議要求評估進程是逐步、公正、獨立和全面的，這四個詞十分重要，意味著評估不能被少數國家所壟斷。
趙立堅說，至於個別媒體造謠說中國大陸「被迫」參加決議共同提案國，這完全是無稽之談。事實是，中國同大多數國家一道，堅決打掉了個別國家將溯源和評估問題政治化的企圖，確保了決議的客觀公正。在這個情況下，我們主動參加了決議的共同提案國。我們奉勸個別國家，不要再編造謊言，為自己的失敗尋找藉口了。
</t>
  </si>
  <si>
    <t>印度變異株（Delta）侵襲之下，新冠肺炎突破性感染頻傳，許多國家也開始接種第3劑疫苗。近期一項刊登於《新英格蘭醫學雜誌》針對BNT疫苗的研究指出，接種第3劑疫苗可提升對Delta的保護力，尤其對年長族群更為明顯。學者指出，BNT第3劑的接種是有必要的，特別是針對年長者，不過在思考第3劑之外，也要將其他策略，如混打、次世代疫苗納入考量。
台大公衛學院團隊今分享國際針對完整接種、第3劑疫苗的研究，台北醫學大學口腔衛生學系教授嚴明芳分享一項刊登於《新英格蘭醫學雜誌》的研究，該研究分析了以色利4868名接種2劑BNT疫苗的醫院工作人員，發現完整接種半年後，IgG抗體濃度顯著降低，而中和抗體濃度則是於2劑疫苗施打後前3個月迅速下降，之後維持穩定，且男性中和抗體濃度較女性低、65歲以上老年人較45歲以下年輕人低。
另一篇同刊登於《新英格蘭醫學雜誌》的研究，則分析了美國18-85歲完整接種8個月後施打第3劑BNT疫苗的民眾，並將其區分為年輕和年長者。公衛博士張維容表示，研究發現，不論是針對武漢株或Delta，在接種第3劑BNT後1個月，中和抗體的濃度都較完整接種後1個月上升，對年長族群更是大幅提升。
在Delta保護力方面，針對年輕族群，原本完整接種後1個月，對Delta的保護力將下降22％，但接種第3劑後，保護力下降的幅度變低，顯示對Delta的保護力提升。年長族群方面，對Delta保護力的下降則從37％，減少至8％，顯示效果對年長者更為明顯。
台大公衛學院教授陳秀熙表示，BNT第3劑的接種是有必要的，特別是年老族群。面對Delta病毒，在思考第3劑之外，也應考慮其他策略，如混打及未來的次時代疫苗，台大公衛團隊未來也會就此提出進一步分析。</t>
  </si>
  <si>
    <t>今天中午有26.5萬劑AZ到台灣，效期到今年12月7日使用上沒有問題，目前訂貨的1000萬來了267萬劑，AZ疫苗包括日本贈送的有500多萬劑、近600萬劑。
中央流行疫情指揮中心指揮官陳時中表示，依目前進貨量來，AZ疫苗主要安排在第七輪接種，主要是擴大第一劑量能，也會保留一定比率給想要第二劑的長者施打。
近來有教師團體反映8月新進教師、代理教師沒有疫苗可施打，近來教育部造冊施打疫苗，外界關心是哪個廠牌的疫苗，中央流行疫情指揮中心指揮官陳時中表示，「分的是AZ疫苗」。
陳時中今天表示，針對今年8月1日後新進教師、代理代課教師、實習教師、特教助理員、團膳業者服務等人員，總共配了2萬9600劑，已經在8月26日配送下去。
陳時中指出，這兩天會跟大家來報告第七輪施打規劃，在等疫苗有沒有到，有期待但沒把握，要確定量能比較好，希望在可以的範圍內不用一直改。</t>
  </si>
  <si>
    <t xml:space="preserve">新冠肺炎肆虐，歐洲成為重災區，總統蔡英文日前宣布捐贈歐美1000萬片口罩，其中包含歐洲700萬片，我國駐德代表謝志偉指出，他一整天不斷接到國會議員來致謝，甚至也對台灣被排除在世衛組織之外感到不能接受，這些外界回饋，讓他感動直呼，「眼淚先不爭氣地流了下來」。
謝志偉今日晚間在臉書表示，基於人道考量、防疫合作、回饋感恩、理念相同等因素，蔡英文總統宣布向來友我的歐盟德國、法國等災情較重的國家共捐700萬個口罩後，他整天不斷接到朋友、國會議員的感謝及感動之意。
謝志偉透露，德國各大電視媒體都報導，甚至有跑馬燈跑不停，社群網站上的留言除了感謝之外，也對台灣被排除在世衛之外感到無法接受，感到憤怒之外也鼓勵台灣別放棄。
對上述種種回饋，謝志偉回應，「一瞬間，彷彿台灣人數十年來忍受的委屈與奮鬥的勇氣都被看到了。而我，眼淚卻先不爭氣地流了下來，我台灣，我驕傲」。
</t>
  </si>
  <si>
    <t xml:space="preserve">刑事局偵查第三大隊楊姓偵查員，20日因腹瀉，請假前往台北醫學大學附設醫院就醫並且在戶外篩檢區採樣核酸檢測，23日下午1時左右衛生單位通知楊員新冠肺炎核酸檢測(PCR)陽性確定。這是新冠肺炎疫情以來，全國刑事龍頭首名確診個案，未料昨天晚間又有一名同大隊警官快篩後呈現陽性反應，但兩人並未有接觸史，目前進行PCR檢測。
昨天刑事局三大隊一名偵查員染疫消息傳出後，刑事局立即通知廠商於晚間7時至辦公室消毒及期間與該員有接觸者進行自主健康管理，至醫院抗原快篩或PCR核酸檢測及居家、分流辦公等作為。
未料又有一名新進警官，在進行快篩後出現陽性反應，讓刑事局大為緊張，立刻清查兩人是否有接觸史，但因該為警官與楊姓偵查員不同隊，並未有接觸，因此為何呈現陽性反應，仍有待進一步調查足跡後釐清。
刑事局說，正依規定調查楊員近日足跡及密切接觸對象，於衛生單位通知後續處理方式前，先予接觸同仁休假、停止上班居家隔離，後續將依衛生機關指示及相關規定辦理匡列快篩，並啟動異地、分流及居家上班等機制，以確保勤務運作及保護員警健康安全。
初步了解該員近來無萬華接觸史，是否因外出調閱監視器、跟監埋伏染疫，仍待釐清。
昨刑事局獲知楊員確診，昨晚緊急針對辦公大樓清潔消毒。該大隊包括大隊長等25名官警，也全數至醫院快篩檢測。
刑事局正配合衛生單位，調查楊近日足跡及密切接觸對象，包括同事等人，匡列居家隔離，並根據警政署規定，依程度啟動異地、分流及居家上班機制。據了解，15日雙北三級警戒，地檢署暫緩專案，楊大多待在辦公室，但仍有外出調監視器、布線埋伏，疫調足跡釐清中。
</t>
  </si>
  <si>
    <t xml:space="preserve">
財政部8日公布2021年1月進出口統計，1月出口值為342.7億美元、創下史上單月新高，年增率則為36.8％，出口連七紅順利達陣。官員分析，關鍵在春節因素，2020年春節假期在1月底、但2021年為2月中，一來一往多三天統計日數，加上電子業維持多頭趨勢、傳產回溫跡象未減，因此延續出口好成績。
官員分析，新冠肺炎出現變種病毒仍是目前全球經濟最大變數，尤其外國封鎖措施未解除，牽制經濟復甦腳步，惟我國出口動能在四大利多領航下維持高檔，包括遠距商機火紅、iPhone 12手機銷售超乎預期、原物料行情走升，還有傳產貨品供需提升。
2021年1月進口值280.8億美元同為我國史上單月新高，年增率為29.9％，其中以農工原料、電子零組件進口力道強勁，可見廠商備貨需求不減反增，在5G新興應用與電子新品備貨需求未減，加上中國大陸農曆春節前還有一波拉貨潮，預計我國2021年首季出口動能仍能維持正成長態勢。</t>
  </si>
  <si>
    <t>美國藥物開發商諾瓦瓦克斯(Novavax Inc)週五表示，英國將購買6000萬劑其冠狀病毒疫苗候選產品NVX-CoV2373，用於該國的3期臨床試驗。
諾瓦瓦克斯在一份聲明中說，該公司與英國政府將合作進行該試驗，以評估該疫苗在英國民眾中的效力，但未透露該協議的任何財務細節。該試驗將對約9000名18歲至85歲的成年人進行研究。
諾瓦瓦克斯公司將與Fujifilm Diosynth Biotechnologies公司合作，在英國生產其候選COVID-19疫苗的抗原成分。該公司還準備在今年1月份向美國交付1億劑疫苗，之前該公司獲得了16億美元的資金，用於在該國進行候選疫苗的測試和生產。
迄今為止，諾瓦瓦克斯的冠狀病毒疫苗已獲得20億美元的資金，其中包括來自流行病預防創新聯盟（CEPI）的3.84億美元。
諾瓦瓦克斯公司表示，最早將於2021年第一季度向英國提供NVX-CoV2373劑量，而第三階段試驗預計將於今年第三季度開始。諾瓦瓦克斯並補充說，英國的Fujifilm Diosynth Biotechnologies站點預計每年產生約1.8億劑。
隨著開發安全有效的疫苗的競賽已進入測試的最後階段，美國和英國正在與製藥商爭先恐後地達成協議，以儲備實驗性冠狀病毒疫苗的供應。
目前全球尚無批准的COVID-19疫苗，而正在研究中的，有25種以上的候選疫苗。
在一項早期試驗中，諾瓦瓦克斯的候選疫苗NVX-CoV2373在健康志願者中產生的抗體水平，比在康復的COVID-19患者中發現的抗體高出兩倍，並且疫苗總體上「耐受性良好」。</t>
  </si>
  <si>
    <t xml:space="preserve"> Our waitress, @kaxandra.diaz experience yesterday, “Today, started off as slow day at work getting there for my double shift. The past week, overall, has been pretty slow of course due to COVID. Restaurants and staff have been struggling, as you can imagine. Little did I know that today I would get a tip no server would guess that they would ever receive when they open that check book. Unknowingly, I was seated and served a table with @andredrummondd I had no idea who he was, and hadn’t seen him here before but we @che.delray always welcome our new customers. When I was given the checkbook, I went to put in the tip &amp; information to close the table and I couldn’t believe it. From a $160 check, the tip read $1,000. I was shaking and had tears of happiness after what he left me. I had no idea how to react, I didn’t want to draw attention but at the same time I couldn’t describe the the amount of appreciation I had/ have. It’s so amazing to see people displaying acts of kindness in these uncertain times. This is a story I will never forget, thank you again so much @andredrummondd “ * * * * * * * * * @che.delray wants to thank you for your kindness, it was our pleasure to have you here! We hope you enjoyed your time with us, we wish you the best!
 Che!!! Restaurant（@che.delray）分享的貼文 於 PDT 2020 年 5月 月 24 日 上午 9:43 張貼
現效力騎士隊的籃板王德拉蒙(Andre Drummond)是個很大方的人！德拉蒙在佛州棕櫚灘的一家餐館給小費，出手居然高達1000美元(約台幣3萬)，相較之下他只吃了164美元的餐點。
拿到小費的女侍Kasandra Diaz興奮得不知所措，而且她其實不認識德拉蒙。她在餐館的IG上寫道：「今天我連值兩班，因為疫情的關係沒什麼生意，大家都很慘，結果我拿到了一般服務生無法想像的小費。」
「我不知他(德拉蒙)是誰，我從沒在這裡看過他。結帳的時候我不敢相信，160美元的帳單加上1000美元的小費，我開心得流淚，滿懷感激又不知該如何反應。很高興知道有人在這艱困的時刻展現這種善心。」
小費是美國服務生的重要收入來源，客人減少讓他們幾乎收不到錢。美媒ESPN報導，幾天前也有退役NFL球員強生(Chad Johnson)給復工的餐館打賞，出手1000美元小費，還在帳單上寫道：「恭喜重新開張，希望這些錢有幫上忙。」
</t>
  </si>
  <si>
    <t>面對新冠肺炎疫情如臨大敵的NBA，絕對沒有想到爵士中鋒戈貝爾是壓到駱駝的最後一根稻草。專家預估，NBA宣布全面停賽之後的最終損失金額將高達10億美元。
根據《富比世》統計，NBA在2018-19賽季總收入88億美元，比賽門票收入占了22%，換算之後是19.4億美元，30支球隊平均門票收入6467萬美元，再平均41個主場比賽，平均每場比賽門票收入158萬美元。
NBA宣布全面停賽之後，例行賽還剩下256場，若依照2018-2019賽季的平均每場門票收入158萬美元來計算，光是例行賽就要損失4.0448億美元。
除了門票外，NBA最大收入來自於電視商的轉播權利金。NBA在2014年與ESPN和TNT簽下9年高達240億美元的轉播權利金(2016-17賽季開始)，換算起來，NBA每年可以從轉播單位拿到26.666億美元，佔了NBA年度收入30%，一旦NAB宣布全部停賽，轉播權利金勢必會大打折扣。南加州大學教授卡特表示，以NCAA瘋狂三月季後賽為例，光是一個月的效益就有9.3億美元，NBA未來一個月的例行賽、季後賽與總決賽所損失的恐怕不只這個數字。
此外，NIKE從2017-18賽季每年贊助NBA超過4000萬美元，NBA停賽，聯盟將彌補贊助商的損失。
如此一來，NBA倘若接下來整季停賽的話，門票、轉播權利金以及球衣贊助商等方面的損失就要高達10億美元以上，這還不包含其他的贊助商，因此，新冠肺炎疫情讓財大氣粗的NBA損失慘重，而對於小市場球隊恐怕會是重大打擊。</t>
  </si>
  <si>
    <t>國民黨主席江啟臣18日主持中常會，決議邀請「禿子、漢子、燕子」高雄市長韓國瑜、新北市長侯友宜、台中市長盧秀燕三人優先進入黨中央「11人決策小組平台」，決定國民黨未來與方向。新北市長侯友宜19日回應，抱歉目前沒有接到消息，現在致力於防疫，謝謝大家關心。</t>
  </si>
  <si>
    <t>大陸國家衛健委高級別專家組組長鍾南山5日表示，經過3個月的努力，新冠肺炎疫情在大陸獲得一定程度的控制，大陸進入低危險階段，但不等於沒有危險，提醒民眾不論在居家、公司或公共場所，都要保持一定距離，同時也不要參加集會、聚餐，不要去公眾比較多的地方。
鍾南山稱，只要做到保持距離及不參與集會或聚餐這兩條，就能保持這疾病不會傳染給更多人，不出現第二波甚至第三波疫情。做到群防群控的早發現、早報告、早隔離和早治療，能使大陸更快復工復學。
他又指出，有些國家現在疫情還比較嚴重，大陸要特別注意外來輸入個案，在大陸產生更多感染的問題。</t>
  </si>
  <si>
    <t>立法院三讀通過新冠肺炎特別條例後，總統蔡英文在4小時內就簽署法案，以利行政院儘速依法推動600億元特別預算案。預計行政院會在27日院會中通過特別預算案，院長蘇貞昌3月3日赴立法院備詢特別預算案，經過兩天委員會審查後，最快在3月13日三讀通過特別預算案。
本次特別在總統府大禮堂中公開簽署儀式，邀請副總統陳建仁、總統府秘書長陳菊、行政院長蘇貞昌、立法院長游錫堃、民進黨立院總召柯建銘等官員參與見證。
蔡英文特別將簽署法案用筆，致贈給中央疫情指揮中心指揮官陳時中，並且以拱手取代握手，帶頭做疫情防治工作。
蔡英文感謝朝野政黨合作，在最短時間內通過了《嚴重特殊傳染性肺炎防治及紓困振興特別條例》，展現台灣民主的效率。她指出，根據特別條例，未來不論是防疫物資及生產設備的徵用、調用，或是針對物資囤積及哄抬，或是違反隔離措施，散播關於疫情的不實訊息，都有清楚的規定和處罰。
另外，關於隔離檢疫措施的進行，居家隔離的民眾以及照顧隔離者的家屬，如果收入有受到影響，都可以申請防疫補助。此外，也會採取租稅鼓勵的方式，來獎勵雇主給付薪資給暫時隔離的員工針對受到疫情衝擊的產業，政府也會訂定紓困和振興的措施，對於員工的需求，也會提供必要的協助。
蔡英文，透過防疫特別條例的立法，從行政院到立法院，從執政黨到在野黨，我們都有一個共同的目標，那就是盡力防堵疫情，超前部署，務必要確保國人的健康跟安全，也要確保產業經濟的穩健。
她也呼籲，這部特別條例的600億元特別預算，會再送到立法院審議，希望朝野各方可以再度攜手，盡速審議特別預算，提供防疫最有力的後盾。</t>
  </si>
  <si>
    <t xml:space="preserve">大陸四川成都一名機場工作人員，在未接觸確診者的情況下，感染Delta變異株，事後衛生單位疫調發現，他曾摸過確診者摸過的電扶梯扶手，兩人之間相隔105分鐘，且經基因定序後發現為同一個感染源。
根據大陸周刊《瞭望》報導，7月25日晚間8點35分左右，有一家三口搭機降落於天府機場，3人在機場內停留僅短短10分鐘，其中小男孩未戴口罩，一下機後就一路奔跑到電扶梯入口等待父母，期間他的手就放在手扶梯的扶手上，當時還有輕微咳嗽。
一家人出機場後，就直接搭乘計程車返家，到晚間10點20分前，機場內經過的旅客都未碰觸小男孩摸過的電扶梯扶手，直到一名負責巡邏機場的工作人員踏上手扶梯後，不經意將右手扶握於小男孩碰觸的扶手上，結果遭到感染。
事後衛生單位調查發現，機場人員與小男孩相隔105分鐘，但僅是接觸了同樣的手扶梯表面，就感染Delta變異株，且經過基因定序確定兩者皆為同一傳染源。
★《中時新聞網》提醒您：因應新冠肺炎疫情，疾管署持續加強疫情監測與邊境管制措施， 如有疑似症狀，請撥打：1922專線，或 0800-001922， 並依指示配戴口罩儘速就醫，同時主動告知醫師旅遊史及接觸史，以利及時診斷及通報。
</t>
  </si>
  <si>
    <t>有鑒於新冠肺炎疫情肆虐，歐洲足球總會決定將歐洲國家盃延賽一年。
■UEFA postpones Euro 2020 by one year because of pandemic.
先前，歐洲各國足球聯賽早已受到疫情拖累而紛紛暫停賽事，包括英格蘭足球超級聯賽（Premier League）與西班牙足球甲級聯賽等。如今，素有「小世界盃」之稱的2020年歐洲國家盃（Euro 2020）延後一年舉辦。
防範疫情 確定延賽
歐洲足球總會（UEFA）近日緊急開會決議，為了防範新冠肺炎疫情在歐洲持續擴大，而決議延賽。該機構表示，歐洲國家盃延賽將導致3億歐元（約3.27億美元）的損失。
四年一度的歐洲國家盃原定於今年6月12日～7月12日登場，主辦城市涵蓋英國倫敦、蘇格蘭格拉斯哥與都柏林等，但如今卻受肺炎疫情影響而延至明年6月11日～7月11日舉辦。
UEFA主席切費林（Aleksander Ceferin）表示：「球員、球迷與工作人員的健康是我們的首要考量。此時大家最需要的是團結一心，每個人都要犧牲一些東西才能獲得最佳結果。」
隨著歐洲淪為疫情重災區，新冠肺炎確診病例暴增，法國、義大利與西班牙等國相繼推出封鎖措施與旅遊禁令，外界對於歐洲國家盃延期舉辦早有心理準備。
在UEFA宣布歐洲國家盃延賽後，該組織旗下的歐洲冠軍聯賽（Champions League）與歐足總歐洲聯賽（Europa League）可望獲得更多時間打完暫時停擺的賽事。
UEFA希望，歐洲各國聯賽所有賽事都能在本賽季6月30日前完成，但能否達到此目標取決於疫情是否獲控制並趨緩。
該組織表示，球迷群聚為他們支持的球隊喝采加油，恐導致肺炎病毒散播得更快、增加政府防疫困難與公衛負擔，而這正是他們將賽事延後的考量因素之一。
衝擊財務 損失3億歐元
UEFA表示，歐洲國家盃延賽將造成3億歐元損失，但總比取消賽事損失4億歐元（4.36億美元）來得好。切費林表示：「延後歐洲國家盃將對我們帶來極大財務衝擊，但我們將盡全力確保此賽事發展不受影響。」
事實上，歐洲國家盃這類體壇盛事創造的經濟產值極大。以2016年為例，歐洲國家盃當時為主辦國法國帶來約13億美元收益。
延賽總比取消好
安侯建業聯合會計師事務所（KPMG）分析師拉特瑞（Andrea Sartori）表示，幸好歐洲國家盃只是延期而非完全取消，因為不論是任何等級賽事取消，肯定會帶來極大的經濟衝擊。
UEFA旗下聘雇約400名工作人員負責籌備歐洲國家盃賽事，如今比賽延後一年，這些人能否保住飯碗還是一大問題。
KPMG亦預估指出，受到此次肺炎疫情的影響，歐洲足球五大聯賽陸續宣布暫停賽事，若這些賽事最終真的遭到取消，那門票、電視轉播與比賽贊助的損失合計恐怕高達40億歐元（約43.8億美元）。</t>
  </si>
  <si>
    <t>原先中央流行疫情指揮中心19日宣布高雄新增8個確診案例，其中確診者的職業包含退休老師、保險員、居服員、學生等，而一位6歲女童第一次採檢雖程弱陽性，但二採呈陰性，因此排除染疫，高雄改為新增7例確診個案，高市府19日也公布確診者疫調後的相關足跡。
高市府衛生局指出，案2356為退休老師，由於他曾在台北與案1889有過密切接觸，因此研判1889為該案的感染源，案2356的相關足跡是13日中午12時10分到1時45分，搭乘高鐵633班次從桃園南下左營，大約14點到14點15分，到左營區自由黃昏市場吃鱔魚麵，2點半到晚上8點，在國立高雄科技大學建工校區兼課，下課後在建工校區後門沒有招牌的小吃店用餐，8點半到9點，則到大昌路、義華路口的公車站牌搭217公車返家，隔日下午1點半到6點，又回到高科大學建工校區兼課，共匡列接觸者40人，部分採檢為陰性，部分還在檢驗當中。
案2357為仁惠醫院護理師，他從頭到尾並無任何症狀，經過疫調後得知，14日下午5點半到六點的五權南路、國光路的黃昏攤販市場，16日下午3時42分到5時42分到鳳山大潤發，共匡列4位接觸者，檢驗結果全數呈陰性。
案2527是保險員，由於工作性質導致他的社交活動相對較多，所以追蹤對象相對複雜，他在18日開始出現發燒狀態，發病前的足跡3日到7日是正常上班，7日晚間12點到凌晨4點在苓雅區九度空間酒吧與朋友聚餐、歡唱，8日晚上9點下班後到隔天凌晨1點，曾與朋友到享溫馨巨蛋店唱歌。
而9日下午5點半到6點到牛老大涮涮鍋吃飯，隨後到新崛江逛街，接著14日晚上7點到10點在左營區串門子海鮮串燒聚餐，17日在華南產物保險有會議，後來到BMW博愛廠，目前共掌握接觸者35人，匡列人員中發現有一些人有北部活動史足跡，詳細疫調還在釐清當中，因為該案活動史相對複雜，需要一些時間進行足跡比對。
接下來，案2351是30多歲男性作業員，也是高雄市第183案的兒子，同住的父親在萬華有活動史確診，因此研判是家庭群聚感染，18日發病，主動到醫院採檢程陽性，16日凌晨1點至2點至前鎮區光華二路的「光華愛旺夾夾」、新興區復興一路的「夾爽快」、苓雅區文橫二路「萌獅部落」、新興區新田路高視眼鏡原址、新興區仁智街「嗨客」、新興區五福二路「檯客二代選物販賣」等娃娃機店補充貨物，17日休假未外出，匡列接觸者共6人。
案2530為男性居服員，足跡相對單純，15日中午12點30到40分去過前鎮區瑞北路的「方師傅點心坊瑞北店」，17日晚上10點45分入住前鎮區新光路的高雄海景美屋住宿3008房，匡列接觸者8人，相關細節還在持續疫調中。
案2529是53歲男性業務員，17日出現相關症狀，18日採檢確診，14日下午5點31分至7點5分搭高鐵南下149班次自台北到新左營，7點10分至8點15分自捷運新左營站搭捷運至美麗島站，再轉至市議會站，17日上午8點15至12點至三民區林森一路菱和貿易公司上班，12點至12點30分至新興區南華路156號與南華橫路前無招牌小吃店，12點30分至下午6點30分再回公司，匡列接觸者共10人，目前正在等待檢驗當中。
案2352是居住在鼓山區學生，有在仁武區物流公司打工，16日自覺喉嚨癢，下班後去採檢，第一次陰性，隔天症狀加劇，再度採檢呈陽性，根據疫調顯示，14日下午6點30分至8點在高雄科技大學楠梓校區上課，14、15日上午8點至下午點至仁武區物流公司上班，16、17日全天在家休息，18日上午7點30分至50分至鼓山區明倫路「原動力早餐明倫店」吃早餐，目前匡列接觸者25人，目前正在等待檢驗當中。</t>
  </si>
  <si>
    <t xml:space="preserve"> Im hot!! 🔥🔥 Over the years I've continually lowered my shot pocket and smoothed out my shooting motion. This is the best my shots ever felt...effortless, lower jump, quicker release, more fluid and much deeper range! S/o trainer @jwafan for literally hundreds of thousands of reps of work over the last 9 years! And shushhh, I know I stepped on the line once. Side note, I almost threw up looking at pictures of my old shot (slide right) lol. Your turn @jaychou 該你了吧兄弟 #extracredit #thewaitinggametour
 Jeremy Lin 林書豪（@jlin7）分享的貼文 於 PST 2020 年 3月 月 5 日 下午 3:17 張貼
就算大陸CBA因為新冠肺炎疫情陷入無限期停賽，林書豪卻沒停止自己苦練不休腳步！林書豪6日在IG貼出自己努力練習全新投籃姿勢影片，更自嘲過往投籃動作有夠醜，不過豪哥最後沒忘記跟好友周杰倫嗆聲，「該你了吧，兄弟！」
「我的手感火熱！我不斷訓練降低我的出手點，舒緩投籃動作，這是我有史以來感覺最棒的投籃姿勢，省力、更低的跳躍點、更快的出手、更柔和與更高的球線弧度，」林書豪說，「噓！我知道過去我的投籃很醜，看那些照片都快吐了。」
林書豪並非只用嘴巴說說，從這個投籃影片當中可以看到，豪哥不管快速移動到任何一個三分球出手點都能空心命中，仔細數下來，他竟然一口氣連進11球，難怪他會如此滿意自己全新調整的投籃姿勢，接著就等他在場上真正使用。
不僅在個人IG秀出自己百步穿楊影片，林書豪也貼了4張自己過去待在勇士、尼克與湖人等隊的投籃照片，確實怎麼看都怪怪的，難怪連他自己都嫌醜，只是聽到豪哥如此嗆聲，不知道周杰倫是否也會馬上貼出投籃影片回嗆自己好友。
</t>
  </si>
  <si>
    <t>國內自上月起爆發一波新冠肺炎疫情，行政院也宣布全國進入三級警戒至6月14日。行政院長蘇貞昌今日表示，在審酌各部會意見後，已裁示全國三級警戒延長至6月28日。
蘇貞昌指出，全國各級學校將配合停止到校上課到暑假，相關措施將會由疫情指揮中心指揮官陳時中在今日下午的記者會宣布。另外，也指示教育部做好大學指考等相關防疫規劃。
蘇貞昌說，日本上周捐贈的124萬劑AZ疫苗，本周完成檢驗封緘後就能開始配撥施打，而這批疫苗將優先提供給75歲以上長者、養護機構及洗腎患者。
苗栗一家電子廠移工在上周出現群聚感染，導致7千多名員工受影響，195人確診。蘇貞昌表示，已請勞動部和內政部協助各縣市做篩檢作業，處理移工居住環境管理、健康檢測，也已安排翻譯人員協助卻者及隔離移工關懷照顧。</t>
  </si>
  <si>
    <t xml:space="preserve">非裔男子之死點燃全美各地示威抗爭，美國疾病管制暨預防中心（CDC）已經提出警告，抗爭行動可能再一次引爆新冠肺炎疫情。不過示威人士說出心聲，認為疫情讓他們太無助，現在終於有一件事重要到能夠親自參與。
明尼蘇達州非裔男子佛洛伊德（George Floyd）遭白人警察壓頸後喪命，全美、乃至全世界示威抗議不斷，美國CDC專家警告，抗爭行動可能為新冠病毒提供良好的傳播機會。
不過美國有線電視新聞網（CNN）報導，23歲的示威人士Jazondre Gibbs昨（6）日吐露心聲，在經歷數周困在家的生活後，她很高興終於有一件事能夠親自參與。她說這場疫情讓她感到「很無助」，沒辦法控制做了多少病毒檢測、盤點口罩庫存，但參加抗議、發送食物、水等是她可以親自掌控的，因此周六一大早，她就驅車前往華府市中心擺攤，為示威人士送上食物、水瓶、乾洗手液等。
36歲的工程師佛斯特（Sarah Foster）也表示，在消極數周後，她終於找到機會能夠有一番作為。「終於有一件非常重要的事我們能夠參與、幫忙。當然，人們確實比建議的6英尺距離還要近一些，但我認為，我們在做的事實在太重要，每個人會找到保持距離的方式的」，佛斯特說。
美國約翰霍普金斯衛生安全中心（Johns Hopkins Center for Health Security）醫學人類學資深研究員Monica Schoch-Spana分析，人們認為佛洛伊德喪命引發的災難相當急迫，因此即便擔憂新冠肺炎疫情，他們也甘冒風險上街。
</t>
  </si>
  <si>
    <t>穆迪投資者服務公司（Moody’s Investors Service）18日發布報告警告，新冠肺炎疫情延燒不僅對大陸經濟帶來影響，更可能拖累整個亞太地區成長放緩。而交銀國際控股公司（Bocom International）則認為，此次肺炎對於大陸經濟衝擊更勝於SARS危機。
穆迪周二在報告中調降大陸今年經濟成長預估，從原本的5.8％降至5.2％，同時警告「肺炎帶來嚴重但短期的經濟衝擊，更可能波及整個亞太地區經濟」。
穆迪指出，受到肺炎疫情影響，大陸進口需求下滑，這是拖累亞太地區經濟放緩的主因。
穆迪表示，貿易與觀光業恐受傷最深，而其他產業亦難逃供應鏈被迫中斷的命運。而香港、澳門將承受最大打擊，畢竟這兩地與大陸經濟往來十分密切。
穆迪報告指出：「受到全球貿易放緩拖累，亞太地區去年經濟明顯減速，如今又遭遇肺炎疫情衝擊。」
交銀國際亦抱持類似看法，直指此次肺炎疫情對於大陸經濟的衝擊恐超越2003年SARS期間。
該公司指出，其中受影響最深的將是服務業。該產業如今產值約佔大陸國內生產毛額（GDP）的59％，比重遠高於2003年的43％。
交銀國際預估，光是電影、餐飲與觀光業的收入損失便可能超過1兆人民幣，這約佔2019年第一季GDP的5％。
交銀國際亦指出，若疫情持續升溫的話，大陸中小型企業恐面臨存亡危機，這些企業貢獻60％以上的全國GDP。大陸經濟先前早已出現放緩跡象，再加上此次疫情打擊如今更整合的產業鏈，許多中小企業可能因此倒閉。</t>
  </si>
  <si>
    <t xml:space="preserve">新冠肺炎的病毒傳播力不容小覷，各國全都繃緊神經實施防疫作為。從特定國家返台的國人需須配合政策自主管理14天。不過日前有位媽媽控訴，她帶1歲女兒從南韓返台，她們急著要打疫苗，卻遭3家醫院拒絕，讓這名媽媽控訴小孩淪為「醫療人球」。對此，婦產科名醫蘇怡寧在臉書上怒轟「是在急個屁？」表示疫苗要打但時間很重要，他表示醫院很應該要「直接叫她滾啊！」
新冠肺炎疫情在韓國迅速延燒，中央流行疫情中心2/25將韓國旅遊疫情建議提升為第三級「警告」(Warning)，2/27日零時以前返台者，均須作自主健康管理14天，2/27零時以後返台者，則全部須配合居家檢疫14天。
蘇怡寧在臉書粉專「蘇怡寧醫師愛碎念」上分享，他見新聞報導指出一名媽媽2/25從南韓返台，目的是想要替女兒施打疫苗，但先後遭安南醫院、奇美醫院和成大醫院拒絕，這使得這名媽媽認為被當「醫療人球」。
蘇怡寧發表看法表示，看到這則新聞火氣都來了！全台醫院都在繃緊神經防疫，現在卻見到這種情況，這讓他痛批這名媽媽：「你煩不煩，打疫苗本來就沒有急迫性，X，這很難懂嗎？」
蘇怡寧認為，這名媽媽本身在自主健康管理期間，再加上從有特殊疫情的地區回來，醫院為了保護全體國人的權益，而「暫時延緩」對其女兒施打疫苗，因此他想怒問這名媽媽：「這有什麼問題嗎？你是在抱怨個什麼？」
「什麼叫醫療人球？」蘇怡寧指出，上述2人目前仍在自主健康管理期間，還是從特殊疫情地區返台，若女兒打完疫苗之後出現發燒的狀況，屆時必須動用許多人力，才能診斷是因為打疫苗引起的發燒？還是因為新冠肺炎才發燒？等哪天得到新冠肺炎，沒有醫院願意收治，才叫醫療人球！
蘇怡寧更怒斥這名媽媽：「你說你之前有點延誤施打怕拖太久，那是你家的事；你急著之後要回大邱，那也是你家的事。沒有其他人需要為此負責，只有作為父母的你自己才需要負責。」
最後，蘇怡寧提到，目前屬於特殊時刻，非必要醫療需求請勿至醫院，保護自己也保護了別人，「疫苗當然建議要打，但你是在急個屁？」PO文一曝光後，也引起許多網友熱議，
</t>
  </si>
  <si>
    <t xml:space="preserve">網路再傳新冠肺炎相關疫情假訊息！有網友在20日下午於PTT版上發文，指親戚在竹市府上班，下午停班囉，疑似有確診案例，市府晚間發出新聞稿澄清並無停班情形，也無確診病例，並再次呼籲民眾勿傳假訊息，以免觸法。
今天下午有網友在網路發文，指「剛剛同事的親戚，在新竹市政府上班的，說下午停班囉，疑似有確診案例，坐等新聞中…」。
新竹市在晚間5點20分發出新聞稿駁斥，市府表示，因有市府同仁為疑似病例，故先行啟動相關防疫作為，但經採檢後該員確認為陰性，故排除狀況，市府也無停班之情形。
市府也呼籲社會大眾，防疫期間涉及散布有關傳染病流行疫情之謠言或傳播不實的流行疫情消息，足以生損害於公眾或他人者，將可依傳染病防治法第63條規定，最高可處300萬元罰金，呼籲民眾切勿以身觸法。
</t>
  </si>
  <si>
    <t>嘉義縣水上鄉某鋁業工廠爆發10人確診的群聚感染，其中，50多歲工廠老闆娘案15760曾到嘉義市拜廟，30多歲男員工案15766曾來嘉義市耐斯百貨、家樂福北門店、順發3C量販店等5處趴趴走。
嘉義市政府今天公布此2例確診者活動足跡，案15760為50多歲女性，7月28日晚間9時38分到嘉義市天旨佛天宮，於廟埕參拜停留約10分鐘後，立即返家，全程佩戴口罩，且沒有其他本市足跡。
案15766為30多歲男性，7月25日曾至嘉義市光南大批發、順發3C、老K牌彈簧床、耐斯廣場8樓（未到耐斯大飯店）短暫停留，全程佩戴口罩；7月28日下午12時39分，到家樂福北門店購物，全程佩戴口罩，未於飲食區飲食，獨自前往，過程中未與他人交談，採買約40分鐘後返家。</t>
  </si>
  <si>
    <t>中央流行疫情中心今日公布基隆新增14名確診個案，其中包含成功市場攤販妻子，小姑娘小吃店1員工、2消費者，另家快樂城小吃部也有3名員工確診，群聚感染仍在發生，基隆市長林右昌也呼籲，期望近期有到小吃店工作、消費的民眾，勇敢前往篩檢，才能圍堵傳染鏈。
林右昌下午公布14名確診個案資訊（案7415到7422、案7598到7603），其中案7415為70多歲女性，為成功市場攤販（案3519）的妻子，本來採檢陰性，隔離就醫後於28日確診，成功市場專案正式新增1名確診個案，目前尚維持在家庭群聚範圍，專案共累計9人確診。
此外，小姑娘小吃店群聚也持續擴大，新增1名員工、2消費者確診，其中案7417是案3513朋友，2人曾到店消費，被匡列後於今日採檢確診，案7598亦為食客，案7600則是店內員工。昨日也有名案6869確診，為小吃店員工確診，專案共累計19人確診。
林說，目前小姑娘店內18名員工都已全數聯繫上，其中有11人完成篩檢，其餘7人因為說詞反覆，持續在疫調當中，未來會安排採檢。
另間快樂城小吃店也有3名員工確診，現已成立專案調查，目前匡列16人，其餘人員正在追蹤中，從最早的個案5981開始，目前已累計4人確診。至於果菜市場專案，由匡列的96人全數篩檢陰性，將持續監測到6月3日，若無大礙就會結案。</t>
  </si>
  <si>
    <t xml:space="preserve">新冠肺炎疫情延燒，台灣超前部署受到肯定，美國商業雜誌《富比士》近日在官網列出各國抗疫有傑出表現的女性領導者，蔡英文總統名列其中。 蔡英文今天表示，關鍵在全體國人的團結一心，台灣的防疫才會有這樣的好成績，也讓世界看到台灣人的努力與傑出。
《富比士》在官網讚譽蔡英文「防疫最早、最明快」，並提到，蔡英文領導的政府早在1月份出現疫情跡象時，就採取了124項措施來阻止疫情蔓延，讓台灣至今不必像其他地區一樣採取封鎖措施，並有餘力捐贈1000萬個口罩幫助歐美國家。
對此，總統府發言人張惇涵表示，總統認為，關鍵在全體國人的團結一心，台灣的防疫才會有這樣的好成績，也讓世界看到台灣人的努力與傑出。台灣防疫表現與國際支援廣受肯定，這也都是政府上下一致將士用命，與全體國民共同努力所締造的成果，台灣也會繼續向世界展現國家實力與貢獻的熱誠。
至於國際媒體對女性領導的肯定，蔡英文也認為這也是台灣所堅持的性別平權進步價值的體現，「我們也相信台灣會持續往這條道路前進」。
</t>
  </si>
  <si>
    <t>原油價格已跌至2016年以來的最低水平，因為在OPEC與其盟國之間的價格戰中，新冠肺炎繼續對全球需求造成壓力，從而推動了供應過剩。
截至紐約時間上午8:00，國際基準布倫特原油期貨價格下跌多達10％，至每桶30.49美元。西德州中質油同時下跌8.13％至每桶29.15美元。
在新冠肺炎大流行期間，對航空燃料，汽油和柴油的需求大幅下降，因為航空公司取消了航班，巡航線路關閉了運營，並告知消費者實行社交疏遠。根據IHS Markit的報導，石油需求的前景已陷於困境，而OPEC與其盟國之間的全球價格戰則有可能將供應推至前所未有的水平。
IHS在報告中說，如果俄羅斯和沙烏地阿拉伯之間的全球價格戰繼續進行，同時世界在新冠肺炎大流行中陷入衰退，那麼今年前六個月的石油過剩可能會增長到8億至13億桶。
IHS Markit副總裁兼石油市場負責人吉姆·伯克哈德（Jim Burkhard）告訴媒體：「上一次出現如此大規模的全球盈餘從未如此。」「在這之前，本世紀全球六個月最大的盈餘是3.6億桶。即將到來的將是這個數字的兩倍甚至更多。」
IHS Markit說，石油過剩的主要原因是新冠肺炎大流行帶來的需求急劇急劇下降，而沙烏阿拉伯宣布將每天增加260萬桶原油供應，這打壓了價格。俄羅斯還表示，它可以每天增加多達30萬至50萬桶的原油產量。
報告稱，美國石油工業可能是供應過剩打擊最嚴重的國家之一。未來一年半的時間裡，美國的日產量可能下降多達200萬至400萬桶。
摩根大通（JPMorgan）稱，這可能導致負債累累的美國頁岩公司違約。該公司預計，假設原油在2020年下半年升至40美元/桶，並在明年升至50美元/桶，累積的高收益能源違約率將達到24％，主要在2021年。如果到2022年原油價格保持在每桶40美元附近，該比率可能會更高，達到59％。</t>
  </si>
  <si>
    <t>新冠肺炎全球大流行，民眾紛紛排隊搶購口罩，但嬰兒卻買不到，美國又有6周大嬰兒染疫身亡，讓家長擔憂，桃園議員都為嬰兒請命。衛生局長王文彥表示，嬰兒防疫採「被動防護」，呼籲大人「戴好戴滿」保護嬰兒。
進出醫院 打預防針風險高
議員陳治文指出，昨新增4歲男童被返台爺爺傳染，美國芝加哥4月1日也傳出不足1歲、僅6周大的嬰兒，感染新冠肺炎不治身亡，成為全球年紀最小的死亡病例，她強調嬰幼兒是被遺忘的一群，尤其要打預防針，一定要進出高風險的醫院或衛生所，新手爸媽都感到擔憂。
議員劉茂群也說，嬰兒戴成人或幼童口罩都過大，如今口罩量提高，應該向下延伸到嬰兒。議員謝美英則指出，口罩有棉布、醫用、活性碳、N95等各式款式，當場出示11種款式要王文彥「猜猜看」辨識哪款有防疫作用。
目前沒製造嬰兒專用口罩
王文彥坦言目前國內沒有製造嬰兒專用口罩，強調是特殊規格，一來嬰兒手會拉掉、二來流口水易沾溼，戴起來沒意義，且嬰兒耳朵不夠硬、掛不住，也擔憂嬰兒呼吸力較弱，口罩恐讓嬰兒過度費力呼吸而有窒息風險，因此不建議1歲以下嬰兒戴口罩。
王文彥直言嬰兒本來就是要大人保護，防疫以「被動防護」為主，如要外出可在嬰兒車上加套防風罩，周遭大人也全都要戴口罩，他也會指示醫院和衛生所做好消毒跟分艙分流。</t>
  </si>
  <si>
    <t>受新冠肺炎疫情影響，中職熱身賽及例行賽賽程都可能隨之變動，中職聯盟研判4月1日進行的6搶1資格賽會延期，因此提早做出應變措施，只要延賽或停辦，中職開幕戰都會改回原本的3月28日開打。
今年中職賽程因應6搶1奧運資格賽在4月初舉行，因此開幕戰提早至3月14日開打。雖然世界棒壘總會（WBSC）要到3月4日才會宣布6搶1是否延賽或停辦，不過中職研判目前疫情影響，6搶1可能會延賽，因此提早做出決策。
目前決議中職熱身賽照常舉行，不過會加強進場觀眾的防疫措施，包含強烈建議觀眾戴口罩、球場設置熱像儀或額溫槍等、球場及工作人員消毒等。
熱身賽及例行賽因應6搶1賽事因此比往年提早兩周開打，不過如今可能因為疫情影響，開幕戰回歸原訂時間，中間的空窗期則由各球團自行安排訓練等。</t>
  </si>
  <si>
    <t>自從去年新冠疫情在世界各地大爆發以來，台灣一直維持極低的感染人數。很不幸的，最近出現了大轉折，新冠疫情開始在台灣各地爆發，讓政府官員、醫療人員、社會大眾措手不及，恐慌及各種傳言四處快速蔓延。
這讓我想起去年一月下旬開始參與中國大陸對抗新冠肺炎的情況。那時中國大陸也是一團亂，不但西醫對新冠病毒的肆虐無可奈何，很多中醫師在沒有臨床治療新冠肺炎的經驗下，跳出來討論如何治療新冠肺炎，各地的中醫教授及中醫主管機關也不斷提出不同的看法，建議各式各樣的「中藥通方」來應付新冠疫情，讓人眼花繚亂，不知所措。
隨著疫情的擴大，中國大陸開始大幅度啓動中醫抗疫，也有了很多的臨床統計及比較。去年四月中，中國國務院基於大量的臨床反饋，正式對國際推展中藥方「清肺排毒湯」，認定是中西藥中唯一有大量臨床療效的「特效藥」。
四月之後，中國大陸各地數萬人服用過「清肺排毒湯」，成效卓越。另一方面，中國領頭抗疫的鍾南山院士發表他團隊的中藥研究，體外實驗顯示中藥方「連花清瘟」能抑制新冠病毒複製，發揮抗炎作用。「連花清瘟」一時聲名大噪，被很多中文媒體大幅報導，也被推銷到世界各國華人聚集的地方。
台灣目前陷入病情恐慌之中，即使醫療主管機關平時根本不重視中醫，在不得已的情況下，開始大力推展台灣中醫團隊提出的「清冠一號」，報章媒體也大幅度宣傳，說是台灣的創舉，拯救世界的特效藥。
真的如此嗎？根據台灣中醫團隊的解說，以魚腥草和板藍根對抗新冠病毒，為「清冠一號」的主力。我相當不認同這樣的說法，這不是中醫的理論及思維，中醫治病從來就不是利用什麽中藥材來對抗病毒，而是設法改變身體内部平衡狀態。
另一方面，台灣沒有發表有關新冠病毒對中藥反應的生化研究報告，目前唯一可以引用的生化研究，就是前面提到的鍾南山團隊對「連花清瘟」的體外測試。而我們也不難發現「清冠一號」是參考「連花清瘟」而來，除了都以魚腥草和板藍根為主力，「清冠一號」爲了避免使用一些國家管制嚴格的麻黃，改用荊芥防風，其它幾味中藥材的用意也和「連花清瘟」大同小異。
從別人經驗來學習，無可厚非，然而，在肺家疫病清熱解毒的方向上，「清冠一號」用藥不如「連花清瘟」到位。更重要的是，如我書《當張仲景遇上史丹佛》及網頁文章中指出，據中國大陸多個醫學團隊的研究分析後結論，「連花清瘟」不能減少輕症轉重症的機率，大多數的情況下，「連花清瘟」也不能加速病毒核酸檢測轉陰所需要的時間，而同樣的問題也會隨著「清冠一號」的廣泛使用而浮現出來。
提出「清冠一號」的中醫團隊，臨床病例非常少，屈指可數，大半又是輕症病患，而極少數的中重症病例，也以西醫治療爲主，中藥只是西藥下的輔助。
在這樣的情況下，中醫團隊對新冠肺炎治療的理解有限，卻大力推展「清冠一號」，是很不負責任的。
雖然對肺家輕微發熱的病人而言，「清冠一號」或許可以幫忙緩解症狀，然而，對於肺家嚴重發熱、肺寒或寒熱夾雜、肺部積液等等的病人而言，不但效果不彰，許多情況下可能反而加重病情。
不要忘記，根據世界各地對新冠病逝病人的解剖分析，因爲肺部胸腔積滿濃稠液體而死亡的病人數量，遠大過肺部纖維化而死亡的病人數量。目前已經有海外確診華人自行購買「清冠一號」服用，病情反而加劇，緊急聯絡診所求助。
這樣的講解下，許多讀者可能還是很迷惑，我們再拿一個更容易理解的事情來討論。無論是mRNA疫苗或滅活病毒疫苗，都是讓人體「模擬學習」被病毒攻擊後如何抵抗，換句話説，打完疫苗後的反應，可以代表一個人剛剛感染新冠病毒時可能的初始反應。
美國是全世界施打新冠疫苗人數最多的國家，已經有超過一億兩千五百萬人打了新冠疫苗（約美國人口的38%）。在這麽大量的個案統計下，美國疾病管理局（CDC）指出，大多數的人打完疫苗後，除了打針處酸痛外，最常看到的反應是疲勞、頭疼、肌肉酸痛、惡寒、發燒、噁心反胃等等。如果只憑這些症狀來判斷，最接近的是傷寒論的「葛根湯證」，而臨床上治療確診輕症病人，葛根湯也確實是最常開的中藥方，而非「清冠一號」的中藥組合。
瘟疫肆虐下，人命關天，我們應該讓數據説話，應該讓有大量臨床成功治愈病例的醫生説話，而不是看到病毒感染發熱就清熱解毒，也不是抓著極少數的病例來無限放大。</t>
  </si>
  <si>
    <t>新北市今日新增2例，打破了昨日睽違96天迎來的零確診，新北市市長侯友宜昨日在防疫記者會上強調，面對疫情起伏應持平常心，一日的零不代表日後都會是零，也拿出將病毒阻絕於境外的決心，召集市內26間防疫旅館業者，研討防堵病毒的措舉，市府團隊將於下午3時召開疫情記者會說明。
侯友宜說，今日新增2個個案都是居家隔離的陽性個案，皆來自於樹林，屬於家戶感染，而截至13日居家隔離情形，共有566人被列管，有28人可解除隔離。今日案例接觸者有3人、居家隔離3人。
新北市衛生局長陳潤秋補充，這2例都是先前新莊家族群聚感染衍生個案，全案目前累計已有14人確診。
此外，永和社區某社區5人確診，市府派出機動篩檢站，迄今已篩檢1679人，除2例陽性外，其他都是陰性，無其他確診個案，侯友宜說，希望市民出來篩檢，時間到今天下午4點半，在永和仁愛公園活動中心，鼓勵大家出來篩檢。
中央流行疫情指揮中心今(14)日公布國內新增7例COVID-19確定病例，分別為3例本土及4例境外移入；另確診個案中新增2例死亡。
指揮中心表示，今日新增之3例本土病例(其中2例為居家隔離期間陽性者)，為1例男性、2例女性，年齡介於30多歲至60多歲，發病日均為今(2021)年8月12日。個案分布為新北市2例、臺北市1例；其中2例為已知感染源、1例關聯不明，將持續進行疫情調查，以釐清感染源。
指揮中心說明，今日新增2例死亡個案中，案4213為50多歲男性，有慢性病史及相關活動接觸史，5月17日起陸續出現咳嗽有痰、胸痛、腹瀉症狀，5月22日就醫採檢並住院隔離治療，5月23日確診，6月11日解除隔離並出院，6月21日因其他原因死亡。案11423為90多歲女性，有慢性病史、無相關活動接觸史，6月3日出現發燒、咳嗽、嘔吐症狀，6月5日就醫採檢並住院隔離治療，6月7日確診，6月22日解除隔離並出院，7月12日因其他原因死亡。</t>
  </si>
  <si>
    <t xml:space="preserve">對於台灣目前自豪的防疫措施，包括追蹤手機移動足跡、發送簡訊、管理居家隔離，朱學恒不厭其煩指出，西方世界都不敢跟進，因為這侵犯個資太過嚴重，到時候會有違憲國賠的問題啊！
英國倫敦智庫「深入認知」（Deep Knowledge Group）最新研究報告整理出新冠肺炎疫情10大「安全國家」排名，以色列奪冠，其次別為德國、南韓、澳州、大陸、紐西蘭、台灣、新加坡、日本及香港。而台灣自己也宣傳，全球各國以及主要媒體也都紛紛稱讚並借鏡台灣防疫作法。
不過，宅神朱學恒說他不厭其煩批評，目前台灣的這種追蹤模式真的有侵犯隱私權的問題，因為這等於是在未經62萬人授權的狀況下，從電信公司獲取他們的手機移動足跡，而且拿來發送簡訊或是做居家隔離的管理，而且也未明定使用用途和保存期限。
朱學恒也表示，西方世界都不敢跟進，因為這侵犯個資太過嚴重，沒有全國民意支持不能隨便妄動。
朱學恆強調，這絕對不能只靠甚麼制定「嚴重特殊傳染性肺炎防治及紓困振興特別條例」短短的第7條「中央流行疫情指揮中心指揮官為防治控制疫情需要，得實施必要之應變處置或措施」就包山包海全部授權了，因為這一條連紓困發錢都不夠，搞到大家頭暈腦脹，到時候會有違憲國賠的問題啊！
</t>
  </si>
  <si>
    <t xml:space="preserve">新北今天新增1例確診，新北市市長侯友宜今日於疫情記者會上宣布，新北將推出新北加倍券，可以把500換1千、1千換2千，甚至最高可以5千換1萬，每種券種都有限定份數，詳細的加碼細節將於日後再宣布。
中央公布五倍券相關細節，新北市長侯友宜26日表示，配合中央，新北將推出「新北加倍券」，共有500換1000、1000換2000與5000換1萬，最小面額50元，讓婆媽可以到市場買菜或小吃，「加倍送、加好用、加便利」，全力衝刺庶民經濟。
侯友宜說，500換1000共計有20萬份、1000換2000有10萬份，而5000換1萬則有1萬份，總計31萬份，最小面額50元，小面額很好用，可以買菜、買小吃，可補足不找零的問題。
侯友宜說，規畫市場、夜市、旅館、觀光工廠與小型商業相關活動，還有相關抽獎方式，會再跟市民朋友報告，希望加趕快來用，讓經濟快速復甦。
侯友宜於今日的防疫記者會上說，新增1例確診，為居家檢疫陰轉陽，位於新莊，截至25日為止，居家隔離列管數為658人，有247人解隔離，今日案例為19日至25日居隔，產生症狀後採檢確診，因此此案無接觸者，疫情仍穩定控制中。
侯友宜表示，面對Delta變種病毒來勢洶洶，他提出強化防疫旅館防護、確保檢測及增加醫療量能、疫苗全面催貨、學校施打規畫與境外生入校前免費PCR等五項措施。
</t>
  </si>
  <si>
    <t xml:space="preserve">本土疫情嚴峻，其中雙北屬「重災區」，尤其新北市每日確診數居高不下仍維持3位數，民進黨立委吳秉叡今(10)日在立法院質詢時問，為何新北確診數始終蟬聯全台第一？衛福部長陳時中表示，關鍵因素在於新北篩檢數量多，而且無症狀、輕症比例相對較高。
中央流行疫情指揮中心10日公布國內新增263例本土個案，其中以新北市112例最多，其次為台北市58例。吳秉叡今天在立法院質詢時詢問陳時中，新北市確診數為何始終降不下來？每天看到新北市確診數蟬聯第一，害他現在都不太敢出門了。
吳秉叡指出，自從新北確診數超越台北市後，台北市現在已經降到剩幾十個，新北仍維持破百例，陳時中則解釋，新北市政府有它好的地方，因為做篩檢比較積極、數量也多，自然確診數就多，而且裡面無症狀、輕症比例相對較高。
對於苗栗電子廠發生外籍移工群聚感染，吳秉叡說，自從前進指揮所指揮官王必勝下去指揮後，數量有降低，能不能也來幫幫新北市？陳時中則表示，新北市移置速度快，且一直都與中央密切聯繫，中央集檢所會充分配合，且加強版防疫旅館已有增加。
</t>
  </si>
  <si>
    <t>長榮航空三名機師「突破性感染」新冠病毒Delta變異株，不但造成一名機師兒子染疫，風暴也延燒到台中，讓兩名職場接觸者（空服員）及其9名親友遭到匡列隔離，繼日前接觸案16119空姐和其7名同住家屬解隔離後，另外接觸到16120的空姐13日三採陰，已於14日解隔離。
長榮航空三名機師打過兩劑疫苗後仍遭突破性感染，引爆全台Delta入侵恐慌，台中市衛生局也接獲中央流行疫情指揮中心通知，兩名設籍台中的空姐遭匡列隔離，其同住家人9人也必須預防性隔離至少5天。
兩名戶籍地在台中的機組員被匡列為案16119、16120的接觸者，隔離天數以最後與確診者接觸日起算14天，接觸者的同住家人則為預防性隔離5天；其中，案16119的接觸者及同住家人PCR採檢皆陰性，已於9月7日解除隔離。
另案16120接觸者最後接觸日為8月30日，9月13日採檢PCR陰性，9月14日也解除隔離，其同住家人為預防性隔離，9月9日同樣採檢陰性、已於9月10日解除隔離。</t>
  </si>
  <si>
    <t>受新冠肺炎疫情(COVID-19,俗稱武漢肺炎)影響，全球確診人數正式突破百萬，其中單是美國一國就近25萬人確診，佔總數約四分之一。引起網友熱議「為何美國防不了肺炎疫情？」，有網友分析，恐是3大關鍵因素的直接影響所致。
據美國約翰．霍普金斯大學（Johns Hopkins University）今3日最新統計，全球肺炎確診人數已超過100萬例，已有5.3萬人因病喪命。美國則在短短一個月內確診案例翻倍，來到近25萬例，數量衝到全球最高，比西班牙和義大利相加的23萬多例還更多。
美國疾病管制暨預防中心（U.S. Centers for Disease Control and Prevention，CDC）及全球各大學專家2月就曾預估，新冠肺炎疫情席捲美國後，最慘的情況是，將有1.6億至2.14億美國人感染新冠肺炎，20萬至170萬美國人可能病死。預估還指出，感染情況恐將持續數月、甚至超過1年，全美不同社區將在短時間內接連爆發疫情。
網友iphone5656對此現象相當好奇，就在批踢踢論壇發文以「為何美國國力防不了肺炎疫情？」為題發文詢問，引起網友熱議。「身為世界第一強國，不論軍事、科技、醫療、教育等，都名列前茅，甚至也一堆全球企業什麼的也都在美國，甚至隨便一個車庫就可以發明一堆東西，這樣子的美國，為什麼每天確診數量一直在暴增？這次為什麼束手無策呢？」。
有另一位網友就發文回復點出幾個關鍵，「第一，一開始官方口徑一致都說是小感冒，雖然第一時間斷航，但2、3月沒祭強制防疫手段，後來疫情就爆了」。
「第二，川普總統緊急命令發動太晚，一些人口大州，如紐約州、華盛頓州、加州醫療無法負擔爆量的病患，醫療資源調動和美軍動員需要一段時間，補救時間太晚，疫情已經默默擴散」。
「第三，最敏感也最具爭議的，美國的種族歧視問題，美國華裔受境內白種人歧視，出門只要戴口罩通通會被當『中國人』，白種美國人優越感覺得那是黃種人的病，造成美國社會的一致性歧視。殊不知病毒根本沒在管膚色」。
而戴口罩產生的種族歧視議題，美國《紐約時報》（New York Times）早在3月20日就報導提及，在紐約和西雅圖都有部分華裔和亞裔美國人因在地鐵和校園內戴口罩而被嘲笑和歧視，報導不樂觀分析，歧視甚至會因為疫情擴大有越演越烈的負面影響。</t>
  </si>
  <si>
    <t>台北市長柯文哲6日在防疫記者會上宣布，關於校園接種計畫，國、高中會在校打疫苗，高中五專是9月22日至29日開打，國中是30日至10月6日開打，醫院會跟學校造冊聯絡，時間訂好，疫苗就送到哪校，會用2周來配對。
柯文哲說，北市還有很多外國學校，都要比照公立學校辦理，自學在家怎處理，會再詳細規定，零碎的部分，有些學生若身體不適合打，給北市府2周時間，把辦法弄起來，會由副市長蔡炳坤、教育局、衛生局來想辦法處理。</t>
  </si>
  <si>
    <t>大陸國家衛健委26日數據顯示，25日大陸31省市新增新冠肺炎確診病例67例，均為境外輸入。這是近日大陸疫情數據緩和後又一次大增，幅度較24日增加逾40％。
衛健委指出，3月25日大陸31省市新增新冠肺炎確診病例67例，均為境外輸入，其中上海18例，內蒙古12例，廣東11例，北京6例，福建6例，陝西3例，天津2例，浙江2例，江蘇2例，雲南2例，山西1例，吉林1例，河南1例。此外，新增死亡病例6例。
截至3月25日24時，大陸累計確診病例81,285例，累計死亡病例3,287例。
中國政府網25日披露，大陸國務院總理、中央應對疫情工作領導小組組長李克強23日在小組會議上強調，各地不應為零報告而瞞報漏報，要實事求是、公開透明發布疫情訊息。</t>
  </si>
  <si>
    <t xml:space="preserve">印尼雅加達東部公共秩序局（Satpol PP）宣布，將停止實施引發爭議的違反防疫規定懲罰措施--也就是強迫未在公共場所配戴口罩的民眾，躺入未蓋棺蓋的棺材中，從1數到100，以「感受死亡的威脅」。
日前，在雅加達東部Pasar Rebo地區的Kalisari，多名官員發現未在公共場所配戴口罩的數名民眾，並強迫他們躺在空棺中數分鐘，作為懲罰。
Pasar Rebo區長解釋，這是因為部分違反防疫規的民眾無法支付25萬印尼盾（約台幣500元）的罰款，或自稱「沒時間」參加60分鐘社區服務，因此自願選擇這種懲罰方式。
事件曝光後，雅加達東部公共秩序局局長諾維安（Budhy Novian）表示，這種懲罰方式不符合地方法規，「根據州府第79/2020號條例，針對在公共場所未佩戴口罩的居民，懲罰方式是就罰款和社區服務」。
諾維安說：「我譴責了（用假棺材作為懲罰方式的人員），並要求他們根據現行法規對違法者進行處罰」，希望罰款和社區服務可以讓民眾遵守遏制COVID-19傳播的衛生規定。
</t>
  </si>
  <si>
    <t xml:space="preserve">
新冠肺炎讓蒜頭帶來銷路！疫情發生以來，莿桐鄉農會蒜頭精被搶購一空，正加緊加工中。台灣蒜頭採收期約清明節，蒜商通常在採收前才到產地下訂，今年蒜商提前到雲林產地下訂，雲林縣蒜頭產量占全台九成，其中莿桐鄉又占雲林三成。
莿桐鄉蒜頭產量占雲林縣三成，農會2005年開始加工製成蒜頭精，銷售量穩定，新冠肺炎爆發後，因蒜頭有增強免疫力的保健功效，訂單增加一倍。
莿桐農會總幹事張鈺萱表示，蒜頭精訂單從過年連續3周供不應求，新冠肺炎疫情意外締造莿桐鄉農會蒜頭精的第二春。
她表示，除了蒜頭精熱銷，蒜頭醬也爆紅，有一家麵包店因很多顧客詢問有沒有大蒜麵包相關的產品，他們找到莿桐鄉農會，買了青蒜醬和黑蒜，也想買新鮮蒜頭，想研發新產品讓大家更喜歡蒜頭！
台灣本土蒜頭的價格每年受進口蒜頭數量而波動，今年可望待價而沽！張鈺萱表示，台灣在清明節採收蒜頭，盤商會在採收前才會到產地下訂，距離清明節還有45天，今年一大批盤商已提前到產地下訂，都是受到疫情意外帶來的商機。
余姓蒜農表示，大盤商提早兩個月來田裡詢問是否要開始買賣了，今年比較搶市。市場攤販也表示，蒜頭買氣多了兩成，零售價目前每台斤約130、140元。
新冠肺炎,蒜頭精,莿桐鄉,大蒜麵包</t>
  </si>
  <si>
    <t>美國影音串流平台網飛（Netflix）製作的影集《指定倖存者》（Designated Survivor）第2季影集有一段劇情是說南卡羅萊州爆發不明流感，地方隱匿疫情，由於南卡居民以黑人為多，隱匿疫情是出於種族歧視。2019年播出的第3季劇集則提及生化恐怖分子人工合成病毒基因，準備攻擊美國。
就是這麼神奇，《指定倖存者》這齣影集超前預言了新冠肺炎疫情爆發以來的兩個羅生門：一是病毒究竟是不是人工合成的生化武器？二是中國究竟有沒有隱匿疫情？世衛組織是否有助紂為虐？
正是有《指定倖存者》這樣的神預言，無怪乎全球許多喜愛追劇的網友深信，新冠病毒是從病毒實驗室意外洩漏出來的，至於人工合成的新冠病毒，姓「中」還是姓「美」，眾說紛紜。不過迄今為止，沒有科學證據顯示新冠病毒是人造的。至於第二個羅生門「中國有無隱匿疫情？」則越演越烈，甚且成了川普甩鍋卸責的重要藉口。
隱匿疫情的定義是什麼？多少人感染了，或是多少死亡病例發生了，才算疫情爆發？疫情爆發多久不向國際通報，才算隱匿疫情？武漢發現新型冠狀病毒的蹤跡，在沒有確定病毒的種類和基因組排序，可以貿然公布疫情嗎？這些問題，公共衛生學術界和世衛組織應該有標準答案，不應淪為政治口水戰的標的。
那麼，中國大陸有無對台隱匿疫情呢？12月31日疾管署官網上新聞稿有一段話：「疾病管制署今（31）日已向中國大陸疾控中心及世界衛生組織IHR窗口確認疫情訊息，陸方指出近期當地發現27例肺炎病例，7例病情危重，均已進行隔離治療，有2例病情好轉。臨床表現主要為發燒，少數病人呼吸困難，呈雙肺浸潤性病灶，大部分病例為武漢市江漢區華南海鮮城經營戶，尚未發現明顯人傳人現象及醫護人員感染。陸方表示若有進一步消息，將及時通報我方。」
陸方千算萬算，大概都算不到他們回復台灣疾管署的對話，居然搖身一變成了台美聯合指責中國隱匿疫情、痛批世衛組織不理會台灣警告的「證據」了。
用常識性的邏輯來思考，武漢人口1100萬，不明肺炎有27個病例，7個重症，算不算疫情爆發呢？1月3日，中國疾控中心便向美國疾控中心CDC通報了相關的疫情，算是隱匿疫情嗎？1月9日，官煤央視公布武漢的不明肺炎是一種新的冠狀病毒，1月11日中國對外公布了病毒的基因組序列，這也算是隱匿疫情嗎？事實上，南韓就是根據中國公布的基因組序列開發快篩試劑，從而遏止了新冠肺炎的疫情。從現有的證據來看，很難指責中國大陸隱匿疫情。
台灣要爭取國際空間，要緊的是以禮待人，以理服人，既不應該指鹿為馬地批評大陸隱匿疫情，更不應該任由網軍胡亂出征，與世界為敵。何況，我們是防疫的優等生，何苦跟著防疫放牛班的川普瞎鬧起鬨？世界權力結構已由雙元變為多元，美國不再是世界唯一的核心，況且，川普無德，若是全球聯手鳴鼓而攻之，作為小跟班的台灣，怕是第一個遭殃的呢！（作者為資深媒體人）</t>
  </si>
  <si>
    <t>已把事業、生活重心轉往大陸的資深藝人黃安，常在微博評論兩岸時事，日前他回台過年，卻因新冠肺炎疫情回不去，只能繼續待在台灣的他，不僅上街跟民眾排隊買口罩，並持續在微博發文，更因港台還稱「新冠肺炎」為「武漢肺炎」，痛批「民族敗類」，對此，法醫高大成首訪時也酸爆他。
《前進新台灣》在臉書粉絲頁貼出一段專訪高大成片段，當他被問到黃安還在台灣時，他直言對方根本不敢回大陸，根本把台灣當堡壘，保護他自己，「因為他明知道去會被感染」，酸他怎麼不回自己「祖國」，並催促他快回去才比較安心。
其實，黃安之前遭陸網友質疑「有瘟疫就跑回台灣」，他也嘆氣回應：「是春運回家過年，結果就回不去了，明白嗎？我的粉絲都不會像你這麼理解，謝謝。」但不久後刪文，後他又分享有人批評他：「黃安這麼愛國的藝人幹嘛不捐款」，結果被他拉黑，15日更公開一串酸民黑名單，貼出往生咒反擊。</t>
  </si>
  <si>
    <t>前國民黨主席洪秀柱開闢的「護憲保臺論壇－柱姐開講」，昨天邀國民黨立委唯一具有軍事專業背景的吳斯懷，探討當前疫情對國防安全的影響及對政府提出「超前部署」的真相，認為應在有法律依據下更具體與完整的行動方案，而非以喊口號的文青式執政。
對於目前許多國家在防疫上都已動用到軍隊，若我國在控制疫情方面決定動用軍隊投入防疫，洪秀柱認為，國家安全的經費分配和法源依據，在蔡英文總統一直不肯宣布緊急命令負起責任下，是否有法源依據動用國家軍隊人力？經費的分配是否會影響戰力？吳斯懷明確提到在人力部署方面，若沒有明確的統一指揮權，將造成中央和地方政府在軍方人力的指揮上模糊不清。
針對臺海區域安全，兩人也談到今年3月美國在台協會主席莫健對臺灣提出示警，需要做好戰爭的準備。而蔡英文曾在總統大選勝選的公開演講，表示已做好戰爭的準備。這是十分具有挑釁意味地宣示。連前副總統呂秀蓮都看到兩岸戰雲密布，已經達到越過海峽中線的危機下，朝野都需要考量臺灣2300多萬人的安全，應以追求區域和平為目標，而非將國家推向戰爭的險峻情勢，造成兩岸關係更加緊張不安。
洪、吳也憂心，倘若真的兩岸發生戰爭，很明顯地政府沒有準備好，這樣人民能準備好嗎？</t>
  </si>
  <si>
    <t xml:space="preserve">全球新冠疫情自爆發以來已逾7個月，如今疫情並未減緩，反而有加速趨勢。據路透社統計，全球新冠肺炎確診於17日統計累計超過1400萬，也是首度100小時內增加100萬人染疫。此外，在單日確診中，此外，美國新冠疫情仍是全球最為嚴重的國家，全球17日單日確診的23.7萬人中，美國就占了近三分之一，同一時間確診數為7.7萬人。
路透社報導指出，自大陸武漢傳出首起病例後，過了3個月才累積100萬例，如今卻只花了4天時間，就從13日的1300萬例增加到1400萬例。目前有超過360萬人確診、疫情最為嚴峻的美國，在第一波疫情的每日新增確診人數仍日日攀升。，17日逾7.7萬人感染，不僅打破全球單日新增確診紀錄，更在全球23.7萬新增確診中，占了近三分之一。
路透社根據各國政府報告的統計顯示，美洲疫情發展最快速，占全球感染人數逾半，病故人數則占一半。美國至今已有364萬人確診、13萬人死亡；而同樣在美洲的巴西，確診數已達204萬、7.7人死亡，確診與死亡數皆排名第2。排名第3的印度也剛於近日突破百萬確診。世界衛生組織（WHO）表示，17日新增確診多為來自上述國家。
</t>
  </si>
  <si>
    <t>微控制器（MCU）廠紘康（6457）及松翰（5471）雙雙公告3月合併營收，皆改寫單月歷史新高，大啖額溫槍訂單商機。法人表示，目前兩大廠訂單能見度已經看到今年中，後續月營收將可望持續改寫新高表現。
此外，紘康目前更開始著手打造新品，預計將導入Type-C及藍牙功能，未來將可望結合智慧手機應用，預計下半年開始問世搭上居家辦公物聯網熱潮。
紘康、松翰3月合併營收雙創新高，其中紘康第一季營收更改寫歷史次高。紘康公告3月合併營收達9,609萬元、月增90.13％，相較2019年同期成長66.36％，累計第一季合併營收為1.89億元、年成長42.21％；松翰公告3月合併營收4.52億元、月增114.16％，相較2019年同期上升79.76％，推動第一季合併營收年增35.16％至8.34億元。
對於3月合併營收大幅成長，紘康及松翰皆表示，因新冠肺炎疫情全球延燒，國內外因應防疫所需，帶動防疫相關IC出貨量持續成長。松翰更指出，影像晶片出貨量同步強勁。
法人表示，目前新冠肺炎仍在全球肆虐，現階段又以歐美國家最為嚴重，各項防疫物資都成為炙手可熱的商品，其中額溫槍及耳溫槍更是檢測肺炎的重要醫療裝置，因此自中國疫情爆發後，紘康及松翰訂單便源源不絕湧入，目前訂單能見度已經放眼到7月，且客戶皆願意加價以急單生產（hot run）方式生產，使紘康及松翰營收大增。
由於紘康訂單量持續成長，因此法人預估，紘康單是3月每股獲利可能有機會上看0.5～0.7元，可望超越往年的單季獲利，從目前狀況來看，紘康4月合併營收將有機會再度成長雙位數水準，再度改寫單月新高表現。紘康不評論法人預估財測數字。
不僅如此，紘康為搶攻居家隔離及防疫商機，供應鏈傳出，紘康目前在研發將額溫槍MCU導入藍牙及Type-C介面，也就代表以額溫槍量測體溫後，可將即時數據傳送至智慧手機，藉此記錄體溫數據，搶食物聯網防疫商機。</t>
  </si>
  <si>
    <t>湖北的新冠肺炎疫情得到控制，先前疫情頗為嚴峻的浙江也好轉，但3月2日浙江新增新冠肺炎確診病例7例，戶籍皆為青田縣且均為境外輸入病例，都在義大利貝加莫工作。
綜合陸媒報導，浙江省3月3日公布新冠肺炎疫情情況，2日新增確診病例7例，皆為麗水市青田縣報告的義大利輸入病例；該7例病例與首例境外輸入病例王某某為密切接觸者，在義大利貝加莫同一家餐廳工作，8人生活在義大利，無湖北武漢接觸史。
返陸檢測陽性 隔離治療
2月26日，確診的6人一同乘坐SU2415H航班從米蘭到莫斯科；2月27日，再從莫斯科乘坐SU206H航班到達上海浦東國際機場；2月28日，6人包車進入青田，當即落實隔離觀察措施；3月2日，6人經檢測，新冠肺炎核酸檢測均呈陽性，現正在定點醫院隔離治療。
另一名確診患者葉某，男，34歲，戶籍青田縣三溪口街道，與首例病例為密切接觸者，在義大利貝加莫同一家餐廳工作；2月28日，患者葉某乘坐LH0273航班從義大利到德國；2月29日，再從德國乘坐CA0936航班到達上海浦東機場；2月29日，患者包車進入青田，當即落實隔離觀察措施；3月2日，新冠肺炎核酸檢測呈陽性，現正在定點醫院隔離治療。
據義大利緊急民防部、新冠肺炎應急委員會通報，截至當地時間3月3日零時，義大利新冠肺炎累計確診病例已增至2084例，較前一天新增373例；確診病例中，重症病例為166例，死亡病例增至52例。
歐洲疫情風險升為中高
當地時間3月2日，歐洲疾控中心宣布將新冠肺炎在歐洲蔓延的疫情風險級別從原來的「中」升級為「中高」；義大利倫巴第大區公共衛生局呼籲當地65歲以上族群在未來3周內，無特殊情況盡量留在家中不要外出。</t>
  </si>
  <si>
    <t>受新冠肺炎影響，各地媽祖祈福繞境活動紛紛暫緩，每年吸引數萬人參加的彰化媽祖祈福文化節，也在媽祖指示下延期改辦祈福法會，28日彰化萬景藝苑董事長陳蒼興，同為台灣祈福，敦請五明佛学院龍迦仁波切主法，在園區內舉辦中陰文武百尊暨二十一度毌除疫息災法會，祈求疫情早日遠離。
彰化萬景藝苑因新冠肺炎休園至3月10日，28日上午在萬景藝苑董事陳蒼興敦請下，20位喇嘛現身萬景藝苑園區內，所有信徒在龍迦仁波切引領下，舉行「中陰文武百尊超度法會」，虔誠唸經祈福，希望台灣能安全度過這波疫情。
萬景藝苑董事長陳蒼興說，新冠肺炎疫情爆發，在全球迅速蔓延，再加上季節性流感影響，讓所有民眾都人心惶惶，萬景藝苑為避免感染因此休園，今天敦請喇榮開顯光明佛學會住持龍迦仁波切主法到園內祈福，希望藉由菩薩的力量，與眾人的願力，遣除一切瘟疫與疾病。</t>
  </si>
  <si>
    <t xml:space="preserve">2019年起全球新冠肺炎（COVID-19）疫情延燒，現先進國家已廣泛接種新冠疫苗，台灣上一年相安無事，不料近月台灣疫情開始延燒，對此台中市大里區立仁里長鄭伯其1日在臉書發文呼籲：不怕政府查水表的來發動，請認同的朋友、網友大家一起來，一人一通電話打給你選區的立法委員，要求他公開在臉書或媒體或於立法院臨時會，公開要求行政院承諾立即放寬並協助各界取得疫苗。
鄭伯其在臉書寫道，「當全國人民為了疫情蔓延惶恐不安之時，染病等不到病床的之時，更當人民急切需要疫苗的時候，我們的總統重視的是竟然是國家需要發展疫苗生技產業所以請民眾再等待要支持？」要求蔡英文總統，咱們要的是病床要的是疫苗，請妳正視人民的懇求別再用行政石頭卡各縣市或企業界、宗教團體的疫苗採購及贊助活動了可以嗎？
鄭伯其指出，他自己是上有年邁的母親，下有3個國中小學孩子的父親，心中惶恐、壓力很大，每每看到報導那些染疫個案，不管是確診死亡或重症找不到醫院、找不到病床的個案時，實在不敢相信，這真的是台灣嗎？往日那種安居樂業的台灣到哪裡去了？質疑那麼多的防疫預算，到底超前部署去哪了？而那些民選出來、領很多年薪的立法委員你們到底再幫我們監督個什麼東西啊？
鄭伯其在臉書呼籲：為了我們的家人、親人、朋友的生命安全，要勇敢的、不怕政府查水表的來發動，「請認同的朋友網友大家一起來，一人一通電話打給你選區的立法委員，要求他公開在臉書或媒體或於立法院臨時會，公開要求行政院承諾立即放寬並協助各界取得疫苗」，而我自己將打電話要求我的選區，全國第一高票當選立法委員的何欣純立委，請大家跟我一起這樣作，就不相信喚不回公理與正義。
</t>
  </si>
  <si>
    <t>新冠肺炎疫情升溫，南韓全境擴散，確診人數不斷攀升，截至目前為止已達893例、9死，大邱也出現誇張的購買口罩的排隊人龍，當天141萬個KF94口罩，短短1小時就搶購一空。對此，就有網友好奇，為何南韓檢驗新冠肺炎可以驗得又快又多，反倒日本鑽石公主號郵輪卻驗了2星期還驗不完？貼文一出隨即掀起熱議。
原PO今（25日）在PTT「八卦板」PO文指出，「韓國可以一下子爆出這麼大量的確診人數，背後應該送檢幾萬例吧，為啥韓國有這種檢驗力量？日本光是鑽石公主號3700人，驗了2個星期還驗不完，怎麼韓國又快又多？有沒有八卦？」
貼文一出隨即掀起網友熱議，不少人留言吐槽「日本真的笑死人」、「日本鐵了心蓋牌，台灣政府快採取行動」、「日本驗得好像還比台灣少，根本在亂搞，等到無法收拾時，再欲哭無淚」、「日本文組太多，檢驗能量大概只有韓國的十分之一」。
不過也有網友點出背後差異關鍵「人家韓國實驗室全開，卯起來驗」、「有人說是叫二級生物實驗室也去驗，台灣只派三級」、「韓國讓低等的實驗室也投入檢驗是有風險的，看起來檢驗數很多，但低等實驗室很有可能因為設備不夠被感染」、「人家開p2實驗室來大量檢驗，不過那是特殊時期的非常辦法，而且有風險」、「p2設備夠嗎？這種不照SOP走很可能釀災，不要亂捧這種做法」。</t>
  </si>
  <si>
    <t>新冠肺炎疫情持續升溫，大甲媽遶境續辦與否，成熱議話題！對此，淡江大學蘭陽校園教授兼全球發展學院院長包正豪認為，因為防疫，可以禁止台商包機返國、禁止醫事人員出國，為什麼不可以「因為防疫，禁止媽祖遶境活動」？他說衛福部長、中央疫情指揮中心指揮官陳時中已經有過經驗，現在卻退縮，實在「很難理解」。
包正豪在臉書指出，因為防疫，可以禁止台商包機返國；因為防疫，可以禁止醫事人員出國，為什麼不可以「因為防疫，禁止媽祖遶境活動」？他認為，這個時候就開始「泛道德勸說」，不需要「順時鐘」了，開始矛頭指向大甲鎮瀾宮董事長顏清標，影射顏清標為個人私利，所以不取消遶境，然後顏清標被形容成「媽祖代言人」。他直呼不太懂，他認為媽祖不是顏清標的，顏清標也不等於媽祖，把媽祖和顏清標畫上等號，會不會太抬舉了，簡直是媽祖界的教宗。
包正豪也提及，在已經有其他市長帶頭遶境的前提下，為什麼陳時中不下令禁止，就像他以前禁止包機返國、醫事人員出國一樣。以防疫這個至高無上的崇高理由，陳時中應該可以挾民意而不受制約地做任何他想要做的事，有了權力，更有「遶境可能造成疫情失控」的理由，他說陳時中已經有過經驗，現在卻退縮，實在很難理解。</t>
  </si>
  <si>
    <t>疫情急速升溫，花蓮今天一口氣增6人染疫，其中5人是家族接觸，另1人北上聚餐染案。家族確診中1人是任職花蓮縣政府行政暨研考處採購行政女員工，她於本月15日與來自新北萬華區的舅舅接觸，期間家族有聚餐、打牌等近距離接觸，隔沒幾天返北的舅舅確診，之後女員工的公婆、大姐夫、二姐夫等共5人都染疫，縣府神經緊繃，立即通知縣府111位同仁篩檢，經初步篩檢全是陰性。
縣府員工染疫，外界關切縣府運作以及防疫作為，縣長徐榛蔚今下午防疫記者會表示，縣府已於21日啟動縣府異地辦公作為，這名染疫的女員工是在異地辦公區、也就是花蓮社福館，目前已通知女同仁辦公室同事接受篩檢，目前社福館已全面閉館，今天開始，也有部分同仁啟動居家辦公，防堵染疫，縣府運作一切正常。
今天新增6例，截至目前花蓮已有12名確診個案。縣府表示，本月15日，該名員工案6776，有台北萬華舅舅來訪，隔天女同仁去台東玩，18日，同住的公公出現感冒症狀，19日女同仁先回到娘家住，20日她出現一點感冒症狀，隔天下班後到某耳鼻喉科看診，但當時沒有發燒。到了24日，萬華的舅舅的PCR檢驗報告出爐為陽性，確診被隔離了。
疫調期間與篩檢，發現家族有聚餐、打家庭麻將，被通知到醫院篩檢，包括女科員，共有公婆、大姐夫、二姐夫共5人染疫。
另1人，則是案6755，5月10日，該染疫女子與丈夫、孩子到台北萬華區某海鮮餐廳聚餐，11日返花蓮，直到17日，得知有人確診，因此她與先生小女兒到醫院快篩，當時都是陰性，但24日早上發燒流鼻水，25日到醫院檢查，26日確診，不過該案有警覺性，當17日得知聚餐有人確診，雖然初步篩檢是陰性，但仍自主健康管理，沒有外出活動。</t>
  </si>
  <si>
    <t xml:space="preserve">日前美國總統川普在新聞發佈會上聲稱，俄羅斯送來的抗疫物資令他感到驚喜，隨後有俄羅斯官方媒體稱：俄政府根本還沒有宣佈。
陸媒《澎湃新聞》報導稱，川普昨日稱讚了中國大陸和俄羅斯贈與的醫療援助物資，「我們與很多國家都有良好的關係」，川普說，「中國給我們送來了物資，這很棒。俄羅斯則派來非常、非常大的飛機運送醫療器材，這非常棒。」
不過，川普並沒有具體說明中國大陸和俄羅斯送來的物資是什麼。俄媒《今日俄羅斯》評論稱，川普此言「令人感到困惑」，因為俄羅斯政府或官員根本還沒有宣佈任何對美的援助行動。
此外，美國《外交政策》雜誌近日獲取了一份美國國務院發給美國駐外外交官的郵件，美國政府指示駐歐外交官們搜尋可能的醫療物資援助，但其中明確指出俄羅斯不在此列。
報導說，在發表上述言論前，川普曾與俄羅斯總統普丁通電話，他們談及了新冠肺炎的大流行。此外，俄羅斯駐美大使之前也曾表態稱，俄羅斯「準備向美國提供援助」。
</t>
  </si>
  <si>
    <t xml:space="preserve">內政部長徐國勇今天在立法院內政委員會宣布，已同意中央流行疫情指揮中心指揮官陳時中的要求，由政務次長陳宗彥擔任副指揮官。陳宗彥受訪表示，他他全力協助陳宗彥，做好協調各部會的工作。
新冠肺炎疫情延燒，中央流行疫情指揮中心一級開設後，始終由衛福部長陳時中獨挑大樑，許多民眾呼籲陳時中多休息。徐國勇上午在立法院內政委員會主動說明，已和陳時中通電，同意所請，由陳宗彥擔任目前唯一的副指揮官。
陳宗彥說，他會全力協助指揮官陳時中，因為內政部跟疫情指揮中心一開始就共同努力到現在，從1月23日台灣採取居家檢疫措施後，內政部的民政司、移民署、消防署跟戶政司都全力配合中央流行疫情指揮中心運作，未來也會配合指揮官的需求，協調各部會。
</t>
  </si>
  <si>
    <t xml:space="preserve">
中國大陸新冠肺炎（俗稱武漢肺炎）全球疫情遲遲未獲得有效控制，全球多國的經濟與日常生活，都受到影響，就連台灣國內，學生開學因此破天荒延期，不少在外求學必須租屋的學生，也受到這項變數影響。房市部落客Sway昨天（18日）就在臉書發文指出[1]，國內房東面臨「最後逃命波」，還列出6大最受這波疫情影響的房型，要企圖想拗到開學前最後一刻租屋的學生，「此時，用力砍價吧。」
Sway 在臉書粉專「Sway房市觀測站」發文提到，現在受到疫情影響以及大學開學在即影響，此刻是房東的「最後逃命波」，再租不出去就又得空半年、一年。他提到，雖然今年寒假意外因為新冠肺炎疫情延長，但下周即將開學，學生該租屋的，都已經差不多都租了，他提到，想拗到開學前最後一刻才租屋的學生，「此時，用力砍價吧。」
Sway也列出6大最容易受到這波新冠肺炎疫情影響的租屋房型：
1. 沒有開對外窗：想到那些郵輪的感染途徑就害怕，沒開對外窗，只開對內窗的，價格不是向下殺就是滯銷，萬一引發社區感染，租在這種房型的只有等死，還有只能面壁等死，所以不租也罷。
2. 日租套房被質疑：沒有管理來路的日租套房，會被質疑你誰都收來租，少了櫃檯登記、日後萬一出事還有得追究的機會，而管理不足也會少了很多安心感，比如你會質疑他是否時時消毒。
3. 三房改套房易被嫌：雖然也屬套房，但室友無法管控他從何而來，是否乖戴口罩或有無中港澳等旅遊史，目前獨立套房會比較安心些。
4. 有管理的大樓比公寓好：有沒有規定要戴口罩或是有專人消毒，感覺就會比較安心些，而公寓都是各過各的，沒有消毒或管理這回事，萬一有人去了中港澳，他有沒有自主管理也沒人知道，會扣些分，而管理嚴謹的大樓，就多了一些安心感。
5. 沒管理的大樓或華廈最慘：沒管理的大樓比較便宜，又有電梯好搭，但是想到那麼多人進出，也沒有專人一直清潔消毒，一大堆住戶進進出出，也不知毒還是不毒。
6. 空姐機長台商陸客鄰居：這裡沒有歧視，只有多一份擔憂，如果你的鄰居是這些人，他們當然會擔心自己的安危而保護好自己，但你更會擔心他們染病的機率，以前的幻想，現在成為擔憂。
更多 CTWANT 報導
</t>
  </si>
  <si>
    <t xml:space="preserve">疫情嚴峻，全民防疫，如今戶外都必須戴口罩，運動也不例外，不過自疫情以來，國內外陸續傳出有人運動時戴口罩昏倒，甚至猝死的案例，到底戶外運動戴口罩時，需注意什麼？使用口罩支架會比較好嗎？有氣閥的口罩能夠防疫嗎？
受疫情影響，不少有運動習慣的人會戴口罩外出慢跑、登山，也有民眾騎腳踏車通勤取代搭乘大眾運輸工具，順便運動，雖然運動可以增進免疫力，但要注意，戴著口罩運動，仍有一定風險存在。
●戴口罩運動應降強度　留意身體狀況量力而為
戴口罩難免會阻礙氣流，專家建議，一定要留意運動強度及自身狀況。
「輕微到中度的運動都還好，但若是高強度、高耗氧量的運動，戴口罩運動恐怕就有一定風險，尤其是有心肺疾病的患者，以及肺部功能還未發展成熟或是較差的幼童、老人需要特別注意，運動過程中若沒有得到足夠的氧氣，可能會過度換氣、血氧濃度下降，引發昏倒、猝死的危險，」新光醫院家醫科醫師柳朋馳指出。
發表在《英國運動醫學雜誌（BJSM）》上的一項研究發現，在跑步機上劇烈奔跑時戴上口罩，會減少運動時間及最大攝氧量，且受試者也表示，戴著口罩進行高強度運動時，出現呼吸急促和幽閉恐懼症等狀況。
馬里蘭大學醫學系統（UMMS）附屬內科醫師謝里安（Vivek Cherian）指出，當你必須要戴著口罩進行運動訓練時，應該循序漸進，不要立即進入高強度的訓練中，才能逐漸適應，不過他也提醒，需要透過訓練時間和次數的增加，才有辦法漸漸習慣戴口罩進行運動訓練，並且若是戴口罩運動時，應該讓自己擁有更長的休息時間。
「如果出現頭昏、頭痛、胸痛、呼吸急促，或是已經感覺快昏倒，就應立即停止運動，」謝里安說。
不過也有網友分享，自己近期天天戴口罩跑步，不覺得身體需要耗損很大的體力去代償氧氣的不足，但仍呼籲民眾若是想戴口罩運動，需要多加留意自身狀況，量力而為，若有不適情形，應暫停運動。
●戴口罩運動　2狀況恐難以有效防疫
但戴口罩運動恐怕另有防疫上的問題。柳朋馳指出，口罩基本上擁有防水層，若是出汗量不大，較不影響，但容易汗如雨下、排汗量較大的民眾就得留意，當口罩濕掉後，恐怕會影響防疫效果。
另外，有些民眾會透過口罩支架改善戴口罩時的不適感，不過柳朋馳提醒，務必要確保使用口罩支架後，口罩是否還能與臉部密合，柳朋馳解釋，「由於新冠病毒會透過飛沫傳染，甚至是所謂的氣溶膠傳染，一旦口罩無法戴好戴緊，就會影響到口罩的防護力，是否合適得依個人臉型大小判斷，若能找到合適的口罩支架，且口罩能夠密合，又能增加舒適度，也是一種選擇。」
傳染病專家唐納德・鄧福德（Donald Dumford）也強調需確保口罩沒有縫隙，他指出，目前還沒有研究關注口罩支架會不會影響冠狀病毒或其他傳染源的傳播，但若是為了想要改善因口罩引起的痘痘、皮膚問題，支架恐怕不會有好效果，「因為支架仍會接觸到臉，且塑膠或矽膠材質的支架可能也會對皮膚造成刺激。」
●感染者若戴有氣閥口罩　仍可能散播病毒
其實一直以來都有種運動訓練口罩，稱為「高海拔訓練口罩」，透過氣閥控制，增加呼吸阻力，希望藉此能提高心肺功能、肺活量，不過至今還沒有明確研究結果，證實有效。
「美國運動學會做過一些研究，但並沒有看到能夠特別提升運動效能，一般民眾也較少會使用到這類的口罩，值得注意的是，這類口罩通常不會針對抗病毒設計，沒有醫療級的認證，因此不建議民眾用來作為防疫用途，」柳朋馳說。
杜克大學(Duke University)也曾做過一項研究，測試14種不同材質和形式的口罩後，發現醫護人員所使用沒有氣閥的N95口罩，防疫效果最佳。
研究人員表示，沒有氣閥的N95的口罩防疫效果遠勝於有氣閥的原因，是因為氣閥的目的是使人體向外吐出的氣體能迅速排出，但若是同時夾帶有病毒的飛沫，對身邊的人反而造成感染風險。
氣閥的作用是降低防護口罩的呼氣阻力，提高配戴者的舒適感，但醫用防護口罩並不建議設氣閥，因為開啟的氣閥可能將口罩配戴者排出的飛沫或細菌排出口罩。所以，如果配戴防護口罩是為了降低對空氣中含病原微生物飛沫的暴露濃度，幫助自己預防飛沫感染，是沒有問題的；但如果懷疑自己已被感染，就應主動戴口罩保護別人，且應該選擇沒有氣閥的口罩，否則恐會失去保護別人的目的。
美國聯邦疾病防治中心（CDC）公布的指南也警告不要配戴有氣閥或通風口的口罩，這種口罩適合在高溫多塵的施工環境下使用，但無法有效阻止病毒傳播。
正值疫情爆發時期，建議民眾若想運動，還是選擇居家、室內運動，其實運用一些道具，如水桶、彈力帶、啞鈴等，仍能達到鍛鍊效果，跑者們也可進行針對跑者設計的肌力訓練，增強肌力、養精蓄銳，待疫情過後，仍是一條好漢。
</t>
  </si>
  <si>
    <t>新冠肺炎（COVID-19）疫情流行至今，世界各國經濟與人民遭受重大損害。我國政府有鑑於SARS的經驗，超前部署，除增加國內口罩產能外，率先進行口罩管制，組建標榜全台灣製造的口罩國家隊與一系列供應鏈，在政府與國民齊心協力下，創造我國傲視全球的防疫成果，令世界各國爭相學習借鏡，成功向世界宣傳了我國。
口罩國家隊的好成績，為我國口罩產業注入了一劑強心針，眾多廠商紛紛加入口罩產業，陸續依現行法規向政府申請衛字號相關許可證，帶動了一波口罩經濟。
不幸的是，人多總是會有害群之馬。新進口罩業者指出，今年9月份起，陸續查獲了以某老牌口罩廠商為引爆點的惡行，這些在疫情之初或之前已取得許可證的廠商，以中國製口罩混充，打著國家隊大旗進行販售，牟取「不法利益」，而這家老牌口罩廠商對應此事之態度更令國人嘩然，頓時之間，已令國家隊招牌蒙上陰影。
新進口罩業者建議，亡羊補牢，猶未晚也，在國家隊這個招牌已受到國人質疑的現在，政府必須也確實需要有所作為，藉此挽救國人對國家隊的信心，惟政府採取措施的同時，對於已依程序提出申請的廠商，應該加速審查程序，避免一改再改申請程序，恐將導致有擾民費時，破壞人民對政府信心的疑慮。
新進口罩業者認為，人民對政府的程序信任；對早已取得許可證的廠商，反而需要再次檢視是否有違背法令的行為，藉由此一機會汰舊換新，為產業界注入新血，重新擦亮國家隊的招牌，再創台灣的口罩經濟奇蹟，方為正道。</t>
  </si>
  <si>
    <t>全新變種病毒Omicron來勢洶洶，為了讓高風險對象獲得更完善的保護力，中央流行疫情指揮中心指揮官陳時中說，即日起開放第三劑，主要對象是第一到三類人員，只要第二劑打完滿五個月就可至指定醫療院所接種，且由於是以月為單位，所以是7月2日前打滿兩劑的人，就可以來打。
陳時中也說，這波堤供的是莫德納的疫苗，依各國核准及接種建議，接種劑量為50微毫克(基礎劑之一半劑量，依目前劑型，注射量為0.25ml)。
指揮中心解釋，截至今日，已完整接種兩劑疫苗且間隔滿5個月者，共約4.8萬人。為了確保高風險感染對象可以快點接種第三劑，由於先前的接種時程，現在多是第一類至第三類的對象已經符合資格，其中包括醫護人員、防疫工作人員、第一線高感染風險工作人員等。
而第一線高感染風險工作人員包括航空機組員、港埠工作人員、防疫旅宿工作人員以及因公出國人員；其餘符合間隔之民眾，亦可視感染風險及接種意願，經醫師評估後接種。
發言人莊人祥則補充說，第三劑疫苗常見的副作用包括發燒、頭痛、接種部位疼痛等，但發生機率會比第二劑還要低。
陳時中也指出，國內第二劑疫苗仍然維持與第一劑同品牌，其中莫德納、BNT、高端凡滿四周以上即可接種相同品牌，AZ則可在間隔8周後接種AZ、莫德納、BNT進行混打。</t>
  </si>
  <si>
    <t>美國政府捐贈的疫苗抵達台灣，美國在台協會今天表示，美國深知台灣此時此刻迫切需要疫苗的援助。本次疫苗捐贈展現了美國對台灣的承諾，台灣是可信賴的朋友，也是重要的安全夥伴。美台關係長久以來奠基於雙邊人民之間穩固的情誼，而今天所做的宣布也體現了美台對抗全球疫情的共同承諾。
美國捐贈的250萬劑莫德納疫苗今天下午4時30分左右運抵桃園國際機場，美國在台協會（AIT）處長酈英傑與疫情指揮中心指揮官陳時中都到場接機。
AIT表示，很高興能夠促成並宣布美國政府捐贈的250萬劑莫德納疫苗順利抵達台灣。如同印太地區的許多地方，台灣近來也面臨新冠疫情急遽升溫的狀況，美國深知台灣此時此刻迫切需要疫苗的援助。
AIT指出，本次疫苗捐贈展現了美國對台灣的承諾，台灣是可信賴的朋友，也是重要的安全夥伴。台灣應對全球疫情的策略體現了民主價值和民主治理程序的韌性，台灣在世界各地慷慨捐贈醫療資源，也彰顯了其協助全球社會解決全球挑戰的角色。
AIT強調，美國不會忘記，台灣先前的醫療援助拯救了多少美國人的性命。今天抵台的疫苗數量包括：美國參議員達克沃絲、蘇利文及昆斯6月6日訪台期間所宣布的75萬劑疫苗，再加上額外捐贈的175萬劑疫苗，總計250萬劑。
有鑑於全球疫苗持續短缺，AIT表示，拜登總統於6月10日宣布，除了日前承諾提供給台灣等全球夥伴的8千萬劑疫苗之外，美國也將另外捐贈中低收入國家5億劑疫苗。美台關係長久以來奠基於雙邊人民之間穩固的情誼，而今天所做的宣布也體現了美台對抗全球疫情的共同承諾。正如拜登總統曾說：「我們不會用我們自己的疫苗來要求其他國家做出回報。」反之，「我們分享這些疫苗的目的在於協助終結全球各地的疫情。」</t>
  </si>
  <si>
    <t>英國上周末發現新冠肺炎的新變種病毒，其傳染力更強而引發外界恐慌。但多位專家認為目前針對新冠肺炎而研發的多款疫苗，仍能有效地預防新變種病毒的感染。
華盛頓大學醫學院「健康指標和評估研究所」（IHME）的肺科專家古普塔（Vin Gupta）就對目前的疫苗能預防新冠肺炎和其新變種病毒等感染是有信心。
其理由是就基因層面來看，新變種病毒可能跟新冠肺炎「非常相似」，既然疫苗引發人體所產生的抗體，能攻擊和殺死新冠病毒，自然也能攻擊和殺死新變種病毒。
他不認為新變種病毒在基因上出現小變化後，就能影響疫苗的防護效果。
儘管古普塔認為未來研發新疫苗時，可能必須把新變種病毒也列入研究範圍內，就像流感疫苗那樣要更新，但他強調新變種病毒可能只會影響未來的疫苗研發工作，不會影響目前疫苗終結疫情的效果。
被拜登延攬為下一任美國衛生局長的莫西（Vivek Murthy）也有類似看法。他說沒理由認定目前的疫苗，對英國新變種病毒沒有防護效果，而且也沒證據顯示感染新變種病毒後的死亡率更高。
他強調目前所建議的個人預防疫情方法，包括戴口罩、保持社交距離和勤洗手等，同樣能降低新變種病毒的傳播。
雖然倫敦帝國學院的免疫學教授阿提曼（Danny Altmann）認為新冠肺炎有變異性，但也認為新變種病毒不可能有對抗目前疫苗的能力。
英國卡迪夫大學傳染疾病研究員費特曼（Andrew Freedman）認為目前疫苗的防護力，也能預防新變種病毒。但他不否認，若病毒繼續變異下去，疫苗往後所提供的免疫力是有可能會降低。</t>
  </si>
  <si>
    <t xml:space="preserve">為防止新冠肺炎疫情擴散，疫情中心要求展開各項防疫作為，外交部發言人歐江安今天表示，目前外交部及駐外館處均已完成規劃異地、遠距、分組辦公的不同方案與配套措施。外交部配合疫情指揮中心的指示辦理，並試疫情發展的需要啟動。
歐江安指出，有關異地辦公、遠距辦公所使用的視訊軟體，為因應武漢肺炎疫情的蔓延，外交部已超前部署，進行包括異地辦公等防疫措施的各項準備。
她說，在選擇遠距辦公所需視訊軟體時，自將資安議題列為主要考量。根據外交部瞭解，ZOOM視訊軟體因使用部分中國產製的軟硬體及服務，為維護資安，外交部並未使用。外交部所使用的相關視訊軟體已完成各項註冊登錄作業，而且經過多次測試，其效能及資安均可符合標準需求。
</t>
  </si>
  <si>
    <t>確診新冠肺炎染疫的案32的非法外籍看護，不僅趴趴走，成為台灣防疫破口，隔離期間還誇張玩直播。中央流行疫情指揮中心昨公布其2月16至19日的活動史，她曾搭過3種大眾運輸，行蹤遍布北車、樹林、板橋等雙北10餘處。由於非法外籍看護遊走在醫療院所，成為照顧病患的短期人力，幾乎是「公開的祕密」。據移民署的統計資料，全台至少共有4.8萬餘名移工失聯，案32也凸顯非法移工的防疫破口。
4.8萬名失聯移工 成防疫破口
北部8旬老翁日前確診新冠肺炎後，負責照顧他的31歲印尼籍看護也在26日確診，成為台灣第32例，也是目前為止唯一的外籍看護遭確診案例。該看護曾在2月11至16日間照顧老翁，16至19日在戶外活動，19至24日則至另一家醫院照顧其他病患，讓最近新增幾起確診案例都控制在家族群聚感染下，出現嚴重斷開家族群聚感染走向社區感染的破口。
若有相同行蹤民眾 應自主管理
指揮中心指揮官陳時中表示，看護16至19日搭過公車、捷運、火車、計程車4種交通工具，曾至台北、樹林、板橋等3車站，搭乘松山新店線、淡水信義線、中和新蘆線、板南線等4條捷運，曾在大坪林、竹圍、士林、景安站、龍山寺站，以及北車地下街、樹林東昇公園等地，足跡遍及雙北。
指揮中心提醒民眾，若曾在16至19日前往上述地區，應自主健康管理14天，出現疑似症狀應儘速就醫。林口長庚小兒感染科教授邱政洵表示，新冠肺炎的傳播途徑為飛沫及親密接觸。若同一時間與該看護處在同一空間，甚至靠很近，感染的風險就高。若時間、空間不同，則不需過於擔心。
柯文哲也說，他個人是主張公開透明，相信台灣社會夠成熟，不會太恐慌。而公布後民眾是否在那段期間去過，自己要有一個sense。
截至目前，衛生單位共掌握了看護11至16日間接觸的148人，其中116人需採檢，均為陰性。19日至24日間接觸的23人中，18人採檢陰性，其餘採檢中。
民眾擔憂非法看護恐成為防疫漏洞，邱政洵表示，的確是有可能。看護認識的多為移工，包括合法與非法，除不一定看得懂新聞呼籲，也可能因擔心被捉，出現症狀也不敢出面。政府應盡可能找到能與非法看護搭上線的管道，加強防疫宣導，雖然很困難，但仍需努力嘗試。</t>
  </si>
  <si>
    <t xml:space="preserve">台灣疫情如遍地烽火，光是昨日就暴增180例本土，其中6例住在彰化到台北萬華賣葡萄的一家人。指揮中心表示，經疫調後發現，賣葡萄的婦人（案1424）發病日為4月23日，較5月2日出現不適症狀的基隆婦女（案1217）還要更早，令人憂心病毒早已散播在社區許久。
指揮中心發言人莊人祥於昨日記者會指出，彰化確診賣葡萄的一家6口，經疫調結果發現，賣葡萄的婦人案1424，在北市萬華擺攤賣水果，因此所有活動史都與萬華相關，莊人祥進一步說，該婦人的發病日為4月23日，比5月2日出現不適症狀的基隆婦女發病日還要更早。
基隆婦女到萬華賣茶，5月2日開始出現發燒、咳嗽及呼吸道等相關症狀，本以為該案是萬華群聚事件中，最早發病的個案，如今發現彰化賣葡萄婦人才是最早發病，不免讓人擔憂病毒早已在社區內傳播。
感染科權威、台大兒童醫院院長黃立民日前接受媒體採訪時表示，萬華當地有很多人被感染，「感覺在醞釀什麼東西，問題很大」，應針對萬華區進行大規模血清篩檢，其他醫院也應提高警覺。
</t>
  </si>
  <si>
    <t>鑒於新冠肺炎疫情日益嚴重，七大工業國（G7）領袖周一（16日）緊急召開視訊會議，會後發布共同聲明，強調將緊密合作以對抗疫情，並推出支撐經濟所需的財政與貨幣政策。
加拿大央行周一宣布新的挹注市場流動性措施，將在次級市場購買房貸債券，市場解讀此為加國也將啟動量化寬鬆（QE）。日本則有國會議員提案，要求安倍政府調降消費稅，日銀總裁黑田周二則強調，必要時還會再擴大貨幣寬鬆。
根據白宮經濟顧問庫德洛（Larry Kudlow）表示，美總統川普周一上午在白宮戰情室進行視訊會議，儘管面對美股崩盤，川普不但仍維持冷靜，還與G7其他領袖皆同意將「竭盡所能」對抗新冠肺炎。
此外，G7領袖也討論東京奧運今年是否如期舉行。日本首相安倍迄今仍拒絕延後或取消東奧。庫德洛會後向記者提及，「他（安倍）不知道是否可行，但他想這麼做，川普總統祝他好運。我們都在後面支持他。」
另一方面，川普周一稍晚在白宮簡報表示，此次疫情可能持續到7月或8月，或許甚至更長。
該集團發布會後共同聲明表示，「透過共同行動，我們將致力解決因COVID-19（新冠肺炎）流行引發的健康與經濟風險，為未來強勁的復甦、持續的經濟成長與繁榮作好準備。」
G7領袖承諾，致力採取共同行動以及一切必要措施，使用所有政策工具，包括貨幣和財政辦法，力阻下行風險。
該份共同聲明指出，G7領袖將協調各方努力減緩病毒擴散，包括透過適當的邊界管制措施。
此外，也將支持由政府和民間推出合作研發計畫以及分享，藉此快速研發、製造和提供治療和疫苗。
G7領袖也同意財政部長進行每周開會，協調執行情況並且研擬進一步的行動。
上周歐洲領袖們、尤其是法國總統馬克宏即積極遊說川普召開G7領袖視訊會議，以討論新冠肺炎因應之道。川普是今年G7輪值主席。</t>
  </si>
  <si>
    <t>新冠肺炎〈NCP〉肆虐全球，引發台灣出現「口罩之亂」，政府近日更推行「口罩實名制」的政策，也積極拓展生產線。近日有網友在PTT發文，曝光德國口罩的驚人的價錢，但有網友也透露天價背後的關鍵原因。
一名人在德國的網友近日在PTT八卦板，以標題「德國口罩價格」發文，表示「德國真是個市場自由的地方，透過以價制量，我真的覺得這裡的口罩廠跟印鈔機關一樣有錢了...... 」最後更PO出口罩上面的價格標籤，發現一個竟然要價2.95歐元，等於一個將近要新台幣100元左右。
文章曝光之後引起熱議，不少人紛紛留言表示「台灣覺得幸福」、「發大財了現在口罩生產線=印鈔機」、「這種價格應該有附液晶體顯影眼鏡」、「如果是疫情爆發地區絕對再漲一倍」、「怎麼感覺很薄」、「台灣現在能戴5盒出境，如果帶去德國賣不就能發一筆小財？」但也有內行網友透露，德國和台灣的收入水平不一樣，物價本來就會差很多「德國的物價換算台灣，大概就是一個台幣20元」、「德國最底時薪9歐，1小時工資可以買3個」、「在德國打工幾小時可以買iphone」、「差不多呀！只是單位不一樣」、「其實真的算便宜」。</t>
  </si>
  <si>
    <t>刑事局偵四大隊16日接獲衛生福利部疾病管制署轉報，指在抖音APP上，竟有民眾公開刊載「台灣已有數百人，因感染新冠肺炎死亡」的不實訊息，涉觸犯傳染病防治法第63條之規定。警方追查發現，行為人是一名14歲國中少女，將她與家長傳辦到案，全案依違反傳染病防治法、少年事件處理法移請士林地院少年法庭審理，是警方目前查獲年紀最小的假訊息散布者。
少女到案後供稱，只是為了想要提高自己的關注度，才在1月底PO出該影片，事後懊悔不已。警方統計，從1月23日至2月20日，警察機關偵辦新冠肺炎相關網路假訊息案件計83件，其中已移送49件71人，其餘案件積極偵處中。</t>
  </si>
  <si>
    <t xml:space="preserve">始終不願意在大眾面前戴口罩的美國總統川普在參觀已改生產口罩和其他醫療設備的福特工廠時表示，他終於克服厭惡感，戴上對抗新冠病毒的利器，但媒體只拍到他反覆的在看手裡的口罩，川普仍不願在鏡頭前出現他戴口罩的樣子。不過，川普私下戴口罩的畫面，仍流出到媒體手中。
川普（Donald Trump）在參觀位於密西根州伊普西蘭蒂市（Ypsilanti）的福特（Ford）汽車工廠時，拿起一個口罩，向媒體表示「我之前有戴口罩，我在後面有戴一個，但我不想讓媒體看到」。在鏡頭前，除了川普之外，在工廠參觀的每一位幾乎都有戴口罩，以符合相關規定。
雖然密西根州檢察官表示，川普不顧規定，在鏡頭前刻意不戴口罩，「正是向外界傳達可能是最糟糕的訊息」。不過，據八卦雜誌《TMZ》指出，有人向該媒體提供了川普戴上口罩的照片。從照片顯示，川普當時正在參觀福特工廠的生產醫療產品線，但可能是他或其他幕僚沒有注意到，有人偷偷拍下了這張照。
Donald Trump Wears Mask at Ford Plant https://t.co/Q3QOvNVl71
對於川普堅持不在鏡頭前戴口罩， CNN指出，川普的總統形象是透過媒體鏡頭形塑出的，「他非常、非常關注他是如何被呈現在鏡頭前，而觀眾又是如何認知他；他希望自己的公眾形象可以是堅強無所畏懼的領袖」，所以在他心目中認定，戴口罩自然是規定，「但並不包括在舞台前」。
另外，《紐時》先前也分析指出，川普的助手曾表示，川普抵制口罩在一定程度上是因為不想讓自己看上去顯得荒謬，「雖然這聽起來才荒謬，但與川普式大男子主義的扭曲邏輯相稱：口罩是給弱者，也就是『魯蛇』準備的，而他是完全的強者」。
</t>
  </si>
  <si>
    <t>台中市15日開放前6類人員施打AZ疫苗，台中市衛生局長曾梓展17日指出，有3人在接種疫苗後死亡，另60歲男子因腎臟癌及糖尿病病史，醫師判定死因為重症引發急性呼吸衰竭。晚間再新增2例猝死個案，其中1名大雅區72歲的阿嬤，在診所洗腎時突然猝死，截至目前共5例在接種疫苗後死亡個案。
台中市衛生局指出，大里區72歲阿公為居家腹膜透析洗腎的患者，並有3高及冠狀動脈心臟病等慢性病病史，16日上午接種AZ疫苗後返家，17日下午在家出現昏迷現象，約15時由119送急診搶救無效。
另1位大雅區72歲的阿嬤，長期在洗腎診所洗腎，於15日接種AZ疫苗，17日於洗腎時出現昏迷現象，洗腎診所人員立即施予急救，並由消防局119送急診搶救後仍無效 。
衛生局表示，這2名長者皆有進行快篩結果為陰性，為釐清死亡原因與疫苗相關性，將協助家屬提出預防接種受害救濟申請，協助收集相關病歷資料，提送中央審議，如經審議後確定因預防接種致死者，最高將給付600萬元救濟金。</t>
  </si>
  <si>
    <t>兩批AZ疫苗5日先後抵台，數量約81萬劑。中央流行疫情指揮中心宣布，第8輪公費疫苗接種將施打AZ，對象為已打過AZ、滿10周的第5、6類民眾，主要為75歲以上長者，以及警察、社福機構人員。對於高風險族群終於能接種第二劑，前疾管局副局長施文儀批「第二類實在搞得亂七八糟。」
波蘭捐贈我40萬劑AZ，加上COVAX配送的41萬劑，一口氣來81萬劑，讓已經可以打第二劑的長者們終於等到足夠劑量。指揮中心發言人莊人祥表示，第7輪打剩的BNT和新到貨的AZ，將保留給第8輪使用，預約時程規劃中。
國外Delta變異株盛行，國內不少專家呼籲盡快施打第二劑，提高高風險族群保護力，但指揮中心不為所動，仍以提高第一劑覆蓋率為目標，使得完整接種率至今不到5%；75歲以上長者更只有1.5%。
「這些疫苗如果能先給老人家打該有多好」，根據《聯合新聞網》報導，施文儀認為，第二類實在搞得亂七八糟，他直言中央及地方根本沒有那麼多防疫官員，應給高齡、重症患者優先。</t>
  </si>
  <si>
    <t>新冠肺炎疫情在全球大爆發，確診病例激增，WHO終於宣布進入「全球大流行」。財經專家賴政憲看到古書預言嚇一跳：新冠肺炎可能會拖4年。
賴政憲在談話性節目《驚爆新聞線》表示，古書《五公經》就有預言，這次新冠肺炎早就寫好了。《五公經》是北宋時候的預言書，這是佛家的預言。開始是子丑之年，今年是子年，明年是丑年。「子丑之年江邊起」，從武漢開始。那什麼時候會結束呢？「但看辰年中秋月」，高峰在辰年」，現在子年是2020年，辰年是2024年的中秋，可能會拖4年。另外這個子丑，我們現在的子丑，是2020年跟2022年，另外再加12年，就是2032年跟2033年，搞不好會再來一次。
賴政憲接著指出，很多人說這個病毒，以後12年會來一次，因這次新冠病毒的變種，並不是自然變異，所以這個病毒讓大家這麼害怕，有可能會這樣，那再來「寅卯辰年八九月」，因此有可能會到2023年；「遍地死入不堪言」，也很有可能會拖4年到5年，這是我們現在最擔心的。</t>
  </si>
  <si>
    <t>新冠肺炎的致死率到底要怎麼算才貼近事實？世界衛生組織（WHO）表示，致死率僅2％上下，且大陸以外的地區只有極少數人染病，要大家別過度反應。
世衛的算法，是死亡人數除以確診人數，按照此算法，確實致死率僅2％上下，但自1月底開始，新冠肺炎在大陸的致死率就一直在2％上下，但同時間治癒人數卻一直增加。
當有人被確診為新冠肺炎，到醫院救治只有兩種可能，一是治癒，二是死亡，所以比較能反映出收治情況的致死率，應該是以死亡人數／治癒數+死亡人數，來計算致死率，這樣可以反映救治情況。
2月1日的死亡率是34.6％，但18日已降至5.5％，代表你1日因確診踏入醫院時，治好的機率有65.4％，但如果是昨天，則已高達94.5％；反觀按世衛算法，2月1日跟18日的致死率都是2％上下。</t>
  </si>
  <si>
    <t>美國總統川普周二宣布，基於世界衛生組織（WHO）應對新冠狀病毒疫情的做法，他已經指示美國政府至少暫停為WHO提供經費。
川普在白宮記者會上表示，WHO「未能履行其基本職責，必須為此責任。」他並表示，WHO宣揚了中國對於新冠狀病毒疫情的「虛假消息」，這或已導致疫情的爆發程度大於其原本會發生的情況。</t>
  </si>
  <si>
    <t>高雄銀（2836）走出慶富案陰影，2019年稅後淨利創7.74億元次高、年增61.48％，每股盈餘（EPS）0.72元。展望今年，面對降息及新冠肺炎疫情衝擊，總經理陳長義表示將持續強化風險承擔能力，並透過增量策略來緩解利差收益減少衝擊，以達到預定業務目標。
高雄銀2019年淨收益37.19億元，年增6.28％，創近15年新高。稅前淨利8.86億元、年增達81.62％、稅後淨利7.74億元，年增達61.48％，雙創歷史次高。每股盈餘（EPS）0.72元，優於前年0.44元。董事會擬配息0.15元、配股0.45元，合計派利0.6元。
高雄銀2019年資產報酬率（ROA）0.29％、股東權益報酬率（ROE）5.18％，分創近13年、近4年高點。資本適足率（BIS）自11.05％升至12.11％，第一類資本比率自8.51％升至10.04％。逾放比自0.81％降至0.48％，備抵呆帳覆蓋率自147.92％升至245.53％。
陳長義指出，高雄銀去年調整資產獲利結構，追求穩定成長策略，包括強化中小企業融資、降低長天期大額存款，使存款利差自1.4％提升至1.44％。加上財務績效操作良好，適時處分有價證券實現獲利挹注，淨利差亦自0.99％提升至1.06％，均創近5年最佳紀錄。
面對新冠肺炎疫情衝擊，陳長義表示，高雄銀成立緊急應變小組，實施異地備援辦公，確保營運不中斷。同時也力挺在地產業，除繼續推動「金融三箭」外，加碼推出「齊心防疫、高銀最相挺」專案融資、配合政府政策辦理企業紓困及振興貸款，與客戶一起共度難關。
陳長義指出，疫情對全球經濟及資本市場均造成相當大影響，目前很難判斷影響程度多大，將適時調整營運策略，持續強化風險承擔能力。此外，金融界面臨國外降息影響，今年仍將透過增量策略，來緩解利差收益減少衝擊，達到預定業務目標。</t>
  </si>
  <si>
    <t>中租-KY（5871）公布2020年1月自結合併營收46.98億元，雖因春節工作天數較少、中國大陸銷貨業務認列準則變更影響，較去年12月59.28億元減少20.74％、降至近11月低點，仍較去年同期45.08億元成長4.22％，改寫同期新高。
觀察中租1月各地區業務概況，中租表示，台灣及東協地區營收分別年增14％、30％。中國大陸則因銷貨業務型態變更，改為不再承擔存貨風險的業務模式，會計認列準則改採淨額法認列，使營收較去年同期減少，但新增業績與業務動能維持。
中租發言人廖英智說明，中租在中國大陸的銷貨業務，原先未考慮交貨遞延、報關失敗等貿易風險，今年從嚴認定，跟客戶約定不承擔相關風險責任。依據會計認列準則，性質需視同貿易融資業務，相關營收由原先的總額法改為淨額法認列。
廖英智表示，相關營收認列改採淨額法，僅會影響營收認列數額，不影響實際業績及獲利認列。若以交易總額推算，中租1月自結合併營收為53億元，年增18％，中國大陸地區營收為年增19％。
中租旗下仲利國際在中國大陸擁有近50個據點。對於新冠肺炎疫情影響，廖英智表示，目前僅武漢分公司尚未復工，需等待官方通知，其他地區分公司均已陸續復工。而往年2月向來為全年最淡月，此次疫情影響程度目前仍在彙整評估中。</t>
  </si>
  <si>
    <t>本土疫情不斷擴大，死亡人數已超過300人，疫情最嚴峻的新北市成各界關注焦點。新北市市長侯友宜過去多次蟬聯各大民調冠軍，市政上採取務實、盡量不與蔡政府對抗的路線，然這波疫情卻仍難逃綠營圍剿。港媒評論直言，這證明了態度不硬起來就會被綠營當軟柿子吃掉，「侯友宜肯扛起藍營領頭羊重任了嗎？」
根據香港媒體《中評社》今日（10）評論指出，侯友宜擔任新北市長後，就堅持走「專心市政」路線，對政治敏感議題與藍綠口水戰幾乎都不加入，這為自己創造了跨越黨派的優秀支持度，甚至屢次蟬聯各大民調冠軍，被視為「藍營新共主」熱門人選，卻也讓藍營支持者認為，其與國民黨距離太遠。
評論強調，像這波「疫苗之亂」，數個藍營地方首長都聯名希望，蔡政府能夠開放地方政府疫苗採購權限，但侯友宜身為「最大諸侯」又是當前重災區，卻僅表示配合中央防疫政策，讓藍營縣市串聯討疫苗的氣勢弱了一大截。侯在不少防疫政策上皆超前蔡政府，這點讓侯的民調與支持度，不至因新北市確診數全台最多而受影響；但近期綠營支持者卻開始在網路攻擊侯，甚至在市場分流政策上還被總統蔡英文點名應配合中央，種種跡象顯示，只要態度不硬起來，就會被綠營當作軟柿子吃掉。
對此，評論表示，全台22縣市中藍營執政佔14個，但從2018年勝選至今，卻一直未善加發揮此優勢，這與國民黨中央缺乏一呼即應的強勢整合能力，以及侯友宜選擇「獨善其身」有關；2022年縣市長大選在即，這波疫情也許能讓侯體會到，與綠營對抗只有「打群架」才有機會能贏，屆時是否能夠改變心態，扛起「領頭羊」的角色，受各界矚目。</t>
  </si>
  <si>
    <t>台灣疫情仍相當嚴峻，前高雄市副市長李四川今（27）日在臉書發表514字長文，關心當前疫情狀況，他同時砲轟，中央流行疫情指揮中心諸多行為，「要這個政府何用」，許多網友大讚，說到心坎裡去了。
李四川文中提到，防疫如同作戰！18年前抗煞(SARS)，他和台北市衛工處的同仁，每3至5天就在大型醫院前分別蓋出一間間篩檢站，10天內在台大醫院停車場蓋出18間負壓病房，我們日夜趕工。
李四川回憶，去年在高雄，我們呼籲對入境者普篩後再居家檢疫14天，也建議對醫護人員快篩，使醫護人員能安心回家，還希望能找廢棄的軍營準備做檢疫收容所，中央流行疫情指揮中心一概不准；「到今天我還是想不通，中央疫情指揮中心反對快篩的理由」，快篩不是看多少偽陰性，而是及早發現沒有症狀的真陽性，讓他們及早隔離或治療。
李四川感慨，每天看防疫中心的記者會，沒有對策，實問虛答，為什麼還要開這種記者會呢？如果只是為了說明確診人數，發個新聞稿就好了。
針對國民黨中常會昨天通過暫停黨主席的選舉，李四川直言「這是對的」，現在誰在意國民黨哪時候選黨主席？大家只在問，什麼時候會有疫苗？
李四川直言，當醫院的走道上躺滿沒有床位的病患，當我們和印度一樣要為得病的家人四處去張羅買氧氣瓶，當越來越多的確診者沒辦法住進醫院，當我們不得不辭掉工作回家照顧獨居的父母親，「封城的命令又看不到盡頭時，要這個政府何用！」
「民眾只是要活下去，難道這樣卑微嗎？」、「我支持所有努力想為台灣人買到疫苗的人。現在！馬上！天佑台灣」李四川語氣加重說，我們不要「道歉的政府」，我們要「做到不道歉的政府」，請以蒼生為念，天佑台灣。
許多網友也在其po文底下留言表示，「謝謝川伯，講的太好了」、「感念川伯如此務實的好官員」、「藍色做的事，綠色不會做的」、「一語道破台灣人的心聲、國難當頭還在分疫苗的顏色、種種錯誤的政策把台灣帶到死路上」、「說到心坎裡了」。</t>
  </si>
  <si>
    <t>COVID-19的肆虐全球，以及美中貿易戰、科技戰的開打，加深了全球經濟發展的不確定性。不過，疫苗的接種、各國的解封等正面的因素，也使未來全球經濟的成長，有更好的期待。台灣當前面臨第二波疫情的衝擊，但在政府有效防疫、民眾自律下，即使對民間消費、服務業有所衝擊，但對出口、投資影響不大的情況下，整體經濟預期仍可以保持5％的成長。不過，總體因素雖然傾向於樂觀，但疫情的反覆、爛頭寸的充斥，推升了股票、房地產、比特幣等金融泡沫，都是我們不可輕忽的變數。疫情的控制、貨幣政策的擬定、財政政策的紓困、美中科技戰的因應，雖然都是政府的施政範疇與責任。但是，在此多變的大環境下，企業也應該持續改革、創新，不可停滯不前。因為在十倍速的時代，不進則退。至於企業應該做什麼，或不應該做什麼，攸關企業在後疫情時代的競爭力，不容輕忽。
以下我們指出企業在後疫情時代，不應該做的與應該做的幾個大方向：
（一）不應該的作為
首先，企業不應該過度財務槓桿：隨著各國的寬鬆貨幣政策、利率偏低的結果，大量資金投入房地產、股票、外匯、原物料市場，導致金融泡沫方興未艾。在泡沫逐漸形成之際，企業應該守住自己的核心競爭力，不可過度投資本業以外的領域，才不會在泡沫崩跌後受到拖累，拖垮公司的財務。
其次，不可盲目裁員、停止投資：新冠肺炎造成不少企業面臨困境。但不可盲目裁員，因為員工是公司的競爭力來源，可以適度縮小規模，但透過教育訓練保持公司的元氣。當然企業也不可以大量盲目投資，或輕率地減少投資。例如某一日本高科技公司，為了因應1997年的亞洲金融風暴、2008年的全球金融海嘯，大量裁員、減少投資，在風暴結束後雖然利潤率提高，但營收卻大幅下滑，競爭力也開始落後於同業的競爭對手。第二個案例是美國的惠普（HP）公司在2000年代購併康柏（Compaq），並大幅擴張亞太通路，但缺乏聚焦，反而衝擊公司的長期競爭力。反之，美國Target公司雖然縮減若干實體門市，但擴張線上投資，並和亞馬遜公司合作，也因而在新冠肺炎後，營收不減反增，股價不斷上揚。另一個案例是，台積電在不景氣時，大幅增加研發的投資，進而有能力接到iPhone的大訂單，整體競爭力遠遠超過同業競爭對手，也贏得「台灣護國神山」的美名。
再者，千萬不要原地踏步：持續改革、不斷創新、組織再造，不可鬆懈，因為在數位時代，跨域競爭成為常態，對手不是來自本業，甚至來自異業，不斷革新、進步、建構更深的護城河，才能因應挑戰。
（二）企業應有的作為
首先，持續的變革創新：尤其在COVID-19之後，去全球化之後的短鏈發展、去實體化大幅提高線上營運模式、透過組織再造因應去弱存強，以及追求綠色化、乾淨、寬敞社交空間的去污減碳。這些趨勢都應該深入了解，作為公司變革創新的基礎與鞭策的方向。
再者，加強跨域的合作：在數位經濟時代來臨之際，平台經濟、共享經濟等逐漸蔚為趨勢。企業應掌握上述趨勢，進行策略的調整。但公司資源有限，投入不同領域有其風險，因此，進行跨域合作，尋求夥伴合作，可以創造雙贏，並擴大公司的影響力。
其三，透過折扣、補貼、共同研發、共同環保，鎖住客戶及合作夥伴：由於新冠肺炎之後，企業的營收會有一定的減損，很多客戶流失，可透過折扣、補貼、優惠來吸引忠實客戶回流，鎖住忠實客戶相當重要。同時，有些上游大廠透過和下游客戶的共同研發、共同進行節能減碳的活動，也可以增加彼此休戚與共的革命情感，進而留住客戶。
其四，加速數位轉型迎接數位時代：數位化在後疫情時代已經成為顯學，也是公司競爭力不可或缺的環節。中型企業因為資源不多，可以尋求政府，或是法人機構的協助，掌握數位投資前後效益的變化，才能積極投入。大型企業雖然資源比較多，但是數位轉型成功與否，取決於公司組織再造、人才的訓練、商業模式的調整等，這些努力都有賴公司高層的企圖心與決心。
另一方面，了解未來產業的趨勢，也攸關公司競爭力：未來十年的產業發展趨勢，包括人口老化／少子化、節能減碳、數位經濟的發展趨勢，均值得企業高層重視，並有效融入公司的經營策略。
此外，重視環境的永續、社會責任與公司治理（ESG）：重視ESG不但公司的形象可以提升，有利於公司招募人才，同時在資本市場也有加分的作用。而且，透過綠色、ESG的加值、投入，也可以創造公司的差異化，進而提升企業的出口競爭力。</t>
  </si>
  <si>
    <t>突破性感染頻傳，甚至有境外移入個案混打3劑疫苗仍確診。精神科醫師沈政男表示，疫苗不是金鐘罩，打完疫苗也無法恢復正常生活，突破性感染得重症的機率是沒打疫苗者的75％。只能說疫苗保護力與非疫苗防護手段有關，不好好戴口罩，打完2劑mRNA疫苗的突破性感染機率也高達六成。
沈政男昨在臉書發文表示，每個階段的防疫主題都不一樣，現在這個階段最熱門的就是「突破性感染」。全世界都在搶打疫苗，以色列絕對是打得最兇也最充分的國家，但如今卻每天新增上萬例的確診個案。那些說打疫苗可大幅降低重症與住院率的，都是英國Alpha變種時代的思維，如今印度Delta變異株已經君臨大地了。
沈政男分享最新一期《新英格蘭醫學期刊》的研究，加州大學聖地牙哥附設醫院的醫療人員今年6月前完整施打疫苗的保護力超過90％，但到了7月卻只剩下65.5%。也就是說，打了兩劑mRNA疫苗，得到突破感染的機會依然高達35%，只要有3個沒打疫苗的人被感染，就可能有1個打過疫苗的人被感染。 更不要說只打過一劑疫苗的人。
沈政男指出，許多人以為打疫苗後染疫，90％以上都是輕症。不過，根據發布在《刺胳針感染醫學期刊》上的英國研究指出，突破性感染得到重症的機率是沒打疫苗者的75％，住院機率則是30至40％左右。「所謂打了疫苗，即使染疫也是輕症，主要原因是打了疫苗後，染疫機會大大降低，但染疫後重症的機會其實沒降太多。」
沈政男認為，疫苗保護力與非藥物防護手段根本無法分開，加州大學附設聖地牙哥醫院的醫護在7月突破性感染機率大增，除了因為Delta開始盛行，也跟口罩強制令解除有關；以色列也是如此，民眾打完兩劑疫苗就有恃無恐，什麼防疫手段都不管，才讓Delta趁虛而入。
沈政男說， 以色列的染疫、住院與死亡曲線與一年前疫情最熾烈時，相差不多了。不是說新冠疫情會流感化？只要疫苗打到70、80％的覆蓋率，達到群體免疫就能與病毒共存？「大錯特錯連三錯！以色列就是前車之鑑。」
沈政男接著說，若打完疫苗不戴口罩，認為反正有2劑mRNA疫苗就是神功附體，再多的病毒都不怕，那病毒將如潮水一般，衝垮抗體防線，攻入體內。「新冠疫苗雖好，即使是mRNA疫苗，都不是金鐘罩啦！病毒量只要夠多，就會沖垮抗體防線。」
沈政男也說，疫苗保護力與非疫苗防護手段有關，不好好戴口罩，打完2劑mRNA疫苗的突破性感染率高達六成。反之，如果繼續戴好口罩，那麼即使只有打一劑AZ，也是有不錯的保護力。</t>
  </si>
  <si>
    <t xml:space="preserve">日本共同社報導，日本政府今（5）日已開始規劃，暫停已經向來自大陸、韓國的旅客發放簽證的效力，未來還計劃要求來自兩國的遊客暫時不要前往日本。
路透社也引述讀賣新聞指出，日本政府正在考慮中止已經發給來自陸、韓旅客的簽證效力。
此外，為了抑制新冠肺炎疫情，東京也打算對所有來自陸、韓的旅客強制隔離14天。
預計日本首相安倍晉三將在今日晚間的防疫會議上討論這些事項。
先前，日本奧運大臣橋本聖子（Seiko Hashimoto）曾表示，即便新冠肺炎疫情延燒各國，東京奧運將如期在7月舉行。
</t>
  </si>
  <si>
    <t>近來台灣鮪延繩釣協會接獲逾百名漁民陳情，直指遠洋漁業是邊境防疫一環，漁民應列入優先打疫苗類別，因目前有多國港口開放停靠，而船長年齡偏長有慢性病，若無疫苗防護，除增加感染風險，還會因海上醫療資源匱乏而有生命危險。
漁民反映，現今有許多國家因漸漸解封，港口也陸續開放外籍漁船停靠，而有的則要確定船上人員都打過疫苗後，才准許停靠，對此，台灣漁船真的陷入兩難，前者看似方便，但存在感染風險，至於後者是直接否決台灣漁船停靠的機會。
漁民說，遠洋漁船的船長平均年齡5、60歲，且多數有慢性病，許多船長每次出海時都要帶一大箱的藥，若不幸染疫且在船上發病的話，後果真的不堪設想，因為海上的醫療資源不僅極度匱乏，還不比陸地可以立即施救。
對此，台灣鮪延繩釣協會指出，遠洋漁業真的是邊境防疫中很重要的一環，雖然目前有嚴格防疫措施，漁民需隔離14天、PCR採陰後才能入境，且入境後還要自主管理7天，但讓漁民打疫苗，才能更確實阻絕病毒入侵國內，且以人道觀點來看，也能保護漁民降低重症發生率。
台灣鮪延繩釣協會說，漁民的陳情，已向漁業署反映，而漁業署說已有造冊，但後續狀況未明，希望政府能重視漁民需求，其實去年全球疫情大爆發時，漁界已在討論漁民打疫苗的問題，畢竟他們就是全世界跑來跑去的一群，不料疫苗出來後，漁民完全被漠視，與大家的期待很不同。
三級警戒下，外籍漁工無法入境，許多漁船因缺工無法出港，東港、鹽埔漁港進入「漁船停好停滿」高峰期，而今微解封在即，漁民一邊期待能藉此緩解漁業慘況，但又憂心疫苗問題。</t>
  </si>
  <si>
    <t>委內瑞拉反對派領袖瓜伊多（Juan Guaido）今天表示他確診2019冠狀病毒疾病（COVID-19 ），有輕微症狀。
瓜伊多在自己的推特（Twitter）帳號表示正接受隔離，同時對委內瑞拉的確診數字表達憂心。
瓜伊多寫道：「我想表達我與數以千計在這場疫病中受苦的委內瑞拉人休戚與共。」
「如今我們大家都有親戚或熟人感染COVID-19。」
委內瑞拉2018年的大選由總統馬杜洛（Nicolas Maduro）成功連任，但西方政府形容這場選舉是騙局，之後有數十個國家力挺瓜伊多擔任委內瑞拉臨時總統，包括美國。
瓜伊多還說，他把COVID-19疫苗運抵委內瑞拉視為迫切要務。
委內瑞拉已收到70萬劑COVID-19疫苗，其中50萬劑是由中國國藥集團（Sinopharm）捐贈，其餘則為俄羅斯的「衛星-V」（Sputnik-V）疫苗。
反對派領袖們正另行協商運用美國凍結的資金，透過「COVID-19疫苗全球取得機制」（COVAX）來購買疫苗。
委內瑞拉官方數據顯示，截至今天境內累計已有15 萬5663起病例、1555人病故。但反對派人士說，由於檢測人數有限，實際數字可能更高。</t>
  </si>
  <si>
    <t xml:space="preserve">歷經震驚各界的紛紛擾擾後，美國海軍高層已建議，讓因新冠肺炎爭議遭拔官的「羅斯福」號（USS Theodore Roosevelt，CVN-71）航母艦長克勞齊（Brett Crozier）復職。
據美聯社與《政治》（Politico）新聞網24日報導，這項空前的決定仍必須由美國防長艾斯培（Mark Esper）批准。而這對前代理海軍部長莫德里（Thomas Modly）來說，將是令人震驚的大打臉。
五角大廈發言人霍夫曼（Jonathan Hoffman）在聲明中說，海軍領導階層周五已口頭向艾斯培簡報相關建議。他指出，一旦艾斯培收到書面調查報告後，將會徹底加以審查，並再度與海軍領導階層會面，以討論接下來要怎麼做。
而霍夫曼周五稍早說，艾斯培很可能支持海軍的決定，他將以開放的態度來看這件事，並大致傾向支持海軍領導層。不過，美軍參謀首長聯席會議（JCS）主席米利（Mark Milley）卻想要有不同的做法。另一方面，國會議員周五則力促艾斯培，要他接受海軍的建議，讓克勞齊復職。
由於克勞齊發送電子郵件，告訴好幾位海軍領導人，艦上爆發新冠肺炎疫情，要求他們協助讓艦上近5,000名官兵下船，卻不料內容外洩，以致莫德里在完成調查前，就將他火速拔官。莫德里說，克勞齊運用了「很差的判斷力」，並強調美國總統川普也會想要他這麼做。
雖然莫德里當時告訴媒體，克勞齊向20－30人廣發電郵，但《華盛頓郵報》（The Washington Post）說，他只向少數海軍官員發了信。
</t>
  </si>
  <si>
    <t xml:space="preserve">新冠肺炎疫情延燒，影響時尚圈明星、名人、時尚編輯參加歐美時裝周，不過仍有少數人照原定計畫出席活動。越南近日就出現多起確診，其中包含曾赴歐洲參加米蘭、巴黎時裝周活動的越南鋼鐵大亨女兒、名媛姊妹花阮娥（Nguyen Nga）和阮紅蓉（Nguyen Hong Nhung）。
據外媒報導，兩人曾赴歐洲參加米蘭及巴黎時裝周活動，2月19日前往米蘭參加Gucci大秀，25日前往巴黎參加Saint Laurent（YSL）大秀，搭機返回越南後確診，同班機多名乘客也都中標。儘管環境嚴峻，許多國際時尚雜誌編輯包括《Elle》、《InStyle》、《Harper’s Bazaar》依舊派出編輯到場，然而根據台灣Gucci與Saint Laurent公關表示，此次時裝周並未有台灣編輯參加。
</t>
  </si>
  <si>
    <t>以核養綠公投發起人黃士修今(14日)日於臉書表示，行政院長蘇貞昌的口罩禁出口政策引起民眾需求心理暴增，進而造成「口罩之亂」，統購統銷政策全面管制，更是一系列違反經濟學邏輯的決策。
以下節自黃士修臉書：
1月27日經濟部長沈榮津表示，1月30日後每日產能高達390萬片，2月2日經濟部表示周末口罩生產量較少，因為「勞工朋友周末需要陸續休假」，對經濟學敏銳的人就應該已經發現，這句話代表「生產口罩對廠商並不是真正急迫的事項」。
根據當天經濟部的說法，2月1日口罩徵收267萬片，其中72萬片防疫，195萬片販售，2月2日徵收189萬片，其中58萬片防疫，131萬片販售。
2月5日，北部某醫院口罩庫存不足，衛福部緊急澄清，卻意外透露過去六天中僅撥發255萬片給醫療院所，平均每日42.5萬片，與原本說好的140萬片有巨量落差。
2月6日口罩實名制上路，衛福部長陳時中表示每日僅有160萬片配送到通路，與原本宣稱的260萬片兜不起來，中間差額100萬片，沒有人知道到哪裡去，至今各地醫療院所仍然傳出口罩不夠用的慘況。
2月13日，媒體爆出全國80家口罩廠商僅29家被徵用，剩下的51家官員希望業者暫時不要販賣，等待政府徵收。然而政府每片口罩賣8元沒事，合法工廠100片賣500元給街坊鄰居叫做哄抬物價，並被帶到調查局偵訊，晚間經濟部緊急改口之前是「分階段徵用」、「先徵收一部分，需求量已足夠」、「過去因為人力受限，經濟部採取分階段徵用」。
但是在一天之內突然有人力清查剩下所有廠商，「徵用書現已發出，有證有生產的工廠全面徵用」，然而經濟部辯稱，原先徵用的29家廠商，已佔產量國內8成，反過來說，剩下51家廠商，產量佔2成，8成是400萬片，2成就是100萬片，但別忘記，全國醫護人員每日需求是80萬片。
民眾急，廠商急，政府不急，直接放棄2成產能，投資2億元採購機台，強制特定業者擴產，這叫做台灣特色社會主義。
過去半個月來，每日200萬片口罩不知所蹤，合計就是3000萬片的缺口，因為政客們搞黑箱上下其手，一般民眾排隊買不到，醫護人員苦等發配，長時間暴露在被感染的風險之中。
諷刺的是，同一天中國大陸正好有則新聞報導「6毛進價口罩賣1元被罰」，被對岸網友罵到湖北省洪湖市重啟調查，紀檢部門也介入調查是否存在執法人員違紀等情況。
我都不知道哪一邊才是共產主義專制國家。</t>
  </si>
  <si>
    <t xml:space="preserve">
新冠肺炎肆虐全球，隨著病毒不斷進化，Delta印度變異株已取代Alpha英國變異株，成為目前最流行株，傳播力強到就算接種2劑疫苗仍有機會感染，各國紛紛考慮施打第三劑疫苗。胸腔重症專家、北市聯醫陽明院區胸腔內科醫師蘇一峰分享美國最新研究發現，接種完2劑疫苗的Delta確診者，體內病毒量竟然和未接種者一樣多，無疑是個壞消息。
「美國研究帶來壞消息！」蘇一峰今（19日）表示，因應Delta病毒快速在國際蔓延，許多人都關心疫苗能否有效防堵變種病毒肆虐，但美國衛斯康辛州的最新研究指出，打完兩劑完整疫苗的感染者，病毒量與感染能力和未打疫苗者一樣多。
蘇一峰在部落格說明，美國威斯康辛大學麥迪遜分校 （University of Wisconsin-Madison）的學者收集了共719名新冠肺炎感染者資料，其中122人經過病毒基因分析，有九成都是Delta感染者。透過採取每位受試者的鼻腔病毒，分析體內病毒量（Ct值）與時間的變化，在統計學上，打完兩劑疫苗的感染者，鼻腔中的病毒含量與沒打疫苗者相同。
蘇一峰指出，研究也發現，就算接種了完整疫苗，病毒在細胞間的感染成功率也非常高；有打疫苗者在確診後出現症狀天數及嚴重度，也和未打疫苗者沒有差異。
此研究的作者病毒學家 Thomas Friedrich 在學術期刊《Nature》上提到，「這個研究讓我們知道打了疫苗的人感染病毒後，還存在著感染傳播能力！」期刊也呼籲，打完疫苗後的防疫保護仍不能拋棄，如戴好口罩。
蘇一峰也提到，另一篇新加坡做的研究則顯示，接種輝瑞／BNT或莫德納等mRNA疫苗者與未接種者，在感染Delta變異株後，兩者初期的Ct值差不多，但隨後觀察到，已接種者體內病毒量下降得更快。
</t>
  </si>
  <si>
    <t>治療中的癌症病人因無法等待治療，必須頻繁進入醫院，感染新冠肺炎的風險比平常人更高，一旦染病還容易導致重症或死亡，和信治癌中心醫院及癌症病友團體呼籲政府，應將目前需予積極治療的癌症病友，列入7月起的疫苗施打對象。
和信治癌中心醫院指出，癌症的治療樣態以及癌症病人在治療之間的身體免疫力起伏，不若一般慢性疾病病人，依處方箋領藥，遵循醫囑服藥即可保持疾病的控制。癌症的治療，需依治療週期抽血檢驗或安排相關影像檢驗來評估病人的身體狀況、副作用影響，以及腫瘤變化，來決定病人需不需要調整劑量或治療方式以持續或接續治療。
而癌症的治療多需專業人員操作下才能給予，例如化療、放療、標靶等，舟車往返於醫院，到院檢查及治療是癌症病人治療時期的生活常態及寫照。多數癌友的身體較為虛弱或因白血球低下而易於被感染，這讓大多數病友於疫情期間出入醫療院所，或者必須倚賴大眾交通工具的接觸感染風險，最近就有許多癌友反映，「為了要命，得到院治療，但到院呢？又有染疫風險，可能會沒命。是去，還是不去呢？」
和信治癌中心醫院表示，美國國家癌症資訊網絡（NCCN）在2021年6月9日所發佈的「癌症與COVID-19接種」（Cancer and COVID-19 Vaccination）就明確建議，治療中的癌症病人在獲得其主治醫師評估且建議施打新冠疫苗時應得優先順序，儘快施打疫苗給予保護力。
中央流行疫情流行指揮中心6月22日公佈7月起新冠疫苗接種的對象名單，罕見疾病及重大傷病卻僅列第9位，排在體健之65至74歲國民之後。
和信治癌中心醫院及癌症病友團體呼籲，應將目前需予積極治療之癌症病友，列入7月起的疫苗施打對象。和信疫苗小組召集人王詠醫師及血液與腫瘤內科部主任褚乃銘醫師呼籲，癌症病人應在主治醫師依據下述標準評估下，將其納入疫苗較優先施打對象，包括正在接受化學治療中或一年內接受過化療的病人、正在接受放射治療的病人、任何罹患癌症第4期的病人以及正在接受標靶治療中的病人。</t>
  </si>
  <si>
    <t>美國首都出現首例新冠肺炎死亡案例
記者許昌平報導
當地時間3月20日，美國華盛頓哥倫比亞特區衛生部門宣佈，該地區出現首個與新冠肺炎有關的死亡病例。據海外網報導。
據美國廣播公司、福克斯新聞網20日最新消息，死者為一名59歲的男性，他在出現發燒和咳嗽症狀後，於上周住進醫院。據悉，該患者除了新冠病毒檢測呈陽性外，身體也存在潛在的健康問題。
當前，全美50個州以及華盛頓哥倫比亞特區全部出現新冠肺炎患者。據美國約翰·霍普金斯大學發佈的即時統計資料顯示，截至台北時間3月21日2時，美國新冠肺炎累計確診病例為14631例，死亡病例210例。</t>
  </si>
  <si>
    <t>新冠肺炎疫情不斷升溫，不僅亞洲各國相繼爆發群聚感染案例，國內的家庭群聚感染數目也來到6件，中央流行疫情指揮中心對相關密切接觸者已框列數百人，多位防疫專家也指出，隨著時間推移，台灣進入社區傳播只是時間問題，因此前疾管局局長蘇益仁提出用大數據防疫的概念，盼政府能結合國內IT產業建立資料庫，增強防疫力道。
蘇益仁回憶，2015年時台南登革熱疫情嚴峻，當時他受到時任台南市長的賴清德懇託，擔任防疫總顧問，並提出大數據防疫的概念，將每天發生的2、300名病例全部建檔，詳列住家、工作地點等資料追蹤，並用數據記錄轄區內的化學防治過程，是能成功壓下登革熱疫情的關鍵。
至於這次的新冠肺炎，蘇益仁說，台灣以IT產業發達而自豪，政府應利用優勢建立大數據防疫措施，才能知道每一名旅客是從北京、日本或是其他疫區入境，甚至能掌握確診個案的出沒路徑，透過大數據可望讓防疫能有更即時的掌握，過去政府未在防疫大數據這塊整合雖然可惜，但若藉此機會推動，台灣的防疫作為將更上一層樓。
外界對新冠肺炎疫情國內是否要延後開學有許多意見，但蘇益仁卻認為，現在防疫已進入要減災的階段，政府一方面應盡可能的讓民眾去過正常生活，另一方面，也為疫情大爆發做好準備，並且讓國人開始習慣醫療分流，讓藥局、診所能發揮分擔醫療負擔的功能，將大醫院留給重症患者使用。</t>
  </si>
  <si>
    <t>日本2019年第四季企業削減廠房與設備支出，加深該國經濟陷入衰退的擔憂。新型冠狀病毒疫情與全球成長放緩，使日本仰賴出口的經濟所承受的壓力升高。
日本去年第四季（10~12月）企業支出年減3.5%，與第三季的年增7.1%相比大幅惡化，為13個季度以來首見衰退，主要因晶片製造投資放緩，以及全球汽車需求減弱。經季調後，去年第四季企業支出經季調後季減4.2%。
該指數將用於計算3月9日公布的國內生產毛額（GDP）修正值。
期間內，製造業資本支出年減9%，非製造業資本支出年減0.1%。企業經常性盈餘年減4.6%，營收年減6.4%。
分析師表示，中國爆發新冠肺炎的影響，打擊了企業信心與投資胃口，日本企業資本支出的成長動能將減弱。</t>
  </si>
  <si>
    <t>受新冠肺炎（COVID-19）擴散影響，美股面臨回檔修正壓力，不過，對美股未來前景，仍有相當投資人保持信心。台新智慧生活基金經理人蘇聖峰就表示，美股基本面優於其他市場，如製造業ISM重回榮枯線50，企業去年第四季財報獲利亮眼且指標個股展望佳，加上低利環境不變，美股因具報酬較高優勢，吸引力高，預期美股後市仍有漲升行情可期，短線若遇較大回檔皆是買點，看好軟體、網路安全、FinTech、電競娛樂、共享經濟等趨勢成長股。
蘇聖峰指出，預期新冠肺炎對於今年全球GDP影響輕微，股市承接力道強勁，市場普遍共識認為第一季的經濟損失會在第二季獲得部分彌補。不過，由於第一季經濟下行壓力增加，全球央行貨幣政策有望更寬鬆，帶動經濟復甦。美國基本面為全球相對突出的，S&amp;P500企業去年第四季企業獲利優於預期比例達70％以上，資訊科技類股是今年以來唯一獲利上修的類股，仍為盤面主流；尤其科技龍頭大廠Apple、Amazon、Microsoft、Tesla等財報與展望佳，將帶動美國科技相關基金後市表現。
蘇聖峰表示，科技股擁有五大利基，仍是未來美股的領頭羊，包括：一、科技、通訊、生技等類股受疫情影響小，在恐慌性殺盤後將有顯著反彈；二、5G、AI、雲端等新興產業成長題材豐富；三、2020年IT支出調查：IT業者願意增加投資的企業為89％，大型科技股動能不變；四、軟體股有更多題材：疫情對於軟體股影響小，且網路安全、容器效能監控、資料處理、DevOps、雲通訊與客戶使用者體驗是許多公司的優先項目；五、強勢美元影響減弱，有利出口及匯兌。</t>
  </si>
  <si>
    <t>9月1日開學在即，但新北市昨爆出11例確診，10例是三峽群聚確診，其中5例是學生，引發不少老師、學生及家長擔憂，新北市教育局表示，10例是家族群聚，確診學生防疫期間都沒去上課，也沒到補習班，所以原則上對其他學生及開學也不會有影響，只要學校防疫相關配套做好就好。
教育局長張明文說，新北目前沒預估有多少學生會請防疫假，等9月1日學生實際報到後再去調查，因學生已3個多月未到校，所以鼓勵大家實體上學，若學生與家長仍擔心也可請防疫假。
新北市長侯友宜昨說，三峽家庭群聚研判為舊案，幾乎沒有傳染力，但仍擴大匡列採檢，匡列接觸364人、居家隔離60人，目前採驗均為陰性。</t>
  </si>
  <si>
    <t xml:space="preserve">(14：50更新)國內今日新增2名新冠肺炎境外移入個案，為30多歲本國籍男性(案605)及50多歲本國籍男性(案606)，分別自緬甸、印尼入境。其中，案605曾在緬甸確診，且在當地和案501及案505一起吃飯，研判為案501及案505的指標個案。截至目前，國內共累計605例確診案例。
指揮中心發言人莊人祥表示，案605今年3月至緬甸工作，9月6日起陸續出現嗜睡、發燒、嗅味覺喪失等症狀，於當地就醫確診新冠肺炎，隔離期間未再採檢，因症狀緩解於9月下旬解除隔離。案605在11月8日返國入境時，因主動告知曾於緬甸確診，且曾在當地曾與案501及案505一起吃飯，由機場檢疫人員安排採檢，同日在檢疫所等待檢驗結果時，出現喉嚨癢及輕微咳嗽症狀，後續因機場採檢結果為陰性，轉至防疫旅館居家檢疫。
案605在11月13日咳嗽症狀加劇，主動回報衛生單位安排就醫採檢，於今日確診(Ct值33)，研判為案501及案505的指標個案。個案同班機前後二排座位旅客共4人，3人列居家隔離、1人未入境；機組員共5人，因有適當防護，列自主健康管理。
案606因工作於今年9月前往印尼，11月9日起陸續出現咳嗽、味覺異常、呼吸不順、發燒、腹瀉及肌肉痠痛等症狀，僅自行服藥未就醫；個案11月15日入境時持有登機前3日內血清抗體檢驗陰性報告，因主動告知曾有症狀，且曾接觸確診個案，於機場進行採檢，並於今日確診。
莊人祥表示，案606檢具的報告為血清抗體陰性報告，抗體是染疫後才會出現的，不是我們要的核酸檢測陰性報告。個案同班機前後二排座位旅客共1人，未入境；機組員共21人，因有適當防護，列自主健康管理。
指揮中心統計，截至目前國內累計605例確診，分別為513例境外移入，55例本土病例，36例敦睦艦隊及1例不明；另1例(案530)移除為空號。確診個案中7人死亡、539人解除隔離、59人住院隔離中。
</t>
  </si>
  <si>
    <t>大陸國家衛生健康委員會3月20日公布，3月19日全大陸31個省和新疆生產建設兵團報告新冠肺炎新增確診病例39例，新增死亡病例3例（湖北2例、遼寧1例），新增疑似病例31例，新增治癒出院病例730例。
在境外輸入確診病例方面，3月19日新增報告境外輸入確診病例39例。截至3月19日，累計報告境外輸入確診病例228例。
截至3月19日，全大陸31個省和新疆生產建設兵團累計報告，新冠肺炎現有確診病例6,569例（其中重症病例2,136例），累計治癒出院病例71,150例，累計死亡病例3,248例，累計報告確診病例80,967例，現有疑似病例104例。</t>
  </si>
  <si>
    <t xml:space="preserve">曾兩度獲選WNBA全明星球員的芝加哥天空中鋒史蒂芬妮(Stefanie Dolson)，上個月才被診斷出感染新冠肺炎，如今康復的她接受《紐約郵報》訪問表示，其實她的全家人都感染到新冠肺炎，其中以她的母親最為嚴重，所幸現已痊癒出院。
「新冠病毒離我們非常近，大概在1個月之前，整個家庭包含我，新冠病毒檢測都呈現陽性，這個病毒對我們打擊很大，」史蒂芬妮說，「我媽媽被送到醫院待了大約4天，因為她出現重症，但在醫療人員治療下，她現在平安回家了。」
「所以我想跟所有醫療人員表示感謝，你們正在做的事情帶給人們鼓勵，真的非常棒，你們冒著生命危險幫助我們，我就想跟你們說聲謝謝！」史蒂芬妮說，她在上季場均9.3分、5.6籃板，協助芝加哥天空拿下20勝14敗，東區第3戰績。
</t>
  </si>
  <si>
    <t>台灣醫界聯盟基金會執行長林世嘉表示，新冠肺炎疫情推動知識快速進展，帶來產業發展的新契機，應給予合數位科技，為抗疫下半場進行超前佈署。
由醫界聯盟基金會與衛生福利部辦理數位醫療防疫專家會議登場！首場是數位科技防疫最前線」。衛福部次長石崇良認為，新冠肺炎疫情將帶來新常態（New Normal），包含知識爆炸、照護標準之制定（standard of care）、深度學習、遠距照護技術的導入等，因此各界需跨領域合作因應技術發展、實際應用、法規與給付等帶來的挑戰，為抗疫下半場進行超前部署。
石祟良認為，我國八大防防疫關鍵成功因素，SARS經驗、流行疫情指揮中心、資訊公開透明、良好資源分配、及時邊境管制、智慧社區防疫、先進醫療科技與優質國民等，其中有五個因素皆使用到數位科技，因此數位科技的運用於防疫過程中扮演極為重要的角色。
林世嘉表示，此次疫情推動知識快速進展，帶來產業發展的新契機，如全球遠距醫療商機大幅成長，並以美國大廠微軟與甲骨文利用區塊鏈技術打造數位憑證開發計畫為例，說明該技術協助企業與國家辨識擁有免疫力的族群，並透過其不可竄改的特性，加強保護個人隱私資訊。因此在全世界如此快速的發展下，台灣數位防疫產業更需要動起來，為台灣也為全球對抗疫情。
工業局局長呂正華表示，新冠肺炎疫情加速醫療與科技結合多樣化應用，台灣亦應強化我國防疫產業鏈，發揮我國在全球之關鍵性力量。因此經濟部以科專委辦輔導、產業特案補助與智慧城鄉計畫作為產業發展策略思維，成功輔導我國多家廠商數位防疫科技的產業化轉譯，且為推動後疫情時代產業升級，經濟部現正推動生技新藥產業發展條例展延10年，納入數位醫療、再生醫療與精準醫療等新科技與多項獎勵措施。
臺北醫學大學附設醫院陳瑞杰顧問醫師指出，以北醫發展智慧醫院為例，如零接觸智慧防疫自助機、iTPass快速通關、新冠肺炎胸部影像AI警示系統、零接觸防疫科技平台與BI風險地圖等，說明新冠肺炎疫情將為健康照護體系帶來新發展機會，協助我國因應人口老化加速、日益嚴重的非
傳染性疾病負擔、醫護人員不足等挑戰。而在後疫時代，院內與院外的界限將會越趨模糊，因此未來醫療照護將以虛實整合為主，並且跨越醫療院所的界線，達成「今日防疫，明日長照」之願景。
中國醫藥大學附設醫院黃高彬副院長說明，零接觸式防疫為科技智慧醫療的重點，可進行遠端監測、臨床照護、掌控病情，最終達成醫療效果及目標。他認為，遠距護理中心未來將會成為常態，遠距醫療產業商機亦不可小覷。</t>
  </si>
  <si>
    <t>雲林縣今（25日）出現第7例新冠肺炎確診個案，以及第14例外縣市確診者但有雲林縣足跡。確診者案5083，是麥寮鄉一家往返麥寮與汐止家的工程行老闆，他的妻子（案2776）19日在台北確診，但新北衛生局未通知雲林縣衛生局，以致沒有匡列她丈夫居家隔離，案5083直到23日發燒才就醫採檢確診。
雲林縣長張麗善表示，5083是65歲男性，平時居住麥寮鄉三盛村，假日回新北市汐止區住家， 15、16日曾返回汐止，其妻（案2776）19日於台北市醫院確診，5083在16日下午回到麥寮，雖19日也出現症狀但未警覺。
衛生局長曾春美表示，目前雙北的確診案例非常多，其妻（案2776）19日確診的訊息並未告知雲林縣衛生局，若獲悉一定會匡列她丈夫居家隔離。
案5083從16日到23日都在麥寮工業區出入，19日傍晚6點至8點曾到水林鄉助唸，20日曾到藥局，23日發燒被救護車護送就醫採檢，CT值是19，匡列居家隔離5人、自主健康監測29人。
今天新增外縣市感染但有雲林足跡的確診者是住台北市北投52歲女性（案4354），平時居住北投，12日身體不適就醫，14日至17日返回崙背鄉阿勸村探視父親，在父親去診所就醫，17日下午返回台北，19日明顯有發燒症狀，21日就醫採檢，23日確診，匡列隔離12人、自主健康監測30人。
因應這兩起感染事件，雲林縣衛生局明天（26日）下午2點到6點將在麥寮鄉三盛村福安宮、及後天（27日）早上9點到下午3點在崙背鄉詔安客家文化館迴廊做熱區快篩。褒忠鄉新湖村集會所明天下午2點到6點也同步快篩。
曾春美表示，今天在東勢鄉安南村鎮玄宮快篩195人，全部都是陰性。</t>
  </si>
  <si>
    <t>美國食品藥物管理局（FDA）繼上周緊急授權使用血漿療法治療新冠肺炎病患後，近日考慮對尚未通過第三階段人體試驗的候選疫苗核發緊急使用授權，但強調絕非受到美國總統川普施壓。
FDA局長哈恩（Stephen Hahn）受訪時強調，假設新冠肺炎候選疫苗的效用大於風險，即便在尚未通過第三階段人體試驗的情況下，也可能獲得緊急使用授權。
哈恩表示：「疫苗開發商必須先向政府提出緊急授權申請，我們才會進行裁決。假設疫苗開發商在第三階段人體試驗完成前就提出申請，我們可能核准也可能否決，一切有待決策。」
眼看美國疫情遲遲未脫離險境，FDA已在上周緊急授權醫院使用新冠肺炎痊癒者的血漿來治療住院病患，儘管當時有許多公衛專家擔心臨床實驗數據不足，難以確保血漿療法適用所有新冠肺炎患者。
時隔一周FDA又鬆口表示，有可能跳脫聯邦政府許可程序，提前對候選疫苗核發緊急使用授權，不禁令外界質疑是否受到川普施壓，因為川普不久前才指控FDA故意拖延疫苗審核程序，企圖害他在大選中失利。
哈恩對此表示：「新冠肺炎疫情和總統大選時間重疊，我們只能接受現況並堅持核心原則。」他強調無論FDA做出何種決策都是「基於科學、醫學及數據」，絕非政治決策。
他也表示緊急使用授權與完全許可上市不同，因為獲得緊急授權的候選疫苗只會用在特定的高危險族群。
但前任FDA局長考特利浦（Scott Gottlieb）對哈恩的說詞感到疑惑。他表示：「我不懂在第三階段人體試驗完成前緊急授權是什麼意思，因為FDA需要這些臨床試驗數據來證明疫苗效用才能做決定。」
考特利浦認為就算FDA緊急授權候選疫苗，一般民眾最快還是要等到明年才能在藥房施打完全核准上市的疫苗。</t>
  </si>
  <si>
    <t>兩岸新型冠狀病毒肺炎的確診病患陸續痊癒出院，大陸醫界公布治療方案，中藥搭配西藥的綜合療法成為重要選項，其中，中醫方劑大多數源自中醫經典著作《傷寒論》，再根據患者病症調整，組成更有效的方劑，效果也經過中醫金方論證。
湖北省也針對新冠肺炎集中隔離觀察人員，及有需求的居家密切接觸者，制定中醫藥防治工作方案，發放5種中成藥和3個處方湯藥，已累計發放11萬餘份中藥。
滬確診者 91.6%用中醫藥
大陸全國新型冠狀病毒感染的肺炎醫療救治專家組成員盧洪洲表示，在上海市公共衛生臨床中心收治的確診患者，中醫藥使用率達到91.6%，其中，湯藥占63.3%，部分高燒、腹脹的危重症病人用中醫藥灌腸，效果非常明顯，中西醫結合可以提高患者的生存率，降低患者的重症率，尤其是早期中醫藥的使用，大大縮短病程，改善病人症狀。
於中藥對新冠肺炎有一定療效，武漢江夏區2月14日啟用的大花山方艙醫院是全球第1個以中醫治療為主，西藥為輔的醫院，由中國工程院院士、天津中醫藥大學校長張伯禮率天津、江蘇、河南、湖南、陝西五省市三甲醫院的209名專家進駐，結合中醫、呼吸重症醫學、影像、護理等專業，進行臨床治療，採用中西醫結合、以中醫為主的方式治療病患，第1期將收治200多名病患，2月14日已收治50名患者。
中藥治療 需再作觀察
上海市公共衛生臨床中心醫務部主任沈銀忠2月15日表示，中醫藥曾在2003年的嚴重急性呼吸道症候群SARS、2013年的A型流感病毒H7N9亞型等疫情中發揮很好的治療效果。
沈銀忠不諱言，臨床醫學是不斷積累的過程，臨床試驗方案也在不斷探索和完善，目前仍然沒有找到一種特效的治療方法，採取的仍然是綜合治療，包括中西醫結合治療，來提高病人的生存率，但這些治療方法都需要進一步觀察和評估。
專家坦承，目前中藥治療新冠肺炎的有效性，還處於嘗試和觀察期，需要進一步評估中醫藥在新冠肺炎抗感染治療中的地位和價值，該怎麼用、用多長時間，一旦確認其療效，就可以推廣使用。
小靈通《傷寒論》
為西晉太醫令王叔和蒐集、整理東漢末年著名醫學家張仲景所著的《傷寒雜病論》（又名《傷寒卒病論》）部分內容，編纂而成，以治療外感傷寒為主，創設六經辨證，記載大承氣湯、小柴胡湯等397法，113方。據傳張仲景見東漢末年動亂頻繁，疫病流行，他發憤學醫，並博採眾方，引用《素問》、《九卷》、《八十一難》、《陰陽大論》、《胎臚藥錄》及《平脈辨證》，援引《湯液經法》藥方，與《內經》理論合一，寫成16卷的《傷寒雜病論》，被譽為中醫學臨床著作的「方書之祖」。因逢三國時期戰亂頻仍，原書散佚不全，王叔和整理為《傷寒論》與宋代編纂的《金匱要略》分別流通。（廖慧娟）</t>
  </si>
  <si>
    <t>台資大陸廠自10日起力拚復工，包括台積電、聯電、國巨、華新科、玉晶光等指標性電子大廠陸續啟動復工，提振市場信心，15檔復工概念股動起來。
統計10～11日公告復工或部分復工的上市櫃企業大陸廠區，家數已逾70家，台積電、聯電、國巨、華新科、玉晶光等指標性電子大廠，10日已啟動復工，群創、鴻海、和碩、緯創、英業達、廣達、可成、臻鼎-KY、華通、健鼎、定穎、康控-KY、台虹等部分大陸廠，也已於10日起陸續啟動復工，美律及豐泰的大陸四廠則宣布將於12日起開始上班。
等待核准許可、延後復工的公司，則有仁寶、台泥、亞泥、GIS-KY、建準、啟碁、楠梓電等，各廠積極做好防疫，加緊趕工。而法人近二日買超的復工概念股，包括欣興、華通、國巨、華新科等15檔個股，預先卡位復工後的搶料、補庫存商機。
法人指出，雖然大陸廠復工不代表有產能，復工產能大多數在20～30％上下，工廠必需每天繼續申請，等待地方政府單位核可，但已有越來越多廠商獲得許可，加入復工行列。
兆豐投顧董事長李秀利指出，企業復工率與疫情高度相關，雖開工初期未達全面復工，但湖北省以外，復工率若能逐步攀升，仍有助於產能拉升。
統一投顧董事長黎方國則指出，指標電子大廠啟動復工，有助於提振市場信心，尤其是華人勤奮，只要做好防疫，採取二班制三班制，加緊趕工，產能有望加速跟上進度。
此外，由於新冠肺炎造成經濟停頓，大陸人民銀行9日宣布，本周起設立人民幣3,000億元額度的專項轉融資業務，從10日起開始發放，預期這將對疫情最嚴重的湖北、浙江、廣東、河南等各省企業，有相當正面幫助。上證指數連日翻紅，已躍過2,900點關卡，一旦疫情淡化，股市將先行表現。
宏遠投顧副總經理陳國清表示，一者大家會謹慎因應，二者很多工廠已自行生產口罩，口罩會逐漸充足，加上美國吉利德已生產可治癒肺炎的新藥，伴隨著治癒的病人越來越多，可望降低引發新一波的感染潮。</t>
  </si>
  <si>
    <t>大陸國務委員兼外長王毅15日與西班牙外交大臣岡薩雷斯通電話，並承諾大陸將向西班牙提供新冠疫情新冠援助。
王毅表示，大陸抗擊疫情已取得重要進展，讓疫情入趨緩期。不過疫情現在在全球多點暴發，西班牙確診人數也快速增加，陸方將抱持公開、透明態度致力於抗擊疫情的國際合作，為本國、世界人民健康安全負責。
岡薩雷斯讚賞陸方防疫成果，並對其承諾援助表達感謝。並稱，西班牙目前正全力對抗疫情，但國內醫療資源短缺，希望陸方能提供相關援助；同時也希望兩方防疫專家能進行視訊會議，交流防疫經驗。岡薩雷斯也重申表示反對將新冠肺炎污名化。
王毅回應稱，相信兩方共同抗擊疫情過程中，陸西兩國人民友誼將更加深化，各領域實務合作將進一步加強。</t>
  </si>
  <si>
    <t>華爾街知名經濟學家暨投行Evercore ISI董事長海曼（Ed Hyman）示警，新冠肺炎可能導致美國陷入經濟衰退，並將美國第二和第三季經濟成長預測砍至零成長。
海曼1日在標題為「肺炎衰退」的報告中指出，「美國新冠肺炎確診案例持續增加，美國的疫情似乎才剛開始。範圍、嚴重性和持續期間皆不確定，肺炎會如何影響美國目前仍不得而知」，暗示疫情持續發酵的話，美國經濟不排除連兩季出現負成長。
經濟連續兩季負成長即符合技術性衰退定義。美國2019年第四季國內生產毛額（GDP）成長2.1％，2019年全年擴張2.3％。
逾30年來，海曼在《機構投資人雜誌》（Institutional Investor）的年度調查，被評選為最佳經濟學家。海曼對美國經濟前景的看法是華爾街最悲觀的預測之一，許多專家認為美國經濟只是暫時放緩。
新冠肺炎疫情持續延燒，嚴重打擊全球經濟成長前景，使投資人湧向避險資產，讓美股3大指數上周經歷金融危機以來最大周線跌幅。
海曼指出：「上周國際金融市場傳出相當負面訊號，包括標普500指數、美國公債殖利率、油價和信貸利差等。情況仍不明朗，我們或許過度反應，但也不希望反應不足。」
截至3月1日，美國新冠肺炎確診病例已經超過70起。新冠肺炎快速在韓國、義大利、日本、英國和中東等大陸以外地區爆發。
新冠肺炎疫情重創大陸經濟，大陸官方公布的2月製造業採購經理人指數（PMI）由1月的50崩跌至35.7，降至史上新低水準。海曼先前預估，新冠肺炎恐讓大陸第一季經濟零成長。
海曼預測，若新冠肺炎疫情緩和，美國2020年第四季經濟可望反彈至成長2％，2021年加速至擴張3％。高盛亦下修今年第一季美國經濟成長預測，預估成長率僅1.2％。</t>
  </si>
  <si>
    <t xml:space="preserve">昨天(3/22)疾管署宣布新增16例新冠肺炎確診，分別為桃園市新增5例最多，台北市、新北市、台中市各3例，台南市、彰化縣各1例。
昨天(3/22) 國內新增16例確診，13例境外、3例本土，有1老師、1長照機構護理師中鏢。從疾管署官網的全台確診分布圖可知道，桃園昨天一天暴增5例，確診數僅次於雙北，全台只剩7縣市守住零確診，雙北案例最多，皆為43例。
疾管署公布新冠肺炎本土病例及境外移入病例分布圖，目前國內新冠肺炎累計169例，六都人口較多，確診數相對比其他縣市高，北市和新北昨天皆為43例，台中21例、桃園21例，高雄11例、台南9例。
該圖顯示，全台22縣市只有嘉義縣、嘉義市、澎湖、花蓮、台東、金門、連江縣沒有確診案例。
六都以外縣市，以彰化縣7例最多，新竹市4例次之，其餘雲林3例、南投2例；屏東、宜蘭、苗栗、新竹縣、基隆市各1例。
</t>
  </si>
  <si>
    <t>針對新冠肺炎在國際延燒，新北市政府今日動員各局處，並協請國軍支援，於新店央北社區舉辦全國也是國際首場大規模演習本場演習，設想狀況係針對平時居家防疫整備、居家檢疫關懷、零星個案確診、單一社區感染到大規模社區擴散等情況，完成社區感染前、中、後期全方位防疫實兵演練，以提升各項防疫管控及應變能力、強化防疫部署。</t>
  </si>
  <si>
    <t>新冠肺炎疫情再起，外資12日拋售台股253億元，累積今年賣超達創紀錄的6,076.65億元，所幸政府多頭大軍12日緊急出動，大手筆護盤50億元，終場台股跌幅收斂，但仍失守年線及萬一。法人指出，雖遭國際資金離場亂流，但高殖利率等三大利多發揮護盤功效，直言「外資賣不下去、台股520行情必有後福」。
台股12日下跌133.79點，跌幅1.21％，收在10,879.47點，成交值為1,744.37億元，外資大賣台股253.64億元，是台股跌破年線10,975點及萬一主因，加計櫃買市場賣超金額，外資今年已賣超台股6,076.65億元，突破2008年金融海嘯、2018年中美貿易戰賣超的4,700億及3,551億元的全新紀錄。
台股進入5月外資賣超金額已來到驚人歷史新紀錄，歸咎外資賣股成因有三：首先，新冠肺炎於全球肆虐。
第一金投顧董事長陳奕光認為，市場擔憂各國解封後的第二波疫情感染潮爆發成真，大陸、韓國及德國陸續傳出群聚感染，再加上美股即將來到前高，外資居高思危心態，12日再度拋售台股。
攤開外資12日拋售的個股以大型權值股為主，有台積電、鴻海、國巨、中信金、台灣50、大立光、台達電、華新科、儒鴻、元大金等。
其次，企業獲利有下修風險的陰霾揮之不去。野村證券指出，台股與全球需求有高度相關，尤其電子業占出口比重41％，在肺炎影響下，面臨險峻壓力。進一步來看，包含野村、摩根大通證券等大型研究機構早已下修全球智慧機出貨量，大摩、野村、里昂證券等對上游半導體看法亦趨保守，換言之，市場目前對台股獲利共識是否還太高？就成了外資心中的一大問號。
德信證券副總吳文彬認為，台股V轉反彈到年線跌破眾人眼鏡，但來到年線位置，行情劇烈波動，投資人追高容易慘遭套牢，建議投資人採取「買黑不買紅」策略；基於台股仍有三大利多，高現金殖利率、資金熱潮、下半年5G智慧機出貨等，台股回升波行情未結束，520行情可期，台股介於季線及半年線振盪整理。</t>
  </si>
  <si>
    <t xml:space="preserve">美國生技藥廠莫德納（Moderna）周一宣布已經向美國申請新冠肺炎疫苖的緊急使用授權，之後也將向歐盟申請許可。
周一稍早前，莫德納宣布後期臨床試驗的完整結果顯示自家研發的新冠肺炎疫苖防護力高達94.1%，且未存在嚴重的安全疑慮。
美國食品藥品監督管理局（FDA）宣布諮詢委員會將於12月17日開會討論這項申請。這將使莫德納的候選疫苖成為第二個可能獲得美國監管機關支持，並於今年內推出的高度有效疫苗。
由輝瑞公司（Pfizer）和德國BioNTech共同開發的新冠疫苖，在關鍵性試驗中亦產生高達95%的有效力，此款疫苖將比莫德納疫苖提早一周接受外部專家小組審查。在諮詢委員會的專家提出建議後，美國FDA將決定是否發布緊急使用授權（EUA）。
繼周一以飆漲20%作收後，莫德納盤後再漲3%，今年以來其股價已經上漲約700%。
除了向美國遞出申請之外，莫德納表示也將向歐洲藥品管理局（European Medicines Agency）申請有條件的許可，並將持續與其他負責疫苖審查的主管機關進行協商。該公司並表示可望在2020年底之前，為美國備妥約2000萬劑疫苗，足以供1000萬人接種。
</t>
  </si>
  <si>
    <t xml:space="preserve">新冠肺炎（COVID-19）持續在全球蔓延，造成民生問題恐慌，民眾除了買口罩，也有人開始瘋搶日常用品，英國一名媽媽好不容易買到18卷衛生紙，沒想到還沒使用，就被小孩子丟進浴缸變成「紙漿」，當場傻眼。
英國目前確診2644例，104人死亡，確診人數排名世界第10、死亡人數排第7，是疫情嚴重的國家之一，由於新冠肺炎有增加趨勢，出現民眾搶買民生用品現象。
英國一名網友卡明（Ed Cumming）16日在推特po文附照分享，他一名女性朋友好不容買到18卷衛生紙，沒想到還沒用，就被朋友的孩子丟進浴缸裡。照片中可見，小孩子將大量衛生紙與玩具丟進浴缸裡，結果衛生紙就變成了紙漿，完全救不了。
網友看到po文紛紛留言表示「一次買那麼多，難道一直上廁所嗎」、「現在一次買那麼多很浪費，有些人甚至買不到」、「直接開始進行紙漿課程吧」、「我小孩以前也會這樣，原來我不孤單」、「有史以來最有趣的事」。
其實台灣這幾天也出現大囤貨現象，大賣場貨架上的衛生紙、洗手液、泡麵、米等等都被買光。
</t>
  </si>
  <si>
    <t>新任湖北省委常委、武漢市委書記王忠林，14日就新冠肺炎疫情召開疫情防控指揮部視訊例會。王忠林強調，堅決打好武漢保衞戰。要求各部門將救治患者作為重中之重，繼續新建「方艙醫院」增加床位，配足配齊醫護人員和醫療物資，完善援漢醫療隊各項服務，提高收治率和治愈率，力求做到「床等人」。
王忠林表示，以「行百里者半九十」形容疫情防控工作，稱愈到關鍵階段，就愈要克服厭戰、鬆懈、畏難情緒；另要求各部門將救治患者作為重中之重，繼續新建「方艙醫院」增加床位，配足配齊醫護人員和醫療物資，完善援漢醫療隊各項服務，提高收治率和治愈率，力求做到「床等人」。王又強調要繼續做好救治、防控、物資保障等，與時間賽跑、與病魔較量。
王忠林又要求各級黨政主要負責人，需嚴格履行第一責任人責任，加強統一領導，完善快速發現解決問題的指揮機制；而各級幹部則要靠前指揮，深入一線，落實中央各項決策部署以及省、市工作要求。要嚴格督導督查，採取不發通知、不打招呼、不聽彙報、不用陪同接待、直奔基層、直插現場的「四不兩直」方式，嚴肅查處不擔當不作為亂作為問題。
他強調，要發揮武漢產業優勢，強化物資保障及醫療物資擴能生產和對外採購；另強化輿論引導，加大正面宣傳及訊息發布，及時回應輿論關切，穩定及管控社會，嚴厲打擊各類犯罪行為，包括安全生產、哄抬物價等行為。</t>
  </si>
  <si>
    <t>博通（Broadcom）周四表示，第四季財報可望優於預期，原因在於使用較貴晶片的蘋果新機即將上市，以及遠距辦公趨勢推升數據中心晶片需求。周五早盤股價上漲1.35％。
蘋果晶片供應商博通亦指出，他們今年提高晶片產量的時間可能較往年慢一些，暗示蘋果新機可能延後發布，不像以往都在9月底發表。
博通表示，今年晶片拉貨潮延遲，要到最後一季才會顯現，較以往晚上一季，符合市場猜測蘋果新一代手機可能延後發布。據數據顯示，博通2019年營收五分之一來自於蘋果。
博通6月時曾警告，受「北美最大手機客戶」延後推出手機的影響，該公司該季營收可能低於預期，市場當時推測此大客戶即為蘋果。蘋果供應商在每年秋季新iPhone推出前通常會提高產量，博通也不例外。
事實上，新冠肺炎疫情爆發後，全球多國實施旅遊限制，連帶打亂蘋果裝置生產時程。多數分析師預測，蘋果萬眾矚目的5G新機可能延至10月發表，但蘋果對此不願多做回應。
據博通預測，本財年第四季營收約為64億美元，正負誤差1.5億美元，優於市場普遍預期的61.8億美元。
博通同時公布第三季（截至8月2日止）財報，上季營收與獲利雙雙優於預期。上季營收年增5.6％至58.2億美元，優於分析師預期的57.6億美元。
上季淨利跌至6.14億美元或每股1.45美元，低於去年同期的7.15億美元或每股1.71美元。至於排除特定項目後，上季每股獲利為5.4美元，優於市場預期的5.24美元與去年同期的5.16美元。
博通執行長兼總裁陳福陽（Hock Tan）表示：「第三季營收符合我們預期，理由在於雲端與電信顧客的需求攀升，足以抵銷無線業務低迷。」</t>
  </si>
  <si>
    <t xml:space="preserve">全球許多民眾皆視2020年為近年來最令人心痛的一年，除了許多國際級名人逝世之外，肆虐全球、至今造成6千5百萬人確診、150萬人病歿的新冠肺炎，不僅造成全球經濟衝擊，民眾生活型態也因此大為轉變。中時新聞網精選美聯社年度照片，一探今年遭新冠病毒影響的各種樣貌。
一對西班牙夫婦隔著防護隔離層相擁親吻。由於新冠病毒會藉由飛沫傳播，為了避免接觸，衛生專家建議人們握手、相擁，以及接吻等親密動作應減少與避免。
一名厄瓜多的法醫人員正在替因新冠病毒病歿的死者噴灑消毒劑。受疫情影響，許多未能負擔醫療費用的人民，經常倒死在街頭上。
一名戴著氧氣口罩的烏克蘭高齡新冠患者。重症的新冠患者容易出現呼吸困難，此時最重要的是能及時得到醫治和使用適當的輔助呼吸，而疫情高峰時，呼吸器在全球各國也大喊缺貨。
一名內無家可歸的新冠患者，在洛杉磯日落大道上坐著輪椅上淋著雨。新冠疫情讓無家可歸的遊民處境更雪上加霜，加州政府已於3月中旬簽署緊急命令，將撥款1.5億美元幫助無家可歸的民眾度過疫情。
一名義大利醫護人員在長期戴上口罩後，臉上已留下痕跡。新冠疫情也導致醫護人員人力吃緊，不僅工時加長，甚至醫護人員被迫面臨個人防護設備不足之下，仍須面對病患的困境。
一名西班牙殯喪業者推著裝有新冠患者遺體的棺材。西班牙也飽受新冠疫情重創，嚴重程度一度在歐洲各國中處於高峰。
一名穿著特有的穆斯林外衣「卡多爾」、面帶防毒面具的伊朗女士，正參加因新冠病歿者的喪禮。
一名戴著口罩的墨西哥性工作者。疫情也迫使各行各業必須打破過往營運模式，成人產業也不例外。
圖為美國首席防疫專家、國家過敏和傳染病研究所所長佛奇。佛奇在疫情於美爆發之初，以平易近人的方式向人民解釋病毒與防疫方式，讓他在疫情中成為全美最受信任的人物之一。不過由於佛奇的建議時常與川普相左，讓他成為川普盟友中的砲轟對象。
一名阿根廷的84歲高齡婦女，在院方通知可以出院後，臉上顯出高興神情。
</t>
  </si>
  <si>
    <t>疫情逐漸趨緩，全國陸續解封，但基隆市在防疫上仍採取較嚴格措施，市長林右昌今天下午宣布好消息，基隆已連續12天「嘉玲」，若接下來2天持續零確診，將評估開放籃球場、兒童遊戲場、大武崙沙灘游泳及家人在外共餐等，他說，連續14天無個案代表疫情已穩定控制。
基隆籃球場尚未開放民眾打球，但其他縣市已陸續解封，許多市民盼能放寬規定，另外中山區大武崙沙灘目前也只提供民眾看海、踏浪，還不能下水游泳，市府日前表示，現疫情雖然趨緩，但若發生違規情形很難處理，考慮到「管理」問題，還是暫定封閉，市府會密集觀察疫情狀況，滾動式檢討。
今天終於傳出好消息，林右昌決定，若連續14天無確診個案，將陸續放寬政策，他說，以14天作為標準，代表市府不是無條件開放，也顯示本市疫情已穩定控制，並且進入新的里程碑，將會安全穩健的帶大家回復正常生活。
林右昌說，基隆防疫有成，會適時的解封開放，包括打籃球、兒童遊具、街頭藝人表演，以及大武崙沙灘游泳，至於中央宣布家人在外共餐可以不用隔板，也將等到連續14天無確診案例後一併評估開放。
此外，基隆市政府指出，原訂8月25日起針對85歲以上長輩施打第二劑疫苗，由於中央尚未撥發疫苗，施打時間將視疫苗到位時間進行規畫，只要接到中央通知，會立即規畫期程，並通知符合資格的長輩前往接種。
林右昌進一步提及，基隆自6月27日首度零確診以來，截至今日為止，58天內有48天零確診，並已連續12天「嘉玲」，他說，這樣的成果得來不易，感謝所有市民朋友配合，以及第一線防疫人員的努力。</t>
  </si>
  <si>
    <t xml:space="preserve">新冠肺炎疫情尚未解除警報，高雄市又面臨漢他病毒威脅。衛生局今（28）日公布，新增1例漢他出血熱確診個案，30多歲居住在鹽埕區的男性，出現發燒等症狀，日前已康復出院，27日經疾管署研判確診，衛生單位針對工作地展開疫調，並無其他人有疑似症狀，但這波疫情將持續監控至6月29日。
衛生局統計，統計截至27日，以確診日計，高市累計4例確診個案。該名新增的個案為飯店餐廳外場人員，4月6日開始出現發燒、全身痠痛、頭痛、黃疸等症狀至醫院就醫並收治住院，10日醫院通報疑似漢他病毒出血熱，13日一採結果為IgM陰性、IgG陰性，25日二採結果為IgM、IgG皆陽性。
衛生局指出，該案27日經疾管署研判確診，經查18日已康復出院，衛生單位第一時間獲報立即展開疫情調查，個案主要活動地以住家、工作地為主，並針對工作地擴大疫調120人，員工及同住家人無疑似症狀。
防疫團隊自14日起，針對個案居住地佈置鼠籠及家戶衛教宣導，並在工作地周邊及鄰近市場周邊進行鼠隻密度監測，總計捕獲9隻老鼠。
防疫團隊昨日接獲個案確診通知後，28日旋即召開前進指揮會議，由衛生局、環保局、民政局、教育局、經發局、工務局、鹽埕區及新興區級指揮中心等跨局處防疫團隊加強執行社區環境消毒、投藥滅鼠、鼠隻監測、水溝清疏、髒亂點清除、家戶衛教宣導，及警戒範圍內社區、學校及公園等場域環境整頓及消毒工作，此波疫情預計監控至6月29日。
</t>
  </si>
  <si>
    <t>政府施行口罩限量實名採購制以來，許多都會區民眾仍須要排很久的隊才能買到或甚至買不到，但隨著口罩產量日增，衛福部長陳時中今天表示，考慮在學校配送口罩，讓家長不用去外面藥局買，此外也考慮針對企業施行預約制。
立法院今日召開財政委員會，民眾黨立委高虹安質詢時談到各地藥局口罩供需情況失衡，有些地方民眾買不到的問題，她表示陳時中說過會滾動檢討口罩配送是否調整，甚麼時候會做滾動式檢討，對配送點真實需求做調整？
陳時中回稱，剛開始實施實名制時，用藥局分配，一開始口罩總量不足，但後來確實有些地方的藥局沒賣完，上周就開始對這些藥局減發。至於要多發的部分有點困難，因為要跟藥局與藥師公會協商，而也許有人覺得太忙碌。
陳時中說，為了讓藥局的工作不要太過繁重 如今在思考三個方向，首先對於專業需求增加配送；其次對學校配送，讓家長不用去外面幫孩子買；第三，企業也許可以採用預約制，這樣也不用去外面買。而身障民眾在專業配送的部分將會給予他們。希望藉此讓藥局維持現在的工作量。然後針對一些賣出口罩量較多的藥局，如果他們願意，政府會多付一些工本，請一些工讀生協助處理口罩。</t>
  </si>
  <si>
    <t>張理國／台北報導
萬元紓困之亂，新北市一度將送9000件案件送到衛福部審核，政務委員龔明鑫今天表示，衛福部長陳時中不止一次與新北市長侯友宜通電，雙方的共識就要趕快合作。
萬元紓困之亂，新北市曾把案件交由衛福部審核，引發中央地方不同調的質疑。龔明鑫表示，事實上陳時中跟侯友宜彼此通電話不止一次、「好多次了」，他知道是大家都有共識，就是中央跟地方還是要趕快合作，儘量把事情完成，把這些錢撥給需要的人。
龔明鑫並說，紓困問題政府是一體的，中央跟地方最重要是分工合作，儘快把紓困經費撥給需要的人。</t>
  </si>
  <si>
    <t>World Gym世界健身俱樂部屢爆確診者足跡，迄今累計台北站前店、長春店、內湖店，新北板橋雙十店、蘆洲店、永和店、永和民權店均淪陷，最新傳出台北大安店也有確診足跡，已於1日晚間8時至4日暫停營業，5日將重新開放。
World Gym近期在官網公告，新北永和店7月30日中午12時至2日暫停營業，永和民權店1日晚間8時至2日暫停營業，台北大安店也是1日晚間8時至2日暫停營業。
World Gym表示，因應疫情影響，台北大安店於1日晚間8時閉店，進行全面清消，並配合中央及北市府防疫規範，自2至4日停業3天，期間將安排該分店員工快篩檢測，將於5日開放會員運動使用，停業期間會員可至北區他館使用，或可線上申請會籍暫停。</t>
  </si>
  <si>
    <t>台灣新冠肺炎疫情近來趨緩，不過何時能打到疫苗仍是國人關心議題，廖人帥上個月才宣布已經在大陸打到疫苗，昨（9日）在Instagram宣布已經接種完第二劑，並PO出手拿證明的自拍畫面，引發網友議論。
廖人帥昨（9日）開心在Instagram宣布接種完第二劑疫苗，並拍出施打完疫苗才能拿到的貼紙，開心表示：「我是超級賽亞人了」，接著曬出一張示意圖，提醒所有人戴口罩的重要性，至少被傳染的機率最低小於1%，而關注台灣疫情的他，似乎知道13日即將進行微解封，不忘呼籲：「管你是不是微解封，口罩都戴好，不然又要封了喔。」
廖人帥日前發文：「沒想到有一天，每次出門都是參與俄羅斯輪盤，自殺式的賭博遊戲，看誰運氣好能不被傳染、看誰運氣好能打上疫苗（還要真實有效的疫苗）、看誰運氣好能不死」，接著曬出「門診注射室」的招牌，寫下：「疫苗got」，但沒說明在大陸接種了哪種疫苗，不過卻引發網友批評，他則錄影片反擊，強調是登記排隊得到通知後去施打，並沒有利用特權，更怒嗆酸民：「今天換作是你們有特權，面對生死關頭，你們會不會用？」
廖人帥從男團Circus出道，5年前拍攝張靚穎《Dust My Shoulders Off》MV，獲得紅點設計大獎最佳設計獎，卻屢屢與金曲獎擦身而過，去年拍攝天后蔡依林《甜秘密》MV，引發正反兩極評論，當時他坦言因為這些負評失眠許久。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疫情爆發後，衝擊上市櫃公司2月營收，導致市場普遍對上月營收未抱持太大期待，然當中卻不乏有逆勢走強的個股出列，包括譜瑞-KY（4966）及立積（4968）等創下歷年同期新高的個股，短線上更易獲得資金青睞。
儘管今年春節提前，原先市場皆預期2月工作天數相比往年多的情況下，營收有望出現明顯增長，卻不料新冠肺炎疫情突襲，導致市場情緒由喜轉悲，截自5日止已提前公布營收的133檔個股中，呈現年月雙增的個股僅48檔。
其中高速訊號傳輸介面晶片廠譜瑞-KY受惠面板廠無畏疫情持續拉貨，2月營收9.82億元，月增1.95％，年增28.08％，強勢創下歷年同期新高，成為疫情底下的倖存者，帶動股價5日強勢大漲近9％。
譜瑞-KY逾八成的營收來源為7～17吋面板用的eDP／DP介面時序控制晶片及高速傳輸介面晶片，隨市場對於高畫質、高刷新率需求持續提升，法人樂觀預期第一季營收將淡季不淡，季增約1～9％。
此外，譜瑞-KY過去兩年在高速傳輸介面晶片領域，受惠USB-C的發展需求，以年增三成的高速成長，去年相關產品營收已突破40億元，今年更將持續進行USB4.0的最新規格開發，至於PCle Gen4的訊號中斷器Retimer晶片，已獲得OEM及ODM廠的認證，後續英特爾全面支援PCle Gen4的Ice Lake處理器發表後，譜瑞-KY的業績可望大幅成長。
除譜瑞-KY外，射頻元件廠立積2月營收同樣繳出2.65億元的成績，不但與1月營收近乎持平，年增更高達1.31倍，刷新同期2月營收的新高紀錄。立積主要營收來自Wi-Fi的射頻前端元件，其中多樣化的前端模組（FEM）受惠大陸去美化政策，加上Wi-Fi 6滲透率提升，目前比重已超過五成。
法人認為，立積旗下客戶不但未出現明顯砍單，大客戶華為甚至持續追單，預期3月營收就有望恢復創新高的表現，全年可望呈現逐季創新高的走勢。</t>
  </si>
  <si>
    <t xml:space="preserve">紐約州州長古莫(Andre Cuomo)日前才出書，暢談新冠肺炎大流行期間如何抗疫與領導統御；孰料《紐約時報》4日卻爆料，古莫資深助理要求衛生當局在官方報告中，隱匿2020年6月護理之家已逾9,000人死亡的真實數字，最終衛生官好只好重寫報告。此舉不僅讓古莫團隊與衛生官員關係緊張，也讓該州衛生高層爆出出走潮。深陷性騷擾醜聞的古莫不只被貼豬哥州長的標籤，抗疫天王形象也破功，還被譏為偽君子，要他辭職下台的聲音不絕於耳。
報導中指出，在紐約州衛生官員寫的疫情報告中，詳細記載大流行期間死於護理之家的具體患者數。然而，古莫的最資深助理要求衛生官員，不要將逾9,000人死亡的數字寫出，使得官員只得捧回報告重寫再呈上。最終，此一數字遭刪除而未公開。
報導點名幕僚戴羅沙（Melissa DeRosa）、紐約州金融服務署（Department of Financial Services）署長萊斯威爾（Linda Lacewell），以及紐約州立大學校長馬拉崔斯（Jim Malatras），為要求報告改寫的藏鏡人。他們沒有一個有公共衛生專業背景。
報導披露，衛生部負責撰寫報告的亞當斯(Eleanor Adams)，其初稿遭馬拉崔斯要求大幅改寫。報告就在兩人間往返數次，遠超過州長辦公室對機構報告的正常程序，甚至可用「強烈」來形容。
衛生官員憂心，馬拉崔斯的要求會讓報告過度簡化，而不再是真實科學報告；卻擔心堅持下去飯碗會不保。不過，即使如此，經馬拉崔斯改寫的版本，也沒有把死亡人數刪掉，而是到戴羅沙與萊斯威爾那裏，才將之刪除。
《紐約時報》披露，原本紐約州衛生部門護理之家的報告中，死亡數字遠比古莫版多出近5成。相較於其他州的護理之家，紐約州死亡總數為9,250人，遠超過第2高的新澤西州(6,150人)。
不過，由於紐約州檢察官2021年初時吐露，紐約州官方少算了數千名死於新冠肺炎的護理之家病患；古莫最終還是公布完整數據。其緩頰道，因為擔心川普見獵心喜，因政治動機而發動調查，故將其留中不發。
但根據《紐約時報》披露的文件，以及訪談的6名衛生官員，古莫與其助理實際施壓隱匿疫情的時間點，還要再往前推數個月。當時古莫助理「激戰」衛生高層官員，時間點早於聯邦當局要求紐約州提供數據之前。
然而，助理此舉卻暴露古莫試圖控制大流行中的疫情數字，置公共衛生專業知識不理，只為了鞏固其「抗疫天王」的政治領導地位。《紐約時報》分析，州長助理赤裸裸地要求改寫報告，讓撰寫報告的官員和州政府團隊關係緊張，進而引爆高級公共衛生官員的出走潮。
過去一週以來，「古神」堅不可搖的地位因陸續有女性出面指控性騷擾，而開始崩潰。就在性騷擾沸沸揚揚之際，又再傳出古莫隱瞞護理之家疫情，導致議員剝奪因大流行而授予的緊急權力，聯邦檢察官也開始介入調查。
在疫情大流情初期，古莫下令禁止療養院拒收曾在醫院接受新冠疫情治療的病患。這道命令與其他州命令相似，目的在防止醫院因患者過多而不堪負荷。但到了春季末，共和黨員批評古莫此舉讓護理之家疫情大爆發；更有人質疑，紐約州的計算方式，若護理之家的病患之後因症狀嚴重轉送醫院，並在醫院逝世，將不計入護理之家的死亡人數中，從而模糊護理之家疫情嚴重性。
事實上，官方最後發布的報告，結合古莫個人出書，成功塑造其抗疫英雄的形象。相較之下，檢察總長辦公室公布的新聞稿指出，古莫針對護理之家的指導，與聯邦政府雷同；卻讓身處其中的居民遭受傷害的風險增加。
</t>
  </si>
  <si>
    <t>新冠疫情全國三級警戒持續延長下，新力旺智慧精工研發製造的「立體裁奈米銅離子N95口罩」，送往英國劍橋大學生技實驗室測試，實驗室主持人直接把冠狀病毒噴到口罩上面，結果兩個小時之後去採樣，發現99.98％的冠狀病毒死亡，那位教授非常驚訝，表示這是他們測試過最好的數字。
新力旺此一標榜可救命的奈米銅離子口罩內含CuX（奈米銅離子抗菌纖維）、5層防護設計、通過FDA（美國食品藥物管理局）認證、工研院殺菌測試、TTRI（財團法人紡織產業綜合研究所）N95以上等級過濾標準，近期除了送去劍橋大學實驗室測試外，亦送往美國Nelson Labs（美國FDA認證的國際權威檢驗機構），採用美國NIOSH的N95要求規格測試，測試結果、過濾效果與透氣度都優於N95（N95是次微米過濾95％，新力旺測試結果最低是99.3％），在新冠肺炎已被WHO證實可以透過氣溶膠方式在空氣中傳播之際，新力旺此款口罩已經接到大量訂單搶購。
新力旺智慧精工表示，2009年英國南安普頓大學的比爾基維教授發表的研究報告，指出銅可抑制H1N1（AH1N1）流感病毒，經過6小時後銅表面幾乎找不到存活的流感病毒，另由美國國家環境保護局（EPA）規範的一項測試顯示，在室溫下，銅可在2個小時內消滅表面99.9％的超級病菌（MRSA）。
此外，全球4大醫學期刊之一的「美國新英格蘭醫學雜誌」於2020年5月17日（編者按）文中一段提到，在實驗室條件下，新冠病毒（SARS-CoV-2）在銅表面上於4小時後測得無存活，顯見銅能主動殺菌（可達99.9％），且可於體內自行正常的新陳代謝，對人體安全無虞，對細菌病毒有抗菌、抗毒作用。
新力旺公司雖正逢口罩熱銷出貨卻不忘關注國內疫情，繼6月份載送2,000個奈米銅離子口罩，分贈給警政署及雲林縣警察局斗六分局後，日前又捐贈3,500片給台北環南市場，由環南市場自治會長林勝東代表接受。</t>
  </si>
  <si>
    <t>國內本土新冠肺炎疫情持續嚴峻，位於新北市瑞芳區的九份風景區今（6日）店家多直接關門，街道上冷冷清清，以往的遊客人潮、車潮已不復見。瑞芳警分局則表示，反而傳統市場及大賣場等處湧入大批人潮，已加強人潮、車潮管控，嚴防疫情擴散。
瑞芳警分局表示，為避免傳統市場因人潮擁擠成為防疫破口，呼籲民眾少去多買、一次購足。除此之外，由於傳統市場因各地攤商混雜，管理不易，為了加強管制力道，警方到場協助管制。
瑞芳警分局自6月1日起即已開始安排警力到中正路、民族街至民生街路段外攤市場協助，除取締未佩戴口罩者外，也加強勸導避免群聚情形發生，同時配合區公所做總量人數管制。
瑞芳警分局呼籲，民眾採買前登記實聯，採買時一次購足，採買後避免逗留，與政府共同努力，嚴守社區防線。
瑞芳警分局長陳忠龍表示，目前疫情持續嚴峻，請民眾務必配合政府防疫政策。戴口罩勤洗手，待在家少群聚，全民共同防疫，落實防疫工作，才能守護自己和家人健康。</t>
  </si>
  <si>
    <t xml:space="preserve">繼好萊塢大咖影星巨石強森後，又有重量級影星確診新冠病毒。媒體報導，當年以吸血鬼愛情片「暮光之城」紅遍全球的好萊塢男星羅伯派汀森（Robert Pattinson），也傳出確診新冠，他參與的新版「蝙蝠俠」拍攝工作，也因此緊急喊停。
籌拍「蝙蝠俠」的華納兄弟公司發聲明證實，片中一名成員新冠狀病毒的檢測呈陽性反應，但未透露姓名。聲明另指出，拍攝作業已暫停。
包括「浮華世界」與「好萊塢報導」今天均引述不具名消息來源，報導羅伯派汀森確診新冠的消息。
新冠肺炎持續發燒，美國累計確診病例數已突破610萬例，超過18萬例死亡。
</t>
  </si>
  <si>
    <t>北市大同分局傳出警備隊、勤指中心兩名員警確診後，4日又發現延平北路派出所一名員警也確診，警方緊急將全所30人隔離並進行快篩，也暫時將派出所關閉清消。
警政署統計，今日又新增兩人確診，使總人數達39人，此外，居家隔離86人，自主健康管理41人。
確診的警察單位中，以北市22人最多，新北市14人次之，其餘單位都未增加或傳出疫情。</t>
  </si>
  <si>
    <t>大陸澎湃新聞17 日報導，江西省上饒市信州區一防疫封控區內的寵物狗被防疫人員「無害化處理」（撲殺）一事持續發酵。連日來，多家公益組織呼籲建立大陸全國性家養寵物隔離制度，15日，中國小動物保護協會公開表示，不應打著防疫旗號去傷害寵物；16日，中國生物多樣性保護與綠色發展基金會公眾帳號發文表示，疫情期間始終沒有得到重視和解決的就是寵物隔離問題，應制定大陸全國性的寵物隔離制度，讓寵物隔離有據可依，有規可循，保障疫情期間寵物的基本生存權。
11月17日，北京愛牠動物保護公益基金會（簡稱「牠基金」）不僅呼籲盡快建立相關制度，也在徵詢獸醫、法律專家意見的基礎上針對不同情況給出了具體建議。
有微博網友近日發文稱，江西省上饒市信州區金鳳花園社區一住戶在酒店隔離期間，其所養的小狗在家中遭身穿防護服的人員持鐵棍敲打頭部，疑似遭撲殺。
11月13日，江西上饒市信州區西市街道新冠肺炎疫情防控應急指揮部回應稱，經核實，該線民所在社區為防疫封控區，需對居家環境進行全面消殺。社區要求居民前往集中隔離點時不鎖門，當防疫人員上門消殺時，發現其家門已鎖。工作人員隨即聯繫轄區民警，在民警的見證下，開門進行消殺。但現場工作人員在未與該線民進行充分溝通的情況下，將寵物狗進行了無害化處理。目前西市街道辦已對相關人員進行了批評教育，調離相應職位，並責令向當事人誠懇道歉，已取得該線民的諒解，同時，該群眾對疫情期間防控措施表示理解。
盡管上饒市信州區相關部門已對上述事件公開回應，但圍繞此事展開的爭議並未停息。
大陸國務院在《新型冠狀病毒肺炎防控方案（第八版）》中再三要求各級政府應做好各類人群的心理健康服務，要照顧、安撫人民心理，加強疫情防控工作的精細化管理和人文關懷，這既是各地新時期疫情防控工作的新任務，也從一個側面反映著一個城市管理的綜合水準。
鑒於此前各地因缺乏統一的針對家養寵物的隔離制度，執行防控工作的過程中出現的諸多問題，牠基金建議出臺全國性家養寵物隔離制度，並適時更新《新型冠狀病毒肺炎防控方案》。在徵詢獸醫、法律專家意見後，牠基金給出以下三項具體建議：
對於寵物主人為確診新冠肺炎病例、疑似病例或無症狀感染者的，寵物應該隔離觀察。當地應制定無人照料寵物轉運流程和隔離管理方案。在徵得寵物主人同意後，由當地動物防疫部門配合做好寵物轉運工作，可以委託隔離區內的協力廠商專業機構（如動物診療機構或者動物寄養機構）進行隔離看護，定期檢測。沒有上述機構的，可以在隔離區設立隔離飼養場所，安排專人定時餵養。經過一段時間的隔離後，再去檢測動物體表是否攜帶新冠病毒，如果沒有就需要恢復其正常生活狀態。
針對寵物主人需集中隔離醫學觀察的，強烈建議寵物應隨同寵物主人一起隔離，或在保證各項防疫措施落實到位的情況下，留一人居家隔離照料寵物。在規定的隔離期結束，檢測寵物主人和寵物均為陰性的，應該恢復正常的生活狀態。
針對寵物體表採樣核酸檢測陽性的，建議交由專業寵物醫療機構進行隔離觀察，等待自然轉陰。目前，大陸沒有任何相關案例可以證明寵物攜帶新冠病毒會傳染給人類。專家認為，跨物種傳染的可能性極小，寵物體表採樣核酸檢測陽性，很大可能是體表沾染了汙染區內的病毒。
此外，牠基金認為，寵物即使攜帶病毒也不會造成其發病，所以寵物即使體表採樣檢測陽性也無需治療。因此強烈反對任何形式的不負責任的撲殺或所謂的「無害化處理」，反對任何形式不人道對待動物的方式。
牠基金是中國大陸第一家動物保護基金會，北京市AAAA級公益組織，首批被北京市民政局認定為「慈善組織」的基金會之一。</t>
  </si>
  <si>
    <t>稍早湖人傳出壞消息，巨星詹姆斯(LeBron James)因觸發聯盟健康與安全協議，確定缺席對陣國王的比賽，而《TMZ》驚傳他有確診狀況，接受三次檢測，兩次呈陽性反應，無任何症狀，球隊已安排私人飛機載他回洛杉磯，據沃納洛斯基(Adrian Wojnarowski)說明，若球員確診，至少要缺席10場比賽左右。
LeBron James took 3 COVID tests today. Test 1 (lateral flow) was positive. The 2nd (PCR) test was negative. James was then given a 3rd tiebreaker test which came back positive. I'm told he's asymptotic at this time. Team chartered a private jet to take Lebron back to L.A.
加上今天這場比賽，本季已缺席多達12場，其中包括受傷，還有與活塞一戰遭到禁賽，缺席率相當高，而在他本季出戰的11場比賽中，場均上場達36.9分鐘，平均能砍下25.8分5.2籃板6.8助攻1.8抄截，投籃命中率48.4%、外線34.4%、罰球75.5%，對即將滿37歲的他來說很不容易。
而在詹姆斯出賽的11場裡面湖人拿下7勝4敗，這代表湖人還是相當需要攻守全面的詹姆斯，畢竟本季剛到來的明星控球韋斯布魯克(Russell Westbrook)狀況不太穩定，內線大將安東尼戴維斯(Anthony Davis)的統治力也不如以往，加上整體防守相當不佳，目前湖人平均失分排聯盟第27名。
LeBron James -- who the Lakers are listing in health and safety protocols -- is expected to miss several games, source tells ESPN. Players with positive Covid cases must be out a minimum of 10 days.
湖人本季受傷兵困擾，此前多名球員無法上陣，包括亞瑞薩(Trevor Ariza)、荷頓塔克(Talen Horton-Tucker)、努恩(Kendrick Nunn)、瑞福斯(Austin Reeves)等人，好在目前迎回荷頓塔克和瑞福斯，但在陣容調度上朗度(Rajon Rondo)與霍華(Dwight Howard)最近很少上場，教練佛格(Frank Vogel)也遭到質疑。</t>
  </si>
  <si>
    <t>大陸南海研究院院長、大陸──東南亞南海研究中心理事會主席吳士存21日指出，新冠疫情重創美國，這當中也包括嚴重影響美軍的戰鬥力和部署。有報導說，目前美國至少150個軍事基地和4艘航母出現疫情。盡管如此，美軍近期非但沒有放緩以軍事手段謀求在西太平洋地區霸主地位的節奏，反而在南海繼續上演一幕幕攪動風浪的戲碼。
吳士存今天在陸媒《環球時報》撰文表示，疫情全球蔓延仍在繼續，對國際政治、經濟格局、全球治理體系都將產生深刻影響。疫情對陸美關係的影響，目前來看是負面和消極的，陸美兩國圍繞貿易、科技、產業鏈供應鏈等領域的博弈或「脫鉤」趨勢並未緩解。伴隨美國大選臨近，炒作「中國問題」也將是繞不開的議題。
吳士存稱，就南海問題而言，美國政府通過進一步實施海上軍事行動，顯示對大陸的強硬姿態，不僅能在國內迎合部分選民的關注和訴求，在國際上亦可起到增強和鞏固盟友關係的效果。
文章認為，毋庸諱言，正是美國在南海頻繁攪局，縱容和鼓勵其他聲索國在爭議地區採取單邊行動等消極因素累進疊加，才使本已「趨穩、向好」的南海形勢出現令人擔憂的動盪。
吳士存建議，面對疫情期間以及疫後美國在南海日益加劇的軍事挑釁活動，大陸應從島礁維權能力建設、民事化功能擴展（近日大陸國務院批准三沙市政府設立西沙區和南沙區，其實就是向民事化方向邁出重要步伐）、海上力量整合、未來海上作戰方式變革應對等方面做好充分準備。
文章說，與此同時，大陸還應積極推動與南海周邊國家的海上合作，排除干擾、增進共識、加速《（南海行為）準則》磋商進程，努力構建以公正、透明、開放、合作為主旋律的地區秩序，避免南海形勢再度動盪或出現顛覆性變化</t>
  </si>
  <si>
    <t>據大陸福建省衛生健康委員會通報，12日0~24時，福建省新增22例本土病例，另新增境外輸入無症狀感染者2例，包括由台灣輸入1例（福州市報告）、英國輸入1例（廈門市報告）。
截至12日24時，福建省累計報告境外輸入確診病例503例，目前住院32例，無死亡病例；現有報告境外輸入疑似病例0例；現有報告境外輸入無症狀感染者尚在接受集中隔離醫學觀察27例。
福建省12日新增本土確診病例22例（廈門市報告1例、泉州市報告6例、莆田市報告15例），其中無症狀感染者轉確診2例；報告新增本土無症狀感染者13例（均為莆田市報告）。
自9月10日以來，福建省累計報告本土確診病例43例，目前住院43例（廈門市1例、泉州市7例、莆田市35例），無死亡病例；現有本土無症狀感染者尚在接受集中隔離醫學觀察32例（莆田市32例）。
目前密切接觸者已解除醫學觀察29154人，尚有1406人正在接受醫學觀察。</t>
  </si>
  <si>
    <t>疫情嚴峻，全國學校停課不停學，校園在有限人力下仍須每日進行消毒工作，泰山高中師生共同發展「無人自駕消毒車」，自駕消毒車清晨6點會自動巡迴消毒校園，減輕清消人力負擔。校長李立泰表示，泰山高中去年繼研發校園額溫槍後，今年再研發「無人自駕消毒車」，為防疫盡一份心力。
李立泰表示，去年疫情蔓延，在即將開學之際，校園仍向地方政府反應防疫物資嚴重不足。新北市泰山高中電子科師生學以致用，自行研發製作額溫槍，且經實際測試準確度極高，彌補防疫物資不足，新北市長侯友宜當時到場參訪直呼讚。
李立泰表示，疫情嚴峻，全國學校停課不停學，校園防疫甚為重要，在工科主任集思廣益下，實習處陳致中、電子科主任呂昇翰、機械科主任許恭維、汽車科林昌臻主任共同研發「無人消毒自駕車」，在每天早上6點進行校園巡迴消毒，達成有限人力、高效作為的任務。
李立泰補充，目前學校剩下20位教師在校教學，學校這一台「無人消毒自駕車」主要針對校園周遭環境，消毒車環繞四周為15分鐘，可減少人力一半以上的時間，「無人消毒自駕車」大幅減輕行政人員清消負擔。
實習處主任陳致中補充說明，泰山高中日前與ARTC財團法人車輛研究測試中心合作，將現成高爾夫球車全新改裝成自駕車。規劃校門口、四維堂、跆拳道館、AIOT科技教室、圖資大樓、總務處、學務處、日新樓等多站停靠、巡迴校園。
陳致中說，「無人消毒自駕車」是透過新北市創新教育加速器推動學校跨領域培育計畫。其中，電子科「當工業4.0遇上人工智慧人才培育計畫」透過教育局與企業挹注，設立人工智慧科技體驗中心AIOT，希望培育更多自動化產業基礎人才。</t>
  </si>
  <si>
    <t>新冠肺炎全球肆虐，台灣確診案例破百，新增案例幾乎全為境外感染，中央流行疫情指揮中心宣布，自19日起，外國人禁止入境，本國人入境都須居家檢疫14天。在19日清晨搭乘捷星航空自新加坡來台的法籍旅客，在抵台後得知無法入境台灣時，感到錯愕，他表示不想再回出發地，對於滯留機場感到憂心；另一名英籍旅客因是自英國到新加坡轉機來台，符合19日0時前起飛來台，則幸運准許入境。
新冠肺炎疫情延燒全球，中央流行疫情指揮中心18日宣布，將大洋洲所有國家的旅遊疫情建議提升至「第三級」，而外交部也自19日凌晨0時起，調升大洋洲相關國家的旅遊警示為「紅色」，非本國籍人士部分，自台北時間19日0時起搭機起飛來台者，除持居留證、外交公務證明、商務履約證明，或其他經特別許可者外，一律限制入境。
受到新的防疫規定的影響，19日凌晨1時，從新加坡起飛到桃園機場的酷航、捷星班機，於清晨5時30分起，先後抵達桃園機場，成為實施防疫限制入境新規定的頭2個航班，機上的本國旅客下機後，由檢疫人員協助，使用手機線上或是紙本方式，填寫入境健康聲明卡後，依防疫規定檢查後，開始居家檢疫14日，而機上剛好有2名外籍旅客準備入境台灣，但因新的防疫入境規定，移民署依個別「條件與狀況不同」，有不同的處理方式。
1名來台的法國籍旅客表示，他日前在台灣旅遊，但因為簽證有90天的限制，他先出境到新加坡後，再入境，原本18日就要再來台灣，但錯過了班機，改搭19日班機來台，未料下機後，地勤人員上前告知新的防疫規定，使得他面臨無法入境台灣的窘境。
法籍旅客表示，他只是暫時離開台灣幾天，身上只有簡單的行李，之前來台時，把所有行李都先放在台灣友人家中，只是想出境再入境，沒想到下機時，航空公司地勤人員上前告知新的限制入境規定，他可能無法入境了，讓他當下感到錯愕。
航空公司地勤人員問他要不要返回出發地新加坡時，他表示，「不，不，我不想再回新加坡，我要回法國，但是我的行李都還在台灣」，至於是否滯留在桃園機場，他說，要好好思考一下，並且想先聯絡在台友人，看看後續該怎麼處理。
另一名英國籍旅客就比較幸運，他是從英國出發，中轉新加坡來台灣。他表示，他自英國搭機起飛時，並沒有違反限制入境時間點的規定，反而在新加坡轉機時，班機起飛時間超過入境台灣規定。他也說他是台灣女婿，這次來台就是要和妻兒團聚，男子被問到若無法入境台灣時，是否要返回英國？他說「會想哭，因為小孩子很小，需要家人照顧」。
再經航空公司地勤人員詢問移民署移民官後，移民署依照男子自英國搭機起飛時間認定，准許他入境台灣，讓他相當高興，馬上透過手機告訴台灣的妻子這個好消息，而他妻子在電話另一頭高興大喊一聲「YA」，交待先生趕緊出關回家團聚。
1名搭乘酷航的王姓本國籍學生表示，因為疫情讓航班大亂，無法直接買到菲律賓回到台灣的機票，所以輾轉從菲律賓宿霧轉機新加坡，再轉回台灣，在下機後直呼「還是回到台灣的感覺最踏實」。
桃園國際機場公司表示，受到中央流行疫情指揮中心新規定入境限制，自19日0時起，扣除從歐洲、美國、澳洲等地長途飛行的班機，與短程的廉價航空，均於限制入境新規定實施前抵台外，19日也將還有自泰國、日本等地飛抵桃園機場的班機，外籍旅客若無持特殊證明者，將會被拒絕入境。</t>
  </si>
  <si>
    <t>高雄連續19天「嘉玲」，但高市議員陳若翠21日揭露IKEA宜家家居高雄店一名銷售部門主管，7月15日出境返回馬來西亞時採檢為陽性，高市府接獲通報後，緊急匡列相關接觸者，並展開清消作業，對此，高市府衛生局表示，疫情發布與說明以中央流行疫情指揮中心及市府為準。
據了解，30多歲的馬來西亞籍女子原本在高雄IKEA擔任業務主管，但該名女子打算回馬國，因此在7月中旬離職，之後先在高雄醫院採檢為陰性，並持檢驗報告，於16日搭機回國，未料入境後採檢確變成陽性確診，CT值約在30上下。
高市府在19日接獲通報後，緊急展開調查及清消作業，據悉，該名馬國女子住鼓山區，生活背景單純，平時多待在住處，在台灣也有親友，工作時多搭乘捷運上下班，確診消息傳出後，市府已緊急匡列與她密集接觸的室友與職場上的工作伙伴，另名負責接送她搭機的親友也一併被匡列。
高市府衛生局表示，疫情之發布由中央流行疫情指揮中心及地方政府公布為準，非正式對外發布或未經證實的資料，勿隨意散播、轉傳，違者將依傳染病防治法第63條，嚴重特殊傳染性肺炎防治及紓困振興條例第14條或社會秩序維護法第63條第1項第5款處理。</t>
  </si>
  <si>
    <t>因應新冠肺炎疫情，國防部持續派遣化學兵部隊協助地方政府執行消毒工作，陸軍33化學兵群今日前往臺北市醫院、捷運站及重要車站實施環境消毒，許多一早出門上班的民眾，看到化學兵進行消毒工作，也紛紛拿起手機紀錄他們以行動守護家園的身影。
陸軍33化學兵群上午共派遣145員官兵，分組前往臺北市採檢站、捷運站及醫院外圍，以偵搜車、悍馬車、背負式消毒器、MDS-106輕型消毒器、氣霧式消毒器等機具，針對車站出入口、樓梯把手及洗手間等民眾易接觸的部分，進行重點式消毒，降低民眾感染風險。</t>
  </si>
  <si>
    <t>英國媒體BBC在週四(26日)報導英國籍女子娜塔莉．道森(Natalie Dawson)及她男友在台灣隔離14天期間猶如監禁，提供的住宿及飲食都非常基本，不實的指控讓台灣網友氣炸，留言灌爆BBC的臉書貼文。外交部也向BBC澄清情侶指控並非事實。事後，BBC刪除了臉書上的貼文，在文章中新增了台灣外交部的說法，但標題仍未修改。
根據BBC的報導，28歲的英籍女子道森和男友皮克斯雷(Rohan Pixley)於3月13日飛離英國，預計在台旅遊數日後，在飛往澳洲參加友人婚禮。當他們14日抵達台灣時，疫情已相當嚴重，他們取消了澳洲的行程，在台停留了四天，18號欲返回英國時，被告知不能離境，隨即被送上救護車，載往隔離檢疫所，「只提供基本伙食，和如同監獄般的住宿。」「每日三餐、品質低落、分量稀少。」「房間髒臭，沒有地方洗衣服。」
對於此指控，外交部向BBC澄清，他們可以選擇繼續住在飯店內隔離，但他們負擔不起多出來的住宿費用，所以同意搬到檢疫所。檢疫所的舒適度自然不如飯店，但也不是監獄般的品質。檢疫所為他們的安排的隔離房一開始是有獨立洗衣間的，但是熱水器有些故障，所以將他們移至另一間房間，而且女子一提出有洗衣的問題時，工作人員立即幫他安排住到高級的房間內。外交部表示，整個過程都盡力協助該名女子完成隔離檢疫的過程，唯一無法滿足他們的是無法讓她及男友同處同一間房間，因為那有違檢疫所的原則。
BBC僅在文章中新增了台灣外交部的說法，但標題仍未修改。不過，BBC在臉書上的貼文已刪除。</t>
  </si>
  <si>
    <t>新北市長侯友宜28日下午赴三重228和平紀念公園參加紀念儀式，與受難者及家屬一同向228事件亡者英靈紀念碑獻花致意，原本預計有130多位受難者本人及家屬出席，但因新冠肺炎疫情，僅23位到場。
侯友宜到場後向受難者遺孀周金桂、近百歲受難者曾仲影逐一拱手致意，典禮先默哀1分鐘，侯友宜獻花並行3鞠躬禮，隨後陪同受難者、代表環繞228紀念碑。
「雖然無法見證228，但是永遠記得帶給我們更大力量的精神」侯友宜感謝受難者及家屬的包容原諒，強調台灣要用愛、寬容，不要對立跟衝突，大家團結走在一塊，尤其現在新冠肺炎肆虐，大家不要口水、對立衝突，要團結向前走，帶著民主的力量愛這塊土地。
新北市228總會理事長洪顯詔表示，感謝受難者出席，尤其近百歲曾仲影堅持參加，令他很感動，他強調歷史絕對不能忘記，曾問過3歲的小朋友為何放假，他竟回應是國定假日，小朋友不知道不能怪罪，但政府一定要把歷史公開，社會才會和諧進步。
「我感覺死了好多次！我被以為是共匪冤獄了幾十年，前後進出監獄多次」曾仲影表示，最近剛從北市搬來新北，從不缺席過228紀念活動，因為事件對他影響甚大，他不曾忘記傷痛，盼政府還他公道。</t>
  </si>
  <si>
    <t>以色列向來標榜以科技治國，現在面臨新冠肺炎疫情的威脅，以色列想要動用國防科技來防疫。以國國防部宣稱，能用取得人們的手機資訊，再用間諜軟體分析出可能感染新冠肺炎的人，再針對這些人進行檢測。
根據路透社報導，以國國防部長班奈特(Naftali Bennett)周一對媒體表示，這項措施區要內閣同意，預計會通過。然後還需要檢察總長的同意，因為涉及民眾個資問題。一旦取得這兩個單位的同意，48小時即可上路。
以色列有一天檢測5千名的能力，現在衛生當局希望針對重點民眾進行檢測，然而許多感染新冠肺炎的人初期並沒有症狀，若用症狀當作受測的標準，不一定準確。所以以國希望能動用軍事級的科技，蒐集手機資訊，分析大眾的移動路徑，將有感染風險的人全部鎖定，追蹤並檢測。這個軟體根據是否有接觸過確診病患，將全民分做1到10個風險等級。
這個政策馬上引起人權政黨的反對，認為已經違反個人隱私及自由。
以色列目前累計的確診病例為4,347例，死亡15例。在國會傳出有人確診之後，總理班傑明·納坦雅胡(Benjamin Netanyahu)也正在家中自我隔離。</t>
  </si>
  <si>
    <t xml:space="preserve">名模黃百璐2011年閃嫁德籍老公孔友瀚（Johann），便搬到德國柏林居住，兩人婚後9年育有1對子女，不過近來卻在臉書透露在前年已與老公分居，但礙於疫情只能帶著孩子留在柏林，無法返回台灣，讓她發文感嘆：「超想回台灣取暖」。
黃百璐日前在臉書透露前年底和德籍老公分居，主要是他忙碌到無法兼顧家庭和事業，在幾經考量下達成分居協議，坦言這個決定對兩人來說都很痛苦，原本想帶著兒子返回台灣，畢竟3歲多的兒子從未看過自己的故鄉，但礙於新冠肺炎肆虐全球，若帶著小孩隔離光想像就知道有多艱難，因此幾經思考之後，決定還是先留在德國，往後再看狀況決定下一步的方向。
黃百璐坦言留在德國此決定相當艱難，但礙於小孩還年幼不得不這樣做，也道出內心話：「雖然超想回台灣取個暖，見見老朋友，但人生啊」，短短一句話道出被迫屈就現實的無奈，分居消息曝光後，粉絲也紛紛湧入留言給予安慰。
黃百璐除了感謝大家關切，並表示：「昨天報告完之後就睡得很好，能到公開跟大家報告，就是心情已經到了下一個階段，差不多可以開始療癒了」，接著強調：「希望今年可以台灣見，感恩大家所有的訊息和關心，我不孤單」。
</t>
  </si>
  <si>
    <t xml:space="preserve">
新冠肺炎疫情持續升溫，全台累計確診22例中，中部就高達6例、包含全國首例重症死亡，一夕間中部淪為「肺炎重災區」，網路上真假訊息、謠言滿天飛，搞得民眾人心惶惶，加上開學在即，也引發部分家長焦慮，口罩、消毒水和額溫槍等防疫物資更是搶翻天。
上周全台確診案例持續維持在18例，不少民眾周末還開心歡度情人節聚會吃大餐，不料短短兩天，再增4例，全集中在中部，與先前中部確診前2例一樣是群聚感染，中部人嘩然；因目前中央流行疫情指揮中心定調，除有中港澳與星泰日等國旅遊史外，不能公布返台後可疑個案的移動路徑與社區接觸史，網路社群成天瘋傳假訊息，連開學在即，許多鄉鎮市區公所清潔隊出動進行例行街道與校園環境消毒，都會火速引發不當聯想，搞得人心惶惶。
在不確定哪些地點是否會引發社區群聚感染情況下，民眾深怕自己不小心誤闖禁區染上病毒，為求自保、做好自我防護，只能搶好搶滿，天天排隊搶物資，近期除了搶酒精、護目鏡、漂白水、甚至一度因不實謠言瘋搶衛生紙。
因台酒生產75％酒精配送量有限，民眾每天一早出門趕到經銷商據點排隊搶購，部分人轉而購買次氯酸水，旺旺水神公司5日起於全台90家「水神」次氯酸抗菌液門市，免費提供抗菌液，彰化縣唯一據點在員林市，由於優先讓里長每日可裝50公升，更是吸引遠在鹿港鎮的里長每日往返50公里前往領取，近日不斷出現大排長龍情況，還引發在地市民向本報投訴抱怨「都被里長們領光光」。
中部疫情嚴峻，已出現重症死亡首例，各行各業都緊張兮兮，彰化縣是全台本土口罩生產重鎮，產量高居三成，被中央統一徵用之後只能等待配給，不少運輸業者、殯葬業者頻向地方政府反應買不到口罩，警政單位也憂心現有存量不足影響第一線執勤同仁安危。
最反其道而行的，恐怕是八大行業，因「小姐習慣叫白牌車出場」陋習，擔心感染疫情擴散，又沒辦法要求小姐戴口罩上班、或請客人戴著口罩喝酒，乾脆貼出公告歇業14天，保護客人及員工安全。</t>
  </si>
  <si>
    <t>受新冠肺炎影響，大陸每年3月初登場的全國「兩會」（全國人大、政協會議），今年將罕見延後舉行。大陸全國人大委員長會議和全國政協主席會議17日均建議2020年兩會延後召開，這是改革開放以來大陸全國人大會議首次延後召開。
根據新華社17日報導，中共中央政治局常委、全國人大常委會委員長栗戰書於13屆全國人大常委會第47次委員長會議上決定，13屆全國人大常委會第16次會議2月24日在北京舉行。會議建議，下周一審議關於禁止非法野生動物交易、革除濫食野生動物陋習、切實保障人民群眾生命健康安全的決定草案的議案，以及關於推遲召開第13屆全國人民代表大會第3次會議的決定草案的議案等。
上述消息透露出大陸人大將審議的幾個重要事項，一、與本次新冠肺炎疫情有關的野生動物保護法等；二、新冠肺炎疫情蔓延全球，大陸兩會能否於3月如期召開。就在大陸人大開會的同時，中共中央政治局常委、全國政協主席汪洋17日也主持主席會議，會中同樣提到，研究關於推遲召開政協第13屆全國委員會第3次會議和常務委員會第十次會議的有關事項等。三、人大還將在會議上審議人事任免等。
日前，中共中央已調任上海市長應勇接替湖北省委書記蔣超良職務，濟南市委書記王忠林接替武漢市委書記馬國強職務。
根據大陸憲法和有關法律規定，大陸全國人民代表大會會議每年舉行一次，全國人大會議由全國人民代表大會常務委員會召集，因此，推遲召開會議，也需要全國人大常委會作出決定。全國人大常委會法工委發言人臧鐵偉17日受訪時表示，全國人大代表近3千人，其中多數人目前都在第一線防疫，為疫情防控，委員長會議認為有必要適當延後全國人大會議。
據大陸國家衛健委數據顯示，16日大陸新增2,048起確診、新增死亡案例105起，累計確診病例突破7萬，達70,548例，累計死亡病例達到1,770例。</t>
  </si>
  <si>
    <t xml:space="preserve">
新冠肺炎疫情持續蔓延，目前全球確診人數已高達912,276例，其中美國共累計超過20萬確診病例，為全球最高，而各州政府為防疫，紛紛頒布「禁足令」，但竟有70名大學生無視防疫禁令，仍在2週前包機飛往墨西哥度過春假，如今這群20多歲的大學生，有44人確診新冠肺炎。
綜合外媒報導，約70名德州大學奧斯汀分校的20多歲學生無視防疫禁令，在春假期間租下包機飛往墨西哥度假城市卡波聖盧卡斯（CaboSan Lucas）遊玩，之後部分的人分別搭乘不同商業航班返回，而當中就有44人確診新冠肺炎，且其中至少有4名感染者未出現症狀，當地衛生部門正積極聯絡與這些搭學生搭乘同班飛機的旅客。
據了解，這些大學生似乎是認為老年人才容易感染新冠肺炎，才未重視此事；除了該校外，坦帕大學（University of Tampa）、威斯康辛大學麥迪遜分校（Universityof Wisconsin-Madison）都有學生因春假旅行而染疫。德州特拉維斯郡臨時衛生局醫師埃斯科特（MarkEscott）強調，「儘管新型冠狀病毒對年輕人產生的風險較低，但不代表他們就完全不會因新冠肺炎而重症或死亡。」
德州眾議院議長伯寧（Dennis Bonnen）也對堅持在春假出去旅行的學生說出重話：「不管你覺不覺得這是件重要的事，這就是件大事；不管這件事會不會影響你，它就是會影響你，而且事實就是，你們還影響了很多人，是時候長大了。」
更多 CTWANT 報導
</t>
  </si>
  <si>
    <t>3月28日清晨5時25分，武漢地鐵2號線常青車輛段，隨著一聲清脆的鳴笛，編號為「B68」的頭班車緩緩啟動，呼嘯著開進地鐵隧道，沉寂了2個多月的武漢地鐵重啟。約1小時後，6條線路184座車站同步恢復運營，截至17時，線網客運量12.72萬乘次。
為控制車廂內乘客密度，所有列車座椅上均張貼黃色小標籤，提示乘客「隔位而坐」。例如一排可坐6人的座椅，貼上3張標籤，乘客須在貼標籤的位置坐下，避免接觸。
每列車增配1名「隨車安全員」，在車廂內宣傳引導乘客下車、換乘時掃碼，全程佩戴好口罩，如發現同乘人員聚集、交談等情況，將及時勸阻。
受疫情影響，武漢地鐵1月23日暫停運營。沉寂65天後，6條線184座車站恢復運營。具體運營時間為：工作日6：00至23：00，休息日6：30至23：00。恢復運營初期，2號線、4號線、7號線按大小交路組織運營，行車間隔小交路約7.5分鐘，大交路約15分鐘；1號線、3號線、6號線按單一大交路組織運營，行車間隔約8分鐘。</t>
  </si>
  <si>
    <t xml:space="preserve">美國總統川普周五說，他已指示副總統彭斯（Mike Pence），別連絡那些不知為政府致力遏制新冠肺炎疫情蔓延而感激的州長。就在約翰霍普金斯大學（Johns Hopkins University）的統計數據顯示，美國新冠肺炎確診病例突破10萬後不久，川普便發表了相關談話。
據CNBC新聞網27日報導，川普特別點名了華盛頓州州長英斯利（Jay Inslee），還有密西根州州長惠特茉（Gretchen Whitmer）。他們除了都是民主黨人外，也不斷批評白宮防控新冠肺炎疫情所採取的行動。
「要是他們不好好對你，我就不打電話，」川普說，「我認為他們應該感激。因為你們知道嗎？他們要是不感激我，就不會感激陸軍（工程兵），也不會感激聯邦緊急事務管理署（FEMA），而那是不對的。」
川普說，彭斯致電所有的州長，而他告訴副手，「我可是不一樣的人」。他隨即要求彭斯：「麥克，別打電話給華盛頓州州長了，你是在他身上浪費時間！」至於提到惠特茉時，他說得更是直接：「別打電話給那在密西根的女人，反正也沒差。」
President Trump on what he wants from the governors: "All I want them to do, very simple, I want them to be appreciative. I don't want them to say things that aren't true. I want them to be appreciative. We've done a great job.” Watch full video here: https://t.co/DvN1Fakah0 pic.twitter.com/vGoitdhpSU
此外，川普毫不諱言地向州長喊話，「我們他們做的事很簡單，不過就是感激，我要他們懂得感激。我也沒要他們口是心非，我要他們感激──我們做得很棒。」
川普說，英斯利是失敗的總統參選人，老是唧唧歪歪，從他抱怨就可以看得出來。他也直指，惠特茉根本就不知道發生了什麼事，她只會說「噢，都是聯邦政府的錯！」反之，他大讚紐約州州長古莫（Andrew Cuomo），還有新澤西州州長墨菲（Phil Murphy），因為他們都說，川普政府真的做得很棒。
由於疫情加速蔓延，政府各級領導人都採取了極端措施，以減緩新冠肺炎病毒傳播的速度。包括華盛頓州和密西根州在內，有愈來愈多州都下了居家禁足令，並暫時關閉了學校，以及非必要的商家。
而在聯邦層級，川普周五簽署了2兆美元（約60兆台幣）的新冠肺炎經濟刺激紓困方案。川普強調，他的政府為華盛頓州做了很棒的事，也把密西根州照顧得好到爆。
</t>
  </si>
  <si>
    <t>台灣有來自世界各地的美食，也有不少在地小吃，但有些料理因食材關係，所以相當少見。先前有民眾注意到台灣養殖漁業盛行，其中養甲魚技術好，甲魚又有益身體，但卻無法成為主流料理；有老饕秒解惑，直言「煮法不對」。
新冠肺炎讓大陸甲魚便當一夕爆紅，但台灣幾乎聞所未聞。一名網友聽聞鱉（甲魚）肉膠原蛋白高，鱉蛋粉也對寵物爆毛有幫助，更何況在台灣養殖漁業發達，養鱉的技術更是一等一，但他在台北卻很少看見鱉料理；他只好到《批踢踢實業坊》求解，好奇「為何產鱉大國卻不吃鱉」。
有不少網友看到熱情留下個人看法，「很多人不敢吃爬蟲類」、「以前看過魚池漂浮很多排泄物」、「沒差，我只喝血」、「沒肉又難咬」；但也有一些老饕揭露關鍵，「因為真的不會煮，腥味太重」、「甲魚湯很難耶」、「台灣煮法不對」。
而根據《本草綱目》記載，鱉（甲魚）吃起來味甘，有滋陰補腎和清退虛熱等功效；但鱉膽固醇含量高，肝臟不好的民眾就不適合食用。</t>
  </si>
  <si>
    <t>台北市今新增2例本土個案，其中案16254為士林區20多歲女性，在19日採檢為陽性，CT值34，衛生局說明，案16254曾在去年9月在國外確診治癒，在3月和7月都有回國，當時採檢都是陰性，並在6月24日接種過第一劑BNT疫苗，因準備出國念書採檢才發現PCR陽性；另外，案16255為1歲男童，因同住母親確診（案16150），匡列為居家隔離對象，19日隔離期滿前採檢於今日確診。
衛生局指出，案16254曾在18日到大葉高島屋和美麗華大直影城；19日到過SOGO百貨天母店，已透過實聯制找到493人，皆發送細胞簡訊通知，如有疑似症狀要到醫院採檢，另外，案16254匡列家人和親戚共21人，已陸續安排居家隔離、採檢中，外縣市足跡包括高雄、彰化、台南和新北等地，都已向外縣市衛生局做相關確認。
衛生局表示，另一名個案16255為1歲男童，是確診個案16150的兒子，因案16150確診，案16255被匡列為居家隔離對象，19日解除隔離前採檢為陽性，接觸者僅案16150（母親），因此，延長父親居隔時間。
至於個案16254曾染疫過，是否有可能為舊案，衛生局表示，案16254自述去年9月曾確診，3月和7月回台做過PCR都是陰性，這部分要再跟中央釐清，可能要看他的抗體和反應，不確定去年感染到現在是否為舊案，仍要請專家做判定。</t>
  </si>
  <si>
    <t>8日桃園2起確診者相關死亡案件傳出，桃園衛生局長王文彥對此做出說明，其中一案死亡男性有多重慢性病且持續就醫，另一死亡案件為一名80歲婦人並且是確診者家人，並解釋之所以未被匡列，是因確診者表示症狀前3天未接觸家人。
疫情升溫，確診死亡案件頻傳人心惶惶，近日桃園也傳出2起確診者相關死亡案例，王文彥表示，其中一起死亡案例具多重慢性病史且持續就醫，另一起則是一名80歲婦人，且有個確診者的兒子，王文彥解釋，之所以婦人未被匡列，是因為兒子在疫調時明確表示症狀前3天未和婦人有所接觸。
王文彥也指出，目前80歲婦人的死因正在檢驗，且2案的接觸者目前都在居家隔離中；另2日也發生一名急診快篩發現陽性確診案例，王說明，這位患者2日發生車禍自行就醫，經過2間醫院、1間診所，並於6日到長庚醫院時是發現有發燒的，但患者自認為發燒原因應與傷口發炎有關，故被列為沒有症狀。
雖患者自認發燒與疫情無關，但王文彥表示，患者胸部的X光確實有浸潤的現象，並指出目前已匡列的人包括就醫的3間醫療院所，以及患者的家人。</t>
  </si>
  <si>
    <t xml:space="preserve">
「焦糖哥哥」陳嘉行今（1）日打完高端第二劑，並PO文表示「我要煩惱該去哪個國家玩了嗎？」一席話引爆網友論戰，貼文轉發至PPT後，鄉民瘋狂洗板吐槽，「只有印尼能去而已」。
焦糖哥哥今早9點前往台北市新光醫院施打第二劑高端疫苗，打完疫苗後興奮得在臉書寫到「打滿兩劑高端疫苗了，我要煩惱該去哪個國家玩了嗎？」。
早在昨晚他就在臉書寫到，「劉宇（四叉貓）說我煩惱明天早上9點的高端時尚要穿什麼，我看起來有煩惱嗎？『新試劑服英戰士』都是全台灣打滿第二劑那10%的人，打高端疫苗確實得煩惱，第三劑打好後要去哪個國家玩。」最後他表示歡迎媒體來拍他高端時尚打扮。
消息一出迅速被轉發至PTT討論，網友們瘋狂留言回應，「不用煩惱啊，只能去印尼」、「服英戰士印尼觀光高端推廣團」、「我打滿2劑莫德納了，日本、美國我幫你去」、「印尼就是高端戰士的世界地圖」、「還煩惱去哪國，小人國啦」、「印尼可以玩很久啦，的確該煩惱」。
</t>
  </si>
  <si>
    <t xml:space="preserve">亞洲古國尼泊爾，向來給人靜謐祥和的感覺，但3日在首都加德滿都以南的藝術之都─拉利特普爾，爆發數千民眾與警察衝突的混亂場面，造成數人受傷。
原來都是為了印度教和佛教一年一度的重頭戲─戰車節（Rato Machindranath），大批民眾在拉利特普爾街頭聚集，想要一睹5層樓高大車上的紅色女神雕像。
這項節慶預告雨季到來，豐收與繁榮。對尼泊爾人來說，戰車節意義非凡，通常雕像會在市區內巡迴1個月。
不過，尼國政府自3月起，就禁止所有戶外慶典和宗教聚會，以避免新冠病毒散播。雖然全國性的封鎖已在7月解除，但加德滿都周邊區域，自上月起再度封城，民眾被禁止離家。對悶了好幾個月的尼泊爾人來說，雖然疫情讓今年節慶泡湯，但雕像還是停在大戰車上，他們就是想要外出。
於是幾千人違反防疫規定跑出家門抗議封鎖，他們挪動大車，穿著鎮暴裝備的警察趕到，以水柱和催淚瓦斯驅散人群，民眾則以石塊還擊，雙方混戰數小時，甚至戰到城內的小巷弄。
儘管防疫措施嚴苛，不過尼泊爾的新冠確診數仍持續升高，光是3日就新增1228例，累計已有4萬2877例，257死亡。
</t>
  </si>
  <si>
    <t>針對美國研究使用抗瘧疾藥奎寧能夠治療新冠肺炎一事，中央流行疫情指揮中心指揮官陳時中淡淡指出，每次相關疫情的治療藥會被提出來，可是在臨床上都沒有達到效果，只能希望這次真的有效果，才可以幫助治療。
對於奎寧的治療效果，食藥署長、疫情中心研發組副組長吳秀梅說，目前只有體外試測，體外試驗確實看到奎寧抑制病毒脫殼，因為病毒要進入細胞，要先有脫動的動作，奎寧治療的機轉是如此，但是不是已到臨床人體的治療效果，還要進一步研究。
吳秀梅進一步指出，目前其他國家也在進行臨床試驗，如果有一些結果的話，應該可以看看後續發展，台灣再來決定是否以這種藥品進行臨床使用。
吳秀梅表示，現在台灣有能力研製奎寧的下一代藥物原料，這種藥物副作用較小，台灣另有藥劑廠可以做出相關的藥品，目前國內的許可證有7張，因此，台灣有能力從原料提供到整個製劑的生產。
陳時中說，這個奎寧藥物如果真的在臨床上有效，台灣是不會缺這個藥，因為台灣從原料到製藥一系列都有，具有完整供應鏈，可是每次有相關的治療藥物會被提出來，可是在臨床上都沒有達到效果，只能希望這次會有效果，才有助於治療。</t>
  </si>
  <si>
    <t>新北市鶯歌區今日傳出BNT疫苗接種事故，25人遭施打未經稀釋的BNT疫苗原液，國內新冠疫苗專家提醒，接種未被稀釋過的BNT疫苗，所產生的抗體濃度是莫德納疫苗的5倍，對人體來說相當危險，擔心接種者會產生有如被火車撞的副作用，全數人員都應住院觀察。
中國醫藥大學附設醫院感染管制中心副院長黃高彬表示，BNT疫苗每瓶含0.45ml冷凍濃縮液，須使用1.8ml無菌生理食鹽水注射液稀釋，若是直接施打未稀釋的原液，等於是將5倍的劑量打進人體中。
黃高彬指出，莫德納疫苗的劑量是100µg，BNT則是30µg，因此這25人等同是被施打150µg的劑量，以超出莫德納許多，若接種莫德納後的副作用像是被車撞，這25人所產生的副作用，恐將有如被火車撞一般嚴重。
黃高彬說，這25人應立即住院觀察，尤其年輕人容易發生的心肌炎更是觀察重點，接種後3至28天內都是危險期，接種者也應避免高強度的運動，避免心肌炎發生。
至於這25人的第2劑疫苗該怎麼解決？黃高彬建議，由於第1劑已接種濃度過高的劑量，第2劑不應再施打BNT，建議混打中和抗體濃度沒這麼高的AZ疫苗，才能降低副作用產生，國外也有報告證實，BNT＋AZ雖無法產生與BNT＋BNT同高的抗體濃度，但能有效形成免疫反應的長期記憶。</t>
  </si>
  <si>
    <t>2019冠狀病毒疾病（COVID-19，新冠肺炎）疫情大流行，瑞典政府採取放任措施，讓人民在自律行為下維持正常生活，享受日光浴、運動、上學、工作。但在4月21日，瑞典死亡病例新增185例，創疫情期間單日最大增幅，此前兩日死亡病例數分別僅為29例及40例。
該國流行病學專家曾表示瑞典疫情已經到達穩定期。瑞典是唯一一個未實施封鎖政策的歐盟國家，當局僅要求民眾對自己的行為負責，自覺遵守社交距離等規定，溫和的抗疫方式引發爭議。
瑞典公共衛生局最近研究預測，至5月1日首都近百萬人口的1/3將被感染，這意味有30萬以上是確診者著每確診，即一名新冠患者，就有999人或在不自知情況下感染。</t>
  </si>
  <si>
    <t xml:space="preserve">導電漿料廠—勤凱(4760)佈局5G相關介質濾波器導電漿有成，順利通過大廠認證，目前已開始出貨5G基站，成為公司營運成長新動能，受惠於被動元件、太陽能及5G相關應用需求強勁，勤凱目前產能滿載，業績可望自9月起展現強勁成長力道，勤凱預估，9月及10月營收將逐月走高挑戰單月歷史新高，第4季將優於第3季，今年業績將創下歷年新高，明年亦可望比今年好。
勤凱主要產品為電容、電阻、電感等被動元件所使用內電極與端電極之導電銀漿、銀鈀漿與銅漿等導電漿料，客戶包括：國巨(2327)、奇力新(2456)、華新科(2492)及台達電(2308)集團乾坤等國內外大廠，為擴大下游客戶的應用，公司近兩年積極開發其他漿料的產品，如：觸控面板導電漿料、軟性電路薄膜按鍵開關導電漿料、IC電子封裝導電漿料，以及矽晶太陽能電池導電漿料等。
全球加速5G基地台建置，5G網路因高速、高頻特性，帶動許多關鍵材料升級、轉換，其中介質濾波器由過去金屬材質轉為陶瓷材質，由於陶瓷不具備導電性，因此產生新的導電銀漿需求，看好此市場需求，勤凱去年投入開發應用於5G基地台介質濾波器導電銀漿，去年底陸續完成5G基地台介質濾波器導電漿送樣，目前已通過網通設備大廠認證並小量出貨，成為推升勤凱科技未來營運重要動能。
在太陽能電池導電漿料部分，勤凱太陽能背銀導電漿自去年底開始出貨，主攻台灣與東南亞市場，隨著新冠肺炎疫情過後各國加速復工，全球太陽能市場已開始復甦，勤凱新產品太陽能背銀導電漿出貨量也明顯增加，對公司營收貢獻如預期拉高，在今年進入成長期，公司也陸續增加新客戶，可望成為業績成長的另一個新推手。
受惠於蘋果新機拉貨啟動，且5G基地相關新產品佈局發酵，勤凱營收擺脫因客戶調整庫存下滑頹勢，8月合併營收回升至9126萬元，月增0.46%，較去年同月則大幅成長127.76%，累計1到8月合併營收7.4億元，年增105.37%。
由於宅經濟持續推升NB及雲端需求，且5G及車用電子新應用日增，為被動元件產業注入新成長動能，勤凱近期因客戶訂單湧入產能滿載，勤凱也樂觀看待第4季及明年業績，勤凱預估，營收將自9月起展現強勁成長力道，9月及10月營收將逐月走高挑戰單月歷史新高，並一路旺到年底，第4季將優於第3季，今年業績將創下歷年新高，隨著新產品佈局發酵，明年亦可望比今年好。
</t>
  </si>
  <si>
    <t xml:space="preserve">新冠肺炎全球肆虐，許多人待在家裡實在悶壞了，這時除了醫護人員逆行往疫區前進外，還有一種「服務」業，也不懼感染病毒往前衝。英國有名人妻應召女，就是開著露營車「前進」疫區，一天接7名客人，還嫌太少。她自比這樣的「服務」好比第一線醫護重要。
這名住在英國南約克郡的應召女郎，已婚，她開著露營車就在後座為男性提供服務，目前平均1天有7名客，但是她認為，目前不能外出，這些男人一定悶壞了，所以客人應該比現在還要好，即使每天40人也還算保守而她的「服務」價格，每15分鐘收費30英鎊（約台幣1200元）的價格為算是中等。
據《每日星報》報導，這名人妻應召女的老公是一個電子遊戲作曲家，但是家庭關係不是很好，各自有生活方式，不過她大棘棘開著露營車到處趴趴走接客做生意，有無違反防疫規定，當地警方說，大多數居民都遵守隔離準則，但如果有人無視這些規則，將會採取行動。
</t>
  </si>
  <si>
    <t>新冠肺炎疫情延燒，中央流行疫情指揮中心今宣布國內新增23例確診案例，其中21例為境外移入病例(4例與土耳其旅遊團群聚相關)、2例為本土病例(1例為埃及旅遊團個案接觸者)。指揮中心指揮官陳時中表示，目前國內確診案例已達100例。
指揮中心表示，土耳其旅遊團新確診4例個案為3女1男，年齡介於20多歲至50多歲，其中2人無症狀，其他2人分別於3月11日及16日發病，經採檢通報，於今日確診；該旅行團截至目前共13人確診，已掌握接觸者共171人。
其他新確診17例境外移入個案為10女7男，年齡介於20多歲至50多歲，發病日介於2月14日至3月16日，旅遊史分別為西班牙、美國各3例，英國、法國各2例，印尼、卡達、菲律賓、瑞士、德國各1例，另有1例曾至法國、西班牙、英國，1例曾至英國、義大利、法國。
2名本土病例分別為20多歲男性及20多歲女性，其中20多歲男性為埃及團確診個案接觸者，無症狀，經接觸者採檢確診；20多歲女性近期無出國史，3月12日發病自行就醫，經通報檢驗確診，感染源待釐清。
昨日國內新增884例新型冠狀病毒肺炎相關通報，截至目前累計18,812例(含17,793例排除)，其中100例確診(今日新增案78至100)，分別為71例境外移入及29例本土病例。確診個案中維持1名死亡，22名解除隔離、其餘個案病況穩定，持續住院隔離中。
指揮中心指出，全球累計193,748例確診，分布於145個國家/地區；病例數以中國大陸80,881例、義大利27,980例、伊朗14,991例、西班牙9,191例及韓國8,236例為多；病例中7,086例死亡，以中國大陸3,226例、義大利2,158例、伊朗853例、西班牙309例及法國148例為多。
指揮中心提醒民眾，應落實手部衛生並做好咳嗽禮節。自國外入境時，如有發燒、咳嗽等不適症狀，應主動通報機場及港口檢疫人員並配合防疫措施；返國後14天內如出現疑似症狀，可撥打免付費防疫專線1922(或0800-001922)依指示戴口罩儘速就醫，並請務必告知醫師旅遊史、職業別、接觸史及是否群聚(TOCC)，以及時診斷通報。</t>
  </si>
  <si>
    <t xml:space="preserve">新北市公布今（7日）確診案例，其中案16153，於9月3日的19:00至19:15，和9月4日的17:00至17:15，曾至板橋區民生路的全聯長江店。
全聯福利中心回應，針對政府公布確診者到過的門市，皆會使用高規格專業食安級清消作業，即清消SOP中第2道增用紫外燈室內殺菌，第3道用漂白水進行賣場擦拭，採高規格防疫措施，另門市平常消毒，也會因應人流提升頻率，平均每2小時就消毒一次，包含收銀區、手推車、提籃等。全聯依循中央疫情指揮中心指示，採取高規格防疫措施，請消費者安心購物。全聯板橋長江店於今天收到通知，於晚上6點閉店清消，明天恢復營業。
★《中時新聞網》提醒您：因應新冠肺炎疫情，疾管署持續加強疫情監測與邊境管制措施， 如有疑似症狀，請撥打：1922專線，或 0800-001922， 並依指示配戴口罩儘速就醫，同時主動告知醫師旅遊史及接觸史，以利及時診斷及通報。
</t>
  </si>
  <si>
    <t xml:space="preserve">COVID-19(新冠肺炎)疫情持續擴散，台股近期大幅下挫，周三收在最低點9218點，距10年線9,110點僅百點，國安基金決定將於今(109年3月19日)日召開臨時委員會議妥適因應，如有資本市場及其他金融市場失序或損及國家安定等情事，將採行必要措施，達成穩定國內股市之任務。
國安基金表示，近期COVID-19疫情持續擴散，引發投資人就疫情能否有效控制及全球經濟動能衰退之不安心理，全球股市跌勢未止，109年3月18日台股收盤指數9,218.67點，自年初累計下跌幅度達23.16%，已跌破年線11,067點，距10年線9,110點僅108.67點。
國安基金表示，考量近期股市大幅下挫，似有顯著影響民眾信心情事，將依國安基金設置及管理條例第8條規定，於今(109年3月19)日召開臨時委員會議，就國內外疫情進展、經濟情勢及金融資本市場動態充分討論，如認有資本市場及其他金融市場失序或損及國家安定之虞等情事，將採行必要措施，達成穩定國內股市之任務。
</t>
  </si>
  <si>
    <t>晶華（2707）國際酒店集團董事長潘思亮表示，此次新冠肺炎疫情造成的衝擊，是911、SARS、金融海嘯的總和，認為政府對於租金、稅金的減免程度應該高於以往，以「插管」拯救確診重症的觀光業。不過，他也認為此波疫情，將有助於失序的飯店產業供需恢復正常。
潘思亮表示，此波疫情對航空、觀光產業受創最慘重，國際觀光飯店住房率出現前所未見的雪崩下滑，對此非常焦急、並積極對政府官員提出建言，「近10天所見的政府官員及媒體已超越過去10年」。
潘思亮認為，台灣在超前部署下，防疫作為可說是全球第一，肯定政府火速透過補助紓困及振興培訓提升計畫，將一開始即確診「重症」的觀光業「插管」救治，避免爆發倒閉失業的「經濟社區感染」、阻止經濟病毒擴散。
潘思亮認為，此波疫情造成的衝擊規模，是過去911、SARS、金融海嘯的總和。針對關鍵的稅金、租金、薪金「3金」問題，政府已針對薪金祭出藥方。至於稅金及租金，過去SARS時期是減半，認為面對此次衝擊的劇烈程度應該要加倍「減免」，油電水費亦應減半。
同時，潘思亮認為租金是當中的關鍵，因為6成的飯店必須支付房東租金，建議可減免業主的地價稅和房屋稅，或鬆綁壽險業不動產最低投資報酬率限制，讓壽險業有降低租客租金的空間。
在政府超前部署紓困下，潘思亮強調會維護所有集團員工權利，「不會讓任何員工走」，並藉此機會強身應戰。他表示，故宮晶華雖會進行營運調整、進行裝修，但不會關門，捷絲旅林森館、台大館也研議裝修計畫中。
雖然疫情對產業營運衝擊甚鉅，但潘思亮也認為，此次將提醒業主留意投資風險、重視飯店管理專業，使過往一窩蜂投入興建開發、導致嚴重供過於求的國內飯店市場得以冷靜下來，不會再「開得那麼瘋狂」，有助於市場供給逐步回歸正常。</t>
  </si>
  <si>
    <t>台灣大學今(26)日首度舉辦線上畢業典禮，校長管中閔以預錄影片發表致詞時提到，對於正在醫療前線奮戰的眾多醫護人員，務必心存感念，「他們是真正的英雄。只要大家共同努力，疫情終會過去，我們一定會贏得抗疫的最後勝利」，最後也用台灣人與朋友告別時常說的一句話「要小心哦」，送給所有畢業生。
以下是管中閔致詞稿全文：
去年新冠疫情初起，學校雖仍舉辦實體的畢業典禮，但規模大為縮小，許多師生和家長均以無法參加典禮為憾。今年初臺灣的疫情持續穩定，大家原本期待今年畢業典禮能按照往年方式辦理。不料五月時疫情急轉直下，臺北市疫情警戒程度提高，我們於是推遲畢業典禮，並改以線上方式進行。這也是臺大首次以線上方式舉辦畢業典禮。
隨著疫情發展，線上活動如今已成為生活中的新常態。我們雖逐漸習慣線上教學，線上會議，線上交流，線上購物訂餐等，但連期待了四年的畢業典禮也只能在線上參加，許多同學與家長們難免失望。為此，學務處與許多同學攜手，精心策劃了今天這場特殊的線上畢業典禮，希望能讓大家留下不一樣，但仍美好的記憶。
因為新冠疫情，有些同學會抱怨：這樣大的疫情怎麼就正好被我們在畢業時碰上了？也有些同學則樂觀的想，一旦有了疫苗，疫情得到控制，世界最終還是會回到以前的軌道，大家仍可以過著平穩安定的日子。
然而這個世界從不曾平靜。今年畢業的同學多數出生於1999 年，那正是規模達 7.3 的 921 大地震發生的那一年。時隔四年，亞洲（包括臺灣）爆發了罕見的急性呼吸道感染病 SARS。不過五年之後，源自美國的金融海嘯席捲全球，影響全世界經濟數年之久。2009 更是不平靜的一年，臺灣出現莫拉克風災，造成慘重傷亡；全球則爆發了 H1N1 流感大流行，數十萬人因此死亡。這些當時都曾被認為是數十年（甚至百年）一遇的重大災難。
回顧二十多年來的這些事件（這還僅僅是一部份與臺灣相關的事件），我們就會發現：巨大的天災人禍，過去曾頻繁出現，未來應該也不會少見。
當然，新冠疫情的影響範圍遠超過 SARS 與 H1N1 流感，對世界的衝擊則更大於金融海嘯。近代能與這次疫情相比的是一百年前 (1918-1920) 的全球流感大流行；據後來估計，當時全世界人口三分之一染疫，約有五千萬人因此不幸喪生。
那次流感爆發時正值第一次世界大戰末期，對當時的德軍主力造成嚴重打擊。而後疫情時代，戰敗的德國被列強宰割，奥匈帝國及奧圖曼帝國亦隨之瓦解，徹底改變了舊的國際秩序，也為後來的世局（從歐陸，到中東和亞洲）埋下許多不安定的種子。
這次新冠疫情並未伴隨著世界大戰，但出現在國際強權針鋒相對，世界產業供應鏈重整的關鍵時刻；後疫情時代因此充滿不確定性。而重組後的國際政經秩序，我不知道那會是一個「美好或不美好的新世界」＊，但它就是大家必須面對的世界。那裡將充滿挑戰和機會，如何善用所學回應挑戰，如何從機會中脫穎而出，都是大家新的功課。這些功課沒有標準答案，你們必須自己解答，自己審閱答案。
我也希望利用這個機會提醒同學們，對於正在醫療前線奮戰的眾多醫護人員，其中包括了許多學校師長與大家的學長姐們，我們一定要心存感念。當疫情大浪襲來時，他們勇往直前，力挽狂瀾，不僅保護病人，也捍衛著臺灣社會。他們是真正的英雄。只要大家共同努力，疫情終會過去，我們一定會贏得抗疫的最後勝利。
最後，我謹代表所有老師和行政主管，向所有畢業同學們表達最深切的祝福，也恭喜辛苦多年的家長們。敬祝大家未來一切順利，身體健康。
最後我還想講幾句話。我記得我看過一篇外國人寫的文章，他說他在臺灣多年，注意到臺灣有個很奇怪的習慣，朋友分手時都常常會說：「要小心哦」。我看到這篇文章的時候，也突然心有所感；多年來我媽媽每次看到我出門時會跟我講這句話，而後來我跟自己的小孩，也會講這樣的話。所以在畢業典禮這個時刻，我敬祝大家未來一切順利，身體健康，大家都要小心哦！</t>
  </si>
  <si>
    <t>漢來美食（1268）今（28）日召開股東常會，通過2019年財報及盈餘分派案，擬配發每股現金股利7元，其中以盈餘配發4.918元、資本公積配發2.082元。展望今年，公司以各式開源節流方式因應新冠肺炎疫情逆風，並按原定計畫持續展店、創設新品牌拓市不變。
漢來美食2019年合併營收登37.75億元新高，年增9.14％。毛利率44.12％、營益率9.07％，分創歷史次高及新高。稅後淨利亦創2.66億元新高，年增13.65％，每股盈餘（EPS）7.2元，優於前年追溯調整後的6.07元，亦創歷史次高。
漢來美食去年營運成長，除了受惠既有店面改裝、漢來海港調升餐價，帶動營收年增4％外，主要受惠開出2家上海湯包、2家名人坊、1家漢來蔬食，並從既有品牌衍生開創五梅先生、潮之鍋物2個新品牌，展店效益、客群拓展配合成本控管得宜所帶動。
展望今年，面對疫情衝擊營運、經營環境日趨嚴峻，漢來美食在春節期間即展開防疫工作，並快速推出外送、外帶、即食、冷凍食品布局通路及經營餐廳常客等各式開源節流的因應措施，相信能在全體員工共同努力及堅持下渡過難關。
隨著台灣新冠肺炎疫情趨緩，已超過1個月無本土新增病例，中央流行疫情指揮中心宣導「防疫新生活」，民眾信心回溫升已帶動來客數回升。漢來美食表示，旗下餐廳來客數5月已回升至超過6成，母親節檔期全滿，看好營運狀況可望逐步回溫。
而漢來美食今年既有品牌展店計畫亦未受疫情影響，並預計下半年開出2個中菜新品牌，分別聚焦雞湯及烤鴨相關料理。同時，也確定以「世貿名人坊」進駐台北信義區的國貿大樓，預計7月開張營業，藉此經營頂級消費客群。</t>
  </si>
  <si>
    <t>全國新冠肺炎疫情警戒標準升至第3級，交通部觀光局公布各國家風景區、旅客服務中心、觀光遊樂業防疫措施，以及6月14日前的大型群聚活動取消延期資訊。
國家風景區部分，封閉型景點部分，66處遊客中心、114處販賣店全部關閉；152處開放型景點則於出入口處放置公告，請遊客勿前往，並機動派員至景點勸離遊客。
觀光遊樂業則自即日起至5月28日暫停營業，觀光局已通知業者配合辦理，並請業者將公告暫停營業時間於進出口及相關網站。
考量桃園國際機場仍有配合防疫服務旅客需要，因此桃機旅客服務中心將維持營運並加強防疫措施，而松山機場國際線、台中、台南及高雄機場等旅客服務中心，自即日起停止現場服務，改以電話提供服務。
大型活動部分，5月22、23日「南庄花卉節亮點活動-乾花香氛蠟燭手作」、5月27日「觀音觀鷹樂活行腳系列-觀音觀鷹市集活動」、5月29日「關山小鎮自行車漫旅」、6月3日「世界自行車日騎遊環台活動」與「世界自行車日響應活動」、6月5日「愛玩中彰小鎮旅展市集」、6月6日「秀姑巒溪泛舟鐵人三項」等活動取消。
「福隆國際沙雕藝術季」延至6月8日後開幕、「東海岸大地藝術節開幕場次及月光海音樂首場」延至7月22日、「過山古道尋寶趣」及「蟹蟹你的愛」延至6月9日。
「觀音觀鷹樂活行腳系列-綠竹筍季推廣活動」、「南庄花卉節亮點活動-花月夕照花卉餐桌」、「參山騎旅-二林水深度農遊單車行、「參山騎旅-獅頭山小鎮騎旅」、「2021屏東觀光圈經典小鎮藝術嘉年華活動」、「北寮-赤嶼淨灘減塑活動」、「澎湖自行車領騎服務活動」等活動，則待後續公告日期。</t>
  </si>
  <si>
    <t xml:space="preserve">新冠病毒在歐洲地區快速蔓延，就在英相強森向國人喊話「要有與所愛之人生離死別」的心理準備之後，政府團隊的首席科學顧問暗示，政府將放任讓近六成民眾染病，使普遍民眾獲得免疫。此消息一出立即受到廣泛抨擊，認為政府根本已經「放棄治療」，其他專家也認為風險極高。
綜合英媒《每日郵報》與《衛報》報導，就在首相強生（Boris Johnson）13日向英國民眾示警「可能很多家庭會失去他們摯愛的親友」後，政府首席科學顧問瓦倫斯（Patrick Vallance）表示，若只想全力壓制疫情，後果就是年底疫情復發，屆時只會產生更多問題；他並建議，若近六成的國人感染病毒，就可以讓全國民眾獲得一定程度的免疫力，防止疫情再次爆發。
《每日郵報》指出，曾幫助非洲應對伊波拉病毒的前任英國國際發展大臣史都華（Rory Stewart）向美國有線電視新聞網表示，這是非常怪異的政策，並指出若全球只有英國採取如此放任讓民眾感染病毒獲得免疫的政策，只會讓病毒傳播更加快速，造成其他國家更大壓力。
史都華也表示，獲得免疫力的理論是建立在「非常、非常複雜的模型之中」，這種數學模型內也加入許多個人信念，才讓疫情在夏季達到高峰，但若政府放任如此，「我認為恐怕是低估疫情對英國醫療體系的衝擊」。
英《衛報》也指出，群體免疫的原理是靠接種疫苗獲得免疫力，但這通常是用來對付麻疹一類等疾病，目前尚未有利用這種方法應對如新冠病毒等大規模流行，在先前無實證的情況下採取風險極高的手段，難免讓人憂心。
目前英政府正嘗試藉由禁止大型聚會或關閉學校等嚴格手段控制疫情傳播在國內傳播速度，並預計在12周之後，也就是將近6月會面臨疫情高峰，到9月才會減緩。
</t>
  </si>
  <si>
    <t>15歲葉姓特教生15日在學校上體育課時突然身體不適陷入昏迷，護理師立即CPR，但消防員獲報到場已失去生命跡象，緊急送醫仍宣告不治，葉姓少女21天前曾施打BNT疫苗，警方已報請檢方相驗，初步研判是神經異常引發的休克，詳細死因仍待釐清。
葉姓特教生10月15日一早在校上體育課時，在走廊跑步、健行，30分鐘後突然身體不適，坐在樓梯間休息，體育老師發現她面色有異，通知學校護理師到場，並立即施作CPR，同時呼叫救護車，但消防員抵達時已失去生命跡象，以AED電擊數次仍未有反應，送醫後仍宣告不治。
因葉姓特教生9月24日曾施打第一劑BNT疫苗，衛生局目前尚未接獲疫苗不良反應通報或傷害救濟，仍將主動跟校方聯繫了解相關狀況。警方已報請檢方相驗，初步研判是神經異常引發的休克，詳細死因仍待釐清。</t>
  </si>
  <si>
    <t>國際半導體產業協會（SEMI）19日公布發布年度半導體產業矽晶圓出貨預測報告，看好全球矽晶圓產業前景，預測出貨量2021年將創下歷史新高，且成長力道一路走強延續到2024年。業界預期矽晶圓供不應求且價格持續調漲，法人看好環球晶、台勝科、合晶、嘉晶等矽晶圓廠營運可望再旺三年。
SEMI發布年度矽晶圓出貨預測報告，2021年受惠於半導體廠產能滿載並積極回補庫存，矽晶圓出貨量預估達13,998百萬平方吋（MSI），較2020年大幅成長13.9％，並創下年度出貨量歷史新高。
SEMI全球行銷長暨台灣區總裁曹世綸指出，在終端市場推動下，半導體出現強勁的長期成長需求，帶動矽晶圓出貨量顯著攀升。這波成長態勢持續增強，可望延續好幾年的時間。不過總體經濟復甦步伐放緩，以及晶圓製造產能何時增加以因應不斷地增長需求，也都可能帶來一定的影響。
SEMI預期2022年全球矽晶圓出貨量將達14,896百萬平方吋，較今年成長6.4％，2023年再成長4.6％達15,587百萬平方吋，2024年突破16,000百萬平方吋大關達16,037百萬平方吋，等於未來三年的出貨量將逐年創下歷史新高。
雖然法人對於終端市場需求轉弱有所疑慮，但半導體晶圓製造產能仍供不應求，台積電在法人說明會中分析主要原因，在於新冠肺炎疫情帶動的數位轉型加速，裝置內含晶片（silicon content）大幅增加。而隨著晶圓廠新產能開出，帶動矽晶圓強勁需求，包括日本信越（Shin-Etsu）、日本勝高（SUMCO）、台灣環球晶、德國世創（Siltronic）等全球四大廠均看好矽晶圓市場供不應求情況會延續到2023年，而SEMI則預期會一路走強到2024年。
矽晶圓2022年缺貨且2023年仍會供不應求。矽晶圓廠與半導體廠協商2022年長約已順利調漲合約價，並獲得客戶預付款，用以擴建矽晶圓產能以因應2023～2024年強勁需求。業者預期2022年長約合約價全面上漲，其中6吋及8吋矽晶圓合約價上漲約10％，12吋矽晶圓合約價調漲約15％，對環球晶、台勝科、合晶、嘉晶營運帶來正面助益。</t>
  </si>
  <si>
    <t xml:space="preserve">
新冠肺炎疫情持續在全球肆虐，台灣近日的確診案例皆有旅遊史，中央流行疫情指揮中心呼籲，國人非必要應避免出國。台鐵企業工會16日發布公告，呼籲1500名司機員暫時不要出國旅遊，一旦有任何一個人遭到感染，就會連帶影響到全台灣人民，因此懇請所有司機員配合辦理。
全國火車駕駛產業工會昨日發出公告指出，「為避免群聚感染的風險，也為了您自身及所愛的家人健康！全國火車駕駛產業工會呼籲所有司機員，配合政府防疫措施暫不出國旅遊，懇請所有司機員配合辦理，防疫工作人人有責！共同做好防疫」。
全國火車駕駛產業工會秘書長吳長智表示，司機員平常是全省跑，一個中鏢連帶影響全台，若不加強防疫，台灣就會毀了，不要為自己和家人，也要為社會著想。除了自發性不出國，工會也將全面發放防疫手套、酒精給司機員，乘務人員離開備勤房舍後，就會馬上放進臭氧機消毒半小時。
不過台鐵至今並無強制司機或是任何員工禁止出國，一切規定待中央流行疫情指揮中心指示。台鐵為加強防疫，目前也持續加強員工辦公及備勤環境的清潔消毒工作，以降低群聚及交叉感染的風險，也陸續在20站加裝紅外線測溫儀器，並暫停販售車上熱飲，區間車則改採目測驗票。
</t>
  </si>
  <si>
    <t xml:space="preserve">(3/19 15：13更新)今天指揮中心宣布，因為案59北市高中生的同班同學確診，該校確診人數達2例，因此宣布自3月20日至3月27日，全校學生停課7天。
昨天指揮中心公布了一名北市高中生遊希臘確診新冠肺炎，全班停課14天，引起許多同校家長們恐慌，狂打電話問學校是否還要上課。對此，校方表示，只要沒接獲停課通知的學生都可到校上課，學校運作一切正常。
案59是一名北市高中生於3月5日返台、13日出現咳嗽等症狀、15日確診，教育部國教署表示，該生所就讀的班級已達停課標準，是全台第一起確診而該班停課的案例。校內也已完成消毒。
但緊張的是，案59高中生回國後正常到校上課，引發該校家長恐慌。消息傳開後，許多家長打電話到學校問，自己的小孩還需要照常上課嗎？對此，校方回應，如果沒收到停課通知都可以回來上課，一切正常。
</t>
  </si>
  <si>
    <t>首批BNT疫苗93.3萬劑到貨，目前有342.5萬人意願登記想打BNT，有不少民眾期盼下一輪是否會開放BNT預約接種，但中央流行疫情指揮中心發言人莊人祥今天透露，第八輪預約接種不是BNT，由於下周可能還有疫苗到貨，待確定數量後才會公布第八輪接種細節。
最新意願登記數據顯示，截至今天下午5點共有342萬5005人想打BNT疫苗，但根據中央流行疫情指揮中心目前規劃，BNT疫苗須等到中秋節過後才會在校園開打12到17歲青少年，其次是18到22歲族群。
莊人祥表示，由於BNT疫苗最快9月16日才會完成封緘檢驗，且須在負60至負90度低溫冷凍保存，預計要等到中秋節（9月21日）後啟動校園接種，力拼9月底前供18到22歲民眾施打；至於第八輪會開放哪個品牌預約，他表示由於下周可能還有疫苗到貨，目前仍在研議中。</t>
  </si>
  <si>
    <t xml:space="preserve">不少人在接種第2劑新冠疫苗後，副作用表現得更明顯、嚴重，加拿大專家指出這很正常，是抗體與免疫系統雙重發揮作用的結果。
加拿大環球新聞（Global News）報導，加拿大女子楊蓓佳（Becca Young，音譯）表示，自己接種完第2劑疫苗後隔天幾乎無法起身，她說手臂、背部都痠痛，非常痛，還有頭痛，就像宿醉。楊蓓佳第1劑打的是輝瑞/BNT疫苗，第2劑打莫德納疫苗，打完第1劑時只有手臂痠痛的症狀。
報導指出，加拿大有許多人像楊蓓佳這樣，第2劑後症狀更明顯，不過專家表示這很正常。
加拿大渥太華大學（University of Ottawa）神經免疫學、壓力及內分泌學實驗室（Neuro-Immunology Stress and Endocrinology Laboratory）主任伊斯梅爾（Nafissa Ismail）表示，在第2次接觸到同一個病原體時，人體的免疫反應通常不會同樣劇烈，但是新冠疫苗作用方式不同。
他解釋mRNA或病毒載體（Viral vector）疫苗指引細胞偵測出冠狀病毒的棘狀蛋白（spike protein），接種這類疫苗並不是像一般其他疫苗那樣，將已經弱化或是死掉的病毒注射進人體內，所以人體第一次接觸到訊息時，「我們的免疫系統還沒有製造出抗體。」
「但是當我們接種第2劑疫苗時，就有雙重作用，已經有部分抗體就緒準備上戰場，再加上我們要求免疫系統製造更多抗體，所以症狀往往會被放大。」
加拿大西安大略大學（Western University）免疫學家克富特（Steven Kerfoot）表示，第2劑疫苗後的副作用更強的說法還沒有被證實，不過他個人的經驗確實也是如此，他第1劑接種AZ疫苗，第2劑接種mRNA疫苗，他認為混打疫苗可能會讓部分民眾有更強烈的副作用反應，不過如果2劑都接種mRNA疫苗，可能就不會出現較強烈的副作用。
克富特解釋，民眾在接種第1劑疫苗後幾個小時至幾天內出現的輕微不適感覺，是因為免疫系統「開始對病毒感染感到懷疑」，並且開始抵抗。
如果民眾感到疼痛、疲倦，那代表身體在向你宣告該休息了，以保存能量；如果發燒，代表身體正在抑制病毒的複製能力。
他說無論是接種第1劑或第2劑，民眾都可能出現上述副作用，差別在於第2劑後體內出現了抗體等特定的感測器，所以民眾接種第2劑後會有更多症狀是相當合理的，因為額外的抗體檢測系統已經準備好更快、更強烈地做出反應。
關於第2劑疫苗的副作用，英國政府在官網指出，接種第2劑AZ疫苗的副作用較第1劑更輕微，第2劑輝瑞/BNT或莫德納疫苗的副作用會比第1劑更強烈，研究也指出，第1劑施打AZ疫苗後，第2劑換打BNT疫苗或莫德納疫苗，出現副作用的風險也會比較高。
</t>
  </si>
  <si>
    <t xml:space="preserve">中央流行疫情指揮中心表示，國內今日無新增病例，已連續30天無本土病例，昨日新增363例新型冠狀病毒肺炎相關通報，截至目前累計通報6萬7千758例，其中440例確診，分別為349例境外移入，55例本土病例及36例敦睦艦隊。確診個案中7人死亡，372人解除隔離，其餘持續住院隔離中。有關129名印度返台民眾，全員持續於集中檢疫所密切健康監測。
今天指揮中心官員都卸下口罩，中間加了隔板，也向外界說明，卸下口罩，前提需要有好的防護。指揮中心再次提醒，民眾應做好手部衛生與咳嗽禮節；出門若無法保持社交距離，或是搭乘捷運、台鐵、高鐵等大眾交通運輸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
</t>
  </si>
  <si>
    <t>看好大陸車市需求提升與官方政策扶持，大陸乘聯會25日上調年初時的預估，預料2021年大陸新能源車銷量可望達到220萬輛，這項估計較2020年大陸新能源車銷量增長逾六成，顯見對今年大陸新能源車前景看佳。
新浪財經25日報導，大陸乘聯會祕書長崔東樹表示，2021年大陸新能源乘用車的銷量可望達到200萬輛左右，這較2020年的117萬輛增長將近70％。由此推算，2021年大陸新能源汽車的銷量也有希望達到220萬輛，增量規模達90萬輛。
2020年受到新冠肺炎影響，大陸新能源車銷量呈現「先低後高」走勢，全年銷量達136.7萬輛，年增10.9％。2021年1月，乘聯會預估2021年全年大陸新能源汽車銷量為150萬輛。稍後，中汽協則預估2021年的新能源汽車銷量為180萬輛。如今乘聯會上調預測數字，較2020年銷量大增逾六成。
市場人士指出，隨著大陸疫情趨緩，新能源汽車需求提升，加上看好市場前景，中外業者如特斯拉、吉利、比亞迪、長城、蔚來等都加大投入力度，大陸互聯網巨頭阿里巴巴、騰訊、百度等也積極與車企及供應鏈者結盟，希望在市場搶得先機，因此新能源車產銷拉高是可以想見的事。
同時，大陸政府政策上支持補貼車企並鼓勵汽車下鄉，大力推展停車場、充電樁、換店站等新能源汽車配套建設，以及加速動力電池回收體系建設，這些都有利於新能源車的推廣，更是車企業者另一個可開發的廣闊市場。</t>
  </si>
  <si>
    <t xml:space="preserve">不管是情侶、還是夫妻，兩人相處最重要就是互相尊重，一名女網友在網路吐苦水，表示自己平時在英國念書，因為新冠肺炎的關係回台灣，終於見到男友讓女網友相當開心，但兩人與朋友出去時，男友總愛叫她「留英」，直到問別人才知道什麼意思，讓女網友非常難過。
這名女網友在「Zuvio校園」發文表示，因為疫情關係，從英國返回台灣，與男友1年沒見內心相當興奮，但回來後男友一直叫她「流鶯流鶯」，女網友說「可能一陣子沒接觸中文的關係，我其實聽不太懂，我一直以為他是說留英，但沒道理他講留英，他朋友會一直笑吧」。
開始受不了的女網友，詢問男友朋友到底在笑什麼，對方才說男友其實是在罵你「流鶯」，不過也強調男友是開玩笑，結果女網友查流鶯究竟是什麼意思，「不查還好，一查發現流鶯是很難聽的詞」，這讓女網友非常生氣又失望，即使男不斷道歉，仍無法消除心中的疙瘩。
網友看完女網友經歷，勸她快點分手，認為男友非常不懂的尊重，將無聊當有趣，「會用這種玩笑對待自己女友的，也不是什麼多正經的人」、「很不尊重人，尤其是說給朋友一起笑」、「如果是男人之間笑對方的垃圾話就算了，是自己女友還這樣，說實話，是把沒禮貌當幽默，不是無腦而已的小問題」。
</t>
  </si>
  <si>
    <t xml:space="preserve">高爾夫PGA美巡賽這個月恢復比賽，每一站比賽都會針對所有選手、桿弟、工作人員進行新冠肺炎病毒檢測，本周出現首位病毒檢測呈陽性的病例，是美國選手瓦尼（Nick Watney），大會也針對和他有近距離接觸的11人進行病毒檢驗，收到都是陰性的好消息。
外媒指出，當地時間周五瓦尼成為PGA停賽三個月後、復賽兩周以來，第一位新冠肺炎病毒檢驗呈陽性的選手，目前世界排名第一的北愛爾蘭好手麥克羅伊（Rory McIlroy），之前在練習果嶺有遇到過瓦尼，表示目前不會接受另一次病毒檢測，但做好必要的健康管理與預防措施。
麥克羅伊補充：「我覺得和瓦尼應該沒有靠得很近，我只是看到他人在練習果嶺，我們有保持社交距離。」
</t>
  </si>
  <si>
    <t xml:space="preserve">新冠肺炎疫情持續擴大，就連知名病理學教授有不敵病毒肆虐病逝！根據美國華盛頓大學醫學院在推特宣布，病理學系核心成員史瓦茲（Stephen Schwartz）教授，因感染新冠肺炎身亡，享壽78歲。
根據綜合外電報導，史瓦茲1967年就開始與華盛頓大學醫學院合作，完成博士研究計畫並取得居留權。據華盛頓大學醫學院網站簡介，史瓦茲博士自1984年起在病理學系任教，專門研究血管生物學、癌症流行病學及遺傳流行病學，而史瓦茲不僅是病理學系的核心成員還是研究人員及生物工程和醫學系的兼職教授。
華盛頓大學醫學院病理學系發文說：「他在我們的系所、大學與科學界留下永垂不朽的印記，將受到眾人緬懷。」
華盛頓州新冠肺炎死亡人數目前來到66人，包括史瓦茲也是其中之一，另外，華盛頓大學發言人杜諾惠（Brian Donohue）透過電子郵件表示，由於史瓦茲沒有跟確診病患合作，也不是在工作時受到感染，因此目前無法確認史瓦茲感染的途徑和時間。
更多 CTWANT 報導
</t>
  </si>
  <si>
    <t xml:space="preserve">
台灣自5月中爆發大規模社區疫情，單日本土新增確診連續破百震驚全國，但自從升級三級警戒後，靠著疫苗施打及全民努力配合防疫，終於再度控制疫情，將本土疫情再度壓回個位數。一位網友佩服表示，「台灣人非常自律」，和歐美國家相比，戴口罩防疫更是一流，背後關鍵原因引起熱議。
「沒想到台灣人的口罩自律很高」，一名PTT網友發文表示，沒想到台灣人非常自律，大家出門都戴口罩，且大多數人都守法，怕罰錢。相對下來，其他國家就很淒慘，破千，甚至破萬人確診都有，原因就在於人民自律程度很差，不愛戴口罩。
原PO認為，台灣人水準真的高，口罩防疫一流， 加上高風險的民眾也都打了疫苗，「所以現在台灣整體是很安全，每天個位數確診」，想必讓歐美大國都很羨慕。
此文一出，網友無奈表示，「因為沒疫苗啊，只能自救」、「要罰錢啊笑死」、「怕死（X），怕罰錢（O）」、「沒戴會被拍照po上網」、「說個笑話，台灣人自律，不罰錢我看會多自律」、「怕罰錢，貪財，怕染病，怕死」。
但不少人指出，戴口罩好處很多，習慣養成後也沒有壞處。「台灣就是靠人民自主防疫和醫護撐起來」、「去年疫情沒嚴重時就滿街一堆人戴口罩」、「到底哪一國人不貪生怕死」、「戴口罩不只可防疫，防空汙也很好用阿」、「換個角度想，是大家珍惜生命」、「外國一堆想證明肺炎是感冒的」。
</t>
  </si>
  <si>
    <t xml:space="preserve">高雄市府因應新冠肺炎恐釀社區感染風險，特別訂定5月3日要在四維及鳳山行政中心兩地，展開大規模「實兵推演」，並邀請中央流行疫情指揮中心陳時中蒞臨指導，衛生局長林立人今（27）日透透，上周五市府已發函給中央，今早聯繫部長辦公室，對方希望先提供實兵演練腳本，才決定是否出席。
韓國瑜表示，新加坡、日本全部進入緊急狀態，呼籲市民對新冠肺炎切勿掉以輕心，高市本土0確診，但敦睦艦隊高雄有14位確診，相關工作要抓得更緊，尤其昨天又發生重大公安意外，市府加大力度巡檢外，也請消防局拍攝30秒宣傳影片給KTV業者播放。
針對5月3日兵推，韓國瑜提到，已召開兩次協調會，後續邀請周邊區域聯防的台南及屏東政府，以及請中央也派人來指導，彼此當面溝通，可望讓防疫工作更扎實、透徹。
研考會主委李銘義說明，4月30日會先展開兵推預演，5月3日則是正式登場，市府動員近200人，時間為1個半小時，在四維及鳳山行政中心兩地同步展開演練。
李銘義指出，四維行政中心將模擬辦公大樓群聚感染，已經有確診個案，將入住到負壓隔離病房，有救護車護送到醫院，另疑似密切接觸者要評估做疫調。而有防疫旅館需求的民眾，則有賴衛生局通知觀光局安排入住事宜。後續辦公大樓清空消毒、外環警方會拉起封鎖線，也有環保局、化學兵清消。
另一方面，鳳山行政中心當天則模擬集合住宅爆發社區感染，李銘義表示， 模擬有位住戶味覺異常，經消防車後送到指定醫院就醫，其他住戶家中有長輩要安排進住防疫旅館，另有居家隔離送餐、清消等需求，以及小朋友遠距教學等。
李銘義重申，主要演練目的，是在過度期至警戒期當中，模擬爆發疑似社區感染，整個流程怎麼跑，要制訂一套SOP出來，並再三強調這不是封城，完全是風馬牛不相及。
至於陳時中是否蒞臨指導，林立人透露，今早透過陳時中辦公室秘書聯繫，部長希望高市府先提供腳本，會先等周三預演完後，將確定的腳本寄給部長參考，再歡迎部長或相關所屬長官蒞臨指教。
</t>
  </si>
  <si>
    <t xml:space="preserve">義大利體育部8日緊急下達禁賽令，防止新冠肺炎疫情蔓延。所有賽事暫停到4月3日為止，但指標聯盟義甲接獲命令當天卻是照踢不誤，部長暴跳如雷。這也是沒辦法的事，英媒BBC指出，單是閉門1場就讓尤文圖斯承受300萬歐元的損失，唯一的對抗手段是電視轉播，如果比賽也停了就什麼都沒了。
不守規矩的不只義甲，閉門比賽的歐洲聯賽狼隊出戰施洛萬，現場居然出現2萬多位觀眾。施洛萬因為球迷種族歧視而一度被禁止售票，然後他們就把票拿來招待小孩子看球，視防疫如無物。義國奧委會聲明他們正面臨「史無前例」的緊急狀態，但義甲踢完10日的薩索羅對布雷西亞才開始停賽，在禁令後多踢了6場球。
義甲停賽後，歐冠足仍以閉門方式續踢。除了受制於轉播合約，歐洲足球比賽的賽程很滿，卡住一個就會影響到很多比賽。雖然疫情比較輕微，英格蘭的英超亦面臨停賽壓力，如果停賽命令下達，英媒預估他們大概不會像義甲那麼囂張。
利物浦不愧是一支悲劇性的球隊，他們好不容易要奪下英超改制以來的隊史首冠(暌違30年)，因為撞上疫情必須趕在停賽之前封王。如果第2名的曼城連輸兩場，利物浦有機會於周末加冕，但目前的情況即使摘下冠軍，肯定也無法享受奪冠遊行了。
</t>
  </si>
  <si>
    <t xml:space="preserve">新冠肺炎疫情接連在各國回溫，而且新增病例集中在40歲以下青壯人口，美國的兒童確診人數甚至暴增9成。年輕人感染新冠肺炎雖然多無大礙，傳染力卻不容小覷。
新冠肺炎（英文：Covid-19，一稱武漢肺炎）疫情再度延燒，這一次被感染的族群變成了年輕人。CNN引用世界衛生組織WHO的數據指出，過去5個月之內，全球兒童、青少年和年輕人的確診病例增加6倍，幼童病例增加更多，超過7倍。
在美國，幼童感染新冠病毒的病例，在過去1個月激增了9成，佛州增加比例甚至飆到137％。「說新冠病毒對兒童無害的說法相當不公平，」美國兒科傳染病委員會副主席歐利瑞（Sean O'Leary）說，短短幾個月內，多達90名兒童因為感染新冠肺炎而喪命，已經逼近每年死於流感的病童人數。
根據臨床病例顯示，感染新冠病毒的兒童，很少出現重症，死亡率也較低。不過新冠病毒對人體的影響目前還未知，專家擔憂，隨著病例變多，恐怕也會增加兒童演變成重症的機率。
目前包括德國、法國、瑞典，美國、加拿大、澳洲、日本、南韓等國，新增病例全都呈現年輕化的趨勢。
《 美國今日報（USA Today）》分析全美17州的新增病例數據，發現截至7月初為止，確診病例的大宗不再是中老年人，而是40歲以下的青壯人口。在加拿大，截至7月底為止，超過6成的每日新增病例，平均年齡不到39歲。日本在7月初的新增病例中，30歲以下的年輕族群一度佔8成之多。
原本已經趨緩的新冠疫情又死灰復燃，多數專家把矛頭指向年輕人疏於防疫。各國陸續解封之後，學生返校上課、畢業舞會、社團活動，年輕人湧入夜店和娛樂場所，都是疫情快速回流的原因。「對防疫鬆懈，沒能保持社交距離，提高年輕族群感染的風險。」WHO說。
各國臨床研究都顯示，年輕人感染新冠病毒，除了少數有慢性病史和其他疾病之外，症狀多半輕微，甚至於沒有症狀，但病毒卻可能趁機傳播給周圍的中老年人，導致演變成重症的機率也因而增加。
日本一項研究指出，40歲以下的感染者，多達4成以上並未出現任何症狀。南韓的研究則發現，在疫情高峰時，20多歲族群約佔確診病例總數的3成左右，而許多確診個案的接觸史也顯示，家中的年輕人在外面感染之後，回家再傳染給家裡的長輩和家人。
「年輕人也會被傳染，可能演變成重症，更會把病毒傳染給別人。」WHO大聲疾呼年輕族群防疫的重要性，公衛專家也呼籲防疫必須是不分時節的生活日常，要落實勤洗手、維持社交距離、避免群聚、以及戴口罩。
「我們不能光坐著等疫苗，等待奇蹟療法出現，」美國公衛總監亞當斯（Jerome Adams）說，年輕人也須採取和其他人一樣的防疫措施，以保護自己和他人。
</t>
  </si>
  <si>
    <t>新冠肺炎病毒持續肆虐全球，我國駐外館處亦陸續出現確診案例，且有未歇趨勢。外交部與中央流行疫情指揮中心恐要提出更周全的防疫方案，以保護外交人員的生命安全。必要時，甚至通令關閉一些駐外館處的對外領務大廳，都是必須的防疫作為。
媒體報導，我國駐外館處接連有外交人員確診新冠肺炎，包括美國、法國、波蘭、比利時、匈牙利、瑞士、希臘、土耳其、宏都拉斯、瓜地馬拉和俄羅斯；外交部長吳釗燮為此寫了封長信給外交人員，強調外交部是外館後盾。但媒體亦獲爆料指出，我國駐紐約台北經濟文化辦事處拒絕讓員工輪班工作，因此讓感染風險大增；甚至駐美代表處仍頻繁舉行餐會與宴客活動，後來係因確診人數暴增才取消。
雖然相對世界各國來說，台灣目前對新冠肺炎的防疫措施及疫情控制得宜，受到國際社會的高度肯定，但是全球其他國家則依然受到新冠病毒的影響且災情慘重，尤其是美國、中南美洲及歐洲的疫情皆十分嚴峻。因此身處在上述地區的我國人員在推展外交工作上也就備極艱辛。因為其所面臨的感染新冠病毒機率，可能是高於台灣人民的數十倍甚至百倍以上。
我駐美代表處於11月26日一口氣暴增9名新冠肺炎確診，駐美代表蕭美琴也因為接觸過確診者須居家隔離等情事，說明我國外館人員感染病毒的風險確實很大。早在今年4月底，我國駐法國代表處即有一名職員確診新冠肺炎，當時外交部發言人對外表示，該確診者5月21日康復，即回到代表處上班；不料8月5日，駐法國代表處竟又出現第2名職員感染新冠病毒，此時外交部才知事態不單純。
我國駐法代表處於兩個半月內出現兩次確診的情事，以及此次駐美代表處於1個月內連續發生3次確診，累計12個確診病例來看，我國駐外館處在維護外交人員健康以及防疫措施方面，確有疏漏之處。
外交部作為駐外人員的防疫後盾，未來除持續寄送口罩給駐外館處人員與眷屬之外，將來更應全盤掌握我國所有駐外館處的防疫措施是否做得確實。未來不論是採分流上班措施、限縮活動範圍、強制配戴口罩，定期全館消毒或是透過視訊彈性辦公，台灣所有的駐外館處都應謹慎小心，不能有任何的防疫破口。畢竟「防疫視同作戰」是不分境內或境外的。（作者為宏國德霖科技大學講座教授）</t>
  </si>
  <si>
    <t>或許只有當災難來臨的時候，我們才知道什麼是真正的幸福。2020年的春天，註定會成為每一個中國人刻骨銘心的記憶。
新冠肺炎疫情防控期間，城市如此安靜，可這安靜之下，卻湧動著1500萬天津人民的心跳聲。
醫護員與百姓相扶持
截至3月5日18時，天津已連續一周無新增病例，而在確診的136例患者中，已有128例患者治癒出院。這背後不僅有一線白衣戰士的辛苦付出，也有著萬千百姓的配合、理解與相互扶持。
疫情讓我們學會珍惜
疫情總會過去，這段日子教會我們珍惜每一個平常而又不平常的日子，珍惜每一個愛我們和我們愛的人。春天一定會在冬天後到來，而這些影像將會留在記憶中。</t>
  </si>
  <si>
    <t>國際油價跌跌不休，首當其衝將是規模較小的石油生產國。國際能源署（IEA）警告油價崩跌，恐讓「脆弱」產油國的石油收入銳減高達85％。
■The Paris-based agency said that countries such as Ecuador, Iraq and Nigeria would be particularly hard hit by the price slump.
新冠肺炎來勢洶洶，不但迫使歐美國家封國或封城，也對全球經濟造成重創，並進而導致石油需求受到侵蝕。
此時又遭遇俄羅斯與沙烏地阿拉伯兩大產油國爆發油價戰爭，在油價連連探底下，也讓規模較小的非主要產油國招架無力，只能眼睜睜的看著身為國內經濟主要來源的石油收入不斷萎縮。
石油收入銳減難抗疫
總部位於巴黎的國際能源署（IEA）警告，這波油價崩盤當中，受創最深將屬厄瓜多、伊拉克與奈及利亞等產油國。因此IEA呼籲國際貨幣基金（IMF）在必要情況下介入，以避免因為這些石油收入銳減，讓這些國家更沒有能力因應肺炎疫情危機。
IEA執行董事畢羅爾（Fatih Birol）表示，「若油價仍舊停留在每桶30美元的水準附近，我們將可預見這些脆弱產油國的石油收入將下滑介於50％到85％。」此情況將使這些油國的石油收入將創下20年來最低。
因此他強調「國際金融機構可能需要介入，並採取必要行動。」
IEA指出，石油輸出國家組織（OPEC）的其他會員國，像是阿爾及利亞與安哥拉等，目前也深陷危機之中，主要是它們對石油與天然氣營收高度倚賴。該情況勢必也將加劇OPEC內部歧異，例如該組織老大哥沙烏地阿拉伯，為了與俄羅斯搶占市場版圖，不惜甘冒低油價可能造成的重傷，將持續增產對市場「灌油」。
這兩大產油國在3月初因為對於如何因應肺炎危機看法不同，導致雙方的減產協議宣告破裂，緊接兩國的油價戰爭也開始揭開序幕。
產油國社會經濟重創
由於油價近來實在跌得太凶，IEA與OPEC日前還曾罕見的發布聯合聲明，聲稱油價從1月初的每桶70美元暴跌迄今，很可能將「導致社會與經濟的重大衝擊」，特別是在醫療保健與教育等公共部門的支出將受到影響。
IEA曾在一份報告中指出，相較於前一波的2014年油價暴跌，這次許多國家對於因應油價崩盤並沒有做太多準備。
為支付公務員薪資與退休年金，伊拉克將面臨每月40億美元的預算赤字，然而未來它在醫療服務上預料還會承受更多壓力。奈及利亞的經濟對於這次「油價衝擊」也準備不足，目前該國的人均國內生產毛額（GDP）已萎縮近三分之一。
除了OPEC外，在中東身為最大產油國之一的阿曼也恐將為了捍衛該國貨幣盯緊美元匯制，而將陷入一場艱苦的戰役。畢羅爾認為，這可能將使阿曼的外匯存底大幅縮減。
至於已經必須減少支出的厄瓜多，預料將是這波油價崩盤的最大受害者。IEA表示該國油氣營收預料將驟減85％。</t>
  </si>
  <si>
    <t>受到新冠疫情衝擊，這1、2年醫療院所門診量大減，但仍有患者天天往醫院跑，2020年就醫次數之冠，是1名50多歲罹患骨關節炎、頭痛的男性，1年內就診839次，等於每天至少就醫2次以上。
健保署統計，2019年就醫總件數3.7億件，2020年就醫總件數減少至3.4億件，就醫件數減少2000多萬次，幾乎每個人少看1次門診，但仍有3.3萬人去年就醫次數超過90次。
該名中年男子因為骨關節炎、頭痛、神經痛，自覺全身疼痛，而到處就醫，從醫學中心看到基層診所，去年就醫次數多達839次，平均1天至少跑2趟。
此外，高就醫次數民眾看病科別，前3名分別為家醫科、內科、耳鼻喉科，醫療費用達39億元，為近3年新高。
健保署醫務管理組表示，這位患者係因腳受傷，總覺不舒服，而持續就醫，整年下來，健保支付此民眾的醫療費用約達54.8萬元。
就醫次數第2名為1名40多歲女性，因罹患關節病變、頭痛及目眩等疾病，就醫564次。第3名則是30多歲女性，就醫原因為長期失眠、精神疾病等，就醫555次。
至於今年上半年，雖然5、6月本土疫苗大爆發，但1至6月仍有人就醫次數超過300次，就醫原因仍以關節炎、頭痛為主，總計622人就醫次數超過90次，健保費用達5,000多萬元。
健保統計，國人每年平均就醫15次，平均每月至少就醫診1次，比起「經濟合作暨發展組織」（OECD）國家高出6、7次，這也使得門診醫療費用支出占了健保總額一半以上。
對此，健保署表示，為來將推動整合門診，例如，高齡、糖尿病、新冠肺炎等，減少門診次數，也可能提高一點部分負擔，在醫療資源使用及分配上，仍更為合理。</t>
  </si>
  <si>
    <t>新冠肺炎疫情延燒，政府推出口罩實名制後，藥局仍可見許多排隊人潮。作家苦苓日前點出，現在還在排隊買口罩的應該只有四種人，引來許多議論。對此，挺韓五虎將之一的「杏仁哥」直言，有時候他常在想，這些只會挖苦人的渣子，什麼時候會得到報應呢？引來許多網友感嘆表示「口德真的很重要」、「不是不報時間未到。造口業者自做自受」。
苦苓日前表示，現在還在路上排隊買口罩，應該只有四種人。包括一、年紀不大，卻不長進，不去學網購口罩的人。二、年紀大，但是子女不孝，不來幫他們網購、代領口罩的人。三、年紀大，用不到那麼多口罩，卻非要買來放著才安心的人以及閒著沒事，就是想出來排排隊、看看人的人。
該文章引來許多議論。杏仁哥則在臉書表示，有時候他常在想，這些只會挖苦人的渣子，什麼時候會得到報應呢？
網友也紛紛表示「口德真的很重要」、「不是不報時間未到。造口業者自做自受」、「相由心生，沒有慈悲心，沒有苦民所苦，悲天憫人之心，早晚遭天譴」、「只會刷存在感沒有一句好聽的話」、「有同感！終會有報應」、「口無遮攔，沒有同理心，沒有道德心，沒有善心」、「他這人不值得大家浪費精神去說他」、「沒有水準亂批評的人」、「台灣最不缺的就是嘴臭的人」、「這個人管太多了真丟臉」。</t>
  </si>
  <si>
    <t>慧洋-KY（2637）4日公告，2月營收8.45億元，年減19.84％，累計前2月營收18.52億元，年減17.21％，2月單月稅前虧損為0.64億元，自結每股稅前虧損0.09元；累計前2月稅前虧損0.3億元，自結每股稅前虧損0.04元。慧洋指出，公司主力巴拿馬型船BPI指數2月5日之後一路回升，3月市場轉趨樂觀。
慧洋上一次單月出現虧損是2017年4月，因ECB執行賣回權出現虧損，公司分析，第一季為運輸業傳統淡季，今年再加上新冠肺炎疫情影響市場信心，以及延緩開工造成的生產停工、港口缺工影響作業流程，使波羅的海乾貨船綜合指數（BDI）大跌，2月份平均指數為460點，較上月平均668點、跌幅達31％，散裝航運業呈現保守觀望態度。
慧洋因有近半船隻簽有長期租約，使營收跌幅較BDI緩和，不過公司原估今年首季因低硫油問題有較多船隻進廠裝脫硫器，有利運價提升，有些到期合約不急著簽新約，未料遭遇新冠肺炎，打亂市場，另公司長約中約有一成與指數做連結，也讓這兩個月收入減少。
2月中下旬大陸正式復工後，原物料進口與產品出口帶動運輸需求回補下，市場運價已見回穩，巴拿馬型船運費指數BPI自2月5日最低520點回升至2月28日905點最為明顯，漲幅74％，本月3日續漲至935點。
在船隊布局與換租方面，慧洋今年仍將照預定計畫交付7艘節能新船，其中2艘加裝脫硫設備，並依市況適時汰舊老舊船舶。針對疫情對散裝航運業之影響，慧洋將持續審慎評估，適時調配船舶配置保留營運彈性。</t>
  </si>
  <si>
    <t xml:space="preserve">杏一醫療(4175)3月合併營收4.97億元，較去年同期成長16.04%，第一季合併營收達14.35億元，較去年同期成長17.36%。
隨新冠肺炎疫情持續延燒，杏一積極配合政府防疫措施，除了社區健保藥局配合口罩領用及民眾衛教，並在醫院型門市推出暖心方案，祭出團購活動予前線醫護，提供N95口罩及民生用品，回饋醫護人員辛勤付出。
杏一更體貼國人推出宅配優惠方案，提供長者、居家隔離者與大眾更彈性的購買管道。杏一全力協助國人抗疫，三月業績逆勢成長。
杏一近年積極投入社區型門市，滿足各年齡層的需求，而杏一強勁的成長力道，即來自於強健的展店實力以及開設地點的策略正確。目前杏一門市已遍佈各大醫院周邊黃金地點以及深入社區，全台門市數共256家分店，透過會員制度，創造高黏著度消費群，而新設的門市也將持續帶入新會員、創造亮眼營收表現。
</t>
  </si>
  <si>
    <t xml:space="preserve">國軍敦睦艦隊發生群聚感染，磐石艦上共計有27名官兵確診新冠肺炎。台北市長柯文哲被問及此事時，他說軍人是國家命脈，該檢討就檢討，大家應坐下來開誠布公，該怎麼解決就怎麼解決。他說就他的專業來看，「這是危機」，就要把問題處理掉。對於封城演習，柯文哲表示，下個禮拜會桌上演習。
對於很多縣市都在做封城計畫，台北市做法是什麼？柯文哲表示，一般演習是書面作業才是桌上演習，後來實體演練，前面還是要做。他說北市封城與否比想像中困難，行政院跟立院關起來要怎麼做，北市要跟中央協調，他說北市不是要封就封，下個禮拜會桌上演習。
至於多少人確診會封城？柯文哲表示，封城有各種程度，按照實際上的需要或執行上困難與否，執政上有務實考量，成本跟效益，因此無法回應多少人確診就封城。
對於磐石艦上共計有27名官兵確診新冠肺炎，柯文哲被問及此事時，他說軍人是國家命脈，該檢討就檢討，大家應坐下來開誠布公，該怎麼解決就怎麼解決。他說就他的專業來看，「這是危機」，就要把問題處理掉。他說越混亂的時刻越不要罵人，先把問題解決才是重點。他說應該先把危機處理完，現在不是獵女巫的時候。
</t>
  </si>
  <si>
    <t xml:space="preserve">永捷(4714)受惠轉單效應，3月合併營收1億673萬元，年增2.4倍，第一季合併營收1億7441萬元，年增40%。永捷說，今年除了在國防類新產品開發已完成階段性認證通過，在新客戶開發上有顯著成效，預期可在未來帶進業績成長。目前因石油價格大幅下降，原物料成本也隨之降低，毛利率有逐月上升的趨勢，待市場恢復，公司獲利將可隨著業績成長一同提升。
永捷指出，受新冠肺炎疫情影響，全球傳產供應鏈大亂，大陸與許多東南亞國家出貨都不穩定，許多大廠開始都把訂單移往台灣，由於台灣在疫情控制上相對穩定，可有效降低客戶風險，因此永捷在紡織類樹脂及TPU等產品出貨量提升，受惠於客戶近期急單與轉單需求，第一季業績逆勢激增。
永捷在可撓性有機發光二極體(Flexible OLED)顯示器高硬度耐磨材料已陸續試產驗證，配合客戶不斷開發摺疊顯示器新產品的佈局，目前已經開發出十幾種新產品線，未來有望帶動出貨成長。
</t>
  </si>
  <si>
    <t xml:space="preserve">
新冠肺炎（COVID-19）成為全球流行疾病，各國都相繼鎖國來控制疫情，尤其是義大利更成為歐洲最嚴重疫區，也因些讓各精品紛紛投入捐錢、捐物資給醫療機構，來守護第一線的醫療人員。
在新冠疫情還看不到盡頭下，寶格麗持續支持科學與醫學界對抗新型冠狀病毒 (Covid-19)，除了一個月前捐贈給率先分離出病毒株的羅馬Spallanzani醫院最新的3D高清晰顯微鏡，以利研發疫苗之外，今(26)日另宣布另外一項慷慨貢獻，希望對義大利對於預防、打擊和根除新型冠狀病毒(Covid-19) 盡一份心力。
決定與其長久合作的香水製造夥伴ICR（Industrie Cosmetiche Riunite, Lodi）一起生產數十萬個抗菌洗手凝膠，將這些產品透過義大利民防部門優先提供給所有的醫療機構。目標在前兩個月內達到單日6000瓶的產量，並且在未來兩個月內達到生產數量20萬瓶。
抗菌洗手凝膠為75毫升的可回收瓶，未來將透過義大利政府分發，以幫助在前線對抗病毒的關鍵醫療機構及相關基礎建設單位。
</t>
  </si>
  <si>
    <t xml:space="preserve">新冠肺炎疫情延燒，中央流行疫情指揮中心今(12)日公布國內新增2例新冠肺炎本土病例，分別為本國籍30多歲男醫師(案838)及本國籍20多歲女護理師(案839)。消息傳出，各界議論紛紛。對此，同樣是防疫第一線的海巡人員格外有感。海巡署長室臉書粉絲專頁PO出貼文，力挺前線醫護人員，呼籲網民一人一句鼓勵，短短一小時就湧進大批留言。
海巡署長室貼文提到，「同在防疫第一線的我們知道後，最難過的是看見不少網友對此的回應：『終於有醫護被感染囉』、『只有一個女友嗎？』、『真羨慕』......等等留言，」對醫護人員遭不理性網民酸言襲擊，感到相當不捨。
小編指出，「防檢疫人員的工作風險相當高，每天要面對可能感染病毒的對象，下班後還得擔心身上有沒有消毒乾淨，影響家人……但其中最危險的一群，絕對包含『守在負壓病房的醫護人員』」。
在傳出醫護人員染疫之後，海巡署長室立刻發起一人一句謝謝，希望告訴醫護人員，「比起酸言酸語，願意給他們溫暖的人更多！」
一人一句謝謝，告訴醫護人員，比起酸言酸語，願意給他們溫暖的人更多！
今天新增了2例本土案例，初步了解是一位在負壓病房的醫師，處理病患時意外遭到感染。
同在防疫第一線的我們知道後，最難過的是看見不少網友對此的回應：「終於有醫護被感染囉...
</t>
  </si>
  <si>
    <t xml:space="preserve">【愛傳媒黃珊珊專欄】每天的日常，早上七點半晨會，八點與中央指揮中心視訊會議，九點台北市指揮中心會議，中午出去看看防疫旅館與快篩站，下午兩點半工作討論會，三點半台北市政府記者會，四點到六點處理其他公文，七點到九點處理明日議程與積案，每天都有新變化，每天都在挑戰極限，5月24日晚上有一家大型旅館終於答應轉為防疫專責旅館了，短時間內醫護人力可以上線的話，我們就可以把暫留在家中的確診患者接到專責旅館了，醫院的專責病房又多開很多，後勤戰線跟上來，第一線的人更無後顧之憂。
很多人很好奇為什麼確診者在家裡等，因為中央的集中檢疫所已經被前幾波累積的確診者佔滿了，台北市的防疫專責旅館開設後要收住快篩站的陽性病患（每天約百例），還有還在家中未住院的確診病患（每天還會新增百例以上），我們每天新增的防疫專責旅館房數是150左右，沒辦法跟上新增快篩陽性病例與累積確診病例的數量，所以才每天都在拜託旅館轉為防疫專責旅館。
我這輩子都不會忘記每天晚上的那種煎熬，每一個數字都是一個人，我們也想趕快從家裡接走他們，但就算有空房間也沒用，還需要勇敢的房務人員與醫護人員進駐才行，我們每天都跟時間賽跑，也跟病毒賽跑，但我們一定要跑更快！
現在社區已經停止活動，已經有九百位快篩陽性都在專責防疫旅館了，大部分傳染鏈被斷掉，大家不要動，快篩與隔離加快速度，我們一定可以跑更快的！
作者為台北市副市長
照片來源：作者臉書截圖。
●更多文章見作者臉書，經授權刊載。
●專欄文章，不代表i-Media 愛傳媒立場。
</t>
  </si>
  <si>
    <t>18日大陸首度無新增本土確診病例，湖北以外省份，無新增死亡病例，並已連續7日無新增本土確診病例；最近7日，大陸境外輸入確診病例數占新增確診病例總數84.55％，國際疫情快速蔓延，也為大陸帶來輸入性風險增加。
19日大陸國務院聯防聯控機制就畜禽產品保供穩價工作情況舉行發佈會，大陸國家衛健委新聞發言人、宣傳司副司長米鋒指出，湖北除武漢外，連續14日無新增本土確診病例，。應落實外防輸入重點任務。
18日大陸新增報告境外輸入確診病例34例，包括北京21例、廣東9例、上海2例、黑龍江1例、浙江1例，累計報告境外輸入確診病例189例。</t>
  </si>
  <si>
    <t>去年以簽約金75萬美元加盟紅襪隊的「火球男」劉致榮今（24）日在臉書報平安表示，他已抵達位於佛羅里達州的春訓基地麥爾茲堡（Fort Myers），由於球團對新冠肺炎的防疫態度十分慎重，劉致榮先被要求隔離1周，以策安全。
劉致榮在臉書粉絲專頁寫著：「今天來報平安！」他是在上周四中午從台灣出發，經過超過24小時的二次轉機及飛行，終於被球團派車給接進佛州春訓基地Fort Myers。由於球隊對於新冠肺炎疫情的謹慎態度，他先被安排1周的單獨隔離居住；每天對著風光明媚的佛羅里達，三餐都叫外送食物，他還形容「早餐簡單到不行」。
對於目前的飲食，劉致榮說還好，球隊有給餐費，可以自己選餐！而佛州天氣很好，隔離期間除了可在室內做徒手重量訓練，也可以到處跑步。而且所謂隔離也不是寸步難行，球隊允許他順便到處看看，當然還有許多時間可以上網、觀看球隊給的資訊、翻翻書（灌籃高手），他還打趣說這是在「享受孤獨」。
最後劉致榮強調，球團要他練習英文版的簽名，這也是職業選手必須具備的。為了保持體能，他趕緊出門跑步，且不忘說：「願大家一切平安，願台灣一切安好」，還自我解嘲：「出境被隔離的第一人嗎？哈哈哈！」</t>
  </si>
  <si>
    <t xml:space="preserve">中華代表團近日在東京奧運奪下好成績，選手群表現亮眼，更讓全台掀起東奧熱，總統蔡英文更頻頻致電恭喜選手，對此，藍委李德維直言，「疫苗空窗期」已經山雨欲來，這或許就解釋了蔡英文為什麼要化身「蔡主播」，全民心繫奧運，就能延緩疫苗空窗的民怨爆發，甚至能掩護高端「暗渡陳倉」。
李德維今（1日）在臉書發文表示，東京奧運賽程進入最後一週，感謝所有選手的精湛表現，真的從你們身上得到太多，也學到太多了，但是相較於選手的成就，與此同時，「疫苗空窗期」已經山雨欲來，AZ疫苗即將在第4輪施打後告罄，莫德納疫苗第5輪上場，但也僅有不到百萬劑。
李德維感嘆，結果就是300多萬等待第一劑莫德納的民眾不知要等到猴年馬月，已經接種第一劑莫德納的民眾的第二劑也沒有著落，而已經接種第一劑AZ的很多民眾，第二劑也不知道在哪，然後繞了一圈，還是繞回了民進黨政府最初的劇本，要逼使民眾只能選擇高端疫苗，還不只於此，伴隨著恐慌即將重新襲來的，還有各種不公義，李認為，這或許就解釋了蔡英文為什麼要化身「蔡主播」，全民心繫奧運，就能延緩疫苗空窗的民怨爆發，甚至能掩護高端「暗渡陳倉」。
看到台灣選手們的表現，李德維直言，很棒沒錯，但是播報請交給主播與記者，錦上添花的越洋電話，打過就好。張羅更多疫苗，更快到貨，才是蔡英文的責任，與當務之急。
針對疫苗恐不足的情形，指揮中心指揮官陳時中7月28日在記者會上表示，目標10月底全台覆蓋率要達到6成來看，可能會遇到三大難題，分別是民眾施打疫苗的意願，接種能力和疫苗數量夠不夠。而目前看來疫苗進貨量比較會是問題，不過他們會努力掌握進貨的速度，避免接種速度變慢。
</t>
  </si>
  <si>
    <t xml:space="preserve">國內連續29天沒有本土疫情，是否能準備復辦大甲鎮瀾宮媽祖遶境？中央流行疫情指揮中心指揮官陳時中表示，遶境活動還是要繼續維持社交安全距離，戴口罩。目前來說，他還不贊成這麼快就舉行這麼大型的活動。
陳時中說，現在放寬餐飲限制，職棒場地入場次序都很好，可以放寬到2000人，但現在他並不贊成這麼快舉辦大型遶境活動。鎮瀾宮副董事長鄭銘坤則表示，若可以辦就讓媽祖提早繞境，帶動經濟，信徒很期待。
鄭銘坤說，從頭至尾各遶靜團隊都很期待以及蓄勢待發，只要一聲令下，隨時都可以出發。
</t>
  </si>
  <si>
    <t>香港10日新增5例新冠肺炎輸入個案，當中包括3名男患者為機組人員，港專家指出，未來21天要小心，有病徵人士要盡早就醫或檢測，希望盡早發現社區傳播鏈，避免爆發第5波疫情。
香港大學感染及傳染病中心總監何栢良今（11日）表示，港府目前豁免檢疫安排存在漏洞，建議嚴加管控相關豁免檢疫安排，要求機組人員也需要在酒店隔離後才能進入社區。
何栢良指，由於歐美實施與病毒共存策略，機組人員在當地感染風險增加，但抵港後仍可以豁免檢疫，自由在社區活動，相關安排需考慮對其他民眾是否公平。
香港呼吸系統專科醫生梁子超今也表示，2名確診機師曾到過社區不同地方，很難排除有傳播風險，未來21日要小心，有病徵人士要盡早看醫生或檢測，希望盡早發現社區傳播鏈，避免爆發第5波疫情。</t>
  </si>
  <si>
    <t xml:space="preserve">明達醫(6527)2019年稅後淨利9107萬元，年增3成，以加權股本計算，每股盈餘約4.2元，董事會決議，每股將配息2.55元，現金殖利率約4%。
明達醫去年大陸去年營收占比約13%，相較前一年的4~5%成長，大陸新冠肺炎疫情衝擊市場需求遞延，法人認為，2月起營收表現恐將受到影響，首季業績保守看待。但由於市場需求只是遞延，明達醫下半年業績仍可望回升回升，外加全自動眼底相機及自動磨片機新品上市，中長期業績仍樂觀。
明達醫開發出台灣第一台由國人自行研發設計、生產製造的專業眼底照相機及全自動眼壓計產品，並積極朝醫療耗材領域發展，包括引進德國知名大廠內視鏡耗材。明達醫深耕高階醫療儀器代工業務，另外也有自有品牌Crystalvue業務，除了代工業務獲得全球知名廠商長期ODM合約，自有品牌產品的銷售代理商已遍佈全世界40多個國家。
</t>
  </si>
  <si>
    <t xml:space="preserve">南投縣6月9日新增3例確診個案，皆為東方紅案5450之同住者，分別為案12029男性88歲、案12030女性84歲及案12031女性53歲，由於3位為5月24日至6月7日居家隔離期間之第2次核酸（PCR）檢測確診，固無公共場所活動史。縣府因此11日將再於草屯再辦理一場社區篩檢、東方紅採檢專案再延長一周。
南投縣衛生局指出，案5450是上月5月25日公佈確診，他因5月間8日及12日前往東方紅消費後，有鼻塞及味覺異常現像，24日前往醫院採檢確診後，送往集中檢疫所，同住的父母親及妻子即今日確診3人，匡列為居家隔離，沒想到就在要解除隔離時，（PCR）檢測確診。另與案5450密切接觸同事2人目前2採均陰性。
由於南投9日新冠肺炎確診者皆為東方紅傳播鏈，南投縣衛生局長黃昭郎表示，「東方紅養生會館及養生館核酸（PCR）採檢專案」延長一周，至6月16日止，要求4月至5月曾前往東方紅時尚會館、養生館的消費者，不要怕，這是專線縣府會為你保密，一定要勇敢來採檢，上一波僅有4人來採檢，均為陰性，相信還有繼續提供的必要，所以繼續延長一周。
還有因這三起皆居住草屯鎮，南投衛生局除了6月10日至12日啟動「竹山鎮新冠肺炎社區篩檢站」三場次外；為控制社區傳播風險，預定6月11日再於草屯鎮再辦理一場次新冠肺炎社區篩檢。4場次地點及時間如附表。
黃昭郎最後強調，端午節快到了，雖然是三天的連假，鄉親們或遠方的親戚，盡量不要回來，一些社群網站也看到，因為最近下雨了，日月潭水位回升，美麗風景吸引民眾到風景區露營等等，呼籲鄉親及國內的朋友，防疫期間要減少人口移動及群聚，希望大家能克制自己，盡自己一份約束的能力，才能安全、度過這次疫情。
</t>
  </si>
  <si>
    <t>雙北研議共同防疫，但從防疫旅館、關閉場館等種種措施都不同調，新北市長侯友宜今出席活動時更重申，沒有所謂資源要不要用盡的問題，關鍵時刻就是要用盡全部力量，否則大規模社區一旦感染發生，得了病想救都沒機會；似乎影射台北市長柯文哲日前「力不可用盡」一說。
面對新北市屢屢超前部署，柯文哲日前質疑疫情至少蔓延6個月以上，現階段「力不可用盡」，就連新北關閉大型密閉場所，北市副市長黃珊珊也質疑「關了人民要去哪？」，種種措施都呈現雙北不同調。
侯友宜今下午出席防疫基金捐贈活動時致詞表示，疫情延燒迄今2個多月，如何做到阻絕於境外、管控於境內，是現階段防疫關鍵，面對第一波中港澳疫情，台灣成功守住了，但第二波歐美、甚至全球大蔓延，因為發現較晚，疫情也較嚴重。
侯友宜指出，畢竟醫療體系有限，現階段雖只有幾個小規模、零星的社區感染案例，負壓隔離病床已占盡7成，若大規模社區感染發生，剩下的3成病床勢必供不應求，「因此現階段所有的力都要用盡，否則疫情擴散後，醫療體系跟著崩潰，得了病想救都沒機會」。
侯友宜認為，境外阻絕、境內管控要雙頭進行，一方面慢慢阻絕境外移入案例，一方面境內的個案也一一圍堵、擊破，而非等到疫情擴散出去，引發大規模社區感染再來處理，「現階段全部力量都要用盡，沒有所謂資源要不要用盡的問題！」</t>
  </si>
  <si>
    <t>精選《中時新聞網》5件不可不知的國際大事，帶讀者掌握今天(2月19日)的國際新聞重點。
【1】各國防疫反應過度？專家曝新冠病毒可怕關鍵
大陸新冠肺炎確診病例數仍持續攀升，包括美國在內，全球多國對陸實施入境限制措施，遭北京痛批「反應過度」。但真的反應過度嗎？不少專家認為，和流感等其他病毒相比，此波新冠狀病毒可怕之處在於不可預測性，不過他們也無法保證，實施旅行禁令將能有效阻止病毒傳播。
【2】日本首例 十多歲青少年確診新冠肺炎
2019年新型冠狀病毒疾病疫情在日本逐漸擴大，和歌山縣政府表示，日前縣內一名醫師確診，今天這名醫師的十幾歲兒子也確診。和歌山縣累計12人感染武漢肺炎。
【3】12國92例人傳人 世衛仍樂觀無社區感染
世界衛生組織(WHO)總幹事譚德塞(Tedros Adhanom Ghebreyesus)，周二對媒體說明新冠肺炎的疫情，除了大陸以外的地區，共有92的病例證實是人傳人案例，分布在12個國家。但譚德塞強調，世衛並沒有觀察到「持續性」的社區感染。
【4】蘋果聲明受到疫情打擊 美股全面收黑
全球市值最高的企業蘋果公司周二發出銷售警告，強調新冠肺炎已對全球供應鏈造成嚴重衝擊。因大陸工廠生產電子零件的效能大幅降低，iPhone的製造速度大打折扣，加上大陸市場對智慧型手機的需求也因疫情而降低，預計今年度第一季的財報將很不樂觀。聲明一出，當日股價應聲下跌2.6%。
【5】利比亞LNA擊毀土耳其貨船
利比亞國民軍(LNA)的官方Facebook上發表聲明，其部隊摧毀了一艘泊在的黎波里港口的土耳其船隻，因此該船運載了提供給敵對勢力利比亞民族協議政府(GNA)的武器和彈藥。這是LNA首度攻擊土耳其的資產，目前土耳其當局尚未就此事件發表評論。</t>
  </si>
  <si>
    <t>新冠肺炎持續在中國市場造成影響，系統廠春節後的復工時間仍受到衝擊，智慧手機出貨量亦同步減少。三星在此之際利用越南廠產能擴大出貨及搶攻市占，持續蠶食大陸品牌手機廠市占，三星因此擴大對零組件供應鏈下單，神盾（6462）受惠急單湧入且放量出貨，並同步對晶圓代工廠追加投片量以因應客戶強勁需求。
供應鏈傳出，由於復工時間延後，部分陸系品牌春節前發表的新機，目前仍無法大量鋪貨，三星由於大部分組裝產能設在越南，因此不受衝擊，目前正在向供應鏈追單，準備搶食陸手機品牌在海外市占率。法人表示，指紋辨識IC廠神盾已經接獲三星追單，出貨將可望開始一路放量到3月。
新冠肺炎從中國爆發疫情後，開始對全球市場造成影響，原因在於目前各大系統廠仍以中國為主要生產據點，因此自農曆春節假期後，業者原因預期上周便可全面復工，不過中國各省政府因新冠肺炎而決議延後復工日期後，供應鏈開始連帶受到衝擊。
供應鏈指出，目前部分系統廠雖已經獲得復工許可，但由於仍舊缺工，因此產能回復有限，當前各大智慧手機組裝廠幾乎都落在中國大陸，因此部分陸系品牌在春節前發表的新機出貨量相當有限，使陸廠手機在第一季未能全面搶攻全球市場。
三星由於先前已經全面關閉大陸的組裝廠，將生產鏈移轉至越南及印度等東南亞市場，因此在本次系統廠延後開工衝擊潮當中，受影響程度相當低。供應鏈傳出，三星目前正在向供應鏈緊急追單，準備搶食陸系品牌在海外的市占率。
神盾由於目前至少有五成營收來自三星貢獻，因此將可望受惠於三星追單、大搶海外市占率，帶動神盾業績全面衝刺。法人指出，神盾接獲的三星急單，除了加大拉貨力道之外，也已經向晶圓代工廠追加投片量，預期神盾出貨量有機會一路放大到3月左右。
神盾公告2020年1月合併營收達5.48億元，寫下歷史同期次高，相較2019年同期成長38.4％。法人看好，神盾可望受惠於三星追單效益，帶動神盾第一季合併營收繳出亮眼成績單。</t>
  </si>
  <si>
    <t xml:space="preserve">年輕族群陸續接種疫苗，一名24歲的女網友上午打完AZ後，晚上開始出現發燒、全身痠痛等症狀，隔天清晨要上廁所時，突然眼前一片黑，甚至失去意識，嚇得她在好轉後趕緊到醫院檢查，貼文一出引起熱議，許多處在搖滾區的朋友也分享打完AZ後的症狀。
一名網友昨(12日)在Dcard發文表示，24歲、沒任何疾病的她，當天早上11點半打完AZ後，大約晚上8點半開始發燒到38度，到了半夜甚至發燒得更嚴重，還全身酸痛、忽冷忽熱、會突然大爆汗。結果在清晨6點半原PO要上廁所時，突然頭暈，眼前一片黑，什麼都看不到也聽不到，大概持續了5分鐘，「在以為要昏倒的時候，我慢慢恢復意識，但還是看不到，我呼喊還在睡覺的室友，幸好室友有醒來，然後我慢慢看得到也恢復正常了。」
原po因為不太放心，於是到大醫院檢查，而醫生給她打完點滴後，表示應該是缺水的緣故。並提醒大家若施打疫苗需多喝水，然後可以買寶礦力、舒跑補充電解質，打疫苗前可以多吃維他命C，還有吃奇異果等。
貼文一出引起討論，「喝很多水不代表不會缺水喔，反而會因為上太多次廁所導致電解質失衡」、「我男友前幾天跟妳一樣！他也是突然暈眩，一天大概有兩次，之後阿姨帶他去急診，我有跟去，醫生也是說水喝不夠」、「我退燒後開始出現嘔吐跟頭痛還有爆冷汗」、「打完az 現在第四天頭還會一直不時抽痛是正常的嗎」、「打完第4天沒有發燒了，但頭就是會痛，特別是彎腰、打噴嚏那種大動作會特別痛」。
</t>
  </si>
  <si>
    <t>彰化縣16日添1例確診，鄉親失望，沒有打破連續4天零確診的紀錄，但是確診在匡列範圍，病毒沒有外擴的危險。
衛福部長陳時中表示，今天本土新增29病例、3例境外移入、4人死亡。
彰化縣在連續嘉玲之後，10日主動篩檢出1例確診為年輕男子，衛生局疫調發現，男子有特殊社交活動，還跨越了3縣市，透過警方協助，才匡列社交圈10名成員，7人在台中已經兩人發病，3人在彰化居家隔離，又增添一起發病個案了。
彰化縣衛葉局長表示，為了不造成破口，還是持續主動監測，以防有任何隱形的傳染鏈，目前主動監測已累積77570人次，希望能維持一天1000人的量能，用主動監測的方式將疑似的症狀轉診做採檢，早期發現隱藏的感染鏈，早期圍堵。</t>
  </si>
  <si>
    <t>本土疫情趨緩，傳染病防治網台北區副指揮官、台北市立聯合醫院總院副總院長璩大成今天出席疾病管制署「感染管制與防治策略研討會」，談到5月中旬北市爆發大規模本土疫情時，團隊認知到過去習慣的「傳統疫調」已無法負荷，因此改採重點式的「精準疫調」，成功化解疫情海嘯帶來的危機。
璩大成直言，經常有人會說「疫調不實」，他請大家別再這樣講；因為他也曾經做過疫調，相當清楚要在短時間內了解一個不認識的人，可能只知其一卻不知其二，例如長官詢問「他坐哪班飛機？」他能回答出來，但又被問到「他坐第幾排？」可能就答不上來。
璩大成指出，傳統疫調是從肺結核以來沿用的作法，但光是閱讀一份手寫版疫調就需要3、5分鐘，更別說填寫疫調表單相當耗時。他以台北市過去的疫調經驗為例，回溯過去一位同仁每天能做多少疫調？他得到的答案是「3個人」；但如果一天要做30個人的疫調，他直言「那就毀了」。
疫調的重點在於找出可能傳染源，並阻斷後續可能的傳染鏈。璩大成強調，在「人地時事物」中，疫調的優先順序是「時、人、地」，至於確診者做了哪些事、用了什麼物，並不重要。
當面對疫情海嘯來襲，璩大成強調，疫調的首要關鍵就是「快」。在密密麻麻的疫調手稿中，找出最重要的資訊，其中最重要的就是聯繫確診者的接觸者，只要願意出來篩檢，就派車去接送；透過各單位緊密合作，北市府確立了擴大篩檢、熱區圍堵等防疫作法，精準疫調的戰略布局也逐漸成形。</t>
  </si>
  <si>
    <t>台新投信今（21）日表示，在新冠肺炎的黑天鵝衝擊下，全球金融市場普遍難以倖免面臨修正潮，但新興短期高收益債發揮「短天期低波動」及「高息收」優勢，深具抗跌力。台新投信指出，在雷曼事件、美國降評、油價重挫、中美貿易戰及新冠肺炎等重大利空期間，新興短期高收益債跌幅明顯小於全球高收債、美國高收益債、美國短高收債，甚至在中美貿易戰期間逆勢上揚，建議投資人將新興短期高收債納入資產配置組合，強化資產防禦力。
台新新興短期高收益債券基金經理人尹晟龢表示，據Bloomberg統計，在2008年雷曼事件引發的金融海嘯期間，全高收、美高收及美國短高收等最大跌幅分別達30.8％、29.72％、22.73％，但新興短高收最大跌幅僅12.4％。在2018年中美貿易戰期間，全高收、美高收及美國短高收等最大跌幅分別達3.82％、4.67％、2.4％，但新興短高收卻逆勢上漲0.89％。在此次新冠肺炎爆發至3月20日止，全高收、美高收及美國短高收等最大跌幅分別達19.37％、18.73％、14.38％，而新興短高收跌幅僅8.17％；從各重大經濟事件衝擊來看，新興短高收的抗震特性，皆明顯勝出。
尹晟龢指出，受到新冠病毒的影響，國際貨幣基金（IMF）最新發布的《世界經濟展望報告》，下修了全球經濟成長率，由+2.9％調降至-3％，其中已開發國家陷入較大的衰退，經濟成長降至-6.1％，而新興市場在中國與印度的拉抬下，經濟僅微幅衰退1％，且預估明年將恢復6.6％的高增速。另由FED與ECB聯手大舉降息與擴張資產負債表，一旦疫情平復，可望出現資金行情，並使新興高收債表現受惠。</t>
  </si>
  <si>
    <t>Big City遠東巨城購物中心因應新冠肺炎疫情，2月起即建立完善防疫機制，9日起更提升防疫等級實施顧客入館量測體溫與管制，除了部分入口以人工進行額溫量測外，更斥資約150萬添購3台熱像儀，打造全年齡消費者最安全無虞的購物環境。
巨城購物中心今年2月起，要求全體員工、各單位服務人員皆自主管理並回報健康狀況，館內全天候換氣維持空氣流通、公共設施定時消毒擦拭等各項防疫措施，3月9日起更提升防疫等級實施顧客入館量測體溫與管制。
此次首度推出的熱像儀監測與量測體溫管制措施，依徒步型、機車族與汽車族消費者及各出入口人流量規畫管制點。徒步入館的消費者，可經由1樓民權路側巨城創藝大樓、中央及民權路口廣場以及地下1樓UNIQLO入口處經由熱像儀量測體溫。而機車族與汽車族消費者在進入停車場和停車塔時，在提前設置的車道管制點接受額溫測量。如體溫超過37.5度之消費者將以柔性勸導就醫等建議。
遠東巨城購物中心董事長李靜芳表示，巨城全體動員以嚴謹的態度做好消費者安心購物的第一道防線，配合中央流行疫情指揮中心提升至一級開設，巨城防疫專責小組也全面升級防疫措施，透過層層把關確實控管，守護民眾的健康。</t>
  </si>
  <si>
    <t xml:space="preserve">新冠肺炎病例不斷增加，尤其大陸不時傳出醫療緩不濟急的消息，武漢當地居民更是人人自危。一名住在華南海鮮市場附近的武漢高中生指出，封城後他與家人都足不出戶，一家人每天靠做3件事躲過感染。
這名學生接受《中新社》訪問時指出，與家人住在新型冠狀病毒發源地華南海鮮市場附近，1月23日封城之後，就過著與封城前截然不同的生活。他們全家每天嚴守3原則：足不出戶、在家消毒、早晚都量體溫。他甚至說：「恨不得把體溫計一直夾著！」。他指出，去年底當「武漢不明原因肺炎」消息傳出後，他趕緊去買了2包N95口罩，殊不知過沒多久武漢就封城了，沒想到這僅存的2包口罩就成為一家人日後的救命符。
這名高中生就住在離市場1.5公里的距離，華南海鮮市場可以說是他們家出門的必經之地。大陸媒體披露，武漢市民眼中的華南海鮮市場宛如「髒亂」的代名詞，由於市場占據了整條街，加上售賣的海鮮與雜貨，時常飄出腥味，整體衛生環境髒亂不堪。
</t>
  </si>
  <si>
    <t xml:space="preserve">
自從新冠肺炎疫情發生以來，大陸各界專業人士紛紛加緊研究腳步。有專家研發出最新檢驗病毒的試劑，可在90分鐘內完成六種呼吸道病毒檢測，而且靈敏度比原本的高三倍，並能在30分鐘內確認病患體內是否有抗體，能有校幫助臨床醫務人員做鑒別診斷。
據《人民網》報導，大陸工程院院士、清華大學醫學院講席教授程京，昨（6日）發表多個新款試劑盒，有三大特色，第一可以在90分鐘以內完成高靈敏度的檢測，靈敏度可以比過去的還要高三倍。
第二個特色，是針對咽拭子採樣過程中獲得的抗原檢測，在30分鐘之內就可以快速地獲知病人體內是否有病毒的存在。第三則是針對抗體檢測，同樣也是在30分鐘內完成。
程京表示，已有七個項目近入臨床階段，最新審批上市的一款試劑盒有三大優點，第一是利用恆溫擴增芯片技術，一次能對六種呼吸道病毒進行快速檢測。第二是檢測速度更快，所有檢測能在90分鐘內完成。第三是能幫助臨床醫務人員做鑒別診斷，迅速區分哪些人是新冠病毒感染，哪些患者是其他病毒感染，能區分合併感染、交叉感染等不同情況。
更多 CTWANT 報導
</t>
  </si>
  <si>
    <t>日本捐贈124萬劑AZ新冠肺炎疫苗昨運抵台灣，新北市長侯友宜今（5日）前往五股視察全市首座大型室內疫苗接種站，他表示，新北市大、中型的疫苗接種站總共有23處，整個安排的動線跟順序都非常清楚，整個作業的流程、SOP早就準備就緒了，「就等待中央疫苗發送下來，我們就可以立即施打。」
至於，新北市可獲得多少疫苗，侯友宜說，中央有說過用高風險、中風險的方式來分配疫苗，尊重中央在整個疫苗的分配方式。</t>
  </si>
  <si>
    <t>新華社報導，大陸國家主席習近平23日晚間先後與法國總統馬克洪、埃及總統塞西、英國首相強森通電話，表達對各國新冠肺炎疫情的關切。習近平介紹大陸疫情防控形勢，強調願同各方一道加強在聯合國、20國集團等架構下協調合作，開展聯防聯控，協助發展中國家和有需要的各國加強能力，抵禦疫情衝擊。
習近平向馬克洪強調，今年1月以來，在抗擊新冠肺炎疫情的關鍵時期，與馬克洪3次通話，充分體現雙方高度互信及高水準的陸法關係。他注意到法方正採取一系列積極有效防控措施。陸方願繼續向法方提供力所能及的支持和幫助。
習近平應詢介紹了陸方疫情防控的形勢，強調願同法方一道，推動有關各方加強在聯合國、20國集團等架構下協調合作，開展聯防聯控，完善全球衛生治理，幫助發展中國家和其他有需要的國家加強能力建設，抵禦疫情給世界經濟帶來的衝擊。
馬克洪表示，法方願同陸方開展雙邊衛生合作，並共同推動各方在20國集團、世衛組織等多邊框架內加強合作，攜手戰勝疫情，應對疫情給世界經濟帶來的衝擊。
兩國元首同意保持密切溝通，推動雙邊各領域交往合作，確保陸法關係繼續在高水準上向前發展，維護陸法、陸歐產業鏈、供應鏈穩定。
習近平對埃及總統塞西指出，疫情發生後，埃方對大陸抗擊疫情表達了支援。埃及當前也面臨抗擊疫情的緊迫任務，陸方願同埃方及時分享疫情資訊、防控救治經驗、醫療研究成果，提供醫療物資，支援埃方疫情防控工作，共同抗擊疫情。
塞西表示，埃方感謝陸方提供的支持和幫助，相信通過共同抗擊疫情，埃陸兩國友好關係將更加深入。埃陸是特殊友好的夥伴。他高度重視埃中關係，願同陸方共同努力，推進兩國各領域務實互利合作，加強在國際事務中的溝通協調。
習近平向強森強調，大陸政府高度重視保護海外大陸公民身體健康和生命安全。希望英方採取切實有效措施，維護好在英大陸公民特別是留學生的健康安全和正當權益。各國要在聯合國和20國集團架構內推進合作，加強資訊和經驗交流共用，加強科研攻關合作，支援世衛組織發揮應有作用。
強森表示，當前，英國疫情形勢嚴峻，正研究借鑒陸方有益經驗，採取科學有效防控措施。英方將盡力照顧好在英大陸公民特別是留學生的健康和安全。疫情當前，任何國家都不能獨善其身，各國應加強合作。英方支援世衛組織發揮重要作用，希望各方在20國集團等多邊架構內深化有關合作。陸英兩國今年將分別舉辦《生物多樣性公約》第15次締約方大會和《聯合國氣候變化框架公約》第26次締約方大會，雙方要以此為契機，推動國際社會加強衛生防疫合作。他並期疫情過後，早日訪陸。</t>
  </si>
  <si>
    <t xml:space="preserve">◎堵住疫情漏洞 防疫車隊上路
交通部長林佳龍2日於臉書宣布，目前陸、港、澳、韓、義、伊朗等國家入境旅客都需要「居家檢疫」14天。從機場入境後，就不能搭乘客運、軌道運輸等大眾運輸工具。長程旅客如何返家，才不會形成防疫漏洞，就是非常重要的課題。
◎教部小編反串國師教防疫 瀏海遭本尊抓包
受新冠肺炎疫情影響，部分學校延到3月才開學，有網友發現臉書上有一個狀似星座專家唐綺陽的身影，在分析12星座開學運勢。仔細一看才發現，竟然是教育部小編也在官方臉書上反串星座國師，並認真製作12星座防疫相關要點，沒想到竟釣出本尊唐綺陽在底下留言「我有瀏海」，但仍忍不住大讚：「太有才！」。
◎連虧13年 bossini要關台51家分店
香港上市服裝零售連鎖公司bossini（堡獅龍）宣布，由於台灣消費市場疲弱不振，台灣業務自2005/2006年會計年度起一直處於虧損狀態，該公司董事局決議退出台灣市場，目標在今年7月底關閉當地51家分店。
◎明全台有雨 氣象局曝最低溫時間點
今天短暫回暖之後，氣象局預報員王品翔說，明天到周五清晨(3/4~3/6)東北季風影響，北部、東北部降溫、濕冷，全台都有出現短暫雨的機率。這波冷空氣低溫預估西半部約14到17度，竹苗平地近山區有機會下探13度，最冷時間點落在周五清晨。
</t>
  </si>
  <si>
    <t xml:space="preserve">武漢肺炎肆虐，大陸政府從1月23日開始封鎖武漢，至今將屆滿一個月。據陸媒最新報導，武漢發布消息，城市運行、生產生活、特殊疾病治療等原因必須出城的人員以及滯留在漢外地人員（以下簡稱出城人員）可以出城，但要堅持錯峰出城、分批實施，適時安全有序原則。意謂武漢封城局部解禁。
據《新京報》報導，武漢市新冠肺炎疫情防控指揮部針對人員和車輛管理最新發布，在人員管理上，因保障疫情防控、城市運行、生產生活、防疫物資運輸等原因必須進城的人員和車輛以及滯留在外地的武漢市民及車輛，按照省、市疫情防控指揮部有關規定辦理相關手續後，可以進城。但要堅持錯峰出城、分批實施，適時安全有序原則。
至於車輛方面，保障武漢市城市運行的水、電、油、氣及生活物資保障車輛（本市車輛），憑所在單位開具的證明、派工單、收件函，對車上人員（原則上一車2人，含司機）身份核驗無誤、體溫檢測正常後及時放行。
據悉，出城人員必須為不屬於被要求隔離的人員（包括確診患者、疑似患者、發熱患者、密切接觸者及處於觀察期的治愈出院患者），且需身體健康，沒有發熱、乾咳、氣喘等症狀。出城人員到達目的地後，須做好不少於14天的健康監測，並向當地疫情防控指揮部門備案。
此外，因保障疫情防控、城市運行、生產生活、防疫物資運輸等原因，而必須進城的人員和車輛以及滯留在外地的武漢市民及車輛，可按照省、市疫情防控指揮部有關規定辦理手續後進城。當局在進出城通道設置檢查站，核實進城車輛和人員身份，並對車輛消毒、人員體溫檢測等。
</t>
  </si>
  <si>
    <t xml:space="preserve">就在未接種新冠疫苗的民眾確診率飆升之際，美國新冠肺炎首席專家佛奇（Anthony Fauci）警告，美國正朝「錯誤的方向」走。
據BBC新聞網26日報導，Delta新冠變種病毒在接種率低的區域攀向感染高峰。佛奇說，衛生官員為了遏制確診病例，正考慮要修正已接種疫苗者的戴口罩守則。此外，他指出，有關單位也在評估，要讓較容易患病者打加強疫苗。
佛奇說，美國正變成未接種者新冠大流行的狀況。官方數據顯示，美國有49%的人口，也就是超過1.627億人已完成疫苗接種。而在4月之前，美國在接種疫苗上原本領先許多國家，但4月後接種率卻開始下降。
而在接種率上，美國南方各州特別低，有些地方打第一劑疫苗的比例甚至還不到一半。就在5、6月新冠確診數降低後，美國每天的確診數又開始攀升。美國至今已有超過3400萬人確診，逾61萬人喪生，在疫情復燃後，相關數字也隨著上升，而這趨勢有部分是因高傳染性的Delta變種病毒迅速蔓延所致。
其中疫情飆升最快的州，是如佛州，德州和密蘇里州等接種率較低的州。稍早公共衛生局局長莫西（Vivek Murthy）說，在新冠死者中，有99.5%都沒有接種疫苗。另一方面，原本美國疾病管制與預防中心（CDC）說，接種過兩劑疫苗的民眾可以不戴口罩，恢復疫情前的活動。但佛奇說，地方政府可以在現有的CDC綱領下，頒布自有的規則。例如，洛杉磯就規定，無論有沒有接種疫苗，民眾在室內時都必須戴口罩。
</t>
  </si>
  <si>
    <t>《衛報》7月1日消息，川普政府已經向吉利德（Gilead）購買了超過50萬劑瑞德西韋（remdesivir），這是吉利德公司7、8、9月份所有產能的90%。預計在接下來的三個月里，除美國以外的其他國家將很難買到該治療藥物。
專家和醫界都對美國對瑞德西韋的單方面行動及其不顧他國情況感到震驚，而且，如果在有疫苗可用的情況下。川普政府已經表明，它準備出價和超越其他所有國家，以確保獲得美國所需的醫療用品。
利物浦大學高級訪問研究員安德魯·希爾（Andrew Hill）博士說：「他們用盡了瑞德西韋的大部分的供應，因此歐洲沒有任何東西。」
瑞德西韋是吉利德生產的，是美國許可證頒發機構批准的第一種用於治療新冠肺炎的藥物，已被證明可以幫助人們更快地從疾病中康復。目前提供給全球藥物試驗的前140,000劑已經用完。在川普政府已經購買了超過50萬劑，這是所有吉利德公司生產的未來3個月的9成產能。
美國衛生和公共服務部長亞歷克斯·阿扎爾（Alex Azar）表示：「川普總統達成了一項了不起的協議，以確保美國人能夠獲得新冠肺炎的首個授權治療劑。」 「在可能的範圍內，我們希望確保任何需要瑞德西韋的美國患者都能得到它。川普政府正在竭盡所能，以了解有關新冠肺炎的救生療法的更多信息，並確保美國人民能夠獲得這些選擇。」
不過瑞德西韋一個療程要花費3千美元，被批評可能只有相當財力的人才有資格接受這個治療。</t>
  </si>
  <si>
    <t>檢視台股上市櫃3月合併營收創新高，且外資進場搶先布局的個股有台積電、京元電子等15檔，其中半導體及防疫概念股為兩大族群。
3月合併營收創新高的個股有52檔，其中外資近五個交易日提前布局的依序是台積電、京元電、晶豪科、大聯大、群聯、聯茂、中裕、亞德客-KY、科嘉-KY、和潤企業、健策、祥碩、騰輝電子-KY、聯詠、南六等，集中在電子股及少數因新冠肺炎受惠的防疫傳產股。
晶圓代工大廠台積電3月合併營收1,135.19億元，首度突破1,100億大關。下周四（16日）台積電將舉辦線上法說會，但法說會前，外資圈已紛紛下修台積電今年營運成長幅度與目標價，外資擔憂疫情衝擊民眾消費，全球智慧型手機出貨將衰退，以及美國將限縮台積對華為的晶片供應，今年台積電合併營收恐無法達到雙位數成長。因此全球投資人都相當關注16日台積電對未來展望的說法。
雖然疫情衝擊經濟，但遠距教學、筆記型電腦、5G相關及記憶體需求逆勢成長，激勵IC通路商大聯大3月合併營收創新高，3月合併營收540億元，年增32.63％、月增44.44％。不過市場也擔憂第二季因客戶下單偏保守，Q2業績是否還能續強有待觀察。
新冠肺炎的受惠產業以生技醫療類股為主，中裕來自全球搶藥潮的貢獻，3月業績繳出亮眼成績單並創新高，3月合併營收為1.19億元，年增79.42％，月增299.93％。
南六為不織布廠，因醫療相關防護產品訂單暴增、產線滿載，如醫療口罩、防護衣、抗菌濕巾等，推升南六3月合併營收6.99億元創新高，月增72.95％、年增24.42％。</t>
  </si>
  <si>
    <t>法國衛生部星期六公布最新新冠肺炎疫情數字，將近4500人確診新冠肺炎，其中300人住加護病房，91人死亡。隨後，法國總理愛德華·菲力普(Edouard Philippe)也對外宣布: 從星期六午夜開始，全國大部分商店、餐廳、遊憩場所將關閉，直到疫情和緩為止。
根據路透社報導，總理菲力普表示，政府已經別無選擇，大多數人都沒有遵守先前政府警示的防疫措施，太多人都還在外頭活動，沒有注意公共衛生安全，以致於疫情持續擴散。現在只剩下一條路，宣布封鎖。
法國從星期六午夜開始，只有民生必需品的商店可以營業，包括超市、藥局、加油站。他也強調，即便加油站目前沒有關閉，民眾也必須限制自身的移動，盡可能待在家中。</t>
  </si>
  <si>
    <t>三星(Samsung)今年下半年預計推出的 Galaxy Note 20 系列，到底有幾款？先前曾經爆料，指出蘋果不會在新一代 iPhone 中採用 LTPO(低溫多晶矽氧化物)技術的 Display Supply Chain Consultant(DSCC) CEO Ross Young，透過在 Twitter 回答網友問題，提前揭曉了不少關於 Galaxy Note 20 系列的猛料！關心的你應該要知道。
三星自 2019 年起，也在 Galaxy Note 系列中採用 Galaxy S 系列的策略，推出多種款式讓使用者有更多選擇，而今年看似也將延續。不過不像 Galaxy S20 系列一口氣推出三款，Note 20 系列預計將僅有兩款，分別是 Galaxy Note 20 以及 Galaxy Note 20+，而沒有所謂的 Ultra 款式。
No Note 20 Ultra. Note 20 and 20+
Ross Young 進一步指出，根據他們從三星方面得知的消息，三星雖然在 Galxay S20 系列中全線支援了 120Hz 螢幕更新率的功能，但是在 Galaxy Note 20 系列中，僅有 Galaxy Note 20+ 會支援 120Hz 螢幕更新率，Galaxy Note 20 則不會。對此說法，三星並沒有對外回應證實。
Note 20+ supports 120Hz, but Samsung confirmed to us that Note 20 does not.
至於三星要如何在 Galaxy Note 20+ 中實現 120Hz 螢幕更新率。Ross Young 指出，三星是在 Galaxy S20 系列的面板採用 LTPS 技術，但是這項技術在功耗上的表現不是很好。因此，三星計畫在 Galaxy Note 20+ 中改用 LTPO 技術，但是由於這項技術的成本過高，因此很可能這是三星僅在高階款式中導入的可能原因之一。
I see. Note the iPad uses an oxide panel which can show low refresh rates without flicker. More difficult for LTPS panels...this is why LTPO is coming to smartphones
在與網友的問答中，Ross Young 還有知名爆料達人之一 Max Weinbach (@MaxWinebach)指出，三星在下半年除了有望發表 Galaxy Note 20 系列外，可能還會推出 Galaxy Fold Lite 4G、Galaxy Fold e、Galaxy Fold 2 等可折疊螢幕新機。Max Weinbach 表示，三星正在開發中的可折疊螢幕機種有三款，其中兩款採用塑料螢幕、另一款採用 UTG 螢幕，有可能後者是指 Galaxy Flip 5G(Galaxy Flip 採用的就是 UTG 螢幕)。
There's a rumor, and keep in mind this is a rumor, Samsung will be releasing a Galaxy Fold e for $1100. They are also working releasing 3 folds. Two with plastic, one with UTG. Could explain the Winner2 vs Champ codenames.
More Galaxy Fold 2 Leaks:Launch Date - We think it will be announced with the Galaxy Note Series which has been happening annually in August since 2015. We would expect shipments to start from September
Ross Young 認為可折疊螢幕的新機與 Galaxy Note 20 系列有望在八月發表，並期待從九月開始出貨。這一點，跟先前韓媒的說法不謀而合。此前，《韓國先驅報》(The Korea Herald)報導指出，雖然業界受到新冠肺炎(COVID-19)疫情影響程度不低，但是按照三星的準備，Galaxy Note 20 系列還有 Galaxy Fold 2 等新機都將如期在原本預期的八月亮相。</t>
  </si>
  <si>
    <t>案379新冠肺炎確診者為一名酒店公關，疫情中心發言人莊人祥表示，目前其接觸者有71位，已經採檢5位，其中3例為陰性，另2位尚檢驗中。莊人祥指出，疫調部分還在持續進行，將針對目前可掌握的工作人員還有客人部分進行瞭解，至於還沒有辦法掌握的相關人等，將與內政部警政署合作追蹤。
至於案379的身份從家庭主婦變酒店女公關，是否在疫調有所隱匿，陳時中表示，是否對她開罰還要再研究一下，畢竟也不會在第一次講錯就開罰，會再請行政人員了解一下。
至於疫調的問題，莊人祥坦言，開記者會和做疫調時間有限，疫調人員應有掌握，但是填寫回來的資料在記者會上說明會比較保守。做疫調的時候有掌握到，若講得太多，晚上疫調行動會打折，但疫調一直都有在進行。</t>
  </si>
  <si>
    <t>台灣新冠疫苗荒，出現民眾赴美打疫苗現象，也有報導稱近期有不少民眾希望能赴大陸接種疫苗，大陸國台辦今天稱，「願意盡最大努力提供幫助」，對搭乘民航客運航班來大陸的台胞，在嚴格執行入境防疫規定、自願和知情同意前提下，可在大陸接種疫苗。
國台辦今天以發言人馬曉光名義發出書面答記者問，問題為「據台媒報導，因台灣疫苗嚴重短缺，近期有不少台胞希望能赴大陸接種疫苗，請問大陸方面對此持何態度？」
馬曉光先重申，新冠肺炎疫情發生以來，大陸在疫情防控、疫苗接種等方面，對在大陸台胞一視同仁，同等對待，台灣5月初疫情爆發後，陸方從一開始就表示願意盡最大努力幫助台灣同胞，讓廣大台灣同胞盡快有疫苗可用。
他說，截至6月8日，大陸已接種新冠疫苗超過8億劑次，而世界衛生組織已將中國國藥和中國科興兩種疫苗納入全球緊急使用清單等，此外，大陸疫苗在90多個國家和地區獲批上市或緊急使用，向全球供應超3.5億劑，充分顯示大陸疫苗具有良好安全性和保護力。
馬曉光說，台灣疫情持續蔓延，盡快接種疫苗，是台灣同胞盡早擺脫疫情肆虐之苦有效的途徑，「我們十分理解台灣同胞為維護自身生命健康安全迫切希望盡早接種大陸疫苗的心情，願意盡最大努力提供幫助」。
馬曉光指出，對搭乘民航客運航班來大陸的台胞，只要符合接種條件，可在嚴格執行入境防疫規定（包括登機前和抵達後)、自願和知情同意前提下，按有關政策在大陸接種疫苗。
他提出數據，稱據不完全統計，截至5月31日，在大陸接種疫苗的台胞已達6.2萬人。</t>
  </si>
  <si>
    <t>第56屆金鐘獎頒獎典禮於2日舉行，電視劇《斯卡羅》的導演曹瑞原，擔任本屆金鐘獎擔任評審委員會主委，以及金鐘典禮頒獎人，他在頒發最後2個獎項時，向衛福部長陳時中喊話，希望找衛福部來拍片，對此陳時中回應，找羅一鈞比較好。
全球受到新冠肺炎影響，各行各業都遭受到嚴重波及，《斯卡羅》導演曹瑞原昨晚在頒發戲劇節目獎前時，特別向衛福部長陳時中部長喊話，他說「今天各位可以坐在這裡，都是因為你們背後有一個很強很強的TEAM(團隊)，這2年我也想感謝陳時中部長的衛福部，我下次真的很想找他們來拍片」。
陳時中今天回應，非常謝謝，曹導演的善意，「但我們都覺得請羅一鈞比較好啦」。坦言看到曹瑞原這樣說，心中覺得很暖和，至於為何要推薦疾管署副署長羅一鈞？他說，因為顏值可看性都比較高，不用問也知道，所以才說要找羅一鈞。
媒體問羅一鈞意願？陳時中代替羅回答，「兼職也要我准才可以」。</t>
  </si>
  <si>
    <t>高雄市長陳其邁砲轟新北市疫調缺失，導致高雄群聚感染，三峽恩主公醫院被推上砲口，醫護人員士氣大受影響，一位恩主公醫院專科護理師請新北市議員葉元之轉發護理部主任鼓勵同仁的信，希望讓更多民眾知道真相，也希望高雄市長能向恩主公醫院所有辛苦的第一線醫護人員道歉，不要因為政治，打擊抹煞基層醫護人員的辛勞。
信中提到，恩主公醫護人員不做英雄、沒有推卸，但從不退縮，因為政治爭鬥卻把恩主公當做標靶，不公不義。醫院資源沒有醫療中心多，為配合國家政策已人仰馬翻，甚至丟下家庭，不敢回家。
這次事件因病人不願做PCR，事實被操弄，大家都感到憤怒，但醫院仍選擇將能量盡心盡力守護民眾健康，請各位同仁諒解。
葉元之表示，陳其邁批新北疫調不實，雖然昨天恩主公醫院院長已回應，一切按照衛福部的指引，但綠營民代及側翼，今天又扯出5月13日指引已更新，認為恩主公醫院仍有疏失。
但實際上，衛福部「感染管理措施指引」從未更新，至今仍是去年的版本。綠營所指5月13日的規定，只是一個因應醫院院內感染的處置建議，並不是具強制力的指引。
葉元之說，大家都希望防疫可以更好，做法上當然可以討論，且5月中下旬當時新北疫情大爆發，確實醫護能量略有不足。南部綠營窮追猛打的結果，讓北部醫護人員灰心，真的無助防疫。
信件全文：
各位護理夥伴大家早安，我是碧端，昨天又一個把恩主公推上媒體新聞的浪潮，吞噬著我們⋯我們不做英雄，我們沒有推卸，那是我們在健康體系照顧的責任，在防疫戰疫中我們醫院不大，但從不退卻。這次因爲政治競爭，把恩主公當做標靶，不公不義。
醫院不大，資源沒醫中多，常常配合國家政策，弄得我們人仰馬翻，因為院長說我們一定要盡力救人，不要讓病人在外面徘徊，就3個病房當專責，兩個加護病房一起努力。其他病房及單位也沒休息過⋯
5月以來的事件，護理部因為忙著匡列召回檢測，過去沒實際經驗，事件來得急又快。護理部在突然面對一般病房病人陰轉陽的情況。也是亂。沒日沒夜忙碌不已⋯
忙茫忙，沒有照顧到11樓同仁，讓他們直接面對種種，例如：如何跟病人解釋、轉床、隔離，自己是隔離還是自主管理，擔心同事、擔心病人，也因此有了對大眾抒發。謝謝他們提醒我們，讓護理部重新調整，並面對此次病毒防疫的種種政策，醫院也給予支持。
謝謝各位護理夥伴，在專責單位，每日的驚心動迫，捅鼻子、N95勒痕，不能回家、丟下家庭⋯
維持運作的一般單位，內外科的交叉照顧，不熟悉的科別，一樣擔負著病人照顧需要，要學會防疫防護，注意陰轉陽的病人⋯
這次高雄事件，因為病人就診不願意做PCR，被操弄的事實，我們很憤怒，但醫院選擇將能量要盡心盡力守護著民眾健康，請各位理解。
敬祝大家，注意健康，共同抗疫，平安。</t>
  </si>
  <si>
    <t>萬華阿公店疫情持續升溫，14日又公布有16例確診，據當地業者表示，其中1名50多歲的染疫女子，是三水街「313」茶藝館的「伊拉客」，花名是「跳跳」，伊拉客就是阿公店派駐街頭，向往來民眾拉客的女子，因嚴重影響市容，加上發生多起乾洗、竊盜案件，警方多次舉辦專案取締。
據了解，「跳跳」是原籍大陸浙江的陸配，來台20多年已有身分證，在當地工作多年，負責在街頭拉人，也就是俗稱的「伊拉客」，「跳跳」通常是傍晚入夜後，在三水街、廣州街、華西街一帶走來走去，看到男性民眾，便會開口招攬生意。
萬華疫情爆發後，不少店家的小姐、員工，都紛紛前往醫院檢查，「跳跳」因有發燒、咳嗽狀況，後來被驗出確診。
「伊拉客」是萬華阿公店特有產物，當初是店裡生意不好時，叫沒客人的小姐出去外面找客人，但後來逐漸演變成專責制，有不想喝酒、坐檯的女子，專門負責到外面拉人。
但後來「伊拉客」開始變調，有人鎖定喝醉的民眾，進店之後隨便灌單、漲價，喝1小時竟要收1萬多元，甚至直接扒竊對方皮包，因此鬧出多起糾紛。
「伊拉客」後來更是明目張膽，到大街上隨意拉人，鶯鶯燕燕嚇壞不少觀光客，造成反感，當地飲酒協會甚至發起「拒用伊拉客」的活動，還安排巡邏隊驅趕。
伊拉客亂拉人，「有眼不識泰山」還曾拉到警察，當年萬華分局長陳文智竟也被拉過，陳當時立刻通知部屬，將該名白目女逮捕、法辦。
警方指出，「伊拉客」每天跑來跑去，除了在街頭遊走外，也常常要帶客人進入不同店家，確實是高風險群，但因伊拉客不是小姐，不屬於店家，出事後一鬨而散，連帶造成疫調聯繫控管的難度。</t>
  </si>
  <si>
    <t>新冠肺炎疫情全球擴散，不少出國者返台染疫遭撻伐，台南市長黃偉哲日前急令兩名出國旅遊公務員停休返台，其中1人蜜月旅行泡湯，台南市警3分局偵查佐王詠程新婚，原定出國到奧地利度蜜月，碰上新冠肺炎疫情，自行改成環島旅行，覺得可惜但也有趣。
人生唯一一次度蜜月，竟然出國變環島，從警的王詠程與擔任教師的妻子楊雅涵近期完婚，原訂2月底要去奧地利、捷克10天，竟碰上新冠肺炎疫情全球擴散，兩人決定取消出國，改為台灣環島9日遊，平白損失20％旅費近兩萬元。
金錢損失事小，人生唯一的蜜月旅行，竟是歐洲旅遊變環島，王員覺得有點可惜，幸好妻子不計較，兩人3月初快樂完成9日環島，踏遍台灣各景點。
夫妻第一次相偕暢遊台灣，兩人趁機看到台灣各地美景，都覺得有趣，直呼幸好沒出國，不然可能除了返台要被居家檢疫，最難受的是面對親友擔心的眼光。
公務員法定婚假14天有請假期限，台灣這波出國禁令讓不少原訂蜜月旅遊的新婚夫妻都得更改出國或者延期，配合防疫卻損失荷包，疫情沸騰期間，王員以自身為例，希望社會多點包容，這段期間，非必要盡量不要出國。</t>
  </si>
  <si>
    <t>許多民眾對AZ疫苗的保護力抱持懷疑的態度，胸腔科醫師蘇一峰分享最新研究數據指出，英國大規模施打後發現，打2劑BNT可預防88.0%的Delta病毒株感染、打2劑AZ則可防67.0%的Delta病毒株感染，雖然兩者數據有差異，但研究者認為不管是哪個廠牌，打完2劑疫苗都能有效防護Delta變異株的感染，引發網友討論。
蘇一峰昨在臉書發文表示，新英格蘭醫學雜誌（NEJM）刊登來自英國大規模施打的研究，發現接種2劑BNT疫苗，可預防93.7%的Alpha病毒株感染，88.0%的Delta病毒株感染；打2劑AZ則能預防74.5%的Alpha病毒株感染，67.0%的Delta病毒株感染。
蘇一峰指出，研究者認為雖然2個疫苗之間有小差異，但研究結果顯示，打完兩劑疫苗都可以有效防護Delta變異株的感染。
醫藥粉專「MedPartner 美的好朋友」也分享該研究說，遇到Delta變異株，如果只打一劑疫苗受到的影響較大，但無論是打完兩劑BNT或兩劑AZ，都能有效應付Delta變異株，因此建議體弱族群，無論是打哪種疫苗，都應儘速完成兩劑接種。
貼文引起網友熱烈討論，「AZ要逆空高飛了嗎？（看向那些嫌棄AZ的人）」、「都可以防重症，WHO國際認可的都打起來」、「打完疫苗至少有抗體，期待9月份完成第二劑AZ疫苗接種。」但也有網友質疑，「原來BNT考90分跟AZ考70分是差不多的」、「差了20%」、「只有AZ和BNT比較，讓AZ看起來更像是配角和丑角」。</t>
  </si>
  <si>
    <t xml:space="preserve">
中國湖北省即將解除封城，預計還會有一波台商返台潮，外界不禁擔憂是否能防範？醫師指出，有些台商的確可能帶著病毒回來，這是下一波挑戰。中央流行疫情指揮中心指揮官陳時中表示，入境一樣都要據實申報，有吃藥和有症狀都不罰，但申報不實便會加以處分。
對於中國一直宣稱自己0確診，甚至已無病毒傳播現象，台灣感染症醫學會理事長黃立民認為這有待商榷，但可能有些台商是會帶著病毒回來的，這是台灣境外移入下一波挑戰。
24日陳時中在記者會上被問及此事表示，原先湖北返台都有註記，現在不封城就能讓他們回來，但會照居家檢疫措施流程走，與陸委會進行相關商議討論。而回台的人也都要觀察，若有吃退燒藥也要據實以報，不會處罰，但若隱匿就會有所處分。
陳時中也強調，若回來時有發燒等症狀，先服藥才入境者希望都能誠實通報，絕不會因為吃藥而處分，但沒通報就會，他也重申吃藥身體退燒、壓抑住咳嗽，機場幾乎查驗不到，其實對自己而言並非好事。
</t>
  </si>
  <si>
    <t xml:space="preserve">日本政府今天證實，出現第一起新冠肺炎死亡病例，死者是一名居住在神奈川縣的80多歲女性。這也是除了菲律賓外，全球第二宗在大陸以外地區的新冠肺炎死亡案例。
日本厚生勞動大臣加藤勝信在記者會中表示，死者並無海外旅遊史。婦女因為身體出現症狀，本月初即入院接受治療，稍後轉往其他醫院，在今天過世。
加藤審慎指出，老婦人是否因新冠肺炎死亡「仍不清楚」，新冠病毒與婦人之死之間的關聯尚未明朗，但她是日本第一位新冠病毒呈陽性反應的死亡案例。
</t>
  </si>
  <si>
    <t xml:space="preserve">女星賈永婕持續為台灣醫護送暖，昨（21日）不畏高溫，帶著全家人駕車到基隆礦工醫院送餐和飲料，賈永婕表示這是第一次全家一起出動，兒子因可多玩一小時電動終於加入行列，雖然有在幫忙，不過被媽媽抓包表情不太對，「不要以為戴著口罩我就不知道你臭臉」母子的互動太幽默。
賈永婕全家昨（21日）來到基隆礦工醫院送100份便當、100杯飲料、50份貝果和紅豆餅，暖舉讓院方又驚又喜，因為不確定本人會不會來，沒想到真的親自開車送餐，而賈永婕的車款因被媒體拍到，眼尖網友一看發現是要價160萬起跳的鐵灰色Tesla Model 3，是賈永婕夫婦今年初買給滿18歲的大女兒當代步工具。
賈永婕在臉書透露兒子願意出動，是因為自己讓步給他多一個小時玩電動，「想說讓他見識一下媽媽的超人氣會不會比較聽話一點。好啦算是有在幫一點小忙，雖然一開始臉很臭！不要以為戴著口罩我就不知道你臭臉。」提及女兒，賈永婕笑說自從長女安安加入後，醫護人員的伙食就越來越豐富，像今天的100份便當就是安安國文老師贊助的。
文中，賈永婕也表示高流量氧氣鼻導管全配系統（HFNC）都在持續配送中，21日已直接送往南部、東部；到了晚餐時間，賈永婕好奇問三個孩子們心中的偶像是誰，「原本以為會是我這個媽媽全民女神……安安：玄彬，小羽：瘦子，恩恩：我沒有偶像」讓媽媽好氣又好笑！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伊朗衛生部證實週三有兩人初步確診新冠肺炎，這是伊朗首度通報新冠肺炎的案例。兩起確診病例都出現在伊朗首都德黑蘭南方的什葉派聖城庫姆(Qom)，病患都是伊朗人。而當日稍晚，庫姆醫科大學負責人向媒體表示，這兩名病患已在醫院不治身亡。
伊朗衛生部發言人賈漢普爾(Kianush Jahanpour)也證實兩名病患不幸死亡的消息，死因為呼吸系統疾病。
這兩名病患當日檢驗出新冠病毒後，隨即住院隔離治療，然而病情迅速惡化，當日逝世。目前新冠肺炎已造成全球2014人死亡。</t>
  </si>
  <si>
    <t xml:space="preserve">由於越南新冠肺炎疫情升高，越南總理阮春福21日宣布，即日起暫停所有國際航班入境，但未說明期限至何時為止。
據路透報導，阮春福發表聲明說：「越南將暫停所有搭載外國乘客的航班服務，這是為了減少入境旅客數量。」
截至21日，越南新冠肺炎累計確診病例為92起。同日，越南衛生部也呼籲國內所有衛生工作者，包括醫科學生與退休醫護人員，一起加入國家的抗疫工作。
越南政府昨（20）日下午宣布，自21日凌晨0時起，來自各國的所有入境者皆須集中隔離14天；若發現發燒、咳嗽、呼吸困難等症狀者，將立即送醫隔離。
</t>
  </si>
  <si>
    <t>台灣企業永續學院主辦的「2020年第13屆台灣企業永續獎」（TCSA）今進行頒獎，中華航空連續7年摘下「台灣企業永續獎」，長榮航空則再次拿到《企業永續報告類–運輸業白金獎》，並首度獲頒《企業永續綜合績效類–台灣TOP50永續企業獎》。
今年在新冠肺炎疫情下，航空業經營不易。華航董事長謝世謙表示，公司持續推動永續經營，在經濟、環境和社會面努力達成企業使命，繼本月14日獲得道瓊永續指數（DJSI）肯定，連續4年榮獲全球航空業第3名的佳績，今再獲頒全球及台灣企業永續獎。
長榮航空總經理孫嘉明指出，長榮的永續發展藍圖圍繞著公司「安全、服務、永續」的核心價值，不斷地以紀律來落實飛航安全，以真誠來做好服務，以創新來成就永續。他說，即使今年全球航空業受到新冠肺炎疫情嚴重衝擊，長榮仍以「世界在變，安全不變，疫情再難，克服困難」的原則，擬定策略、調整態度、落實行動，以厚植企業韌性，持續創造投資人、員工、社會大眾及利害關係人最大的利益，善盡企業社會責任。</t>
  </si>
  <si>
    <t>廣告主要為了吸引人關注，因此圖片與字形設計，顯得格外重要。日本中華料理連鎖店「餃子的王將」，為了新冠肺炎防疫措施，日前在店門口貼海報，表示只要外帶商品可享10%折價，明明是開心的優惠活動，但由於字形相當詭異，讓民眾看得不禁寒毛直豎。
日本網友@obamametal經過「餃子的王將」時，發現店家為了防疫，鼓勵民眾外帶食物回家吃，因此在店門口貼出全商品特價優惠，指在3月22日前享有限定回饋，全商品外帶都折價10%，但值得注意的是，店家使用的字體竟是「古印體」，這通常用於日本靈異節目，因此讓不少人覺得毛毛的。
フォントどうした pic.twitter.com/AK1fNt4d5G
許多人紛紛表示「這字體是怎麼回事」、「如果你常看恐怖節目的話，真的會留下既定印象」、「雖然有點怪，但真的引起我注意了」、「古印體給人恐怖感，可能是受七龍珠的影響，而年長者沒看過七龍珠，就覺得這字體給人『歷史』的印象，而更年輕一輩則認為字『澎澎的很可愛』」。原PO也表示，廣告最後寫著「便宜到恐怖」，推測這可能是店家使用「古印體」的原因。</t>
  </si>
  <si>
    <t>過去曾在1983-1985年非洲衣索比亞大飢荒。為援助饑民，美國歌手推出合唱歌曲We Are the World（天下一家）將專輯版稅捐作賑災用途。隔年。1985年台灣光復節40周年召集台灣60位華語歌手共同錄唱《明天會更好》並推出。35年後，由台灣一群高人氣Youtuber重新詮釋這首由羅大佑作曲的經典名歌。
當年《明天會更好》的創作者們希望模仿《We Are The World》群星為公益而唱的模式，來呼應「1986世界和平年」的主題。於是，羅大佑、張艾嘉等臺灣歌手共同填詞作曲這首名歌，並召集了香港、新加坡以及馬來西亞等地共60位華人歌手共同演唱。更邀集台灣當時最知名的唱片公司包括飛碟唱片、滾石有聲出版社(後來的滾石唱片)、福茂唱片等都參與這張專輯。
隔了35年，因新冠狀肺炎疫情升溫、世界各地仍有飢荒、戰事，《就將娛樂》攜手《獨角音樂》，由台灣女網路歌手「蕭小M」邀請22個Youtuber頻道主獻聲合唱，其中破百萬訂閱數的超高人氣頻道就有7個，分別是「阿滴英文」、「滴妹」、「黃氏兄弟」、「魚乾」、「重量級」、「葉式特工」、「聖結石」。
超過50萬訂閱的則有「聖嫂Dodo」、「嘎老師Miss Ga」。另外也有性學知識頻道「超直白」、女網紅「壽司張佳瑩」、「小A辣」等人獻聲。
擁有25萬訂閱數的頻道主發起人「蕭小M」表示，「偶然間聽到這首歌時被它深深的打動，喜歡唱歌的她萌生了一個念頭，或許她可以邀請朋友們一起來為這首歌創造一段新的生命，一段屬於我們這一代的新能量，於是，這念頭慢慢成形了。
她說「很謝謝願意參與的每一個人，因為有這些好朋友，平凡的她才能完成這麼特別的事，因為有你們，我能相信明天一定會更好！謝謝你(妳)們為這世界傳遞了溫暖！」。</t>
  </si>
  <si>
    <t>NFL例行賽還沒開打就有球員嚴重違規，海鷹隊菜鳥席弗藍德(Kemah Siverand)因為偷帶女人進入球隊飯店，直接被球團宣布開除。NFL球隊目前在訓練營，雖然他們例行賽不打算採用隔離式的「泡泡」來阻擋新冠肺炎，他們仍然很重視防疫。
23歲的席弗藍德今年5月才與海鷹隊簽約，NFL官網記者指出這是殺一儆百，「清楚傳達了NFL對球員的要求，如果敢讓大家暴露在風險中，這就是你們的下場。」席弗藍德的劣跡都被監視器拍下，他讓那女人假扮成海鷹隊球員試圖溜進飯店，但騙不過旁人的眼睛。
即使依照疫情爆發前的規定，球員也不可以攜帶外人進入球隊飯店或房間，公羊隊2016年就以同樣理由開除了外接員Deon Long。有球迷質疑聯盟只敢拿這些小人物開刀，如果是明星球員犯錯，球團絕對不敢重罰。
無論如何，NFL下令球員每日檢測新冠肺炎，一直到9月5日為止，他們預計美國時間9月10日開打完整的例行賽。由於他們每隊的例行賽只有16場，所以不需要縮短球季。</t>
  </si>
  <si>
    <t>新北市侯友宜今（26日）主持疫情說明會，全市新增0例確診，居家列管數55人，今天可解隔2人，目前新北市疫情近2周多為0，但也不能太輕忽疫情，侯強調，國外疫情仍嚴峻，必須要阻絕於境外、要戒慎恐懼面對疫情。
侯友宜說，新北再「＋0」是否已經非常穩定？是否都沒有問題？還是要特別提醒市民，目前警戒二級維持至10月4日，Delta印度變異株仍然肆虐，新加坡、南韓、日本甚至包含歐美都非常嚴重，必須要阻絕於境外、要戒慎恐懼。
此外，警戒二級有相關規定，還是要提醒市民，今天為周日，人潮儀表板仍然有警示，烏來、十分瀑布已經達到40％容留量，建議市民非必要不要再前往，都會隨時提醒把疫情穩穩守住，尤其面對千變萬化的病毒要學會謙卑、學習、全力以赴守好意情，台灣疫情愈趨穩定。
侯友宜表示，期盼可以長期看到「＋0」，阻絕於境外、沒有病毒再進來，口罩一定要戴好，一定要遵守相關規定。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46歲性感女星唐玲身材火辣、大方健談，經常穿梭在各大綜藝節目，前年卻悄悄淡出，原來她得了胃癌，眼見最近本土疫情升溫，主治醫師派去前線支援篩檢，唐玲也擔心醫院量能不足，遲遲不敢回診。
唐玲2年前被診斷出胃癌，起初因不想留疤婉拒開刀，被醫生警告會有生命危險，才開啟1年多的化療與手術，過程相當艱辛，身心靈都瀕臨崩潰邊緣。這陣子本土確診數飆高，唐玲上月30日在臉書憂心忡忡：「最近疫情升溫，醫院量能超載緊張，我躲在家裡面防疫，不敢去醫院回診…不知道什麼時候才好？回去追蹤檢查。」協助切除胃部惡性腫瘤的主治醫師，因疫情關係支援篩檢，她不禁感嘆：「如此技術高超的外科主任醫師也要去第一線跟病毒打仗；現在醫療人員真的很辛苦！很危險。」
唐玲希望醫師要多多保重自己，感謝對方「幫我開刀拿出胃癌而且沒有留下疤痕」同時呼籲外界要提高警覺、保持社交安全距離，勤洗手並戴口罩，不要隨意的趴趴走。
許多網友看到唐玲的遭遇，忍不住留言：「我能懂得癌症的人的心情」、「趕快就醫，不要拖了，命是自已的」、「乖乖回診吧，沒染疫胃癌也會要你命」。
事實上，唐玲得知罹胃癌需進行化療，聽到血液腫瘤科醫師詢問：「家裡還有誰？父、母可以陪妳嗎？」情緒數度崩潰，因為她單身獨居，「我家裡都沒有人，父母皆雙亡」好在醫師拿出名片，直接告訴唐玲不能只有一個人，有任何問題都可以來問他，才讓唐玲感受到人間溫暖。
</t>
  </si>
  <si>
    <t xml:space="preserve">針對海軍敦睦艦隊發生新冠肺炎群聚感染，其中1名確診官兵曾經到過屏東大學，即刻啟動疫調，發現確診個案是音樂系校友，16日夜間到校參加社團活動，地點為屏師校區表演廳一樓弦樂社，未曾到過其他校內場所，當天直接接觸同學共有3名，現已居家隔離檢疫中，並並進行環境消毒，並密切追蹤相關學生後續健康情況。
屏大指出，直接接觸的3名同學17日均未到校上課，18日、19日是假日，沒有課程，20日即居家檢疫，也就是說與這3名同學一起修課的同學都未接觸，不必恐慌。
另全校與這3名直接接觸的同學有過接觸的師生，共有20名學生及9名教職員工，目前均自主健康管理，並持續疫調中，已經啟動安心就學方案，實施線上教學。至於確診個案曾到過的場館，周末均已全面消毒。
屏大也宣布，即日暫停所有學生社團活動，且出入校園均須佩戴識別證，非洽公者不得進入。
</t>
  </si>
  <si>
    <t xml:space="preserve">
國內新冠肺炎確診人數日益增多，因此從國外回到台灣的旅客都要進行隔離檢疫，而在機場工作的人也無不小心翼翼，但今（28）日傳出觀光局桃園機場旅客服務中心的一名男員工，因身體不適就醫後確診為新冠肺炎病例。
根據《ETtoday》報導，交通部觀光觀光局桃園機場旅客服務中心的一名男員工，因身體不適就醫後確診為新冠肺炎病例，不過該員工並沒有出國歷史，因此推斷為因為接觸確診旅客而被感染。
觀光局副局長張錫聰也證實此消息，表示這名員工的工作內容為接待旅客、提供旅各相關資訊等，而也有知情人士透露，這名員工平常主要是接待貴賓，有時會在一、二航廈之間走動，但生活方面相當單純，不是待在家就是在辦公室。
而觀光局也立即作出反應，桃園機場中心已全面啟動消毒，並且中心的3位同仁已經返家進行14天的字主管力，觀光局也準備好了異地上班及準備機制，並會配合中央疫情流行指揮中心的相關檢疫作業。
更多 CTWANT 報導
</t>
  </si>
  <si>
    <t xml:space="preserve">Omicron變異病毒株日前於我國邊境發現，為加緊防範變異病毒株入侵，中央流行疫情指揮中心今天表示，目前已於夜診、部分車站開放符合資格的民眾接種第三劑疫苗，目前符合接種資格的第一至三類人員共六萬多人，目前已打了三萬多劑，佔整體比例的一半。
部份專家指出，高風險族群應縮短第三劑的接種間隔，不一定要等滿五個月後才打，可提前至八到十二周，對此指揮中心發言人莊人祥說，近期ACIP將召開專家會議，會將此議題提出由專家進行討論。
指揮中心醫療應變組副組長羅一鈞表示，從我國上周公布的三例Omicron病毒來看，全部都是突破性感染，其中兩人還是打完疫苗不到六個月遭感染的病例，然而各廠牌疫苗對Omicron病毒的實際防護效果必須分開比較，若藉此對入境者實施不同的檢疫措施，對旅客來說可能過於嚴苛，恐不利國人將來返台，因此是否因應不同廠牌的疫苗提出不同檢疫方式，必須加強研議。
莊人祥則說，防範Omicron病毒，需要呼籲民眾踴躍接種疫苗，目前第十八期的公費疫苗接種，符合第一劑BNT接種資格對象有三十一點四萬人，第二劑則有八十五點八萬人；AZ混打BNT的也有二點八萬人，目前除台北車站外，部份車站還有提供第三劑的莫德納疫苗，也有不少基層醫療有夜診服務，歡迎民眾多加利用。
</t>
  </si>
  <si>
    <t xml:space="preserve">鈺太(6679)第二季營運受惠疫情下帶動的居家商機，NB市場活絡，有助於鈺太MEMS(微機電系統)麥克風出貨，長線也在窄邊框NB滲透率看俏下，於產業界具有發展優勢，除NB市場外，鈺太在無線藍芽耳機(TWS)、遊戲機以及智能TV方面下半年也可望有新進展，不僅第二季營運表現可望勝第一季外，下半年仍具有正向動能。
今年上半年因為全球受到新冠肺炎衝擊，居家辦公、遠端教學趨勢快速成長，帶動筆電需求急速攀升，預計鈺太第二季在此趨勢下，筆電MEMS麥克風出貨將明顯貢獻營運動能，整體業績表現將勝第一季。
目前各大PC品牌廠為優化視覺體驗，於原機身架構下設計將螢幕邊框縮窄，以求提高呈現的畫面比例，窄邊框筆電MEMS麥克風由樓式與鈺太承作，兩者市占率各約50%，MEMS麥克風單價亦高於傳統NB。2016年為窄邊框筆電的第一年，彼時滲透率僅1%~2%，今年預計滲透率可以上看22%~23%，隨鈺太在NB逐步拓展營運，其市占率已由2018年的20%攀升至目前35%~40%，未來在產業持續具有優勢地位。
TWS自去年以來躍升消費電子當紅炸子雞，鈺太在TWS藍芽耳機以搭載ANC(自動降噪)為主要切入口，而預計在今年終端市場推出的中高階產品也會陸續撘載ANC，毛利率會相較先前TWS高，且普及率會持續提升，鈺太目前已和各主晶片設計合作，鈺太將於第三季量產支援ANC方案，智能TV品牌廠將TV轉換成帶語音控制，隨客戶第二季開始復工，鈺太亦將跟隨出貨，遊戲機客戶將遞延於下半年推出新款機種，鈺太預計也可望在第三季陸續出貨。
鈺太第一季營收3.67億元，季減少5%、年增加34%，單季毛利率攀升到33.5%，每股稅後EPS為1.4元，帶動毛利率成長的原因主要是產品結構變化與成本控管所致，鈺太第一季產品結構為數位式麥克風占比69%、類比式麥克風占比11%、Audio占比6%、電源晶片5%，以及其他產品9%，其中類比式麥克風與電源晶片兩者下滑幅度大，是因主要消費區域位於大陸，受到新冠肺炎疫情拖累所致，預計該衝擊到第二季隨著疫情在大陸陸續解封後，已經得到緩解。
鈺太5月營收1.47億元，續創單月歷史新高，月增加4.82%，年增加28.44%，累計前5月營收6.54億元，年增加31.99%。
</t>
  </si>
  <si>
    <t xml:space="preserve">全球新冠肺炎疫情不見趨緩，影響民眾出門意願，產業多少都受衝擊，就連靠著各界善款支應的社福團體也不例外，小額捐款數目急凍，在開源不易、只能靠著節流度冬，屏東創世近日拆掉一半燈管力拚省電，因為不知道防疫還得持續多久。
咳！創世屏東分院長林艾樺深深嘆了口氣說，社福團體最重要的捐款旺季就是年底與年初，年底企業為了節稅、年初民眾領了年終獎金，通常都會順勢捐款作公益，未料這波疫情來得又快又急，年底還沒感受，一過了農曆年，彷彿變了一個世界，連二手市集都少了買氣。
收入相較同期少了將近4成，林艾樺表示，植物人照護服務還是得繼續，包括使用的醫材、健康食品，開銷都是固定，只能從日常生活去省；抬頭看看日光燈，從過去每格4盞、已經全部減半，她開玩笑地說，現在每天都是想著要如何省錢。
力拚節流也想著如何開源，創世目前推動守護天使方案，林艾樺說，希望找到每月願意主動捐款的善士，透過每月固定善款挹注，就像是守護院民的天使，讓植物人及家屬都能無後顧之憂。
</t>
  </si>
  <si>
    <t>雙北本土病例大爆炸，馬偕醫院今起公告「登記居住於萬華、板橋者」不得入內就醫，但仍在院外設置就醫門診，卻被民眾誤解為全面禁止，質疑馬偕涉嫌歧視；對此新北市長侯友宜今主持防疫會議受訪表示，他目前沒有聽說這件事，但每間醫院都有責任收治所有病患，不該分「來自板橋、來自哪裡」。
侯友宜說，他沒有聽說馬偕醫院這件事，但病患沒有說來自板橋、或是來自哪裡，每個醫院都有責任收治所有病患，他會責任衛生局來了解狀況。</t>
  </si>
  <si>
    <t>本土疫情未降溫，行政院長蘇貞昌承諾的「第一季到貨2000萬劑進口疫苗」至今僅到貨87.66萬劑，到貨率不到5％；即使加上今（4）日下午預計從日本運來的124萬劑AZ疫苗，也僅達承諾的1/10。立委指政府的「疫苗支票」至少跳票50次，2成醫護還沒拿到去年第4季津貼，蘇貞昌失信於民，是「放羊的孩子」。
5月下旬以來本土疫情燒得又快又猛，本土確診病例累計近萬例、死亡累計166例。立委邱臣遠表示，蘇貞昌2月至立法院專案報告新冠肺炎篩檢、疫苗整備及百億養豬產業基金相關事項時提到，台灣可獲得國外疫苗約2000萬劑（含COVAX約476萬劑、AZ疫苗1000萬劑及莫德納疫苗505萬劑）預計第1季起陸續供應。但衛福部花了370多億採購疫苗，實際到貨僅87.66萬劑（COVAX到貨率12.8％、ＡZ到貨率1.17％、莫德納2.97％）。加上衛環委員會下的「疫苗調閱小組」從4月29日成立到第三會期最後一天5月31日都沒有開過會，邱臣遠表示，最快下周將要求蘇揆赴立法院報告疫苗採購細節。
立委蔡壁如強調，有網友整理去年中以來政府的「疫苗支票」，至少跳票50次，政府「超前部署」已證明是「落後倒數」。另根據第一線臨床醫療的預測圖「COVID-19醫療壓力60日發展過程」統計表，疫情爆發後的第30天、正好就是未來一周，重症案例將增加，政府應考慮盤點重症資源的，公開建置資訊，且熱區監控應該細到以鄰里為單位。
蔡壁如表示，仍有部分醫院第一線醫護沒有拿到防疫津貼，甚至去年第4季還有2成沒下來，今年第1季也還沒有完全撥款，「聽說是審計部刁難。」第一線人員防疫保險，提供未來1至7年長期防疫的準備，同時落實執行第五類傳染病防治工作致傷病或死亡補助辦法，社區快篩站設置經費應簡審快速撥款，「不要輕易解封，或應該輪流解封相關店家。」
邱臣遠說，蘇貞昌2019年就任至今，重大事故傷亡不斷，統計至6月3日，死亡人數高達246人（包含疫情、重大交通事故、國軍意外事故等），台灣防疫下半場要拚疫苗接種率，蘇揆應正視內閣系統性失靈。蔡壁如強調，全民都在等疫苗，然而看不到盡頭的隧道最令人恐慌，政府必須要當「出口的那一道光。」
邱臣遠說，感謝美、日捐贈疫苗馳援我國，但國人更關注疫苗怎麼打？可以選擇什麼品牌？蔡壁如則要求指揮中心應在最短時間內公布疫苗施打時程與規劃，讓大家知道「什麼時候輪到我注射疫苗」，包括各類別接種疫苗時程、哪些人、哪個時間點、可以打哪個廠牌、自費與公費接種辦法、以及疫苗接種受害救濟機制等。</t>
  </si>
  <si>
    <t>因著新冠肺炎的影響，一年一度的西班牙巴塞羅納世界通訊大會MWC也取消以後，各大廠商都改以網路發表會來公布品牌最新產品，像華為就在24日晚上發表了全新升級版5G摺疊手機HUAWEI Mate Xs，而其他陸牌手機如OPPO也將於3月6日舉行全球線上發表會，預計將推出全新Find X2系列，至於小米雖早已發表了陸版的小米10系列，不過國際版將會延後於歐洲發表。
華為全新的升級版5G摺疊手機HUAWEI Mate Xs，也是今年讓消費者期待的手機之一，畢竟三星的Galaxy Z Flip摺疊手機甫在台推出就被一掃而空，因此華為的摺疊新機想當然也是本年度的一大亮點，此次採用了業界獨有的鷹翼鉸鏈摺疊設計，仍是以外摺、螢幕在外的方式呈現，展開後為8吋的柔性顯示螢幕，合上後則變成6.6吋和6.38吋的雙螢幕手機，再配上多組5G天線、品牌最高性能的Kirin 990 5G SoC旗艦晶片等硬體下，不過要價2499歐元（台幣約8萬2300元），因此同樣主攻高端消費層。
至於小米10系列早已發布陸版系列，採用了1億像素8K超高解析度相機，可說是本次最大亮點，更搭載了高通驍龍865處理器，配上對稱式立體聲喇叭，為今年品牌的旗艦頂級機種。小米10 Pro更在甫推出就以相機124分躍升為DXOMARK上第1位，不過目前因新冠肺炎影響，國際版將延後於歐洲舉行，而另一陸牌手機OPPO則預計於3月6日舉辦全球線上發表會，將推出全新Find X2系列新機，主打迄今為止最好的螢幕、訂製的旗艦級圖像感光元件作主打。</t>
  </si>
  <si>
    <t>中國大陸24日宣布，湖北省除武漢市以外解除封城禁令，武漢市規畫4月8日跟進。法人指出，陸官方解封，顯示當地疫情已見減緩，隨著對外交通恢復，復工生產進度加快，就供給端而言，可望以PCB族群受惠程度最高，搭上台股步入反彈格局，激勵瀚宇博（5469）、健鼎（3044）等股價表態上攻。
萬寶投顧總經理蔡明彰表示，中國大陸先前政策方向已宣示要將復工動作加快，隨著疫情高峰已過，新增確診人數減少，湖北解除封城更可望讓生產狀況恢復原先水準，早前因封城受害的台廠供應鏈可望恢復生機，PCB族群有機會扮演盤面反攻要角。
台股24日大漲395點，由電子族群領銜上攻，次產業以PCB表現最為亮眼，瀚宇博、柏承亮燈漲停，華通、台郡分別上漲9.18％、8.72％，扭轉近期跌勢。群益投顧分析，此次新冠肺炎重災區大陸湖北省為PCB生產重鎮，台廠健鼎、欣興、台光電、定穎等都在當地有生產據點，因封城令解除，利空訊息逐步漸散，加上5G、伺服器等大產業趨勢之下，帶動類股走強。
除了中國大陸當地的基建需求外，5G智慧型手機將進入成長爆發期，預期也將帶動PCB產業相關的SLP、天線軟板等規格升級及應用增加。
日盛投顧總經理鍾國忠指出，新冠肺炎疫情最多只是絆住5G發展腳步，不會真正影響到新興科技應用導入，對電子產業需求仍以向後遞延看待，中國疫情狀況趨緩，目前看來亞洲區相對控制得當，生產端持續轉好，後續看英國、美國隊防疫重視程度越來越高，也有助於縮短景氣衝擊。</t>
  </si>
  <si>
    <t>射頻元件及功率放大器（PA）大廠Skyworks墨西哥封測廠受到新冠肺炎疫情影響，被當地政府要求停工至4月底。雖然Skyworks手中仍有庫存因應市場需求，但考量到封測廠停工若延長至5月，將對全球PA元件供應造成衝擊。
據了解，Skyworks近期已轉單台灣封測代工廠，測試大廠京元電（2449）獲急單加持，第二季營收將創歷史新高。
全球新冠肺炎疫情蔓延，墨西哥政府要求境內所有工廠暫停所有非必要的營運到4月30日，Skyworks位於墨西哥封測廠暫停營運。
Skyworks在聲明中表示，墨西哥封測廠因為新冠肺炎情而暫時停工到4月30日，預期不會對公司營運造成明顯影響，但是若新工要求延後到5月，Skyworks恐無法滿足客戶需求並會對營運造成衝擊。Skyworks將在5月4日召開2020年會計年度第二季法人說明會並對外說明新冠肺炎造成的影響。
Skyworks是全球PA元件市場龍頭，包括蘋果、華為、三星、索尼等全球手機廠都是其主要客戶，並與聯發科、高通、華為海思等手機晶片廠有緊密合作。受惠於5G市場進入成長爆發期，Skyworks位於美國的自有砷化鎵（GaAs）晶圓廠仍全線滿載投片，超過80％以上自有產能的後段封測業務都在墨西哥廠完成。
Skyworks墨西哥封測廠暫時停工到4月底，手中庫存水位仍可因應市場需求，但該廠的停工時間若延續到5月，將直接影響到PA元件出貨。由於全球主要手機廠第二季已陸續啟動將於下半年推出的5G智慧型手機的零組件備貨，Skyworks若5月後無法順利供貨，將對下半年手機出貨造成影響。
而據業界消息，Skyworks為了降低生產斷鏈風險，近期計畫擴大對封測代工廠釋出委外代工訂單，除了將部分封裝訂單釋出予日月光，最重要的測試代工急單已交由京元電代工，測試機台開機數上看43台，且測試訂單將逐步放量到下半年。
京元電受惠於5G基地台及手機晶片等測試訂單到位，加上CMOS影像感測器（CIS）及伺服器相關晶片測試訂單續強，3月合併營收月增12.0％達24.91億元，創下單月營收歷史新高，與去年同期相較成長35.4％。第一季合併營收季減2.0％達70.01億元，與去年同期相較成長33.1％，為歷年同期新高紀錄。法人看好京元電第二季營收將創歷史新高。</t>
  </si>
  <si>
    <t>新冠肺炎本土疫情延燒，全國三級警戒自5月19日實施至今已逾1個月，中央宣布再延長至7月12日，百工百業衝擊大，專門照顧植物人的創世基金會哀嚎成為「重災區」，因為植物人的所需開銷8成來自各界捐款，如今捐款斷崖式大減，難以為繼。
創世基金會嘉義院表示，創世基金會全台17所安養院目前照護約800位植物人，每位植物人一個月需4至6萬元，每天開銷支出約100多萬元，警戒第一周，專案捐款即驟降5成，發票、抽痰管、奶粉等捐贈物資也驟減。
創世嘉義院表示，嘉義院目前安養22位植物人、到宅服務100位植物人及失能臥床老人，三級警戒防疫期間，到宅服務改為電話關心，護理人員也「疫」無反顧守候植物人，創世咬牙苦撐，以往經常有人上門捐款，現今幾乎一個也沒有，基金會也無法辦理活動募款，收支捉襟見肘。
創世嘉義院表示，基金會各服務據點陸續接到電話，部分捐助人表明將暫停定期定額捐款，加上民眾減少出門，郵政劃撥捐款也減少，整體捐款面臨斷崖式下滑逾3成，對服務經費約8成仰賴社會大眾小額捐款的創世而言，影響甚鉅。
創世嘉義院表示，現在還有防疫紀念T恤227件、運動毛巾210條待認購捐助，期盼各界展現同島一命的精神，幫助社會底層弱勢，也歡迎每日10元捐贈1片尿布，每月定期定額300元，詳情洽詢創世官網、創世臉書或愛心專線（05）232-0578分機9撐舟小組。</t>
  </si>
  <si>
    <t xml:space="preserve">《中時新聞網》精選5件不可不知的國際大事，帶讀者掌握今（27）日的國際新聞重點。
【1】生死成謎！南韓總統顧問：金正恩依然健在
北韓領導人金正恩許久未公開露面，生死行蹤成謎，美媒盛傳他已經成為植物人，也有報導說他在躲新冠肺炎，南韓方面則堅稱金正恩身體狀況良好。南韓總統文在寅的統一外交安保特別顧問文正仁26日向美國媒體透露，金正恩仍「活著而且狀況很好」。
【2】神隱多日 專列停靠元山
北韓領導人金正恩的健康狀況成全球焦點，他的行蹤也依舊成謎。南韓總統特別顧問指出，「金正恩平安健康」。美國智庫證實，金正恩的專列出現在元山。南韓媒體甚至表示，北韓可能在金正恩指導下試射飛彈。有媒體指出，隨著五一勞動節的逼近，金正恩的狀況到底如何將會更為清晰。
【3】英首相強森 今日復工
英國首相辦公室發言人昨天證實，英國首相強森（Boris Johnson）治療加休養整整超過3周後，27日將重返工作崗位，比原定時間提早。他缺席期間的代理人外務大臣拉布說，強森「迫不及待」全面復工，而強森的復出有助於「提振政府與英國的士氣」。
【4】WHO呼籲 別發免疫通行證
世界衛生組織（WHO）表示，迄今尚無證據顯示擁有新冠抗體的痊癒者可免疫，不會受到二次感染，所以無法保證「免疫護照」或是「無風險證書」的準確性，並提醒各國政府不要發放「免疫通行證」（immunity passport）。
【5】不尋常！年輕新冠患者中風死亡數激增
新冠肺炎高風險族群不再只局限於高齡人士，美國醫院近期發現，愈來愈多年輕新冠患者因中風喪命，顛覆過去高齡患者死亡風險較高的認知。
</t>
  </si>
  <si>
    <t xml:space="preserve">新冠肺炎國內確診病例目前仍以境外移入為主，不過專家表示，相較於外出無時無刻不戴著口罩，在家中密閉空間，若沒有做好徹底防護，家裡可能比外面還危險！
防堵大規模社區傳播是目前台灣的防疫關鍵，《Heho健康》報導，台大公衛學院教授張靜文指出，台灣目前的案例，以家人間的傳染問題最嚴重。近日確診個案中，有一名太太因為每天為居家檢疫的先生送餐，但並沒有確實戴口罩，打掃的時候也沒有戴手套，醫師推測，很可能就是因為沒有徹底做好衛生防護而導致感染。
專家提醒，包括門把、電燈開關、冰箱、微波爐、抽屜、遙控器、桌面和水龍頭…等家人每天都會碰觸的地方，一定要每天清潔，而且建議清潔時要戴上手套，若不習慣戴手套，清潔後也一定要洗手。
此外，由於台灣已經有幼兒園停課，因此「玩具清潔」也是居家防疫的重點之一，除了孩子的手部衛生，千萬不要忘了家中的玩具也可能成為一大污染源。無縫的玩具可直接以肥皂水清洗；不能水洗的，則可用稀釋後的漂白水消毒後，再用清水徹底擦拭一次，並放在通風良好處陰乾。
</t>
  </si>
  <si>
    <t>新冠肺炎持續肆虐全球，也打破台灣長達1年多的平靜日常，掀起本土確診潮，醫療量能因此吃緊，所幸民間也以各自的方式努力送上後援，女星賈永婕就向各界親友募款買救命神器捐給全台醫院，還天天親自送便當，如今雖暫停送愛心便當，但賈永婕又出動了，讓眾人看了感動到不行，直呼：「妳真是把全身都奉獻出來了」。
一直形象正向且相當熱心公益的賈永婕，在這回台灣本土疫情嚴峻之際，第一時間低調伸出援手，不但自掏腰包，還動用廣大人脈，號召演藝圈、商業界親友行善，募捐上百台「救命神器」HFNC及動力濾淨式呼吸防護具(PAPR)，日前又爭取到生產HFNC的紐西蘭總公司再捐450萬耗材給台灣，讓很多長輩、親友都勸她差不多了可以休息了，但賈永婕仍跟家人一同盡心盡力持續奔走著。
前天賈永婕考量台灣疫情微解封，加上大女兒安安出國將出國念書，要準備的事情還很多，因此宣布每天送一百個愛心便當的活動，暫時告一段落，結果昨天(7/15)賈永婕又po文，透露沒送便當也沒閒著，她衝去捐血。
賈永婕在臉書寫下：「熱血少女捐血中，血庫缺血喔，我下午4:00到26號」，還貼心叮嚀大家打完AZ疫苗後不要急著捐，要等兩週才能來捐血，她的暖舉讓眾人超驚訝，感動直呼「女神內心充滿了愛，血液一定超級純」、「熱血美少女戰士是大家的楷模」，不禁讚嘆「妳真是把全身都奉獻出來了」。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新冠肺炎疫情持續升溫，各國為防堵疫情疲於奔命，台灣方面，近來確診案例多屬境外移入，其中，一對先後從美國返台的夫妻引發熱議，理由是2人30年來鮮少回台灣，且早在搭機前就都出現染疫症狀，先生雖先一步抵台後確診，然相關單位正通報註記攔截時，同樣有症狀的妻子已在機上，而兩人確診的相關隔離、治療費用，卻是由台灣政府負擔，因此引發爭議。
旅美夫妻案引發外界議論紛紛，今(4/15)作家苦苓在臉書po文討論此事，呼籲眾人不要再幹譙這對出國30年、如今卻回來免費隔離並治療的夫妻了，直揭關鍵點「應該檢討的是雙重國籍問題」，畢竟「沒有後者，根本不會有前者」，網友也支持這個立論，認為應就這狀況訂定自費模式，盼立院盡速修法。
</t>
  </si>
  <si>
    <t>美國商務部周五公布1月個人所得創11個月來最大月增幅，個人支出符合市場預期，至於個人消費支出物價（PCE）指數持續上升，但仍低於Fed通膨率目標。相關數據顯示，新冠肺炎疫情未爆發前的美國經濟仍穩定成長，但消費成長力道有減弱之勢，恐拉低經濟表現。
1月個人所得經季調後月增0.6％，高於市場預估的月增0.4％。
1月薪資月增0.5％，高於12月的月增0.3％，反映全美21個州最低薪資在增加，和勞動市場的人力供應緊張而增加薪資上升壓力。
1月個人支出月增0.2％，低於12月往上修正後的月增0.4％；原先公布月增0.3％。
1月個人儲蓄率從12月的7.5％上升至7.9％，創九個月新高。
美國三分之二經濟活動來自消費者支出，是推動美國經濟增長的重要力量，因此美國人消費成長力道減弱同時儲蓄卻增加，可能減弱經濟表現。
Fed偏好的通膨衡量指標－PCE指數月增0.1％，年增1.7％，主要是能源價格高於去年同期所致，並分別高於12月和11月的年增1.5％和1.3％。
扣除波動性較大的食品和能源後的1月核心PCE指數月增0.1％，低於12月的月增0.2％；年增1.6％跟12月增幅一樣。
儘管美國通膨在過去兩個月持續增溫，但仍然低於Fed的2％通膨率目標。
專家認為，美國近期通膨增溫情況可能只屬暫時性，因為在中國大陸等約50個國家爆發新冠肺炎疫情後，至少會在未來數周內對石油等大宗商品與其他貨品等需求減少，從而抑制美國通膨持續增溫的態勢。
像紐約西德州油價在1月初時每桶逾60美元，但疫情衝擊油價在本周跌破50美元關卡。
此外，商務部人口普查局公布1月國際貨物貿易赤字經季調後，從12月的687億美元縮減至655億美元。</t>
  </si>
  <si>
    <t>新北幼兒園群聚案今天新增2人確診，累計32人染疫，其中21人的基因定序結果是Delta，而居住在台北市的裝修工人（案16168）與妻子也在其中，疫情指揮中心醫療應變組副組長羅一鈞表示，兩人病毒序列，都與幼兒園病毒序列完全相同。
羅一鈞今於疫情記者會指出，裝修工與其妻子，基因定序今日中午前完整定序出爐，兩人和幼兒園以及過去Delta序列比較，和幼兒園群聚序列完全一致，研判為同一起事件。
羅一鈞說明，整起幼兒園序列和過去國內境外移入、屏東、桃園機師相關群聚，都是不同的，屬於國內全新的序列。
對於裝修工人基因序列與幼兒園群聚的病毒序列，與埃及目前流行病毒株基因序列是否相似？羅一鈞回應，這次偵測到的序列，以國內資料庫中比對，最接近南非境外移入與美國境外移入2起案例，但也只能免強的說相似，因為有6、7個位點差異，不能推論有相關，也可能無關。這起案件會說是全新的序列，原因在於先前並沒有相同或接近的序列。
至於埃及曾在8月公佈過七月底驗出全國Delta的首例，之後就沒再公布相關序列比對，因此會持續關注國際上的發展，現在來說，跟埃及部分沒辦法。</t>
  </si>
  <si>
    <t xml:space="preserve">
新冠肺炎疫情重創餐旅業，台中多家知名餐廳推出便當外賣，昔日單人消費800到1000元才吃得到的經典名菜，濃縮在盒飯中，還200元有找，討論度破表，其中粵菜名店与玥樓推出198元便當，單日狂銷400份；以藝鴨三吃聞名的「印月創意東方宴」也推出銷魂燒鴨三款180元的餐盒，一PO上網即湧入50筆訂單。
五星飯店賣便當已不稀奇，最近吃客們討論度最高的是与玥樓三月推出的便當，包括：招牌三寶飯、玫瑰油雞飯、人氣燒鴨飯全部都只要198元，還滿3免費（限3公里內）外送，滿10送1盒油雞便當；相較於昔日与玥樓1000元到1800元的客單價，這平價便當讓人備感超值，曾創下單日狂銷400份的紀錄，還有人一周訂三回吃不膩，廣大迴響也讓与玥樓計畫3月28前進烏日高鐵站設櫃。
与玥樓表示，所有便當菜色用的是過去店內供應消費者的製作水準，而主菜無論是油雞、燒鴨與三寶都是店內經典名菜濃縮版，這也是為什麼有饕客一周訂兩、三回的原因。
另，以創意東方宴與藝鴨三吃吸引兩岸饕客的「印月」3月17日起推出銷魂燒鴨、神品豬腳、陳麻婆牛肉三款售價180元的餐盒，以及清蒸鮮魚大蝦＋五香肋排的280元頂級頭等艙海陸餐盒，同樣是精選店內經典菜做發想，消息一出，一小時湧入50張訂單。
印月成立14年，其藝鴨三吃一年賣出上萬隻烤鴨，但受疫情影響，不得不傚法同業做外賣生意，其盒餐無論論是燒鴨、豬腳、陳麻婆牛肉都是店裏招牌菜，打出180元的價格也較過去店內點餐一個人至少800元到1000元的消費平價許多；此外也推出外帶自取價1480元一鴨二吃，把店內藝鴨三吃濃縮為片皮鴨＋京醬炒鴨架或酸蘿蔔鴨架湯二選一，防疫期間也滿足消費者在家吃「烤鴨」的口腹之慾。
</t>
  </si>
  <si>
    <t>大陸國家衛生健康委員會週二公佈，8月10日31個省（自治區、直轄市）和新疆生產建設兵團新增新冠肺炎確診病例44例，其中境外輸入病例31例居高不下，具體為陝西9例，上海8例，山東6例，廣東3例，甘肅2例，河北1例，黑龍江1例，浙江1例。本土病例13例仍均在新疆。
當日無新增死亡病例；新增疑似病例2例，均為境外輸入病例（上海1例，福建1例）。當日新增治癒出院病例52例，解除醫學觀察的密切接觸者1729人，重症病例較前一日增加3例。
境外輸入現有確診病例154例（其中重症病例1例），現有疑似病例3例。累計確診病例2200例，累計治癒出院病例2046例，無死亡病例。
截至8月10日24時，大陸現有確診病例794例（其中重症病例44例），累計治癒出院病例7萬9284例，累計死亡病例4634例，累計報告確診病例8萬4712例，現有疑似病例3例。累計追蹤到密切接觸者80萬2273人，尚在醫學觀察的密切接觸者2萬3790人。
當日新增無症狀感染者17例（境外輸入6例）；當日轉為確診病例2例（均為境外輸入）；當日解除醫學觀察13例（境外輸入3例）；尚在醫學觀察無症狀感染者285例（境外輸入137例）。
累計收到港澳台通報確診病例4671例。其中，香港4148例（出院2917例，死亡55例），澳門46例（出院46例），台灣477例（出院441例，死亡7例）。</t>
  </si>
  <si>
    <t xml:space="preserve">Sources: NBA's expected restart dates:- July 30-Aug. 14: Seeding games- Aug.15-16: Play-in tournaments- Aug. 17: Playoffs begin- Aug. 30: Family/guests of teams arrive- Aug. 31-Sept. 13: Conf. Semifinals- Sept. 15-Sept. 28: Conf. Finals- Sept. 30-Oct. 13: NBA Finals
《The Athletic》權威記者查拉尼亞13日凌晨搶先爆料，NBA本季復賽具體賽程已經全部出爐，除了本季例行賽將於7月31日開打，總冠軍賽預計也在10月1日到14日期間進行，不過《紐約時報》記者史坦同時爆出，各隊將先進行3場熱身賽提前備戰。
查拉尼亞爆出的復賽具體賽程如下(台灣時間)：例行賽7月31日到8月15日、分區資格賽8月16到17日、季後賽8月18日開打、球員親友與球隊人員8月31日抵達、分區準決賽9月1日到14日、分區決賽9月16日到29日、總冠軍賽10月1日到14日。
史坦也在13日報導，目前參加復賽的22隊已被告知，將在7月31日本季復賽之前，也就是7月9日到29日期間，各隊必須先在奧蘭多的廣闊世界體育綜合園區進行3場熱身賽，然後6月23日開始，各隊總教練可以參加球員在訓練館進行的個人訓練。
</t>
  </si>
  <si>
    <t>新冠肺炎疫災襲擊全球，嚴峻的防疫挑戰成為重要議題，宏碁（2353）9日宣布將參與由科技部規畫、國防醫學院建置之防疫科學研究中心（Research Center for Epidemic Prevention Science）研究計畫，雙方並將合作透過智慧醫療的研發導入，推助未來流行傳染病的預防更有效率，降低防疫醫療體制的負擔。
宏碁9日並與國防醫學院簽訂合作備忘錄，包括宏碁創辦人暨榮譽董事長施振榮、宏碁董事長暨執行長陳俊聖及宏碁技術長張瑞川皆到場共襄盛舉，國防醫學院則由軍醫局局長陳建同、國防醫學院校長查岱龍及三軍總醫院院長王智弘代表出席，展現國防醫學單位及科技產業對於新型傳染病防治及智慧醫療的重視，在各自領域的專長上貢獻己力。
宏碁董事長陳俊聖表示，宏碁擁有先進AI技術與資通訊產業經驗，以國防醫學院在醫學基礎及三軍總醫院在臨床醫學研究的深厚實力，加乘宏碁在人工智慧（AI）技術領域的科技，合作建立先進疫苗開發平台。此次雙方合作將針對未來新型傳染病的疫苗研發，宏碁也因此成為台灣第一家運用智慧醫療協助疫苗研發的科技公司。
今年爆發疫情以來，宏碁持續以其在智慧醫療之基礎，多領域與防疫及醫學單位合作，包括與台灣疾病管制署（CDC）合作建立醫院感染管制即時通報系統。
此回參與防疫科學研究中心的研究計畫，將首先瞄準疫苗開發，透過宏碁在AI技術之研發加速抗原開發過程，結合國防醫學院的基礎研究，設立AI先進疫苗技術平台，可在未來新型傳染病再次蔓延全球前加速進行疫苗研發。
除此之外，宏碁也正與國防醫學院研議合辦智慧醫療學程，培養醫學及AI雙元人才。未來，宏碁將與國防醫學院在智慧醫療開發進行策略合作，協助加速智慧醫療的產業化、產品化與國際化進程，將台灣智慧醫療研發能力及產品推廣至全世界，結合醫療及科技能量創造更大的價值。</t>
  </si>
  <si>
    <t>素有保險奧斯卡，由金管會及行政院消保處指導、保發中心主辦的「第九屆台灣保險卓越獎」4日宣布起跑，保發中心董事長桂先農表示，2021年將以綠色金融、ESG為新的亮點。
桂先農表示，保卓獎是2005年創立，每二年舉辦一次，一向被保險界譽為國家級保險獎，是其最高榮耀，宗旨是客觀公正專業的評審，選拔優質保險公司，且促進保險公司改善服務品質，透過公開頒獎，肯定保險業穩定社會的功能，且彼此觀摩，促進彼此提升。
2020年因為新冠肺炎沖擊全球，但桂先農強調，台灣保險業受影響「相當有限」，成績有目共睹，保發中心亦不受新冠肺炎影響，持續主辦保險卓越獎，與時俱進，創新獎項，即時鼓勵保險業進行商品創新。
2021年在針對產險競逐的「新興風險保障商品卓越獎」上，桂先農透露，將強調綠色金融推動，近年ESG議題非常熱門，人類造成溫室氣體集中度已達歷史新高，工業革命至今全球溫度上升1度，造成海平面上升，台灣最大風險就是強降雨、淹水、森林大火，若再不降溫，全球都會遭遇浩劫。
壽險部分則是強調ESG的責任投資，不過國際間標準仍在發展中，桂先農強調，一旦標準確定，未來的卓越獎也會納入新的獎項規畫。
保險卓越獎分為三大類獎項，一是公司卓越獎，又有保戶服務、人手培訓、資訊應用、公益關懷及風險管理寺五大獎項，其次是專案企畫卓越獎，有保戶服務、人才培訓、公益關懷、商品創新、風險管理等五項專案企畫獎項，鼓勵各公司以自家創新專案參選，各公司在公司卓越與專案企畫中只能二擇一參賽，讓中小型公司亦有機會得獎。
第三是政策推展卓越獎上，也有微型保險、保型商品、住宅地震保險、強制汽車責任保險、資訊安全、新興風險保商品等推展卓越獎。
保發中心強調，擔任保卓獎的評審每屆都會調整，同時要求評審本人、其配偶及二親等親屬不得擔任保險公司董事、經理人等，極嚴謹、公正及獨立性高。
2019年保卓獎共有36家保險公司及保險輔助人參賽，有14家壽險、11家產險及11家保險輔助人提出125件作單，共有32件獲得金質獎，46件獲得銀質獎；且去年有保險終身卓越獎，由國泰人壽董事長黃調貴獲獎。</t>
  </si>
  <si>
    <t>繼台北市長柯文哲先前發出「特赦令」，呼籲5萬無證移工「出面篩檢、就醫不會抓捕」，移民署宜蘭服務站也針對在4月21日至5月14日曾經出入萬華或周邊地區的失聯移工提出「安心採檢防疫專案」，強調「不收費、不通報、不查處」，無論是合法或失聯、逾期移工，只要疑似出現染疫症狀，都可盡快前往羅東聖母醫院、陽大醫院免費採檢。
全國仍處於新冠肺炎疫情的紅色警戒狀態，特別是行蹤更難掌控的逃逸外籍移工，是否會成為四處藏匿傳染病毒的帶源者更讓人擔憂。
配合移民署的整體政策，宜蘭服務站另外與宜蘭縣政府衛生局商議，除了「不通報、不查處」，宜蘭縣進一步提供「不收費」的服務，只要是在4月21日至5月14日曾經出入萬華地區或周邊地區，不論是合法或失聯、逾期的移工，只要出現疑似染疫的症狀，都可立即前往羅東聖母醫院、陽大醫院採檢，一律免收採撿費用，相關的就醫資料也不會通報警政及移民等治安機關，這段期間也不會因為接受篩檢、治療而被治安機關查處。
另外，因應這波嚴重疫情，移民署宜蘭服務站及專勤隊也啟動分區及異地辦公機制，並推動「外籍人士安心採檢防疫專案」，如果發現身邊有外籍人士、失聯移工曾出入萬華地區週邊或宜蘭高風險地區，可立即向移民署宜蘭服務站聯繫，服務站將會協助聯繫醫院進行核酸檢測篩檢；同樣是採取不收費、不通報、不查處的方式，協助移民朋友們安心平安渡過這次的疫情難關。</t>
  </si>
  <si>
    <t>中央選委會主委李進勇在日前南下了解罷韓投票防疫演練時表示，高雄市要洽借的國立大學、國公營單位場所如果借不到，「我這顆頭剁給你！」在疫情仍持續緊張之際，這種偏頗、情緒性的發言，恐已嚴重傷害了中選會的獨立公正性。
中選會副主委陳朝建4日又變本加厲的召開記者會，以「我依法、我驕傲，給高雄市區長、校長的一封信」，表示如不借用投票場所，會有法律責任云云。陳朝建指出：「依據《公職人員罷免法》57條、《選罷法》11條，區公所、學校辦理地方選舉應出借場地。因此第三屆高雄市長罷免案，出借場地是屬法定義務。」這種無視法律規定，驕傲、恫嚇性的胡亂發言，更凸顯了中選會乖離民主的異化現象。
《公職人員選舉罷免法》第11條規定，各級選舉委員會分別辦理投票所、開票所之設置及管理事項。而第3屆高雄市長罷免案的投票所、開票所之設置及管理事項，高雄市選委會是主辦單位，可以全權決定。又《公職人員選舉罷免法》第57條僅規定：「公職人員選舉（罷免），應視選舉區廣狹及選舉人分布情形，就機關（構）、學校、公共場所或其他適當處所，分設投票所。」並無陳朝建所說，出借場地是區公所、學校的法定義務。陳朝建胡亂曲解法律，恫嚇區長、校長，恐才要負法律責任。
這幾天，新冠肺炎疫情在台灣並未完全消止，中央流行疫情指揮中心在2日公布新增3例境外移入，4日又新增1例境外疫情。對此，振興醫院感染科主任李明政表示，估計磐石艦已進入第3、4波群聚感染，當前居家隔離有症狀才採檢的措施，恐無法及時掌握到無症狀感染者。
由此可見，新冠肺炎疫情仍屬嚴峻，而依教育部在3月31日發布下達的校園防疫措施，明文規定：「校園集會活動參加人數應有所限制。凡室內超過100人以上、室外超過500人以上的集會活動建議停辦，以減低社區感染的風險。」是以，各級學校依此拒絕借用場地，並非無據。
而國立大學、國公營單位場所依照宣告，室內超過100人以上、室外超過500人以上的公眾集會活動建議停辦，以減低社區感染的風險之規範行事，拒絕借用場地時，李進勇真要剁頭嗎？
中央選委會主委李進勇、副主委陳朝建，不應無視法律規定，胡言亂語，而應依據中央流行疫情指揮中心「新冠肺炎因應指引：公眾集會」的6項指標，進行風險評估，並考量是否延期舉辦第三屆高雄市長罷免案之投票。（作者為東海大學法律系退休教授）</t>
  </si>
  <si>
    <t>一個月前，全球將新加坡視為控管新冠肺炎(COVID-19)的模範生，對感染者後續處理的「黃金標準」獲得讚賞，但從3月中開始，新加坡確診案例飆升22倍，從266例增加到5992例，其中有60%是外籍移工，顯示新加坡忽視移工這塊，低估傳播速度，導致確診暴增。
根據外媒報導，社會輿論認為政府忽視移工處境，對待移工方式等同第三世界，他們像沙丁魚，30萬人擠在40多家宿舍，等於是將成千上萬的人「困在」同一棟建築，且12至20人共用狹小房間與衛浴是常態，4月7日新加坡下令關閉國內非必要工作場所，14日封鎖所有移工宿舍，但所有人全擠在室內，反而比平時更危險。
新加坡律師、前外交官湯米科姆(Tommy Koh)曾警告「這些宿舍就像一顆定時炸彈，正在爆炸」，為了降低傳染，政府將部分男性移工安置在停車場、軍營，打算將健康移工安置在郵輪，鑿於先前郵輪爆發感染，還需考慮是否符合防疫規範。
其實新加坡移工住宿環境糟糕的問題存在已久，2008年多名移工感染水痘、2016年新加坡受登革熱、茲卡病毒重創，移工之間也爆發疫情，新加坡國立大學的醫學教授戴爾費雪(Dale Fisher)表示，如果不儘快阻止移工群聚感染，醫療系統恐不堪負荷，戴爾費雪也指出，新加坡防疫政策與香港形成對比，「在新加坡，我們希望生活繼續正常進行」，反觀香港關閉學校、在家辦公、升級控管，目前來看香港做法更加有效，「新加坡應對病毒方式更像是一場賭博，你可能會小贏幾把，然後輸一把大的」。</t>
  </si>
  <si>
    <t xml:space="preserve">
國內疫情持續升溫，本土今（20日）再新增286例確診。眼看全國進入第三級警戒，台灣疫情陷入水深火熱，一名男網友拿目前歐洲疫情當作對照，直呼「台灣真的像一個笨蛋考生」，引起熱議。
據外媒報導，歐盟外交官員今天達成同意，若旅客能證明已接種經認證過的疫苗，將可入境歐盟，新規最快於下周開始實施。一位網友將其引用並分享在網路論壇Dcard上，他表示，歐洲已經幾乎正式解封了，但台灣卻還處在水深火熱當中。」對此坦言，「台灣真的像一個笨蛋考生」。
該網友指出，若用考試來比喻的話，台灣就像一位考生，用了不到一半的考試時間就把考題寫完，然後就大聲的對其他考生喊著「I can help」，結果考試時間快結束時，才悲劇的發現原來考卷背面還有題目。同一時間，其他考生已經幾乎快寫完考卷了，只剩下台灣這個考生還在埋頭苦寫，只能怪之前太驕傲又很粗心。
該網友接著說，更悲哀的是，當這位考生帶著懊悔之心回到家時，想先洗個澡再打場遊戲，「結果沒水不能洗澡也沒電不能打電動。」
對此說法，不少人認同表示，「台灣分數還高？沒水沒電沒疫苗都快成為亞洲笑話了」、「台灣的情況，疫苗施打率過低、醫護負荷過高、篩檢產能低落，哪來的前幾名？」認為台灣防疫已落為B段班。
但有人認為，現在不應過度自卑，覺得台灣好像是全世界最慘的國家。「目前背面考卷雖然還沒寫， 但考試分數還是比大部分的人還高」。一位網友指出，目前台灣篩檢陽性率是0.4％，排全世界倒數的低，且都是針對比較高風險的人進行篩檢，沒有進行普篩，否則數字還可能更低。「這也證明了台灣的防疫成績還是世界前幾名的，當然這只是目前，未來還不確定。」
一位在歐洲的網友則指出，目前歐洲不但沒有解封，看起來也沒有「幾乎」正式解封，入境只是針對有施打疫苗的對象，但歐洲施打疫苗的狀況仍不是很理想，「一天確診人數看國家不同，但基本都是破千。」
</t>
  </si>
  <si>
    <t>國內引進COVID-19疫苗進度緩慢，數量嚴重不足，引發中央分配不公、權貴偷打等爭議，近日網路傳出肺炎鏈球菌疫苗可抗COVID-19訊息，引起民眾熱議，確實也出現民眾搶打現象。亞東醫院家醫科醫師翁資閔表示，施打肺炎鏈球菌疫苗僅能降低感染後引發重症的機率，無法有效預防新冠肺炎。
翁資閔表示，COVID-19是「新冠病毒」感染，而肺炎鏈球菌的疫苗是針對「肺炎鏈球菌」做防護。儘管接種肺炎鏈球菌疫苗無法直接預防COVID-19，但是接種肺炎鏈球菌疫苗的民眾，不幸感染COVID-19後，將可減低重症或續發性感染的機會。
亞東醫院指出，國內目前有23價的公費肺炎鏈球菌疫苗、與13價的自費肺炎鏈球菌疫苗，尚未輪到施打新冠疫苗的族群，可考慮先接種肺炎鏈球菌疫苗，以降低重症風險；已施打新冠疫苗者，也可在與新冠疫苗間隔28天時，接種肺炎鏈球菌疫苗，增加自我保護力。
據衛福部疾管署網站資訊，13價結合型肺炎鏈球菌疫苗是一種不活化疫苗，內含13種血清型，適用於出生滿6周以上幼兒、青少年、成人與長者，疫苗保護力約為10年；23價肺炎鏈球菌多醣體疫苗內含23種血清型，適用於一般成人與2歲以上兒童，疫苗保護力約為5年。
新北市衛生局長陳潤秋15日表示，新北肺炎鏈球菌庫存足夠，民眾要施打可到衛生所去洽詢，但她強調，肺炎鏈球菌疫苗打完兩周內不能打新冠肺炎疫苗，提醒符合新冠疫苗施打資格的長者暫時先不要施打。
亞東醫院表示，為使疫情獲得控制，亞東醫院積極協助政府防疫作為，廣設篩檢站、注射站，並派出機動性強的篩檢巡迴車，加強防疫動能，民眾可以多加利用。另對有意接種肺炎鏈球菌疫苗的民眾，皆可至亞東醫院家醫科門診諮詢接種。</t>
  </si>
  <si>
    <t xml:space="preserve">新冠肺炎境外移入病例再度引起恐慌，民眾又開始瘋搶口罩，尤其特殊色特別搶手，不過專家提醒，口罩別只挑顏色或品牌，最重要的其實是壓條，鼻樑壓條長短不但影響隔絕效果，還攸關製造成本。
一名醫材商在臉書社團《口罩現貨資訊 台灣製造MIT口罩交流 口罩神社》發文指出，仔細比較各家口罩會發現，鼻樑壓條的長短不一，由於衛福部沒有規定壓條長度，因此部分業者為了節省成本，越做越短。
醫材商透露，其實鼻樑壓條越長，隔絕效果越好，而且較能適應不同臉型，鼻樑壓條需完全貼合臉部，才能達到較好的隔絕效果。他以9公分的壓條為例，約只能蓋到鼻翼兩旁，相較於11、12公分長的壓條，就略顯不足。
貼文曝光後，讓不少網友震驚，紛紛回應，「長知識了！」、「好專業」、「13公分真的掛起來比較貼合臉型」。還有內行網友指出，由於西方人五官輪廓較立體，有注意到老外的口罩，壓條幾乎與口罩一樣長，而東方人只要不短於9公分都有包覆效果；也有人說要看銷售市場，銷歐美的壓條一定會比較長。
</t>
  </si>
  <si>
    <t>新冠肺炎本土案例激增，新北市14日動員3萬多人展開全市大清消，全面向病毒開戰，新北市長侯友宜昨到現場視察表示，台灣確診個案頻頻出現，新北位置位於北台灣中心點，在足跡還沒有完全掌控下，超前部署消毒有其必要，也呼籲民眾謹慎面對。
位居中心點 超前部署
侯友宜14日10時抵達三重六張公園視察消毒狀況，由三重區長陳奇正簡報概況，隨後侯友宜巡視附近公園、銀行、餐廳商家等防疫作為，一路上除清潔隊員、公所人員外，還動用國軍兵力30名、悍馬車2輛、MDS106輕消車2具、氣霧式消毒器4具、輕型戰術輪車3輛場面相當浩大，消毒人員更是仔細噴灑藥劑，氣氛嚴肅。
侯友宜表示，新北市在中央公布足跡前，已先針對6行政區包含三重、蘆洲、新莊、中和、永和、五股提前做好消毒工作，近期因台北萬華、宜蘭、基隆群聚爆發，範圍擴散至北北基宜桃，新北市位於中心點更該加強。
侯友宜也說，病毒傳播快速，鄰近縣市都有確診個案頻出現，確診者未必能記得每個足跡，而新北市不可能只有先前消毒的6行政區有足跡，因此新北市超前部署，啟動全市24小時全面大清消。
物資充裕 民眾勿搶購
民政局表示，新北市29區共動員3萬1310人，環保局防疫消毒大隊也出動362名消毒人力，針對市民活動中心、商圈等公有場所進行全面大清消，並請公寓大廈、宮廟、各行政機關及各級學校配合動員響應，同時透過里鄰長廣播系統、LINE群組等多元管道向家戶宣導大清消作業。
此外，消防局協調國軍三三化兵群調派人車支援，警察局亦動員16分局320人協助各區大清消進行交通管制。
經發局表示，13日已邀集轄內百貨賣場、超商超市代表開會討論防疫措施，新北市41座公有市場及127處民有市場也同步進行消毒。針對日前發生民眾搶購民生物資情形，目前物資充裕無缺貨困擾。</t>
  </si>
  <si>
    <t>台灣嚴堵新冠肺炎疫情進入大規模社區感染，各公署都有防疫整備工作，警察工作環境與社區接觸緊密，加上機動性高，遇到突發事件根本無暇思考是否要穿著防護衣，若疫情大爆發，恐成感染高風險群，要避免警力在病毒高傳染的環境中癱瘓，現行辦案模式得重新思考，如何在安全前提下進行。
台南市2015年登革熱疫情大爆發，當年2萬多確診病例中就有不少員警「中鏢」。今年不只新冠肺炎疫情，又逢4年一次的登革熱大流行周期，人民保母面對登革熱病媒蚊前，得先度過新冠肺炎的考驗。
新冠肺炎具高度傳染性，有的感染者無明顯症狀，不難預見未來若疫情持續擴散，警察將身處防疫破口險境，政府除提供完整防護裝備，還需一套完善的防疫制度。
隨著疫情升溫，居家檢疫、隔離民眾愈來愈多，但各縣市屢傳失聯、趴趴走等事件，最後皆依賴警力處理，目前疫情仍看不到終點，警方不管是偵辦案件或協助防疫，執行上面臨的防疫考驗勢必更複雜嚴峻。
儘管警政署下令全台所有警局籌畫防疫因應措施，一旦疫情蔓延，若有員警感染，警局不可能維持正常警力運轉，警察工作性質禁不起一處疫情破口，面對前所未見的新病毒，務必有周全的保護機制，才能保障人民保母執勤安全。</t>
  </si>
  <si>
    <t xml:space="preserve">台灣火鍋吃到飽始祖「可利亞」走過52年，全盛時期全台高達42家分店，但不敵日新月異的飲食習慣及後起之秀競逐，目前只剩3家，今（4）日業者宣布，因新冠肺炎疫情影響，高雄和平店業績暴跌6成，決定在5月底吹熄燈號，也讓老高雄人不捨直呼「又是時代的眼淚」。
「可利亞」曾經稱霸一方，民國58年以石頭火鍋起家，後來開發「火烤兩吃」風靡全台餐飲業，加上民國81年又開創自火鍋自助吃到飽，刮起台灣吃到飽風潮。
「可利亞」總經理今在臉書公告指出，全盛時期在台灣有超過40間直營店，「可惜現在很多年輕人可能已經不認識她了」，尤其這幾年品牌的老化、世代觀念的落差、管理思維的轉變等等，都使得轉型之路異常艱辛。
「我真的不願意讓可利亞就這麼消失，她不只是大家的記憶，也是我一生中最精彩的時光」。可利亞總經理提到，因新冠肺炎疫情影響，無法負擔沉重管理費用，可利亞和平店只能暫時陪各位到5月31日，希望這次別離，不會是最後的道別，未來能以嶄新的面貌，再次與大家見面。
事實上，「可利亞」左營博愛分店經營13年之久，但業者去年公告因租約到期，在2019年2月28日結束營業，也讓許多顧客為之不捨。這次和平店結束營業後，高雄版圖只剩「可利亞無煙火燒肉日式涮涮鍋」楠梓右昌店，但與台北「可利亞石頭火鍋Koriya」分屬不同經營者。
</t>
  </si>
  <si>
    <t>新冠肺炎持續升溫，新北地院為因應大量人流，全台首創「臨時為民服務中心」，13日上午舉辦啟用典禮，未來民眾可在院外做諮詢、遞狀作業，若有需要再至院內辦理後續事項。新北地方法院長陳賢慧表示，以往每日都有300人擠在院內服務處，新的「臨時為民服務中心」啟用後，成功分流人潮，大幅減低群聚感染風險。
新北地院平均每日有300位民眾至此辦理法務事項，但因作業時間長，小小的服務中心常擠滿人群，院方擔心有群聚感染可能，決定以組合屋方式興建「臨時為民服務中心」。
「臨時為民服務中心」共21坪，包含快速遞狀區、法律諮詢區、閱卷區，民眾可在此先做初步法律諮詢、遞狀，再至一樓服務處繳費即可完成所有作業，快速又省時。
民眾周小姐說，以往院內服務處常擠滿人潮，除有感染肺炎風險外，還得排隊等上1個小時才能輪到她，「臨時為民服務中心」成立後，排隊時間縮短至20分鐘，人流分散也讓她更安心。
陳賢慧表示，現在法院都有視訊諮詢，但多數民眾仍喜歡面對面處理法律事務，因此院方才興建「臨時為民服務中心」，將文書處理工作擺在第一線，若有需要繳費、提存、登記再至院內服務處辦理，此舉有效分流人潮，大幅提升效率。
新北地院指出，此構想主要是參考大型醫院的防疫措施，認為若將人流分散至戶外空間，可有效避免肺炎傳染機率，未來若疫情趨緩將會把組合屋移至它處，再做規畫。</t>
  </si>
  <si>
    <t>1名員警在值勤時獲報1名疑似染疫的民眾在家中死亡，他依流程通報衛生局，對方卻是回覆「不到場，不篩檢，一切都給警察、檢察官跟法醫處理」，他最後只能硬著頭皮穿防護裝備到現場處理；而現場3名家屬之後做篩檢均確診，他痛批中央衛生單位完全不照SOP執行，不及時阻斷風險，放任確診者擴散病毒，臉書發文罵「這場疫災我看不到盡頭。」
1名員警在臉書上表示，他日前接獲報案有民眾在家中死亡，詢問後得知死者年紀大、有慢性病，「上週有感冒症狀，119到場量測體溫有發燒」，死者家屬之後聯絡醫院希望做行政相驗，對方則回應「因為死者有相關症狀，所以不能報行政相驗，請警察到場處理，走司法相驗」；該員警通報1922後，對方則要他自行聯繫北市衛生局。
該員警說，之後聯繫衛生局，對方回應「因為死者不是居家檢疫、居家隔離或遭匡列對象，也不是確診者，所以不會到場處理」，要求他請檢察官做司法相驗，若有必要再由法醫採檢；他痛批明明死者是確診疑似個案，醫院和衛生局卻甩鍋不理，「三個小時過去，對於新冠肺炎的高度疑似確診死亡案件，衛生單位給的答案就是：不到場、不篩檢，一切都給警察、檢察官跟法醫處理」。
該員警說，他之後還是與同事穿戴完整防護裝備到現場，當下完全不知道死者是否染疫，而戴著醫療口罩的家屬離僅遺體1公尺，雖傷痛家人逝世，但也同樣緊張會染疫，他後來建議家屬做自費篩檢，稍晚獲知3位家屬結果均為陽性，而他也超級焦慮處理過程自己是否也不慎染疫，當晚選擇入住旅館不回家，隔天馬上去做快篩，所幸結果陰性。
該員警說，他5月26日處理案件，但直到6月5日才在CDC公布的死亡名單看見該個案，直言「如果不是家屬有聽建議自費採檢，他們會再接觸多少人？更別說，對這4位確診者，我也是應該要被匡列的接觸者吧，除了我5/27-5/29自主管理外，我完全沒接到任何衛生單位的電話」。
該員警說，類似的案件不只這1件，許多警察單位都有處理過類似案件，衛生單位都是不到場、不採檢，完全沒有照SOP流程執行，「CDC的超前部署部在哪邊我看不到，只看得到各種甩鍋、各種鴕鳥，疫情期間類似案件一定不少，衛生單位難道連組織辦理可疑染疫死者的評估快篩人員都做不到？」PO文最後提到「太多的無力感，反正，這場疫災我看不到盡頭。」</t>
  </si>
  <si>
    <t xml:space="preserve">
新冠病毒疫情持續影響，為了因應疫情及衛生問題，避免群聚感染，日本知名連鎖迴轉壽司店開第一槍，宣布目前暫停自動迴轉台，改由平板點餐方式送餐，台灣分店目前尚未實施。
日本幾乎每天都有確診案例，為了避免病毒散播，大型遊樂園與觀光熱門景點均暫時休園，各縣市知事也紛紛宣布停課。近期也是日本最具代表性的櫻花季。以往賞櫻景點都是擠滿人群，東京都政府已呼籲民眾盡量不要參加舉行賞櫻活動，以免群聚感染。
更多 CTWANT 報導
</t>
  </si>
  <si>
    <t xml:space="preserve">香港大學感染及傳染病中心總監何柏良今日（31日）接受商台節目訪問，提到潮濕天氣或增加飛沫傳播的速度，形容猶如「超級跑車」。他稱，若於不通風的環境、加上潮濕天氣，有人咳嗽的話，飛沫射程可遠至八米，猶如「超級跑車的速度」，將無人躲得過。他呼籲市民盡量外帶食物，若需要內用則於進食時不說話。
COVID-19新型冠狀病毒肺炎疫情持續，香港累計確診個案超過600宗。政府日前公布新防疫措施，禁止多於4人在公眾地方聚集，措施對不少餐廳構成影響。
香港大學感染及傳染病中心總監何柏良於商台節目上說，過往指出的6個階磚距離適用於無戴上口罩時，能減少飛沫傳播風險，不過香港近日潮濕天氣或影響相關論述。他指，近日有美國研究指出，若於濕度高的環境，加上有人咳嗽，飛沫的速度將增至1秒30米，而射程更可遠至8米，形容猶如「超級跑車的速度」。
何柏良說，若於不通風的環境下，加上潮濕天氣，沒人能夠躲得過這些高速飛沫的攻擊。他說明白這項措施對餐飲業的影響，也心痛餐廳的經營情況，但仍希望市民盡量不要堂食，若必須堂食則應避免進食時談話。
至於近日有違反隔離令的人士被判刑，何栢良稱歡迎法庭判決，認為自3月起違反禁令的嚴重程度更高，因當時全世界疫情嚴峻，認為法庭會考慮嚴重性有合適懲罰。他指，政府於執行措施時應有一致性，對於近日頒布的聚眾法例要零容忍。
至於近日醫院管理局行政總裁高拔陞提出，讓康復中的病人出院回家隔離。何柏良不認同有關做法，認為必須以集體隔離方式處理，並採取加強版防感染措施，包括立法強制戴口罩。
</t>
  </si>
  <si>
    <t xml:space="preserve">紐西蘭央行周三宣布維持官方現金利率不變，仍為0.25%，但將量化寬鬆（QE）計畫規模擴大一倍，並表明已準備好在必要時採用額外的貨幣政策工具，包括進一步調降現金利率，以緩解新冠肺炎疫情對經濟造成的衝擊。
紐西蘭央行宣布將規模龐大的資產收購計畫，由330億紐元進一步擴大至600億紐元（362.2億美元）。央行擴大QE，且不排除再度降息，周三盤中，紐西蘭元下跌0.7%，報0.6033美元。
此決議符合市場普遍預期。該央行3月召開臨時會議，宣布緊急降息3碼（75基點）。
紐西蘭央行周三在會後聲明中表示，決策委員會認為負利率可能成為未來的一個政策選項，儘管目前金融機構尚未準備就緒，但與金融機構為負利率做好準備的討論正在進行中。
</t>
  </si>
  <si>
    <t>根據美國媒體報導指出，NBA第一位染上新冠肺炎的爵士中鋒戈貝爾以及後衛米契爾因為疫情問題而鬧翻，但爵士副總裁丹尼斯受訪時表示，兩人目前已經握手言和了。
戈貝爾可說是NBA的罪人，因為他的染病導致NBA停賽至今，何時能復賽可說是遙遙無期，而米契爾認為自己生病是戈貝爾傳染給他的，所以雙方開始交惡，很長一段時間沒有說過話，甚至傳出爵士打算把戈貝爾交易出去。
丹尼斯說，米契爾和戈貝爾已化解誤會，將所有不愉快的事情拋諸腦後，我們需要一個團結的球隊，他們也知道互相需要彼此。</t>
  </si>
  <si>
    <t>近期大陸因Delta變異病毒導致疫情再起，一度波及約一半省分，包含南京、揚州、鄭州、張家界等地都成為重點警戒城市，同時也衝擊大陸經濟，專家研判雖然復甦趨勢不改，但勢必會影響部分產業的短期表現。這也讓大陸台商為因應變局而持續調整經營策略，像是廈門日前就與當地台辦機關溝通，討論訂單雖滿但運往海外物流不易與企業申請周轉金等問題。
此外，揚州台協會長方丁玉也透露，這段期間也開設像是直播班等課程，幫助當地的台商同業，可多利用直播發展業務。甚至在較軟性的需求上，也透過揚州台協舉辦如乒乓球、羽毛球訓練班，日前又開設免費瑜珈課，都吸引不少台胞參加。
由於大陸近期受到變異株Delta疫情影響，從7月底開始就有不少省市一度發布各種防控限制措施等。大陸財信證券首席經濟學家伍超明表示，這不可避免會對人員聚集行業如消費、服務業產生影響，抑制短期經濟表現。
同時在疫情衝擊全球大環境未完整復甦之前，台商也得持續「精打算盤」思考怎麼防衝擊、擴發展。廈門台商協會會長吳家瑩透露，近日與廈門市台辦官員就舉行座談會，就疫情下所面對的經營問題進行溝通討論。
吳家瑩表示，由於歐美疫情因素，廈門在體育用品、衛浴設備跟高科技相關訂單滿滿。但卻面對海運費用變貴，甚至沒有貨櫃可運輸問題，希望大陸官方可協助增加船運量與從廈門出發的中歐班列班次，好協助台商更多、更便利的將貨品出口到海外各國。
吳家瑩也指出，另外像是餐飲業等類型台商，基於產業特性衝擊仍較嚴重，需要週轉金這塊，也在座談會上向與會的當地金融監管官員反映，有望加速幫忙台企小額貸款等問題。
此外，實際從去年初疫情爆發以來，就有很多台商、台幹至今滯留在大陸。這波疫情是否再度影響台商台幹的兩岸移動。對此，吳家瑩認為沒有太大變化。觀察抵達廈門班機的台灣人沒有明顯減少。
他表示，目前兩岸對入境的邊境管制力道都未放鬆，許多在廈門的台商或台幹雖然待了很久，暫時也還沒有返台打算。他坦言中秋節回台人數大概也不多，只能期待明年過年。</t>
  </si>
  <si>
    <t>巴西衛生部上周末表示過去24個小時內，新增確診數4萬1,350人，讓累計確診達384萬6,153人，新增死亡758人讓累計死亡逾12萬人。儘管累計確診與死亡均為全球第二高國家，但近幾周來單日的新增與死亡數已穩定下來而沒再激增。</t>
  </si>
  <si>
    <t xml:space="preserve">美國代理海軍部長莫德里（Thomas Modly）周一早上向「羅斯福」號（USS Theodore Roosevelt，CVN-71）航母官兵發表談話時，痛批被拔官的前艦長克勞齊（Brett Crozier）是「笨蛋」。
據CNN新聞網7日報導，莫德里告訴艦上官兵，前艦長克勞齊身為指揮官，卻故意把備忘錄洩漏給媒體，警告艦上新冠肺炎疫情蔓延，力促高層採取行動，以拯救艦上官兵，不是「太天真，就是太笨」。不過，他周一晚已向克勞齊致歉。
事實上，除了笨蛋說外，莫德里還指控克勞齊「背叛」，藉由廣泛向海軍官員示警，在華府製造「大爭議」。
根據多名海軍官員提供的錄音顯示，莫德里說，「這是背叛，而我還可以告訴各位一件事：由於他那麼做了，將事情置於輿論下，如今這在華府成了大爭議。」然而，在眾議院軍事委員會（House Armed Services Committee）高層周一晚要求他辭職後，莫德里終於為這番話道歉。
「讓我說清楚，我不認為克勞齊艦長天真或愚蠢。我認為，並始終堅信，他恰恰相反，」他說，「我們挑選航母艦長時小心翼翼，克勞齊艦長既聰明又熱情。我認為，正由於他既不天真也不笨，因此刻意向公共領域發送示警電子郵件，想要引起大眾對他艦上狀況的注意。我為這用字遣詞可能引發的任何困擾致歉。」
此外，莫德里還為自身「言語可能造成的任何痛苦」，直接向克勞齊賠不是。他並表示，向克勞齊與他家人，還有海軍全體衷心承諾，將繼續幫「羅斯福」號全體人員恢復健康，克服這不幸的狀況，以重返海上。
當美國總統川普周一被問及莫德里的言論時，他表示自己沒親耳聽到，但已經聽說了。川普說，如果莫德里真是這麼說了，那措詞很強烈。不過，他指出，克勞齊不該寄出那些信，當然也不該外洩。他強調，「這是軍事行動」。可是川普也打圓場說，他們兩人都是紳士，他聽到有關兩人的好評，並將從化解的立場來介入。
除了前艦長克勞齊檢測呈陽性外，據海軍官員說，到周一為止，「羅斯福」號約4,800人中，已有61%人員接受新冠肺炎檢測，並有173人確診。而艦上約有2,000人已下船，撤離到關島。而原本軍方說，到上周五傍晚時，將讓2,700人上岸。
</t>
  </si>
  <si>
    <t>新冠肺炎疫情攀升，行政院長蘇貞昌在臉書表示，為了合作對抗新冠肺炎 ，今天早上外交部 Ministry of Foreign Affairs, ROC（Taiwan）與美國在台協會 AIT 共同發出「 台美防疫夥伴關係聯合聲明 」。未來兩國將攜手合作防疫。
蘇揆說，除了防疫醫療物資和設備互通有無，兩國的專家將會攜手合作，共同研究生產快篩、疫苗、藥物，致力讓兩國的人民都能獲得最好的醫療保護。
蘇揆文中還說，A friend in need is a friend indeed. 這就是患難見真情，未來，在對抗疫情的路上，台灣不會孤單、台灣可以幫忙。
新冠肺炎,行政院,蘇貞昌,台美防疫夥伴關係聯合聲明,台南大學,成大,南部國立大學,居家檢疫,衞福部</t>
  </si>
  <si>
    <t>微控制器（MCU）廠松翰（5471）在新冠肺炎疫情持續延燒下，耳溫槍及紅外線測溫MCU訂單持續湧入，預期上半年接單量將可望遠高於2019年水準。法人看好，在陸系、台系客戶追單力道維持強勁格局帶動下，松翰上半年合併營收將可望相較2019年同期明顯成長。
新冠肺炎目前除了中國大陸受疫情影響之外，日本及新加坡等國也傳出社區感染狀況，由於新冠肺炎最顯而易見的病癥就是發燒，因此市場上掀起大量額溫槍及耳溫槍等訂單需求，切入相關供應鏈的廠商接單量開始大幅成長。
市場傳出，松翰已經接獲中國大陸電商的大筆訂單量，且光是單一陸廠的下單量就已經超越松翰2019年的全年耳溫槍MCU訂單水準，另外還有其他陸廠也開始向松翰緊急下單，因此松翰光是大陸客戶的訂單水準就已經相較松翰2019年倍數成長。
不僅如此，由於全球各地陸續出現新冠肺炎疫情，因此台系廠商為搶食這波耳溫槍訂單，亦開始向供應鏈追單，除外銷到中國大陸外，歐美及東南亞同樣也是目標市場，法人指出，松翰自農曆春節後，在訂單持續湧入帶動下，全年接單量將可望遠高於2019年水準。
松翰公告2020年1月合併營收達1.71億元，寫下11個月新低。不過法人指出，由於1月有農曆春節假期，且第一季本就為傳統淡季，因此松翰當月業績表現為正常水準。
但進入2月後，在耳溫槍訂單持續湧入帶動下，法人預期，松翰業績將可望開始逐步升溫，3月起合併營收更將出現明顯成長，上半年合併營收有機會超越2019年同期，並繳出雙位數成長水準。
松翰在醫療產品線當中，除了耳溫槍之外，還具備血壓計、血糖儀及紅外線測溫等解決方案，且過去就已經獲得歐美及日本等一線大廠訂單，在該產品線上與國際IDM廠齊名。</t>
  </si>
  <si>
    <t>因應新冠肺炎疫情延燒，口罩實名制2.0上路，但站在第一線的醫院防疫物資卻嚴重吃緊，東港安泰醫院估算，目前庫存的隔離衣恐怕撐不到1個月，因此近日啟用獨立採檢室，不讓民眾進入院內以減少資源使用，同時也建置獨立發燒篩檢中心與急診分流，提升防疫量能。
「醫院的防疫物資真的太缺乏！」東港安泰醫院榮譽院長蘇清泉指出，當大家都在關注口罩夠不夠用時，唯有站在防疫第一線的醫護人員擔心隔離衣、防護衣還有沒有，而答案往往令他們壓力倍增，以東港安泰來說，防護衣約剩500件、隔離衣約800件。
蘇清泉說，隔離衣、防護衣過去多靠中國、越南、菲律賓進口，且生產原料也幾乎仰賴他國，若這些國家再不開工趕製，對台灣醫護很不利，以東港安泰1天約用掉30件隔離衣來看，如果不再控管使用，可能不到1個月就沒得用。
他無奈說，有加護病房的醫護人員為留隔離衣以防疫情大爆發時有得穿，目前已穿起布製隔離衣，彷彿回到過去般，靠高溫消毒來防堵病菌。
東港安泰為減少防疫物資使用並兼顧醫護品質，近日在院外1間半開放空間成立獨立採檢室，並將Ｘ光機搬到室外，讓有發燒、旅遊史、接觸史等需要接受採檢的民眾，不必進到醫院也能做。蘇清泉說，以往民眾進到醫院做採檢後，幾乎要全面消毒，而啟用獨立採檢室後，只需顧好這個區，就能有效防範交叉感染。
此外，院方也建置獨立發燒篩檢中心與急診分流，同時將慢性病處方箋領藥處移到室外，做到「分艙分流、盡量不讓民眾進入醫院」的最高防疫原則。</t>
  </si>
  <si>
    <t>高端疫苗昨天登上公費疫苗接種意願登記平台，開放民眾選擇施打，總統蔡英文也在第一時間上網登記，並選擇高端疫苗。外界關心到時候要如何安排總統接種？衛福部長陳時中今天表示，總統上網登記意願後仍循一般的接種模式，要等開放預約後才能上網預約，所以到時候要「麻煩總統趕快上去預約」。
陳時中表示，總統現在已經上意願登記平台完成登記，接下來就是等開放預約，到時候要麻煩總統趕快上去意願登記進行預約，之後才能安排施打。
除總統外，副總統賴清德也表示要等聯亞疫苗出爐後進行接種。但陳時中今天說，要感謝總統、副總統對國內生技產業的關心與支持，但相關審查不會因為總統、副總統想打就趕快通過。
陳時中表示，「這是兩件事，總統、副總統表達愛護是很好，但審查是否通過這屬於專業的事情，必須交給專家研判。」
有網友擔憂，先前登記莫德納疫苗的由於遲遲等不到疫苗，最後恐怕只能選擇高端，變成疫苗白老鼠。陳時中對此解釋，沒人會自己跑去做白老鼠，這是別人有這樣的誤解，「有登記高端的人都是對高端很有信心，就如同登記打莫德納、AZ都是對這兩個疫苗有信心。」</t>
  </si>
  <si>
    <t xml:space="preserve">台灣疫情趨緩，究竟未來疫情會如何發展，有沒有機會清零？精神科醫師沈政男表示，清零絕對有可能，且內用與清零並不違背，從香港經驗就可以看到，他們從確診一萬一千多例，目前已經本土零確診超過50天，更點出台灣現在的全民公敵，就是特殊社交群聚。
國內昨天(28日)新增18例本土確診，沈政男在臉書表示，從7月8日出現18例以來，已經過了20天還是18例，代表最近三周，傳染力R值已經維持在0.9-1，有往下降但速度很慢，「為什麼？當然是特殊社交群聚，今天高雄又傳出確診，可能也是從台北傳下來，而且一直到前幾天都還在聚會，顯見即使成為全民公敵也是不怕」。更懷疑北市長照機構住民染疫，是不是間接來自特殊社交圈，「這也得把疫調做清楚，否則清零遙遙無期」。
接下來台灣疫情會怎麼發展？沈政男表示，可以參考香港經驗，香港至今確診1萬1千多例，幾個月前也有一個高峰，後來慢慢下降，目前已經本土零確診超過50天。並指出清零之路很漫長，因為到了新增個位數以後，R值就會拉抬到接近1，這時必須施加另外的防控力道，才可能繼續壓制傳播鏈。
至於開放內用，沈政男表示，看香港的防疫須知便知，規定非常清楚，依餐廳每桌用餐人數畫分防疫要求，而非一概而論。但共通點是，餐廳人員必須接種疫苗或定期檢測PCR。從香港的新增確診曲線來看，後半段看起來跟台灣現在很像，「但台灣有其他人去看嗎？沒有了」，強調內用與清零並不違背，清零絕對可能，但前提是不要放棄清零目標。
</t>
  </si>
  <si>
    <t>受台積電等企業改按季配發股利等因素影響，財政部昨公布前4月稅收統計，包含綜所稅、營業稅與總稅收都創歷史新高。財政部統計處副處長陳玉豐表示，依經濟部統計，今年以來國內零售、餐飲業銷售額受新冠肺炎波及，逐月衰退，預期稅收衝擊將在5、6月反映。不過從4月娛樂稅、契稅、印花稅等小稅目稅收較去年同期下滑，已可初步看到疫情已波及KTV等娛樂業與商業活動。
財政部公布4月稅收實徵淨額為1191億元，年增為6.1％，累計前4月稅收5196億元，較去年同期年增率9.2％。陳玉豐表示，營業稅、營所稅及綜所稅合計占總稅額約7成，且前4月稅收占全年總額僅約2成，新冠肺炎疫情對全年稅收影響尚難評斷，要等5、6月大稅目如房屋稅、所得稅開徵後，才會陸續顯現。
娛樂稅受到衝擊則非常明顯，依財政部統計，受演唱會等活動取消，民眾赴KTV等場所聚會情形減少，4月娛樂稅年減24.3％；攸關訂定契約等商業活動的印花稅也較去年同月減少4.6％。值得注意的是，美股3月大洗三溫暖，4月回穩，統計前4月台股日均成交量約1864億，證交稅達371億元，創12年同期新高。
依財政部統計，目前申請緩繳或分期繳稅案約3000件，影響稅收約4億元。</t>
  </si>
  <si>
    <t>韓式連鎖餐飲集團豆府（2752）2020年原訂加快旗下品牌展店步伐，惟受新冠肺炎疫情衝擊，門市來客數仍受影響。董事長吳柏勳坦言，目前展店計畫將暫趨保守，籌備中的3家新店仍將如期在上半年陸續開出，其他展店計畫進度則暫時延後。
豆府目前旗下品牌有涓豆腐、銅盤、北村豆腐家、韓姜熙的小廚房，加上透過代理跨足非韓系料理的飛機河粉，2019年合計新展12家店，帶動合併營收創13.95億元新高，年增26.17％，稅後淨利亦創1.3億元新高，年增13％，每股盈餘（EPS）6.66元。
受惠展店效益持續顯現，豆府2020年2月自結合併營收1.21億元，雖月減22.85％、仍年增7.99％。累計1～2月合併營收2.78億元，年增達30.42％，雙創同期新高，受新冠肺炎疫情影響相對較輕。
不過，隨著新冠肺炎疫情日益嚴峻，吳柏勳坦言對營運影響已見擴大，3月集團門市總來客數雖持平去年同期，但低於內部預期逾15％。因此，集團原定擴大新展14～16家的目標雖尚未調整，但展店進度將較原先預期延後。
吳柏勳指出，包括新燒肉品牌在內，集團目前共有3家新店籌備中，將如期在上半年陸續開幕迎賓。至於其他仍在洽談條件的展店計畫，進度則會稍微延後。同時，集團也緊鑼密鼓加快新冷凍商品研發，包括豆腐煲、辣炒年糕、人蔘雞湯等。</t>
  </si>
  <si>
    <t>全台首例！三峽恩主公醫院因醫療作業疏失，將未稀釋的原液疫苗BNT誤認是殘劑疫苗，原本可供150人施打的疫苗變成25人施打，新北市衛生局獲報後對醫院做出即起暫停疫苗施打一周的懲處，恩主公醫院今表示，因部分散裝疫苗瓶蓋掉落，工作人員誤以為是已稀釋完成的疫苗就替民眾施打，對於醫院訓練不足坦承疏失並向民眾道歉。
恩主公醫院27日負責在鶯歌區永福宮接種站進行BNT疫苗接種作業時，因作業疏失，造成25位民眾遭施打「未經稀釋的疫苗原液」，恩主公醫院副院長王炯珵表示，27日現場工作人員於中午清點施打數量時發現異常，經詢問值班藥師、護理師後發現，此次配發疫苗包含散裝25瓶，因有部分散裝疫苗瓶蓋掉落，造成工作人員誤以為是已稀釋完成的疫苗，未經過再次確認即進行施打，事件發生後本院立即進行檢討與改善，對於現場人員警覺性不夠、交班資訊落差及未再確認疫苗狀況就進行施打，造成25名民眾施打未稀釋的原液疫苗一事，致上最深的歉意。
恩主公醫院指出，25名民眾接種原液，包含11位男性、14位女性，年齡分布18到65歲間。其中20名已回門診進行相關檢查，有9位民眾同意住院觀察，目前檢查均正常，未入院者將由專人聯繫追蹤，若有身體不適立即協助就醫診療，請民眾回診。
院方已成立專案緊急應變小組，由心臟內科、小兒心臟科主治醫師、護理團隊、醫事人員醫療團隊，並對25名民眾進行相關預防性醫療措施包括心電圖、心臟超音波、X-光及血液檢查、生化檢查及D-dimer及尿液檢查，目前有住院民眾接受留院觀察3天，出院後預計每週回診一次，並安排心電圖、心臟酵素檢查，第四週將安排心電圖、心臟酵素、心臟超音波、血液檢查、生化檢查等。無法留院觀察者，安排門診回診及每日專人電話追蹤健康狀況為主，目前除2位民眾於施打處有打完疫苗常見的紅腫外，其他檢查結果一切正常，相關監測將會持續追蹤一個月。
醫院昨已於第一時間通報中央疫情流行指揮中心及新北衛生局，王炯珵說，指揮中心聽聞後感到震驚，要醫院深切檢討，院內會深刻檢討事件發生始末，並立即改善作業流程、加強教育訓練，避免類似錯誤再次發生，此次事件給予醫院全體上下深刻的學習，未來我們會更謹慎仔細，盡最大努力給與病人最好的照護。</t>
  </si>
  <si>
    <t>哈佛醫學院根據到醫院就診的衛星圖像和搜尋引擎數據進行的研究顯示，新型冠狀病毒可能最早是在去年8月於大陸傳播。研究顯示，去年12月正式有新冠肺炎疫情記錄之前，武漢民眾到醫院就診、以及有關症狀的網路搜尋就已經增多。
據路透報導，哈佛研究指出，雖然不能證實這些跡象的增加與新冠肺炎直接有關，但證據支持了最近的其他研究，這些研究表明在確定華南海鮮市場之前，病毒就已經出現。
而大陸國家衛健委8日公告，8日大陸31個省（自治區、直轄市）和新疆生產建設兵團報告新增新冠肺炎確診病例3例，均為境外輸入病例（廣東2例，四川1例）；當日新增無症狀感染者21例（境外輸入2例）；無新增死亡病例；無新增疑似病例。
截至8日24時，據大陸31個省（自治區、直轄市）和新疆生產建設兵團報告，現有確診病例58例（無重症病例），累計治癒出院病例7萬8351例，累計死亡病例4634例，累計報告確診病例8萬3043例，現有疑似病例1例；累計追蹤到密切接觸者74萬7232人，尚在醫學觀察的密切接觸者2971人。</t>
  </si>
  <si>
    <t>新冠肺炎擴散全球，台灣在指揮中心的全力防堵下，交出亮眼成績單，更做起「口罩外交」，贈送大量口罩給重災區，未料不論是日本或是歐盟，第一波解禁名單卻都沒台灣，引起網友熱議，就有人表示，若台灣一直沒被解封，恐怕「Taiwan can help」要變成「Taiwan need help」了。
歐盟宣布將在7月1日重開邊境，首波名單除了加拿大、紐西蘭、澳洲等10餘國外，對大陸也將「有條件開放」，表示若大陸願意開放歐盟國家旅客們入境，那就會列入安全清單中，然而對台灣卻隻字未提。
此事也引起PTT網友熱議，不少人紛紛大嘆：「Taiwan can help，結果...」、「口罩外交，事實證明人家拿了後就懶得理你」、「收我們一堆口罩，結果翻臉不認人」、「台灣就小島而已，又沒邦交，誰理你阿」、「國際只跟你講現實跟利益，誰跟你講人情」、「熱臉貼人冷屁股」、「覺青要出征歐盟了嗎」，更有人發問：「如果到時候全世界都已經陸續向其他國家解封，結果一直沒台灣，是不是要把口號改成Taiwan need help」？</t>
  </si>
  <si>
    <t xml:space="preserve">自去年初爆發新冠肺炎至今，全國多數國家仍處於嚴峻的疫情中，目前除積極擬定防疫對策外，疫苗也陸續研發完成，日前大陸推出自己研發的疫苗，但功效如何受到外界質疑，有待在對岸的台商爆料，接獲當局寄來的單子，並被要求填寫，填完竟遭強迫接種，直呼毫無選擇權就被施打，此事讓定居大陸多年的資深藝人黃安震怒，嗆爆料台商胡說：「放屁！你愛打不打，你想打就打」。
日前爆出台商被陸相關單位強打自產疫苗傳聞，黃安聽了氣不過，近日在微博po文，直接暴怒嗆聲「哪個台商打了疫苗？哪個台商又被強迫打疫苗？站起來走兩步，我會會你」、「這種逼樣我肯定給它動次打次」，接著又貼出自己受訪的影片，表示會對自己說的話負責，「不要造謠，不要傳謠，不要相信假新聞，相信真話」，氣到說話都沙啞。
黃安誓言說真話後，先是大讚大陸了不起，「世界唯二、唯三的疫苗我們都有了，而且口碑很好，世界各國搶購，作為中國人，我們都可以被通知，分別安排去施打疫苗」，還讚中國人是很聰明、小心的民族，做疫苗絕不會拿自己的人民開玩笑，「所以中國疫苗值得信賴，高貴不貴」，黃安說自己定居對岸，就等同台商，「我的感受就是真實的感受」。
黃安更說大陸當局絕對沒有逼打疫苗的情事，「你愛打不打，你想打就打，你想怎麼打就怎麼打」，還說自己「我不打，誰能逼我打？」，表示在對岸施打疫苗都是個人自由，影片中，黃安慷慨激昂的訪談，還被旁人盛讚說得好。
</t>
  </si>
  <si>
    <t>新北市長侯友宜今（3日）主持防疫記者會表示，今天有長者非常踴躍施打，2日至3日中午12時共預約4萬8713人，完成接種4萬6385人，接種率達95％，會依據年齡、順序安心施打，請長者安心到現場施打。
侯友宜也提到，感謝很多朋友、企業、宗教團體捐贈愛心大台平，給予社會很多的愛心。
★《中時新聞網》提醒您：因應新冠肺炎疫情，疾管署持續加強疫情監測與邊境管制措施， 如有疑似症狀，請撥打：1922專線，或 0800-001922， 並依指示配戴口罩儘速就醫，同時主動告知醫師旅遊史及接觸史，以利及時診斷及通報。</t>
  </si>
  <si>
    <t>57歲的葉彥伯擔任彰化縣衛生局長長達16年，創下全台最資深衛生局長紀錄，但這位聲名大噪的食安英雄，卻在積極對抗新冠肺炎防疫時，慘遭中央動用政風單位嚴打嚴辦，只因他戳破了衛福部拒不普篩的神話！
葉彥伯是全台唯一具有醫師身分，而且擁有公衛博士學位的衛生局長，在偏鄉衛生所擔任醫師、出身基層，充滿使命感，2004年起掌舵彰化縣衛生局迄今，歷經藍、綠4任縣長，也與台大公共衛生學院攜手合作16年，年年針對彰化縣26鄉鎮市健檢，建立龐大的流行病學數據分析資料庫，更在癌症防治上有顯著貢獻而獲獎，並獲陽明大學傑出校友表揚。
2011年，彰化縣衛生局率先揭發塑化劑事件；2013年，在食安稽查中在發現大統橄欖油成分有異，進而與檢方攜手查獲轟動全國的黑心油品事件，從塑化劑、瘦肉精、毒奶粉、金墩米等案件，食安英雄團隊聲名大噪。
新冠肺炎疫情全球延燒，台灣累計已有486人確診、7人死亡；彰化縣不僅曾出現全國首例白牌車司機死亡案例，也是全國第1起本土境內感染所在地，在衛生局主導下，結合警政單位，疫調工作有如偵辦刑案，地毯式追查、滴水不漏。
多數人對公務體制總抱持僵化、被動，習於安逸等印象，葉彥伯卻認為，公務員不能對不起老百姓，一定要有民間企業的衝勁，多數同仁因此覺得他太嚴厲，但他仍堅持緊盯每項繁瑣細節。
這次彰化縣衛生局超前部署，主動揪出無症狀感染者的確診少年，卻反遭中央可能以未依程序，甚至涉及圖利、貪汙等送政風單位調查，讓地方藍綠民代感到不解、為他抱屈，對於長年總穿著同樣那幾套襯衫、POLO衫，廉潔自持的葉彥伯而言，恐怕是公務生涯的重大打擊。</t>
  </si>
  <si>
    <t>南投縣長林明溱日前表示盼與上海復星購買30萬劑輝瑞BNT疫苗，遭中央流行疫情指揮中心打槍。國民黨台北市議員羅智強辦公室法案主任楊植斗今爆料，衛福部冷卻倉儲只能存放44萬劑的疫苗，這才是中央處處攔阻南投的主因，因為30萬劑疫苗進口後「根本放不下」。
楊植斗說，衛福部在今年4月宣布，疫苗來台需要大量冷卻倉儲以及物流配送系統，最後在決標公告中只找到這件標案，且只能存放44萬劑疫苗，就算真讓林明溱買到30萬劑，國家也沒有相應的倉儲物流可以存放。
他推測，上星期行政院載回40萬劑AZ疫苗，和這件標案可儲存的疫苗數幾乎一模一樣，也就是說，國家的冷鍊已接近緊繃，根本挪不出空間放其它疫苗，「我認為這才是指揮中心處處阻攔南投縣的主因，因為30萬劑疫苗一來，就曝露出台灣超前零部署的事實。」
他批評，輝瑞疫苗應保存在零下70度的環境中，需要高規格冷錬國家隊支援，但比起人命，政府顯然更怕沒做事的形象被拆穿，即便有不少民眾跟政治人物都呼籲政府放下兩岸間的政治意識型態，衛福部長陳時中依然選擇跟地方政府對幹。但仇不仇中，已成了假議題，如果今天美國突然送台灣100萬劑疫苗，國家卻沒有冷鍊可以支援，陳時中你敢收嗎？
他表示，衛福部還有件「疫苗1408.3萬劑倉儲物流與配送」案，在4月29日截止投標，標案金額高達2億4000萬，後續卻沒有決標公告，也沒登記無法決標，他要求指揮中心應告知民眾，此案到底有沒有廠商接手？是否流標？如若有廠商得標，為什麼沒有決標公告？</t>
  </si>
  <si>
    <t>台灣出現首起院內感染導致1醫師染疫，更造成社區感染，其護理師女友也確診，中央流行疫情指揮中心表示，針對該起感染事件，院內接觸者468人都採檢完畢，全部陰性，社區採檢除了護理師女友外，其他54人也都是陰性。院方也提供全院篩檢計畫，普篩全院2500人，但專家認為第一圈採檢是全陰性，該醫院員工以及相關外包廠商只需再篩檢300~400人即可。
指揮官陳時中今表示，案例838，839醫護情侶兩人的接觸者總採檢，以及再增4名行政人員，目前468人採檢完畢都是陰性。社區部分，應採人數55人也全數採驗完畢，都是陰性，還有4名老師也是陰性。陳強調，這是不幸的大幸，「周圍第一圈沒有確診者」。
陳時中表示，醫院也已經訂出全院篩檢的計畫，中午請專家檢視，但認為既然第一圈都是陰性，其他離很遠的人沒有篩檢的必要性，會做出刪減。
專家小組召集人張上淳表示，該醫院提出的擴大篩檢計畫，昨天中午找了該區指揮官，以及對於疫情調查有經驗的幾位專家做詳細的討論，基本上專家們都認為，過去疫情調查很清楚，該匡列的人員以及擴大篩檢的468人已經很完整。
原訂該院全院檢查擬定計畫做，以最大範圍的可能性來做採檢。根據統計，該院總人數是2200，加上外包廠商共2500人。
但基於專家希望讓部分同仁可以更安心，社會也有期待，以及同部門醫護短時間內不再擔心，最後還是決定擴大範圍篩檢300~400人，相信基本上不會有問題，明天開始啟動。
張上淳說，密切接觸者都匡列在468人之中，全院同仁的健康都會密切監測，隨時檢討、採檢，專家建議只要有疑慮就採檢。
陳時中表示，密切接觸者468人也有複查，其中77人被認定需要二採，結果也是陰性，再根據調查結果決定來做全院擴大採檢。
從原本「全院普篩」變成「擴大篩檢」，陳時中強調，這是專家意見，作業原則會經過專家討論和檢討做出最適宜的相關方案。</t>
  </si>
  <si>
    <t xml:space="preserve">儘管全球新冠肺炎疫情持續延燒，但大陸在疫情受控後各地加速復工腳步，TPCA預估，今年第1季台商PCB兩岸海內外產值為新台幣1312億元，上半年被疫情影響而遞延出貨的訂單將會遞延至下半年，下半年有機會呈現旺季更旺的狀況，預估2020年整體產值可達新台幣6811億元。
原本市場預期，今年PCB產業將受惠於5G基礎建設與終端的帶動周邊消費電子需求而大幅成長，未料新冠肺炎疫情自農曆年前自大陸地區大爆發，造成大陸地區延後復工，打亂全球電子產業生產節奏，相較於全球疫情持續蔓延，大陸各區域因疫情受控復工率逐步提高，不過，業界在開工後仍須克服不同程度的問題，如：物流及人流的管制，導致防疫物資、原料與成品運送都難以掌握交期，人員返廠比率及自主管理期，造成短期低稼動率營運壓力，儘管部分廠商因年初訂單滿載，春節期間採不停工加班生產者，復工率相對較佳，但仍受物流不順問題影響既定排程。
TPCA表示，新冠肺炎(COVID-19)目前已確定將對全球經濟衰退造成影響，國際市調機構紛紛下調全球終端產品需求，原來樂觀5G與各項電子終端產品需求動能將延後發生，未來幾個月有幾個面向可以留意，包括：供給面部分，電子產業鏈上下游供貨狀況的復原速度，需求面則要觀察全球終端產品消費動能降低何時回溫；就目前疫情的發展情況來看，多數認為將會於第2季完全結束，主要的衝擊亦集中於第1季。
在此情境下，由於2月稼動率下降，且終端需求減少，TPCA保守預估，今年第1季台商PCB兩岸海內外產值為新台幣1312億元，而上半年被疫情影響而遞延出貨的訂單將會遞延至下半年，下半年有機會呈現旺季更旺的狀況，2020年預估整體產值可達新台幣6811億元。
值得注意的是，去年至今的美中貿易戰讓電子組裝與PCB產業有了重新布局的思考，不過根據統計，2019年台商兩岸產值生產比重，大陸地區生產比重達約63.4%，相較主要競爭對手日本及韓國已分散在東南亞各國布局，台灣廠商海外布局的分散程度較低，在大陸生產比重僅次於陸資廠商，也導致面對疫情衝擊的應變上更加捉襟見肘；此次新冠肺炎疫情將讓產業加速分散風險的策略，短期可以看到廠商將重新檢視現有海內外產能配置、原物料供應來源的彈性，長遠則將加速產業升級與分散布局，避免雞蛋放在同一的籃子的布局調整、強化智慧製造體質，以避免大環境突如其來的變數，打亂企業成長的腳步。
</t>
  </si>
  <si>
    <t>指揮中心昨宣布降二級的相關指引，包括開放餐廳內用的規定，但雙北仍舊宣布不鬆綁餐飲內用的規定，讓不少民眾好奇到底啥時才能歡樂聚餐？醫師姜冠宇則回應說，如果是以感染英國變異株為主的前提，第一劑疫苗覆蓋率須達70%，若是Delta那就擋不住了；或是在接種率未達標前，啟用疫苗護照或篩檢證明作聚餐的依據，免疫力夠的人先用餐。
姜冠宇昨在臉書引述美國醫學會雜誌（JAMA）模擬美國北卡州的研究表示，如果經歷疫情高峰才開始打疫苗，六個月內的施打率沒有達到25%以上，只要一個鬆懈警戒措施，例如個人衛生、社交距離和場所關閉等，就會再引起一大波疫情。
姜冠宇指出，疫苗二劑普及率達75%，才有完全恢復經濟活動的本錢，在此之前都是公衛與經濟的拉鋸戰，許多國家人民在餓死與病死作矛盾大對決，如果再來一波，我們的老人和許多罹患慢性疾病的族群也命不久矣，同時也會增加很多醫療照護成本。
姜冠宇強調，新冠肺炎是能不得就不要得，千萬別認為輕症就沒事，已有許多醫師手上的輕症患者轉為長期肺纖維化後遺症的病人，還有內分泌失常、憂鬱症等狀況，未來這些族群都需大量心肺復健與心理支持，而不是去專責病房與檢疫所就好了。
指揮中心昨宣布7月27日降二級的相關指引，其中包括開放餐廳內用，但新北市長與台北市長仍堅持不開放，讓許多民眾好奇，台灣究竟要等到何時才可以開放過去歡樂聚餐的狀況？對此，姜冠宇提出兩點回應。
姜冠宇說，若台灣是以感染英國變異株為主的前提，根據英國三月初成功壓制疫情的經驗，第一劑疫苗覆蓋率須達70%，但若不幸是Delta變異株，那是擋不住的，新加坡、韓國都沒有擋住，何況是台灣？因此在台灣的Delta病人要特別嚴格處理。
姜冠宇也說，在疫苗接種率未達目標之前，也許可以啟用疫苗護照或篩檢證明作為聚餐的依據，讓免疫力夠的先用餐，雖然這在第一輪接種未打完前是有點不公平，但萬一我們真的要打到第三劑、第四劑，這就是每年都要面對的狀況。</t>
  </si>
  <si>
    <t>2020年全球最嚴峻的問題，目前看來，非新冠肺炎莫屬，更讓人擔心的是，透過醫療技術研發出疫苗解藥，從醫學研究、研發到動物測試、臨床測試，至少要半年時間，實在緩不濟急。所幸世界衛生組織（WHO）傳出一個好消息，他們意外發現治療伊波拉病毒的藥物可能也可對抗新冠肺炎。WHO表示這款藥物的有效率為98%，可大幅減少感染新冠肺炎者的死亡機會。這讓我對老藥新用的議題感到好奇，於是就教了一些相關領域的專家。
老藥新用，指的是經由食藥署核准能用來治療特定症狀的老藥，被賦予治療其他疾病的新用途。這究竟有何好處呢？
老藥的優勢在研發時間較新藥短，能有效降低成本。一個新藥從研發到上市大約12年，這期間必須通過細胞實驗、動物實驗、3個階段的人體臨床試驗和新藥查驗登記，除了確認新藥是否有助於抑制疾病發展外，藥品殘留在體內時間的長短、是否造成其他臟器不適、有沒有嚴重的副作用等，都有一連串的檢驗把關，新藥在通過3階段的人體試驗後就可以上市，並進入新藥查驗登記階段，主要用來監控新藥在醫療單位大量流通後的成效及副作用。根據Nature於2010年的統計，每100個進入臨床試驗的新藥，大約只有4個會通過檢測並上市，嚇人的是，不論成功與否，平均花費達數億到數十億美元。
比起新藥，老藥已是臨床用藥，安全性資料和作用機制相對齊全，能節省不少收集樣本、臨床試驗的時間。說到老藥新用的經典，非阿斯匹靈莫屬了，它在線上超過1世紀，一開始註冊為消炎、退燒的止痛藥，後來發現它能抑制血小板凝結，進而降低心血管疾病的發生率，所以常出現在中風、心肌梗塞病人的處方籤裡。2017年美國預防醫學委員會更報導阿斯匹靈可預防大腸癌。
老藥新用確實能讓人類對抗疾病更有效率，但也有不肖商人利用這個概念趁機大削一筆。CNBC就曾報導一個被用來抗發炎、抑制免疫反應的類固醇藥物Deflazacort，藥廠發現它可以治療罕見的遺傳性肌肉萎縮症，並通過臨床試驗後，它便成了這個罕見疾病目前唯一的解藥，藥廠藉此拉抬價格，讓原本用這個類固醇藥物的病患每年的負擔額從1200美元漲到89000美元，足足漲了76倍。
這樣的案例屢見不鮮，尤其在美國，因缺少與藥廠的議價平台，藥商握有藥品定價權，全國最大的保險系統─美國聯邦醫保，又沒有和藥商議價的權力，只能被動買入藥品，再昂貴的報價也只能照單全收。老藥在被發現能治療新適應症後，立刻漲價實現收益在美國已成常態，主因是沒有同行競爭。
藥品上市會有獨賣期，藥廠在獨賣期生產的藥就是原廠藥，過了獨賣期，其他藥廠便可生產販售結構、成分相同所謂的「學名藥」。學名藥在市場流通前也必須經過檢驗，除非是流通率特別高的藥，否則生產成本也相當可觀。這讓原廠藥獨占市場，變相漲價又無法可管。為此，美國總統川普的《平價醫療法案》鼓勵學名藥開發，美國食品藥品監督管理局（FDA）甚至公布目前市場上還沒有學名藥的原廠藥清單，更主張新學名藥可享180天的市場獨占期。雖然過去3年新學名藥批准數量增加28%，根據CNN報導，2020年457個原廠藥的平均漲幅還是有5.1%。
美國政府提倡學名藥開發，以避免大藥廠持續壟斷市場，希望可以打擊老藥新用的策略型漲價。反觀台灣，因為有全民健保把持，藥品進價一壓再壓，讓許多原廠藥紛紛退出，日前全國憂鬱症患者使用、市占率3成5的百憂解，和細菌感染最後一道防線的泰寧抗生素，都因藥價暴跌而陸續退出台灣。這兩種藥雖然目前在台灣都有10種以上的學名藥，但維持它外形、促進吸收的賦形劑未必與原廠相同，是引起醫界反彈的主因。
綜合以上論述，與其投入新藥、學名藥開發，台灣生技業更適合專注老藥新用的研究，畢竟2018年FDA認可上市的新藥只有57件，學名藥和原廠藥的差距短時間也難以克服。老藥新用能以有限資源追求最大效益外，在大數據的推波助瀾下，藥物透過什麼路徑治癒疾病的分析也越來越全面，善加利用，老骨頭還是變得出新把戲的。（作者為科技媒體專欄作家）</t>
  </si>
  <si>
    <t xml:space="preserve">宏達電(2498)驚傳財裁員！受到產業結構調整、智慧機市場持續萎縮，加上新冠肺炎衝擊大環境，宏達電今日驚爆裁員，對此，公司回應，推動策略性人力資源調整，精簡人力與有效降低營運費用，方有助於實現長遠企業目標，但對於本次人力調整規模、員工人數宏達電則是未明確說明。
宏達電表示，在過去數年，宏達電持續優化流程、成本控制及審慎地投入新科技等重要節流工作，雖然主要產品毛利已呈現正向走勢，但整體營運表現仍承受著極大壓力。在謹慎研究過後，今日決定推動策略性人力資源調整，持續優化組織、精簡人力與有效降低營運費用，相信此行動是實現宏達電長遠企業目標、推動持續創新、確保創造能力與為我們的股東返回最大值的必要的步驟之一。
宏達電進一步指出，今年全球各地受到嚴峻的新冠肺炎疫情影響甚鉅，各國政府實施嚴格的封鎖，大規模實施前所未見的自我隔離及保持社交距離措施，原本的日常活動例如上班、娛樂、教育、溝通等都只能待在家裡以遠距的方式進行，宏達電認知到世界上每一項顛覆式變化，也正是運用科技提升生活的契機，宏達電期望藉由VIVE虛擬實境系統平台以及與應用內容的策略夥伴合作，讓交談、會議、團隊工作、學習、訓練、醫療等等都能夠以遠距的方式進行，在明確的願景與產品平台策略下，宏達電證明有充分的準備及能力能夠因應各種挑戰與機會，讓企業邁入另一次的轉型。
</t>
  </si>
  <si>
    <t>中央流行疫情指揮中心昨天公布新增一例新冠肺炎確診病例，為北部30多歲女性，是國內第48例，於2月28日至3月8日前往英國旅遊及探訪友人，返國後出現頭痛、咳嗽等症狀，兩度就醫後確診，是首例英國境外感染確診個案，目前已經匡列9名在台親密接觸者。
9親密接觸者 居家隔離
指揮官陳時中指出，這名個案獨自前往英國旅遊，返國後於3月9日因頭暈、頭痛等症狀至診所就醫，又出現微燒及輕微咳嗽，於3月10日至醫院就醫，經通報檢驗於昨天確診，目前收治負壓隔離病房治療。
指揮中心依女子發病前活動史研判，境外感染的可能性較高；女子同住家人目前皆無疑似症狀，將進一步調查女子在英國期間的旅遊行程，並持續追蹤其同住親友、英國當地友人、直飛班機的同機旅客及就醫接觸者等健康情形。接觸者掌握9人，都已經居家隔離，並持續匡列中。
案33案35 新增解除隔離
陳時中表示，衛生單位也會再了解她英國拜訪了什麼人，但英國較遠，無法親自調查時間會較久，飛機上也會匡列前後兩排的人進行疫調。至於感染源是在英國或是出境前就已經在台灣感染，目前還無法確定。
國內48名確診個案中，共有22名境外移入個案，除了陸港澳以外，還有包含自有日本旅遊史的案33、埃及杜拜等中東旅遊史的案39、日本的鑽石公主號旅客案40、菲律賓旅遊史的44案、有荷蘭旅遊史的案47，昨日確診的案48則是首次有英國旅遊史。
至目前國內通報累計1萬4635例。確診個案中，1名死亡、昨新增兩個案解除隔離，分別是首例日本移入個案第33案，及發生首起院內感染的北部某醫院清潔工案35，累積17名解除隔離、其餘個案穩定，持續住院隔離。</t>
  </si>
  <si>
    <t xml:space="preserve">中央流行疫情指揮中心今天公布台灣再度零確診，是本土第45天，連續第6天零確診。台南後壁區頂長社區動員40多位長者包2000顆千歲粽子，送至中央疫情指揮中心慰勞防疫團隊，也行銷台灣傳統米食。
中央流行疫情指揮中心今(27)日表示，國內今日無新增病例，昨(26)日新增310例新型冠狀病毒肺炎相關通報，截至目前累計通報71,405例(含70,330例排除)，其中441例確診，分別為350例境外移入，55例本土病例及36例敦睦艦隊。確診個案中7人死亡，419人解除隔離，其餘持續住院隔離中。
</t>
  </si>
  <si>
    <t>本土疫情數日來每天都超過200例，傳出衛福部立台北醫院有護理師確診，院方緊急匡列8人隔離採檢，初步結果均為陰性。院方表示，該名護理師有萬華活動史，研判為社區感染、非院內感染，目前等待指揮中心通知二採。
據了解，台北醫院外科病房一名病患疑似確診後，醫院針對病房護理師全面篩檢，其中3人因有接觸史被匡列，住進防疫旅館隔離中，沒想到檢驗報告出爐，反而是1名沒有接觸病人的護理人員採檢陽性。
台北醫院說明，5月18日一名病患一採弱陽性，經二次檢測確定為陰性。至於確診的護理師，有萬華社區活動史，5月17日自覺喉嚨癢、無其他症狀，院方對護理站人員及病人做PCR檢測，均為陰性，疫調醫師判斷非院內感染，為社區感染。</t>
  </si>
  <si>
    <t>彰化縣13日零確診，但新增1名死亡案例，為萬華家族返鄉聚餐，導致彰化4名親友染疫男子。1名年約65歲男性在5月15日採檢確診後、同月19日收治住院，至本月12日宣告不治。而中部年輕人跨縣市社交傳播圈，因社交活動型態十分隱密、私密，已知參與者10人，台中、彰化已相繼有1人確診，後續恐還有新增確診者。
彰化縣新增第11位新冠肺炎染疫死亡個案，為台北萬華夫妻5月8日帶孩子回娘家母親節聚餐，餐會後又前往岳父母的表姊家拜訪泡茶，導致岳父、岳母、外甥，與岳父母的表姊夫等人確診；該傳播鏈共造成縣內8人確診，其中60幾歲表姊夫死亡。
60幾歲的表姐夫5月12日發病、5月15日採檢確診，Ct值16，由於他沒有慢性病史、身體健康，且家族其他染疫成員均相繼康復出院，他卻一直收治中，住院近60天直到7月12日病逝，死亡原因還有待收治醫院，了解其收治期間樣態、由臨床醫師進一步判斷釐清。
針對台中市新增1名30歲男家教確診，與彰化曾逛過台中新光三越的20幾歲確診男有過接觸，彰化縣衛生局長葉彥伯指出，這個橫跨中部地區3縣市的年輕人社交圈，共同點是曾一同參與7月5日的一場活動。
葉彥伯說，參與那場社交活動共10人，有些是透過社交軟體、交友APP相約，有些人原本彼此就認識，此社交圈的社交樣態多元，且活動場所多半較隱密，又是不通風的室內場所，近距離接觸又沒戴口罩，風險很高。
目前該社交圈設籍彰化縣內約3、4人，其中彰化確診男的家族與職場接觸者初步採檢皆陰性，疫調持續進行中，而其他參與跨縣市社交活動的年輕人中，有2人初採陰性，另1人近日才追蹤聯繫上，採檢結果尚未出爐。</t>
  </si>
  <si>
    <t>大陸在進口冷凍食品包裝驗出新冠病毒，擔憂為防疫漏洞，採取嚴格的檢驗及暫停輸入作為，但國內中央流行疫情指揮中心卻僅嗆明「不會比照大陸限制進口」，而邊境抽驗、強制消毒等防制對策至今仍是空中樓閣，時間表付之闕如，老愛掛在嘴邊的「超前部署」再成笑話。
年初新冠肺炎疫情爆發，衛福部和川普一搭一唱，痛批大陸隱瞞疫情，為了一封電子郵件內容是否提到「病毒會人傳人」，甚至與WHO各說各話，竭盡所能嘲笑對岸輕忽疫情，進而造成全球大災難。
結果大半年後，大陸控制住疫情，反觀美國累計破1000萬人感染新冠肺炎，逾24萬人死亡，連西方主流媒體也不得不承認，大陸透過嚴格的封鎖與隔離措施，這次抗疫表現確實比歐美各國相對更好。
最近大陸方面陸續查出冷凍食品外包裝夾帶新冠病毒，很快祭出強制消毒、禁止逾百家企業進口等因應措施，並提醒各國注意，不料，台灣最愛自誇「超前部署」的中央流行疫情指揮中心反而綁手綁腳，應對速度牛步，連何時開始要廠商強制消毒都說不清。
更誇張的是，食藥署長吳秀梅竟強調新冠病毒不是食媒性病毒，其他國家都沒提，「唯獨大陸在發布」，綠營執政縣市當然也「順時中」，幫忙解釋冷凍食品極低溫運送，病毒存活機率很低，暗指大陸小題大做。
《孫子兵法》提到，「勿恃敵之不來，恃吾有以待之」，尤其針對醫學界至今摸不透的新冠病毒，若無法完全排除病毒變異可能性，當然得趕快做好萬全準備，一再袖手觀望，難道要坐等台灣第一例帶病毒的冷凍食品打開防疫破口？
令人無奈的是，衛福部竟畫地自限「不會比照大陸禁止進口」，因為「很多國家都說不會透過食物傳播，若要推動必須有進一步的理由」；若官員真站在人民這邊，其實何必猶豫，「保護國人健康、守住防疫成果」就是最正當理由。</t>
  </si>
  <si>
    <t>新冠肺炎症狀難以捉摸，有人可能出現永久性嗅覺喪失，壽險業者表示，若有此症狀，失能險可依失能等級11級理賠，但可能只有一次性失能保險金的5％，並沒有觸及月月或年年給付的失能扶助金理賠。
至於新冠肺炎可能造成肺部纖維化，算不算失能？壽險業者說必須要看實際狀況，即肺部損壞的程度，及可否工作、自理生活，因胸腹部臟器機能遺存極度障害，終身不能從事任何工作，需要專人周密照護者，是第一級失能，就是會啟動每月或每年給付的失能扶助金100％；僅是不能工作、生活需人扶助，是給付90％；若是還能自理生活是80％；能從事輕便工作者是給付40％。 　這些理賠都必須看各公司保單條款及理賠部門的判定，因為容易存有爭議，壽險公司也不敢以此為號召，在疫情期間推薦失能險，同時有些公司的失能險沒有等待期，恐造成損率難以預估。
國泰人壽指出，若失能險保戶罹患新冠肺炎而有永久性「兩側嗅覺完全喪失」的情形，屬於因疾病所致的第11級失能，是否理賠給付應依各別商品條款約定。　例如投保含有失能給付項目的傷害險，因新冠肺炎非屬意外事故，所以無法給付；但如果是投保含有失能給付項目的健康險時，須再檢視保障範圍，若保障範圍包括11級失能時，則可理賠。　富邦人壽表示，2020年1月1日前所銷售的失能險，針對鼻部失能，條款約定僅有「鼻部缺損，致其機能永久遺存顯著障害者」的失能等級，但從今年1月1日起才新增「鼻未缺損，而鼻機能永久遺存顯著障害者」，也就是以前是鼻子一定要有缺損才能算11級失能，現在是嗅覺喪失即可視為11級失能。
同時基於從新從優理賠原則，即便是今年1月1日前投保失能險的保戶，若事故發生日是在今年1月1日後且經六個月治療後症狀固定，即可申領失能保險金。</t>
  </si>
  <si>
    <t xml:space="preserve">敦睦磐石艦30人染新冠肺炎，引起社會關注，中央流行疫情指揮中心指揮官陳時中昨在記者會上樂觀指出，第6天過去了，沒有看到第二層的情況，觀察到4月30日大概可知台灣是否過關。
陳時中說，台灣連12天沒有本土個案，也因如此，敦睦艦隊這起獨立事件引發社會不滿，覺得都是「你們害的」。但事實不然，每個獨立事件都有那樣的可能性，我們的態度很清楚，準備好是為什麼？就是為了能夠處理這些突發狀況。有準備，碰到就可以處理。
陳時中表示，現在也第6天了，我沒有看到第二層的情況，看起來情況是好的。敦睦艦隊4/15下船加14天潛伏期，大概觀察到4月30日可知台灣能否過關。但重要的是這段時間，大家是痛苦的，因為努力很久，卻突然發生此事件。他強調「有問題我們就面對、處理」，希望民眾不要恐慌，心慌對事情沒有幫助。
</t>
  </si>
  <si>
    <t xml:space="preserve">新冠肺炎疫情席捲全球，各國實施封城措施導致實體店舖經營陷入危機，研究機構Springboard於周四（3日）出台研究報告顯示，逾一成的英國商店目前處於空置狀態。
Springboard的研究指出，英國商店空置率從2020年一月的9.8%上升至10.8%，創下自2014年一月以來的最高紀錄，也反映出英國除了食物以外的零售業大幅受到封城措施衝擊。
英國的商店原先便已承受著高租金和高稅金的雙重壓力，加上近年電商興起使實體店鋪遭逢激烈競爭，英國實體店鋪近年皆在艱困環境中掙扎。
這幾年原先就面臨經營或財政危機的企業陸續宣布裁員或破產，在亞洲擁有高人氣的經典印花品牌Cath Kidston宣布關閉英國60間實體店鋪，僅保留網路銷售服務，且裁員逾900名員工；英國服飾及家用品品牌Laura Ashley宣布破產；大型百貨公司如丹本漢百貨（Debenhams）和馬莎百貨（Marks &amp; Spencer）也接連宣布裁員。
Springboard的報告顯示，有六成地區的商店空置率都攀升，尤以大倫敦（ Greater London）地區的空置率增速最快，增加近三分之二，該研究機構也指出，雖然購物人數已連續三個月攀升，但英國高街（High streets）迎接的顧客人數相較2019年同期仍萎縮了30.8%。
英國高街項目工作組（High Streets Task Force）首席羅賓森（ Mark Robinson）指出，新冠肺炎疫情帶來了原先可能還要數年時間的全新變化，「人們不再詢問通勤時間要多久，而是改成思考自身住所附近的各項服務（商店、公園、診所、學校等）是否在步行距離內。」
</t>
  </si>
  <si>
    <t>外傳新冠肺炎可能藉由蝙蝠傳染，引發部分民眾對蝙蝠的誤解甚至敵視，雲林縣水林鄉黃金蝙蝠生態館3日強調，目前沒有任何科學證明是蝙蝠導致新冠肺炎的發生，請大家不要因此恐懼蝙蝠、甚至傷害蝙蝠，還蝙蝠一個公道。
黃金蝙蝠在雲林縣的數量銳減，除了棲地破壞、農藥汙染等因素，還有可能是民眾因誤解而驅趕甚至傷害蝙蝠所造成。黃金蝙蝠生態館負責人張恒嘉強調，目前全世界已確診的新冠肺炎案例中，沒有1例是直接經由蝙蝠傳染而確診。
張恒嘉還表示，新冠肺炎不論是來源、是否有中間宿主及如何感染人類都還不清楚，雖然曾發現蝙蝠身上帶有與新冠肺炎基因序列相似度達96％的病毒，但僅此1條件，並不足以斷定其來源即是蝙蝠，例如人類與黑猩猩的基因序列相似度高達98.8％，但兩者是完全不同的物種一樣。
截至目前為止，並無足夠的科學證據顯示伊波拉病毒感染、中東呼吸症候群（MERS）、嚴重急性呼吸道症候群（SARS）、嚴重特殊傳染性肺炎（新冠肺炎）與蝙蝠直接有關，雖然過去曾在多種蝙蝠身上找到與SARS病毒類似的冠狀病毒，但都非真正的SARS病毒。
張恒嘉說，目前台灣蝙蝠的身上，並沒有任何人畜共通的疾病，農委會動植物防疫檢疫局也證實，近5、6年監測顯示，台灣原生蝙蝠不具感染人的能力。
張恒嘉強調，美國德州奧斯丁國會大橋下，棲息著約150萬隻蝙蝠，多年來從未有人因為蝙蝠的存在而致死；東南亞與非洲，也有人長期蒐集洞穴或建築物的蝠糞當肥料販售，都沒有因此傳出重大疫情，因此蝙蝠絕非新冠肺炎的原罪，請大家不要以訛傳訛。</t>
  </si>
  <si>
    <t>櫃買中心24日表示，遠東新世紀公司（1402）領先國內生產事業，發行首檔社會責任債券，24日於櫃買中心上櫃掛牌。該檔債券發行額度12億元，是目前發行規模最大的社會責任債券，也是繼5月18日中信銀、凱基銀及永豐銀發行首批社會責任金融債以來，國內的第四檔社會責任債券；截至5月24日，社會責任債券累計發行金額新台幣為39億元。
櫃買中心表示，遠東新世紀本次發行之社會責任債券，發行金額為新台幣12億元，發行年期為5年期，票面利率為年息0.52％，由凱基證券擔任主辦承銷商，並由安永聯合會計師事務所擔任外部認證機構。
遠東新世紀社會責任債券募資金將用於「基本服務需求」、「創造就業及可以減輕或避免因社會經濟危機所導致失業的計畫」、及「社會經濟發展和權利保障」的社會效益投資計畫；具體投資項目包含新冠肺炎疫情期間口罩布料、防護衣及面具塑料等原料生產，提供弱勢族群就業機會及支持中小企業，和優先收購弱勢族群獨立回收商之回收寶特瓶等。
櫃買中心指出，社會責任債券是協助企業落實社會責任及幫助特定目標人群，以促進社會正面效益與發展的最佳金融工具，有關更多遠東新世紀公司社會責任債券的相關資訊，投資人可至櫃買中心網站（www.tpex.org.tw）之「永續發展債券」專區查詢。</t>
  </si>
  <si>
    <t>新冠肺炎疫情升溫，台灣連日來確診數激增，幾乎全是歸國遊客，也讓前陣子堅持出國的人成為箭靶，但一名年輕人堅持赴日，在19日前往高雄小港機場準備出境，一旁母親則含淚送行，原因曝光後網友也紛紛送上祝福。
根據《三立》報導，這名25歲的許姓學生堅持赴日，原來是因為努力念書後，好不容易申請到公費留學，終於可以前往神戶大學就讀研究所，儘管日本政府蓋牌，導致疫情不明，但由於獎學金明文規定不得延期，想延到下學期再去就只能自費，他也怕錯過這次機會就再也無法實現夢想，只好咬緊牙根收拾行李前往日本圓夢。
一旁的媽媽儘管擔心，哭紅了眼，但也支持兒子築夢的決定。網友看到消息也紛紛表示：「這個真的沒辦法，加油」、「獎學金制度不能因應疫情改變嗎」、「留學真的無奈，尤其是家庭經濟沒很好的真的沒辦法」、「是我的話我也會選擇留學」、「祝福，記得去日本要勤洗手」。</t>
  </si>
  <si>
    <t xml:space="preserve">新冠肺炎來勢洶洶！義大利民防保護部1日指出，在過去24小時，境內新冠肺炎疫情死亡數再增加5人，累計達到34死，全國確診病例數來到1694例。另新冠肺炎也入侵中歐，捷克國內首度通報3起新冠肺炎確診病例。此外，新冠肺炎也入侵加勒比海，多明尼加1日確診首起病例。
新冠肺炎在歐洲許多國家發現案例，遍及北歐到南歐，幾乎每個國家都壟罩在疫情的恐懼當中，其中最嚴重的國家是義大利，大多數病例集中於義大利北部地區，截至1日，義大利累計達到34死，全國確診病例數來到1694例。
另捷克衛生部官員1日表示，國內首度通報3起新冠肺炎確診病例，3名患者分別是2名捷克人及1名在義大利米蘭讀書的美國學生，其近來都曾去過義大利北部，目前他們都出現輕微症狀正在醫院治療中。
此外，新冠肺炎也入侵加勒比海，多明尼加1日確診首起病例，此患者是62歲的義大利遊客。
世衛2月11日將其定名為COVID-19（2019年冠狀病毒疾病），目前新冠肺炎確診幾乎蔓延全球，台灣也出現多個確診病例，疾管署呼籲民眾勿恐慌，勤洗手、有上呼吸道感染時戴口罩、做好自主健康管理。
</t>
  </si>
  <si>
    <t>韓國新冠肺炎確診病例連日暴增，24日下午韓國中央防疫對策本部宣布增加231例確診個案，累計確診人數來到了833人，死亡人數則有7人。若與大陸各省市確診人數相比，韓國排在第7，次於江西省截至24日中午統計的934人。突然升溫的疫情也衝擊旅遊業，目前有多國對韓提升旅遊警示，還有不少旅遊團取消相關行程。
因應韓國的新型冠狀病毒疫情嚴重，香港保安局長李家超昨日公布，保安局將向韓國發出紅色旅遊警示，市民如非必要應避免前往。現時在韓國約有十多個香港旅行團，涉及300多人。他說，從25日早上6時開始，將不容許來自韓國的非香港居民入境，包括14日內到過韓國的非香港居民。
香港也有多家旅行社陸續宣布取消韓國旅遊團，香港康泰旅行社稱，因韓國大邱爆發嚴重疫情，為保障客人以及員工健康安全，決定取消3月31日之前出發的所有韓國旅行團，共約65團、1300名旅客，已報名的旅客可選擇轉團、保留團費6個月或扣除手續費後退團。
韓國在24日確診的病例中，有129人與新天地耶穌會大邱教會有關，其餘感染者受感染的途徑目前仍在調查。死亡病例中，也有一名57歲女性，疑似也是在新天地耶穌會大邱教會遭到群聚感染，是該教會首起的死亡案例。
另外，其餘有4起死亡病例，死者都曾在生前於慶尚北道清道郡大南醫院接受過治療。該醫院的精神病房曾爆發群聚感染，有近百名的確診病例，且該醫院採封閉式管理，加上醫院應對緩慢才讓疫情失去控制。</t>
  </si>
  <si>
    <t>交通部觀光局表示，為回應產業期待及新冠肺炎疫情紓困宗旨、加速補助款補助，已修正「補貼導遊與領隊人員及國民旅遊隨團服務人員生計費用實施要點」，放寬對導遊、領隊補貼認定條件，並回溯自4月16日起適用。
觀光局14日公布「補貼導遊與領隊人員及國民旅遊隨團服務人員生計費用實施要點」，近1年內曾接待或引導達8個出入境旅遊團、且總天數達40天的導遊及領隊人員，以及帶達40團、且總天數達80天的隨團服務人員，每月補貼1萬元、共3個月。
不過，上述紓困適用條件引發部分導遊及領隊抱怨，認為認定門檻過高、需備妥資料及審核程序太複雜，單單一名導遊至少要準備超過40頁的證明文件，對負責審核的觀光局員工亦是一大負擔，紓困補助申請不易。
對此，觀光局修正放寬認定「有實際執業維生」條件，將導遊與領隊人員放寬為達8個旅遊團「或」總天數達40天，隨團服務人員為達40團「或」總天數達80天，申請補貼日起3個月內未任職於旅行社者。
同時，要求提供的證明文件，由原先的帶團行程表及旅行業責任保險單，減化為旅行社出具的帶團證明或旅行業責任保險單，盼透過證明文件簡化降低申請繁瑣度，達到加速審查及撥款，提供即時性保障。
觀光局表示，為配合防疫措施、避免排隊群聚，請申請人備齊文件後以郵寄方式提出申請。交通部長林佳龍亦指示簡化並加速核撥各項觀光產業紓困補助款，對此除將增加審查人力外，亦會在周末假日全力加班審查已受理案件，以儘速撥款。</t>
  </si>
  <si>
    <t>中共黨媒《人民日報》鐘聲一文「蓬佩奧四處散布政治病毒，罪責難逃」指出，當前美國新冠肺炎疫情十分嚴重，確診病例和死亡人數持續攀升，讓一切富有同情心的人都感到揪心。正當新冠病毒在美國露出最猙獰的面目，催演一出又一出喪失生命的人倫慘劇之際，美國國務卿蓬佩奧也露出了最猙獰的面目，四處散播同樣凶險的「政治病毒」，以偏見和傲慢煽風點火，造謠生事，消散人類共同迎擊新冠病毒的精力，力圖把全球都拉入對抗衝突的局面。大陸
文章指，蓬佩奧不顧新冠病毒這一人類當前面對的共同敵人橫行肆虐，不僅無視國際組織和醫學專家的科學論據，還到處搬弄是非，連續對大陸進行造謠污蔑攻擊。據報道，他多次詆毀大陸未能及時報告疫情，妄稱大陸「銷毀了所有樣本」，拉幫結派「索賠」，圖謀「抱團敲詐」，並指責世界衛生組織助長大陸關於疫情的「虛假信息」。有媒體評論說，這個曾經掌控美國情報機關的國務卿，正在將美國國務院徹底「中情局化」。他罔顧事實，不斷借向大陸潑污水轉移視線，妄圖以「甩鍋」推責，嫁禍於人。蓬佩奧如此散「毒」，罪責難逃。
文章表示。蓬佩奧四處散布「政治病毒」，他的信口雌黃，就連美國媒體都看不下去。美國《華盛頓郵報》一針見血指出，當更有責任心的領導人努力遏制新冠肺炎疫情大流行時，蓬佩奧卻在追求他「鐘愛的事業」，致力於將疫情的暴發歸咎於北京，蓬佩奧在疫情期間的表現將使他成為有史以來最糟糕的國務卿之一。
文末強調，蓬佩奧針對大陸的種種無端指責，都在事實面前不攻自破。面對突如其來的新冠肺炎疫情，陸方第一時間向世衛組織報告疫情，第一時間同世界各國分享新冠病毒基因序列，第一時間同國際社會開展疫情防控合作，這是事實充分、有目共睹的，也為國際社會普遍稱道。大陸在兩個月左右時間裡取得了疫情防控重大階段性成效，14億大陸人民的生命安全和身體健康得到了最大程度的保護。這些，都是鐵的不爭事實，任何人也無法抹殺和篡改。</t>
  </si>
  <si>
    <t xml:space="preserve">南韓29歲人氣女星潤娥，近日公開私下外出時的穿搭照，不僅全身包緊緊，也為了防疫戴上口罩，卻因此受到網友的注意。
少女時代出身的潤娥，憑著甜美的外表與清新的氣質受到大眾喜愛，近幾年更將事業重心轉往戲劇圈發展，表現亮眼，成功轉型成一線女演員。而受到新冠肺炎疫情，不少活動及拍攝皆取消，潤娥捐出善款後大部分的時間也都待在家裡，近日曬出出遊時的私服穿搭，只見她打扮輕便、臉上沒有任何妝容，戴上眼鏡及口罩，即使從頭包到腳依然擋不住星味。
不過，不少網友的注意力卻停留在她的臉上，紛紛留言「她的臉在哪？」、「到底是口罩太大還是潤娥臉太小」、「怎麼戴口罩跟眼鏡也能這麼美」。
@yoona__lim 分享的貼文 於 PDT 2020 年 3月 月 19 日 下午 11:25 張貼
</t>
  </si>
  <si>
    <t>今起接種完整兩劑疫苗者且相隔14天的民眾，可選擇7+7方案入境，為此，台北副市長黃珊珊今凌晨在臉書有感而發說「天佑台灣！」而根據指揮中心統計，春節專案開放首日，入境總人數為826人，其中就有557人選擇「7+7」專案，佔了整體入境者的68％。
中央流行疫情指揮中心指揮官陳時中今表示，春節三大方案的入境人數，A方案（14+0+7）共177人，佔21％，B方案（10+4+7）共92人，佔11％，C方案（7＋7）共557人，佔68％。其中選擇7+7方案的人最多，第一天826人返台，就有557人選擇。
而台北市副市長黃珊珊今凌晨在臉書上表示，今起入境者可選用「10+4」與「7+7」專案，讓她直言「不知道這個無法挽回的決策，會讓台灣付出多大的代價，天佑台灣！」對此，陳時中則回應說，政策都是滾動式檢討，目前Omicron的發展態勢，對於疫苗保護力降低，今英國又爆出一名死亡案例，但也沒有較高的致死率和重症率，所以我們還是嚴整以待。
對於春節返台人數沒有暴增，陳時中坦言，這幾天也確實因為Omicron讓世界旅行移動變得不方便，可能沒有暴增預約的狀況。
面對黃珊珊的擔憂，陳時中則說，其實只要後面7天的居家檢疫可做完整，基本上就不用太擔心，而這兩年來台灣一直都有在做居家檢疫，包括電子圍籬、社政體系的關懷，其實這些都已經很熟稔，所以對這樣的防疫政策，他其實是有信心的。</t>
  </si>
  <si>
    <t>引言：　大陸經濟快速成長，匯聚海內外人才助其經濟轉型，並在國際間占有一席之地。不過近年來因中美貿易戰和新冠肺炎疫情衝擊，大陸在「十四五」期間面臨重大挑戰之一就是人才議題。不突圍必難以戰勝環境，工商時報即起一連三天，以受訪專家的視角，與讀者共同探索這全球都在關注的動態，那就是中國如何打響新時代的人才爭奪戰。
2021年5月28日，大陸科技最高學術機構－中國科學院和中國工程院，時隔三年後再次召開「兩院」院士大會。中共中央總書記習近平率領六位中央政治局常委與會。他宣示：世界科技強國必須能夠「在全球吸引人才、留住人才、用好人才」，這一席話，意味著北京宣告新一波人才爭奪戰啟動。
兩次院士大會之間的三年，大陸遭逢中美科技戰和新冠病毒疫情兩大變局，全球政經情勢驟變，其中，在美國科技圍堵下，大陸半導體等領域遭遇技術瓶頸的「卡脖子」窘境，在最近一次院士大會召開之際，大陸舉國上下正絞盡腦汁尋求如何突破難題，而毫無疑問的，人才是解開這道圍牆的鑰匙。
中華經濟研究院大陸經濟所所長劉孟俊接受本報專訪時指出，大陸人口老化，自2012年起勞動人口從成長轉為萎縮，顯示人口紅利正在縮減，大陸經濟快速成長的時期已經過去，要維繫經濟持續發展就要仰賴「制度創新」或是「科技進步」。創新有幾種可能性，例如製造、傳統產業的「科技化」，以及新興科技的「產業化」。而要完成這些任務，都需要仰賴高階人才。
千人計劃獲明顯成效
大陸想從製造大國邁向製造強國之林，光靠豐沛的勞動力遠遠不夠，各種產業要順利升級到足以跟歐美一較長短，更需要尖端技術專家和管理人才，因此，早在2008年大陸就提出「千人計劃」，以優渥的補貼和獎勵金吸引海外高階人才協助大陸發展，實施以來也獲得明顯成效，十多年吸引近八千位海外華人菁英和外籍專家，台灣也是大陸引才的重點對象，至少有三十多位台灣高階人才加入「千人計劃」，對近年大陸產學的快速發展發揮一定的作用。
積極啟動本地育才
資策會產業情報研究所資深總監陳子昂說，台灣人才願不願意赴大陸，主要有三個考量：家庭因素、公司前景和薪資條件，現在仍有許多年輕的台灣人想赴大陸一闖。
自中美關係自2017年交惡之後，大陸的「千人計劃」被美國和其西方盟友視為大陸竊取各國智財權的手段，自學術界到科技產業展開嚴厲執法，重挫大陸吸引海外菁英的這個計畫，新冠肺炎疫情爆發及蔓延，讓各國進入類似鎖國模式，人員流動嚴重受阻，增添大陸引進海外人才的難度。如今，大陸只能著手積極培養本地高階人才。
習近平5月在院士大會中的講話通篇未提「美國」二字，但中美科技戰的煙硝味甚濃。習近平說：「科技創新成為了國際戰略博弈的主要戰場，圍繞科技制高點的競爭空前激烈。」他點名科技突破要鎖定基礎原材料、高階晶片等核心技術，並強調「當今世界的競爭說到底還是人才競爭、教育競爭」。
習近平強調人才競爭
習近平的一席話切中大陸在2021年3月公布的「十四五規劃」和「2035年遠景目標綱要」重點。專家指出，「十四五規劃」聚焦突破七大科技領域，又以人工智慧、量子資訊、積體電路最為關鍵。其中，對於歐美尚在萌芽階段的量子技術，「十四五規劃」提出七次之多，由此可見大陸未來五年內，在科技發展上超歐趕美的企圖心。
在人才需求上，相較於過去的廣納人才，如今大陸更聚焦在吸引高科技領域的專才。相較「十三五規劃」提出要建設的人才隊伍，「十四五規劃」更凸顯大陸未來更需要的是高階工程師和高技能人才。在激勵頂尖科技人才方面，「十四五規劃」也賦予更大的技術路線決定權及經費使用權。
劉孟俊表示，大陸作為追趕型經濟體，過去是透過龐大市場吸引外商進駐，再進行逆向工程學習、模仿。但由於積體電路等高科技的門檻高與新興產業領域的原創性高，難循先前模式。因此策略轉向挖角高階人才，這也是大陸經濟轉型力爭跨越「中等收入陷阱」的過程。
中美衝突和新冠疫情影響廣泛且深遠，同時反全球化、單邊主義、保護主義思潮亦暗流湧動。大陸定下人才強國戰略，準備要在後疫情時代大展拳腳，不僅要做到「栽下梧桐樹，引來金鳳凰」，為人才營造良好的創新生態環境，「聚天下英才而用之」之野心亦從此可見。</t>
  </si>
  <si>
    <t xml:space="preserve">新冠肺炎疫情蔓延，觀光產業首當其衝，對此新北市長侯友宜今(9)表示，這段時間台灣觀光可以說是非常蕭條，像金山好山、好水、好風景，都沒有人走動非常可惜，他也呼籲民眾，有空到戶外走走，看看漂亮的風景，讓自己身體更健康，提高免疫力，「大家不要忘了，希望我們的郊區、偏鄉，風景好的地方，民眾有空就到戶外走一走。」
</t>
  </si>
  <si>
    <t>2020台灣燈會昨（23）日晚間正式閉幕，雖面臨新冠肺炎的防疫艱鉅挑戰，但憑著藉口碑好評，16天燈期人潮仍超乎預期，共吸引1182萬人次前往賞燈。而2021年台灣燈會將由新竹市接棒主辦，交通部長林佳龍表示，將進一步詮釋「台灣燈會2.0」的美學全貌。
觀光局表示，2020台灣燈會在防疫工作下，除保留傳統燈節熱鬧氣氛，並融入全球環境保護概念、以人為本方針，將創意設計融入政策，並透過設計美學與工藝、傳統與創新、用藝術與國際對話3大主軸，升級台灣燈會燈藝美學，為「台灣燈會2.0」創新的開始。
觀光局指出，2020台灣燈會有4大創新突破。首先為導入美學藝術為延續設計美學，提升燈會設計力，籌畫階段特別辦理「讓世界為台灣而來」觀光設計力研討會，並以藝術策展方式邀請國內外知名藝術家及團隊於燈會布展，深獲各界肯定好評。
其次，2020台灣燈會主燈「森生守護－光之樹」融合園區地景，首度以樹木為題，邀請國際知名藝術家林舜龍創作大型裝置藝術。除了日、夜間觀賞均各具風貌，並首度開放民眾穿越其中，以全新角度及視野演繹，結合裝置藝術的主燈深獲佳評。
再者，2020台灣燈會延伸台中國美館的台灣國際光影藝術節，連結在地產業及光影展演導入光影藝術，將燈會轉型成大型設計博覽會。「聆聽花開-永晝心」及科技展演燈區，則結合機械、科技及光影，打造為燈的節慶、光的國度。
最後，2020台灣燈會首次規畫以大型環境劇場為主軸，結合主燈秀、永晝心展演、巨蟲秀及無人機表演，閉園時更搭配精靈遊行。透過導入全面式的沉浸式劇場表演規畫，引領遊客感受全新的五感體驗。
林佳龍表示，受到新冠肺炎疫情影響，今年台灣燈會在燈會期間做了萬全的防疫措施，盡全力打造安心賞燈環境。他感謝台中市長盧秀燕對中央的信任，在高度壓力下做出決定，認為此次是「中央和地方合作很好的典範」。
而2021年台灣燈會將由新竹市接棒主辦。林佳龍預告，將攜手科技產業、大學及科技師生，將竹科技術結合舊新竹車站、護城河等傳統地景，透過改造城市光環境發展成光的國度，以進一步詮釋「台灣燈會2.0」的美學全貌，民眾可拭目以待。</t>
  </si>
  <si>
    <t>去年結束澳洲網球公開賽後，「瑞士特快車」費德勒因為動了2次膝傷手術暫別賽場，台北時間昨天凌晨在卡達網球公開賽正式回歸，是他暌違405天首場比賽，經過2小時24分鐘的3盤激戰，7比6（10比8）、3比6、7比5力克英國選手伊文斯、晉級8強，賽後他笑說因為太久沒比賽，都忘了現在職業賽因為新冠肺炎增加了新規則。
費德勒去年因為膝傷在澳網後就整季報銷，同時國際體育賽事也因為新冠肺炎大流行停賽過一段期間，恢復比賽後主辦單位為了防疫增加一些新規定，例如避免接觸感染，選手現在得自己拿毛巾擦汗，昨天賽後費德勒說：「太久沒比賽我忘了不少事，像是我要求球僮幫忙遞毛巾給我，但他們因為防疫規定不能這麼做。」
「感覺我缺席比賽的時間比我想的還久。」費德勒說，但也很開心終於可以回到賽場，「能回來感覺真好，不論輸贏，能夠站在球場就很快樂。」而他首輪輪空、次輪獲勝，下一輪要和世界第42名的喬治亞選手巴西拉許維利爭奪4強席次，兩人過去僅在2016年澳網交手過一次，當時費爸直落3獲勝。</t>
  </si>
  <si>
    <t>日本3月連假後，新冠肺炎疫情升溫，對於台灣疫情是否也會升溫？中央流行疫情指揮中心指揮官陳時中表示，不敢說絕對不會，但是判斷不會，原因是台灣的社區群聚沒有像日本櫻花季的時候那樣，國外入境者也在居家檢疫中。因此，指揮中心才會讓大家多散心，否則就會禁止了。</t>
  </si>
  <si>
    <t xml:space="preserve">
全台本土疫情連續10天都破百例，近日更出現死亡案例，其中還有猝死在家的個案。重症醫師黃軒對此表示，其實在國外確診者猝死的案例很常見，國外媒體替這種現象取名為「快樂缺氧」（Happy Hypoxia）。
疫情指揮中心專家諮詢小組召集人張上淳指出，這波猛烈疫情造成的死亡案例有許多都是中高齡長者，且有不少人都有慢性病史。黃軒在臉書發文提到，新冠病毒會影響人類肺部功能，國外則建議這些輕症或無症狀感染者，在沒有明顯症狀出現時，待在家中自我隔離。當有些患者想就醫時就遲了，因此在家中不幸死亡。
黃軒指出，很多輕症或無症狀感染者，若是合併成隱形缺氧，症狀通常都會讓醫師感到很驚訝，由於這些輕症或無症狀感染者，初期心臟功能仍有將血液輸送到身體末梢的能力，但隨著新冠病毒入侵，會讓身體慢慢缺氧，患者初期不會感到呼吸困難，直到部分患者逐漸感到胸悶和難以呼吸後，就已是「隱形缺氧」（Silent Hypoxia），病情就會迅速惡化。
至於隱形缺氧如何形成，黃軒解釋，附著在細胞膜表面的受體蛋白「ACE2」上入侵細胞，而肺臟和肺泡上有非常多的ACE2。一旦COVID-19病毒侵犯細胞達到一定數量，人體免疫反應和病毒之間的大戰就會造成許多肺泡破壞。這可能會阻礙氧氣從肺泡進入血液的通道，如果病人體力很好，心臟夠強，可以用肌肉多作幾次的呼吸急促代償，可以多吸一點氧分子，二氧化碳也可以較快從血液進入肺臟、排出體外，因此較不受影響。隱形缺氧正在發生時，也就難以察覺。
黃軒進一步解釋，新冠肺炎會讓人類肺部氧氣移動與血流不協調（V/Q mismatch），通常血管會收縮，讓血液盡量流入肺臟中充滿氣體的部位載運氧氣，減少缺氧部位的血流。但新冠患者這套保衛機制可能會失常，使得更多血液流向肺臟受損的部位，反而較少血液流經健康部位，所以隱形缺氧發生，難以察覺。
換言之，很多「病者本身，是自己根本沒有能力判斷自己是不是要去看醫生」的，一直吸不到氣、昏迷、臉色變黑....這些會造成很多在家突然猝死的病例一直在上昇，有些是死後才知道，原來這些都是COVID-19病毒造成的，但一切往往都來不及了。有時候，有些人只是正在「快樂缺氧」（Happy Hypoxia)，而這一切只是死神的慣用手法，連病人本身也不知道，他快要死了，更何況沒有受訓重症醫療訓練過的家人呢。
更多 CTWANT 報導
</t>
  </si>
  <si>
    <t>新冠肺炎疫情趨緩，新北市長侯友宜15日宣布擴大開放管制，除校園、親子館仍禁止開放，18日起室外場館500人以下，除了生病者，其他全面開放不用戴口罩，室內場館開放人數上限100人，全程保持社交距離，但仍要戴口罩；北市副市長黃珊珊則表示，室外本來就沒有限制戴口罩，重點在能否保持社交距離，沒有打算公有場館解禁戴口罩，畢竟很多國家都有回馬槍。
侯友宜說，新北在2周前分兩階段四梯次開放，第一階段民眾配合良好，第二階段將從18日開始實施。
侯友宜說，第二階段開放場所，仍須秉持不共餐、不共食、不歡唱三原則，室內、室外都要保持社交距離，至於校園現階段仍不開放。室內仍要戴口罩，教室戴口罩也沒有改變，戶外活動如有生病還是要戴口罩，但若能保持社交距離，可以不用戴口罩。
侯友宜說，這波開放中，銀髮俱樂部及社區關懷據點也開放50人以下活動，社區大學春季班也將於18日開課，但都須落實量體溫、戴口罩、疫情調查三大關卡，並禁止中途報名及旁聽，落實人員控管；長照住宿機構部分，新北市也放寬為探視人數一次改為3人，探視組數改由機構自行決定。疫情指揮中心指揮官陳時中認為，侯市長所提的措施，仍是照指揮中心防疫的大方向。
交通部長林佳龍說，6月1日起，維持社交距離下放寬雙鐵車內飲食，但飲食完畢仍須戴回口罩。高鐵防疫梅花座引起好評，民眾買票時，系統會維持此種分法。</t>
  </si>
  <si>
    <t>施打完疫苗之後可以像做完開刀手術一樣適度進補並注意飲食，將有助於身體狀況的恢復、完善的啟動身體的保護力。嫚嫚營養師表示，施打完疫苗後的飲食，主要可著重在維持免疫力和降發炎反應，良好的免疫力有助於盡早啟動完善的保護力，而發燒、頭痛等副作用和發炎息息相關，降低發炎反應有助緩和副作用、避免不適。因此建議施打疫苗後飲食可著重三大重點，包括了優質蛋白質、多色蔬果、充足水分。
●優質蛋白質
嫚嫚營養師指出，蛋白質為建造白血球、抗體的主要成分，份量一定要充足，而質地較軟的攝取來源可以避免增加腸道負擔，因此正如做完手術、開刀，打完疫苗後也可喝點清淡的魚湯、雞湯、雞精進補，當中可先以魚肉優先，其次可選擇雞肉，因為魚肉除了優質蛋白質以外，也含有Omega-3脂肪酸有助降低發炎反應。
而這類熬煮過的補品也有個好處，術後、打完疫苗後不僅往往身體虛弱，也變得會沒食慾不振，這些補品內含的蛋白質分子比較小、容易吸收，液態也容易下嚥，因此建議在打完疫苗後可以適度補充，有助加速營養吸收，調節身體機能。其他也可選擇豆腐、蒸蛋等。
●多色蔬果
蔬果方面建議以「蔬果579」的方式進行，也就是小孩5份，成年女性7份，成年男性9份。嫚嫚營養師表示，蔬果除了有各種不同的維生素、礦物質，更有蔬果特有的各種植化素，國內外皆有不少研究指出，充足的攝取蔬果對於抗病毒、抗發炎、抗氧化都有非常出色的幫助。
且蔬果當中也有膳食纖維，有助調節腸道菌叢生態、增加益菌，使腸道健康，人體有7成的免疫細胞位於腸道周圍，腸道健康免疫力自然就好。也提醒民眾，蔬菜和水果皆有各自的營養，不可互相取代，攝取時應以多色為佳，以利攝取各種不同的植化素。
●充足水分
至於水分攝取也相當重要，嫚嫚營養師表示，身體水分充足有助促進新陳代謝，身體代謝好，便有助於緩解不適。打完疫苗後發燒、流汗等狀況，皆可能使得身體出現體液不平衡、缺水的情況，應留意水分補充。
水分攝取量建議以自身體重乘以40為佳，例如體重若為60kg，一日就喝2400ml毫升/cc，但注意一小時以250~300 ml毫升/cc為佳，避免超過1000 ml毫升/cc，以免加重腎臟負擔。
●接種疫苗後宜地中海飲食，菜：澱粉：蛋白質=2:1:1
在飲食整體比例上，嫚嫚營養師建議蔬菜、澱粉、蛋白質以2:1:1的比例攝取為佳，可以「地中海飲食」為主，地中海飲食已連續蟬聯4年最佳飲食方式，其飲食特色就包括了大量的蔬果，以及使用好的油脂，包括了橄欖油、堅果等，蛋白質也以前述提到的雞肉、魚肉等白肉為主，並以其它有助抗發炎的辛香料輔佐，攝取充足的水分，搭配適度的運動，整體而言不論是對術後、施打疫苗後，或是平時日常的健康保養都非常有幫助。
不過飲食調節健康需要時間，通常約三週左右就可以漸漸感受到改變，就和減肥一樣，提醒民眾別求快、急著看見效果，慢慢培養出習慣才是關鍵。</t>
  </si>
  <si>
    <t>新冠肺炎本土疫情爆炸，國內速食龍頭麥當勞今宣布，台北市、新北市逾130家門市自今日上午10點半起禁止顧客內用，實施日至5月28日，寫下麥當勞1984年來台成立首家門市後的罕見紀錄。
在中央流行疫情指揮中心宣布雙北進入三級警戒後，已有不少連鎖速食店決定，門市即日起只提供外帶或外送服務，不讓顧客進店內用餐，降低染疫風險。
麥當勞雙北超過130個據點，人流頻繁，為配合防疫政策，也維護顧客及員工健康，今宣布禁內用政策，暫定實施至5月28日，後續視疫情發展調整。
麥當勞表示，凡位在台北市、新北市的麥當勞餐廳，均暫停餐廳內用服務及洗手間使用；感謝顧客配合，請多加利用外帶、得來速與歡樂送服務。</t>
  </si>
  <si>
    <t>新冠肺炎第12期疫苗採分階段開打，第1階段自18日起開放預約，已在今日中午預約截止。根據中央流行疫情指揮中心統計，BNT、AZ、莫德納合計超過293萬人符合預約資格，但僅188萬人完成預約，其中莫德納疫苗出現11.5萬名造冊者重複預約情況，另有2.6萬名未造冊、但合乎資格的55歲以上長者未及時預約。指揮中心今宣布，未完成預約的55-64歲民眾，可提前預約接種第2階段疫苗，優先預約時間為10月22日上午10時至16時。
第12期疫苗第1階段開放30歲以上民眾接種第1劑BNT、55歲以上7月16日（含）前打過1劑莫德納者接種第2劑，以及7月30（含）前接種第1劑AZ的38歲以上民眾施打第2劑，18日起開放預約，第1階段預約已在今午12時截止，施打時程為10月22日至27日。
截至今日中午，BNT疫苗共有74.96%合資格者完成預約、AZ疫苗有71.79%合資格者完成預約，而莫德納則只有28.81%合資格者完成預約。指揮中心發言人莊人祥解釋，莫德納疫苗合資格者包括造冊接種的民眾，這些民眾實際上不需至平台預約，此次預約平台出現了11.5萬人重複預約的情形，亦有2.6萬名未造冊、但合乎資格的55歲以上長者未及時完成預約。
有鑑於此，指揮中心特別開放55歲以上、7月16日（含）前打過1劑莫德納的民眾優先預約第2階段疫苗，可提前於10月22日上午10時至16時上平台預約，並在10月28日至10月31日接種。至於其餘第2階段對象，預約時間不變。
依照既有規劃，第12期疫苗第2階段開放23歲以上民眾接種第1劑BNT、7月16日（含）前接種第1劑莫德納的18歲以上民眾接種第2劑莫德納、7月30（含）前接種1劑AZ疫苗的18歲以上民眾接種第2劑AZ疫苗，以及7月31日至8月6日（含）已接種第1劑AZ疫苗的45歲以上民眾接種第2劑AZ疫苗。
第2階段BNT、莫德納疫苗將在10月25日上午10時至27日中午12時開放預約，而AZ疫苗則是在10月26日上午10時至27日中午12時開放預約。BNT疫苗將在10月28至31日接種，莫德納及AZ則是在10月28日至11月3日接種。</t>
  </si>
  <si>
    <t xml:space="preserve">國軍敦睦艦隊傳群聚感染，18日軍方緊急召回軍艦官兵採檢、隔離，防疫車竟直駛入台中一中校園，引發反彈。台中市長盧秀燕21日對軍方表達抗議，對選擇在台中一中門口當集合地點，深表遺憾，今早也在市政會議表揚阻擋防疫車到校園接發燒者的學務主任與教官，全場官員以掌聲鼓勵，避免引發師生暴露在感染風險的疑慮。
要接疑似新冠肺炎確疹者的地點，竟選在逛街人潮眾多的一中商圈裡？盧秀燕上午市政會議前受訪時表示，「向軍方表達抗議！」經抽絲剝繭的調查發現，敦睦艦隊在召回他們的官士兵的時候，選擇台中一中的門口當作集合地點對這個事情，我們深表遺憾。
盧秀燕對此大為不滿，抗議軍方的救護車人員、車輛直闖台中一中的校園，完全沒有跟台中市政府，或者是台中一中商量協調，或者是事先告知，一中的同仁處在完全不知情的狀況，他們也沒有全副的防疫裝備，質疑軍方「你們自己全副武裝，別人要不要全副武裝？」一中的師生莫名其妙，「怎麼會一大堆人穿著防護衣跑進去，救護車也跑進去了」。
盧秀燕說，幸好學校很有警覺性，他們自己防護的很好，防止一中師生或是同仁暴露在很可能接觸到發燒的案例，確診個案在高風險的環境之下，我們是覺得非常的不妥，幸好台中一中及時攔下，她在市政會議中也當場表揚台中一中學務主任劉殊賢及教官，肯定他們的防疫觀念非常正確。
「他們立刻去了解發生什麼事情，並且繼續打交道，要求軍方防疫人員、救護車相關的人員退出校園外」，盧秀燕對軍方表示譴責，同時也對台中一中勇於守護校園、守護師生安全以及防疫觀念非常落實表示肯定，值得表揚。
但相較之下，台中一中防疫觀念落實，盧秀燕表示，軍方這樣的作為，呼籲軍方，對於防疫作為要再教育要再加強，教育要再加強。
盧秀燕表示，台中市在這次敦睦艦隊有不少基層官士兵是我們台中市民，他們的家屬其實頗為焦慮，當初不管是志願役，或者是義務役的基層士兵，他們基於保家、衛國、守護國家、守護人民觀念去從軍，那結果呢？還沒有保家衛國就被這樣的一個那個防疫觀念的偏差，或是疏忽造成折損。
她強調，如果我們沒有辦法保護我們的役男，保護我們的軍士、官兵？他們怎麼保護我們的國家、保護人民？包中彰投大概有七十多名的敦睦艦隊役男，現在集體檢疫當中，希望好好照顧他們，家屬跟市政府與市民朋友，都希望海軍總部好好的照顧他們。
身為媽媽市長，盧秀燕難掩心疼的說，如果是自己的兒女，想想看現在一趟的遠洋遠行後，現在返台後，每個人都有感染的風險，在這十四天當中他們被檢疫，親朋、好友的焦慮可想而知，她拜託海軍總部好好的照顧他們、他們的相關訊息、健康狀況等等，也應該讓社會大眾有所瞭解，讓家屬及政府對他們的關心跟焦慮能夠減少一些。
</t>
  </si>
  <si>
    <t>美國新冠肺炎疫情升溫，紐約州州長郭謨10日宣布，在嚴重群聚感染的威斯切斯特郡新羅謝爾（New Rochelle）設置全美國第一個「封鎖區」（containment area），防止群聚感染持續擴大。當天紐約州新增病例超過170例，其中威斯切斯特郡確診108例。
郭謨10日表示，當局在新羅謝爾畫一個半徑1英里（1.6公里）、面積約8.1平方公里的圓形「封鎖區」，出動國民兵協助防疫，維持期間從12日開始至25日。封鎖區以一間與部分新冠病例有關的猶太教堂附近為中心，這段時間內區域裡的學校、社區中心、宗教場所等容易出現人群聚集的設施將關閉，但零售店、熟食店等店舖保持營業。國民兵會進行檢疫和消毒工作，並為隔離中的居民運送食品。
新羅謝爾位在紐約市以北的郊區。郭謨指出，該地區已經有108名確診病例，病例群聚規模可能是全國最大。
美國新冠肺炎疫情不斷擴大，截至當地時間10日晚間11時，確診病例突破1000，達1004例，累計死亡31人。疾病管制及預防中心（CDC）通報，當天晚間全美已有至少37個州和華盛頓特區出現確診病例。
疫情最嚴重的華盛頓州，新確診病例從9日的162人暴增百餘人達到267人。西雅圖所在的金郡（King County）則是該州重疫區，確診數有190人。情況嚴峻的還有加州。雖然新增病例只有24例，但累計確診人數也已經達到157人，其中2人死亡。當地媒體則預測潛在的感染者可能有數千人。密西根州10日晚間確診首起病例，當局隨後宣布進入緊急狀態。</t>
  </si>
  <si>
    <t>國內新冠肺炎疫情嚴峻，隨時戴口罩已成為全民共識。1名黃姓男子去年12月間搭公車，因未戴口罩與公車司機起爭執，4名員警獲報到場處理，竟遭黃男辱罵「白癡」，當場遭逮捕送辦。台北地院審結，依侮辱公務員罪判黃男拘役50日，得易科罰金5萬元，緩刑2年，並捐助3萬元。可上訴。
判決指出，黃男去年12月6日中午在台北市萬華區西園路一段、桂林路口處，因搭乘公車未戴口罩，而與公車司機發生糾紛，萬華警分局青年路派出所4名員警獲報到場處理，黃男因不願配合警方執法，當場辱買員警「白癡喔」，警方當場逮捕黃男，黃男後來又在派出所內再飆三字經。
檢方認定黃男涉犯侮辱公務員罪，向法院聲請簡易判決處刑，北院考量他認罪，並表明願意尊循受害員警的意願，向勵馨社會福利事業基金會捐助3萬元，認為他應知所警惕而無再犯之虞，予以緩刑。</t>
  </si>
  <si>
    <t xml:space="preserve">衛福部長陳時中今表示，高端疫苗通過緊急使用授權（EUA）後，最快8月就能供貨，對此，資深媒體人羅友志譏諷，「高端過了，小白們袖子挽起來」。
陳時中在今（19日）記者會上表示，高端疫苗通過緊急使用授權（EUA）後，最快8月就能開始少量供貨，不過由於高端公司的疫苗生產反應爐較小，若要擴大產能還需要花一點時間，因此目前所能提供的量比較少，不過新的製程也正在如火如荼進行中。
另外，陳時中也強調，高端疫苗正式應用到國人身上，最後還要經過ACIP開會決議，最快八月中可打到，至於聯亞疫苗目前也在積極審查中。
針對高端疫苗通過緊急使用授權一事，羅友志隨即在臉書狠酸，「高端過了，小白們袖子挽起來」，許多網友也在其PO文底下留言表示，「覺青們報效蔡皇的時候到了」、「817表示，我本來想打，但是預約系統沒有這個選項，最後不得已只好選擇國外疫苗」、「宣誓非高端不打的人，快去預約喔」、「直接不演了，直球對決」、「817，快上啊」。
另有網友跟焦糖哥哥陳嘉行喊話，「焦糖有疫苗可用了，AZ別打了」，因為陳嘉行過往曾表態自己想打國產高端疫苗，但最後預約AZ疫苗，引發輿論譁然。對於遭到網友點名，陳嘉行立即在臉書發文反擊，稱「我的身體我作主，我想打什麼是我的自由，干你（妳）屁事」。
</t>
  </si>
  <si>
    <t>敦睦艦隊於疫情期間出訪，造成24名官兵確診，全台防疫一夕拉警報。磐石艦從曾有多人看診、5人發燒，至軍艦靠港後有官兵休假等說法不一，軍方的解釋如同擠牙膏，讓人懷疑，海軍是否隱瞞官兵染疫情事，或是敦睦支隊刻意隱瞞海上所發生的事，而軍方卻未察覺。
看診放假 高層全不知
以艦隊靠港、官兵的休假時間言，海軍最早對外說是4月15日，即參謀總長黃曙光校閱後才放，軍方高層也信以為真。但台南市、高雄市的疫調都指出，官兵早在14日就到市區消費，海軍昨才坦承，14日上午即架設舷梯，讓部分非輪值人員放假。外界直指軍方說謊，軍方是百口莫辯。
據了解，敦睦支隊依權限提早放人，高層根本不知；海軍參謀長敖以智上周在立法院說沒有官兵確診，情況相同。連一個官兵放假的事都說不清，又爆出有70人不舒服看診，還有人發燒，又怎能怪外界不信任軍方，認定軍方可能隱瞞疫情。
中尉醫官 恐成替死鬼
令人不解的是，磐石艦指派的醫官，並非資深有經驗的高階醫官，而是一位中尉，艦上所有軍官階級都比這位醫官高，擺明了吃定菜鳥醫官。海軍用意是希望醫官醫術不要太高明，或是打算用階級壓制醫療專業意見，耐人尋味。
更令人訝異的是，立法院國防委員會明天舉行專案報告，指名這位中尉醫官視訊備詢，軍方竟也同意。在這節骨眼上，軍方如果把他送到質詢台，等於送上斷頭台，讓醫官當替死鬼。
疫期出訪 決策仍是謎
由於敦睦官兵現全住檢疫所，軍方接觸不到人，要了解事件始末有一定難度，但真相只有一個，軍方說法不一。相信陳時中對軍方處理疫情方式，也有疑慮。
為什麼敦睦非要在疫情期間出訪，有綠委爆料，因有重要機密任務。但這說法不通。套句美國羅斯福航母艦長克勞齊對海軍高層說的話，「現在不是戰時，無需讓弟兄犧牲」。敦睦艦隊再怎樣的天大任務，會比艦上官兵健康重要？決策過程如何，軍方仍須對國人交代。</t>
  </si>
  <si>
    <t>首波疫苗混打今正式開打，共有18.3萬人完成預約，其中選擇莫德納疫苗者佔多數，有12.4萬人，選BNT者僅6萬人左右。不過，台大混打研究顯示，初步看起來AZ混打莫德納疫苗的保護力較佳，但相對的副作用的發生率與嚴重程度也會較強，對此《中時新聞網》也整理出接種疫苗常見的6個問題供民眾參考。
一、打疫苗前需要準備什麼？
家醫科醫師陳欣湄在節目《健康2.0》中建議，打疫苗必備的3大法寶為水、體溫計以及消炎退燒藥。另在打疫苗前不需先服藥，等打完有相關症狀再吃即可。
二、接種疫苗前後注意事項？
家醫科醫師陳欣湄提醒，打疫苗前3天盡量避免吃炸物、蛋糕和餅乾等精緻澱粉，因為這類食物恐讓身體發炎反應加劇，打完疫苗後可能會比較不舒服；另台北慈濟醫院兒科部醫師沈君毅則提醒，疫苗接種前後維持規律作息、避免劇烈運動，將打疫苗當作生活一部分，別太緊張。
三、一般成人每天可吃多少普拿疼？
家醫科醫師許書華曾在臉書分享，止痛退燒藥的主要成分是「乙醯胺酚」，一般成人最大日劑量建議不超過4千毫克，過量恐造成肝臟損傷，甚至重症或死亡。
四、混打疫苗後的注意事項有哪些？
國外研究與台大研究都顯示，混打疫苗的副作用會比兩劑打同款疫苗還要更強，因此提醒民眾打完疫苗後，務必在現場觀察30分鐘，確認無不良反應再返家。另返家後若身體非常不舒服，且症狀持續未減緩，建議可以盡速就醫。
五、接種BNT後常見的副作用為何？
成年人打BNT常見的副作用為注射部位疼痛（84.1%）、疲倦（62.9%）、頭痛（55.1%）、肌肉痛（38.3%）、畏寒（31.9%）、關節痛（23.6%）以及發燒（14.2%），但症狀多在數天內會消失。極罕見的心肌炎與心包膜炎較常發生在第二劑。
六、打完莫德納後的副作用有哪些？
莫德納常見副作用為注射部位疼痛（92%）、疲倦（70%）、頭痛（64.7%）、肌肉痛（61.5%）、關節痛（46.4%）、畏寒（45.4%）與發燒（15.5%）。極罕見的心肌炎與心包膜炎較常發生在第二劑或年輕男性身上，打完若持續性胸痛、呼吸急促或心悸請就醫。</t>
  </si>
  <si>
    <t>「入境檢疫電子系統」即將上路，中央流行疫情指揮中心表示，具有國內電信業者手機門號的旅客只要掃描二維碼、輸入健康資料、接收確認簡訊、出示手機憑證」四步驟，即可快速通關。
為因應新冠肺炎疫情，中央流行疫情指揮中心宣佈，從2月11日起，所有入境台灣旅客須填寫紙本入境健康聲明書，健康聲明書內容包括14天內是否有旅遊史、發燒、呼吸道症狀或咳嗽等症狀。
但先前健康聲明書以紙本方式填寫，旅客完成資料後需要手動輸入系統，再與旅客電話號碼等基本資訊串流，如果遇到需要進行居家隔離、居家檢疫的旅客，從資料輸入彙整到轉達民政單位的時間過長造成空窗期，因此無法即時掌握隔離人口狀況，且日前陸續傳出針對隔離人口發放的專用手機傳出數量不足、里長抱怨電話關心也無法遏止部分隔離民眾四處「趴趴走」等問題。
因此，為提升國內檢疫作業效能及旅客通關速度，指揮中心公布由行政院資通安全處與衛生福利部已共同主導開發「旅客入境健康聲明暨居家檢疫電子化系統（入境檢疫系統）」，近期可正式上線，具有國內電信業者手機門號的旅客掃描郎航空公司櫃台的二維碼後，進入「入境檢疫系統」網站線上填寫健康資料完成，抵台後出示憑證畫面即可快速通關，只有「掃描、輸入資料、接收簡訊、出示手機」四個步驟，也能以資訊化的方式處理資料，將入境健康聲明書電子化，快速完成資料彙整串流。
指揮中心表示系統已經完成，並於日前在部分航班測試，希望航空公司能夠協助宣導，民眾也多加運用，以節省紙本作業，讓防疫更有效率。
指揮中心提醒，未如實填寫入境健康聲明書或拒絕配合，依規定可開罰1至15萬元。</t>
  </si>
  <si>
    <t>台北市的防疫已經進入第三級警戒，台北市長柯文哲16日深夜發文表示，為了確保防疫的量能足夠，這幾天北市府全體總動員。他說，政治的核心是執行力，現在就是考驗的時候，台北市政府一定會扛起來，面對這場突然爆發的疫情。但他也說，今晚還是想跟大家說些真心話，就是疫情洪峰可能還沒到。
柯文哲表示，為了更快速的找出在社區潛藏的感染者，四天內，臺北市迅速地設了四個快篩站。
第一天，在中興院區的站點，人潮洶湧，醫護人員一直篩檢到深夜，但還是有上百位沒辦法做完，原本很多民眾怒氣沖沖，但當醫護同仁耐心的解釋，並遞上號碼牌，民眾也很快的平靜下來，我想那是因為他們知道，自己將會得到完善的照護，覺得可以安心。
隔天一大早，醫護人員先用廣播宣布採檢的流程、並請市民朋友體諒，醫療量能有限，可能無法全部做完，但還是會先發放號碼牌，做不到的請隔天再來。這個時候現場竟然出現此起彼落的掌聲，醫護人員聽到的都是體諒、鼓勵與感謝。
柯文哲感動地說，這是這幾天來，在疫情中得到的最大鼓舞；即使大敵當前，人們仍能相互體諒、感同身受。
柯文哲呼籲，此刻讓大家一起齊心抗疫；臺北市的所有醫護、市府團隊都會很努力，希望你也一起。而你要做的事情很簡單，「戴好口罩、勤洗手、沒事就乖乖待在家」，我們會撐過去的！</t>
  </si>
  <si>
    <t>新冠狀病毒疫情在全球快速擴散，繼各地政要、名人陸續傳出確診後，美國職籃（NBA）球星也中鏢，迫使全球主要體育賽事接連宣布暫停或延期，已經受美中貿易戰波及的體育用品巨頭Nike又再面臨疫情大流行帶來的營運挑戰，周四股價暴跌11.67%，收在74.20美元。
Under Armour（UA）亦重挫14.78%，收在9.69美元。
在美國方面，美國職棒大聯盟（MLB）、NBA、國家冰球聯盟（NHL）與國家美式足球聯盟（NFL）已宣布賽事延期或暫停。歐洲的歐足總歐洲聯賽、義大利足球甲級聯賽、德國甲級足球聯賽、西班牙足球甲級聯賽，以及在捷克與斯洛維尼亞等地舉辦的體育賽事，都已宣布延期或閉門比賽。
美國鞋類經銷與零售商協會宣布，1月從中國進口的美國鞋類產品創下逾10年來同期最大跌幅。該協會成員包括沃爾瑪、Nike、Crocs與Steven Madden等公司。
美國七成銷售的鞋類從中國進口，但美國鞋業近來流年不利，先是遭美中貿易關稅大戰波及，接著又面臨中國爆發武漢肺炎帶來的斷鏈衝擊。今年1月美國從中國進口的鞋類產品較去年同期大減15.7%，創下逾10年來同月份與逾4年來的最大跌幅。</t>
  </si>
  <si>
    <t xml:space="preserve">洋基隊的春訓2.0頗為不順，首日投手田中將大受傷，主力打者勒瑪修(DJ LeMahieu)與投手瑟薩(Luis Cessa)同時宣布感染了新冠肺炎！勒馬修沒有症狀，瑟沙則是症狀輕微。
勒瑪修早年效力國聯洛磯隊，上季首度轉到美聯球隊洋基，繳出打擊率0.327、26轟、102打點的MVP級數據，季後賽亦表現傑出，被認為是洋基打線第一戰將，本季預定擔任二壘手。
總教練波恩(Aaron Boone)只能祈禱勒瑪修快點痊癒，他表示球隊士氣仍然高昂，至今沒有人放棄復賽。終結者查普曼(Aroldis Chapman)、捕手桑契斯(Gary Sanchez)還在等待檢驗結果。
</t>
  </si>
  <si>
    <t>美國總統拜登簽署行政命令譴責反亞裔的偏見歧視，禁止聯邦政府使用「中國病毒」的名詞，並且指示司法部要與社區合作，預防針對亞太裔的仇恨犯罪。國民黨立委賴士葆指出，蔡政府凡事以美國為師，但是行政院發言人認為用疫病起源地形容沒有歧視，這樣是不是打臉拜登政府？
賴士葆表示，有別於川普政府過去不斷地使用「中國病毒」、「武漢病毒」的用詞來替代新冠病毒，政府帶頭歧視性的言論激化亞太裔在校園、職場和社區被霸凌仇視對待。根據人權團體蒐集到的報告，從過去幾百件，去年就激增到2800件，台裔的國會眾議員孟昭文也曾就此提出「譴責因新冠病毒反亞裔」的決議案。
賴士葆認為，人權是普世的價值，蔡政府凡事以美國為師，但是行政院發言人認為用疫病起源地形容沒有歧視，這樣是不是打臉拜登政府？
賴士葆批評，蔡政府選擇性的雙重標準也及於國際事務，例如川粉攻擊國會山莊的暴力事件，全世界領袖包括美國兩黨政要都同聲譴責，只有台灣對暴力攻擊國會無感，因為太陽花攻擊國會是被民進黨肯定褒獎的。
賴士葆表示，拜登肯定200萬亞太裔人士在新冠病毒肆虐的時刻投入醫療急救的工作，這樣的肯定，政府同時帶頭的撕去負面標籤以免亞裔受到歧視與傷害，對這些亞太裔包括很多來自台灣的醫療專業人士是一個遲來的正義。
賴士葆說，過去網路上看到很多的影片，記錄亞裔醫師整天投入在第一線搶救新冠病患，在沒有穿上醫師袍的時候，被美國人嗆聲的畫面讓人心疼不捨，那只是現實世界的一個縮影，反映當時川普政府帶風向帶來歧視的後遺症。「對於反暴力、反歧視，蔡政府堅持雙重標準，無誤！」</t>
  </si>
  <si>
    <t xml:space="preserve">至昨天(4/29)為止台灣已連續4天沒有新增新冠肺炎確診，讓大家燃起希望，若一直+0，是不是就能約吃飯、出國玩？但醫師謝宗學指出，「我必須殘忍地說，不管台灣零確診天數有多少，以前那種出門不用戴口罩、可以自由出國旅行的日子，幾年內是回不去了！」
中山醫學大學附設醫院兒童急診科主任謝宗學在臉書po文解釋，不管疫苗還是解藥，最快仍要1到2年時間，而且中間還可能失敗打掉重練。謝說，要有安全、有效的疫苗或藥物，絕對需要大量時間研發和試驗。
謝宗學說，在台灣死亡案例維持6例的同時，全球的疫情依舊延燒，沒有大幅度趨緩的現象，「我們在為『+0』開心的同時，許多人正在為逝去的家人朋友哭泣」。
謝宗學指出，他很認同陳時中部長講的，只有嚴守個人生活規範，才可能有幾乎正常化的生活，「我們必須認清，勤洗手、戴口罩、維持社交距離等個人防護已經不是暫時的生活模式，而是生活的必需行為」，一定要這樣做才能守住台灣不爆發大規模社區疫情。
</t>
  </si>
  <si>
    <t>今年來全球金融市場受到新冠肺炎疫情擴散全球影響，股債市產生劇烈波動，在疫情擴散全球鎖國效應、美債殖利率攀升、油價下跌眾多利空因素下，全球股債市恐慌性賣壓傾巢而出，許多股市在短短一個月不到時間都跌破10年線，其中以新興股市表現最震盪，幾乎都已跌到10年均線下方。
投信法人表示，「危機就是轉機」，尤其目前市況正處風吹草動的震盪格局，投資信心更易隨著市況搖擺，操作難度也因而大增，這個時候反而是定期定額逢低加碼的好時機。
群益投信投資長李宏正表示，由於市場波動甚大，與其絞盡腦汁選擇進場時點，不如在波段低點時利用定期定額分批累積單位數，一方面以分攤成本的方式降低波動度，另一方面在市場反彈時也具投資效益。在好的時機點，單筆逢低買進可提高獲利機會，但一般人要掌握時機點不易，採用定期定額分批買進，有效分散不同時點進場風險，也是絕佳的投資方法。
李宏正表示，單筆投資最重要是懂得低買高賣，而定期定額投資只要懂得選對市場，針對有波動且長期趨勢向上的市場，如台灣、印度、大陸、新興市場等，並堅持扣款不中斷，長期累積效果驚人。後市來講，雖無法斷定股市最低點是否已過，但以目前偏低的本益比、政策轉折的角度而言，定期定額投資新興股市相關基金將會是好的時機。
群益馬拉松基金經理人沈萬鈞指出，台股短線因市場過度恐慌而造成的回檔可視為中長線布局良機，對一般投資人而言，定期定額台股基金便是最為簡單方便投資台股的方式，既能透過專業投資團隊操作降低選股不確定性，亦有助分散風險、平均成本。
沈萬鈞指出，根據過往20年經驗，當台股波段低位時採定期定額投資台股基金，後1年、後3年平均報酬率近8％、15％，勝率都有8成，若投資時間拉長至5年，平均報酬率更達3成，勝率為百分百，是最省時省力參與台股行情，又能取得不錯回報的投資工具。</t>
  </si>
  <si>
    <t xml:space="preserve">西班牙地方衛生官員今天表示，瓦倫西亞地區（Valencia）一名男子死於2019年冠狀病毒疾病（COVID-19，武漢肺炎），為西班牙首起武漢肺炎死亡病例。
路透社報導，地方衛生首長巴瑟洛（Ana Barcelo）在記者會上說，驗屍結果顯示，這名2月13日過世的男子是死於武漢肺炎。
不久前，西班牙衛生部在推特宣布，多項體育賽事將閉門舉行，醫療會議也將取消，以抑制武漢肺炎疫情擴散。
西班牙共約150人確診感染武漢肺炎，巴斯克地區（Basque）約有100名醫護人員在接觸感染患者後居家隔離。
有關當局正在監督巴斯克地區維多利亞-加斯提伊茲市（Vitoria-Gasteiz）的一起群聚感染，以及托芮榮艾多茲（Torrejon de Ardoz）兩起群聚感染案例。托芮榮艾多茲是靠近馬德里的郊區城市，人口約13萬。
</t>
  </si>
  <si>
    <t>義大利外交部週四對外表示，當日新增3起新冠肺炎的死亡病例，總計死亡數攀升至17人，確診病例數已增加至650，新增的病例大多位於北部的倫巴底區(Lombardy)與威尼托區(Veneto)。
根據《路透社》報導，梵蒂岡官方表示，天主教教宗方濟各(Pope Francis)因為「身體微恙」，決定取消主持本周四與羅馬其他神職人員的共同彌撒。義大利新冠肺炎疫情不斷升溫，教宗健康狀況格外引人憂心。
教宗方濟各今年高齡83歲，梵蒂岡沒有透露任何關於教宗生病的細節，只表示身體出現「輕微不適」(mild ailment)。</t>
  </si>
  <si>
    <t xml:space="preserve">新冠疫情全國蔓延，台中市19日爆發朝陽夜唱團首例確診個案，連日來已有朝陽科大、中國醫大兩校學生及家人14人及2名KTV工作人員確診，26日新增鄰近包廂中科大1名22歲女學生確診；為斬斷該傳播鏈，市府積極將5月13、14日同一場域工作人員及消費者匡列採檢，其中13名消費者實聯制黑白填，台中市長盧秀燕26日在中市疫情指揮中心記者會說重話，強調會依法裁罰。
從台灣爆發社區感染後，美樂蒂夜唱團是台中目前最大一查不到來源的傳播鏈，最開始是一名19歲的朝陽科大女學生確診，因同團共20人有多人發燒，台中市政府還立即到朝陽科大設置前進指揮所，安排仍在住校的1400名師生進行採檢；最後疫情發展指向位東協廣場內的美樂蒂KTV為群聚感染源。
當時朝陽科大夜唱團有20人，鄰近包廂中國醫大則有11人，而相鄰的中科大包廂也有6名學生，當時同一場域同時段超過300人，市府為掌握相關人進行採檢，發現13人一度失聯，經警方戒入才發現他們實聯制黑白寫記載不實，也決定依法對這13人裁罰3000到15000元罰鍰。
</t>
  </si>
  <si>
    <t>市場持續關注大陸新冠肺炎疫情發展，日、韓確診人數增加，台灣出現首例新冠病毒患者死亡案例，對市場投資信心造成影響，台股17日開盤，開在11,770.30點，下跌45.4點。
美國政府將推動下一輪減稅方案，及給予免稅優惠來激勵美國家庭投資股市，美股14日漲跌互見，標普500指數與那斯達克指數續創收盤歷史新高，雖然零售銷售數據有一些疲弱跡象，但消費信心的表現仍舊較佳。
但台股則因死亡病例出現，台積電、鴻海、聯發科、國巨等權值電子股走勢偏弱，壓抑加權指數表現。
本土大型投顧指出，在疫情未明顯趨緩下，指數仍需要時間整理，但因外資賣壓趨緩、融資大幅釋出下，加上外資在期貨淨多單偏多下，大盤籌碼正面，操作上勿隨市場情緒波動、追高殺低。
統一投顧董事長黎方國指出，雖疫情持續延燒，但考量大陸企業逐漸復工，加上全球央行寬鬆，資金行情持續，且與全球股市表現相比，美股續創新高，陸股收復跌幅，台股明顯超跌，股價低估。
他建議逢低布局短線操作，在類股選擇上，看好蘋概股、半導體、面板及被動元件等族群。</t>
  </si>
  <si>
    <t>國內疫情升溫，多數大專院校均已停掉實體課程改為線上教學，但中小學生卻仍要到校上課，引發擔心。國教行動聯盟今天發出聲明要求，位於疫情嚴重地區的各級學校應暫停上課或採遠距教學。
國教行動聯盟表示，新冠疫情持續昇溫，昨天就有180例確診，指揮中心也宣布雙北進入第三級警戒，但至今尚無法完全掌握確診者的足跡，可見其難度，尤其是染疫的熱區，人心惶惶，人人自危。因為校園的安全難以確保，已有家長考慮讓孩子請假留在家中，避免受到感染。
國教盟認為，校園屬於群聚密度高的區域，特別是近來天氣炎熱，教室多開冷氣，密閉空間更令人擔憂，若是讓小孩繼續上學，有可能家人染疫傳給小孩，小孩又在學校傳給同學，同學回去後又傳給家人，這樣的傳播鏈只會讓新冠疫情更加無法控制，造成更多的傷害。
現已有50多所大學宣布將從5／17起全面實施遠距教學，國教盟質疑，群聚密度較低的大學都已採取嚴格的防疫措施，為何密度高的中小學卻要繼續到校上課？國教盟強烈呼籲，位於疫情嚴重地區(如萬華區)的各級學校應暫停上課或採遠距教學，以確保學生安全，並防止病毒擴散。
全國家長團體聯盟理事長彭淑燕表示，以現在的疫情，考量到學生安全，他支持一、兩周這樣的短時間停止實體上課，改為線上教學。或至少，有確診案例的學校，就全校停課改為線上教學。
不過彭淑燕進一步指出，根據規定，12歲以下小朋友不能單獨在家，因此，政府跨部會應該超前部屬，一旦小朋友必須在家線上教學，家長又要上班，這個問題要怎麼解決？譬如，應該考慮落實防疫照顧假。
「中小學停實體課改為線上教學，可以做，但有很多問題要克服。」全國教師工會總聯合會理事長侯俊良表示，線上教學之前學校都有演練過，對多數老師來講不難，問題在學生或家長是否能配合。
侯俊良表示，要進行線上教學，學生家裡需有網路或電腦、平板等設備，但這不是每個家庭都有，應該要解決。此外，小學低年級及幼兒園學生，要有家長在一旁陪伴，才能進行線上教學，但家長若要工作無法在家，這個問題也要克服。</t>
  </si>
  <si>
    <t>為了協助艱困企業渡過難關，並維持員工生計，經濟部將於9月1日公告今(109)年第3季「經濟部辦理製造業及其技術服務業受嚴重特殊傳染性肺炎影響之艱困事業薪資及營運資金補貼申請須知」，凡有稅籍登記的製造業者及提供製造業技術服務之業者，在109年7月至9月期間，如屬營業額衰退達50%以上之「艱困企業」，政府即補貼該企業正職員工3個月經常性薪資費用4成(每月上限2萬元)，及以正職員工數乘以1萬元之一次性營運資金補貼(已獲4月至6月營運資金補貼者，不再補貼)。
根據經濟部網站公告，由於全球新冠肺炎疫情仍然嚴峻，我國主要出口國家邊境管制措施未解封，市場需求疲弱，導致國內與外銷相關之製造業及其技術服務業持續受到衝擊，經由密集檢討並與相關產業公協會溝通後，經濟部公告前述第3季薪資及營運資金補貼申請須知，其與第2季補貼措施之差異說明如下：
一、營業額衰退幅度採同期比較：考量產業皆有淡旺季，採同期比較方式較能排除景氣循環因素造成之營業額差異，客觀反映營業額受衝擊程度。
二、增列興櫃、上市櫃公司上半年或第3季EPS應為負值或有營業損失，方得申請：考量興櫃、上市櫃公司於公開市場募資相對容易，且其上半年及第3季EPS為正表示企業財務較為寬裕，較有能力以其上半年或第3季盈餘彌補虧損；另為避免EPS為正係因賣土地、資產等非本業收益所致，其本業仍為虧損，併將有營業損失列入申請資格。
三、技術服務業應提出對製造業提供相關技術服務之實績佐證資料：考量技術服務業所提供之技術服務應與製造業相關，方屬製造業之相關技術服務業，可能因製造業外銷訂單減少而受影響，爰增加本項條件。
四、一律採線上申請：為提升審查作業效率及品質，減少因紙本文件錯漏、補正所耗時間，爰規定一律採線上申請，業者如有申請之困難，可洽各服務窗口提供協助。
由於本次疫情造成國內部分業者營業額嚴重衰退而陷入經營困境，連帶波及受僱員工；經濟部於本次特別預算追加第3季補貼經費編列156.2億元，預估除協助受影響企業可以持續營運外，亦可穩定30萬人以上之員工就業，維持社會安定。
本次薪資及營運資金補貼措施之申請期間自公告日起至經費用罄為止，或最遲至109年10月31日。補貼措施之詳情可至專屬網站（https://csm-subsidy.mittw.org.tw/），或至產業競爭力發展中心網站(https://assist.nat.gov.tw)查詢，若仍有其他疑義，可撥打0800-000-257，由本局產業競爭力發展中心專人提供服務。</t>
  </si>
  <si>
    <t>基隆市議員林旻勳今天下午市政總時詢時指出，日前接擭陳情，暖暖國高中生於9月24日接種第一劑BNT疫苗，其中更有數名國中女學生於2周後施打子宮頸疫苗，再2周接續打BNT第2劑，原訂11月10日還要打流感疫苗，等於48天內連挨4針，有家屬擔心前後時間太靠近，會有不良反應。
林旻勳說，中央流行疫情指揮中心昨天宣布，青少年第二劑BNT疫苗暫緩施打，但近期不斷有家屬到服務處哭著陳情，小孩就讀暖暖高中已接種第二劑，擔心會出狀況。其中一名洪姓家屬更指出，有多數國一女學生在打BNT第一劑2周後，打子宮頸疫苗，10月29日又打BNT第2劑，等於40多天連打4支疫苗，不免讓人質疑時間安排不當。
林旻勳說，8日接到民眾表示，學生原本被安排昨天要打流感疫苗，趕緊致電教育處，要求處長一定要把期程往後延，他質疑，讓一個只有12、13歲的小女生在40多天裡挨那麼多針，真的沒問題嗎？
對此，衛生局長吳澤誠回應，學生施打這三種疫苗完全符合規範，也是合理的，如果是自己的小孩也會依照這樣的期程，他提及，如果是流感疫苗，只要相隔7天到10天就可以，未來會持續關注已接種第二劑BNT疫苗的學生身體狀況。
基隆市長林右昌進一步指出，有關女學生40多天連續施打3支疫苗的情況，未來會請衛生局在安排疫苗施打時，特別注意期程的問題。</t>
  </si>
  <si>
    <t xml:space="preserve">由於擔心川普團隊渾身都是新冠肺炎病毒，美國總統當選人拜登已下令，要徹底清理白宮。
據《太陽報》（THE SUN）13日報導，拜登明年1月20日宣誓就職後，即將入主白宮，而曾罹患新冠肺炎的現任總統川普將捲舖蓋走路。據說由於拜登擔心，會有殘留的新冠肺炎病毒，已下令在他入住前，全面消毒白宮132個房間，還有廣達5.5萬平方英呎（近5110平方公尺）的空間。
在川普搬出白宮，以及拜登入住之間約有5個小時的空檔，身穿防護衣的清潔人員將全面把它擦洗乾淨。除了川普10月罹患新冠肺炎外，白宮也爆發一連串疫情。儘管如此，川普仍在耶誕季舉行了各式派對，而廣受外界批評，說這位白宮主人和團隊面對新冠肺炎疫情態度輕率。
一名拜登過渡團隊成員說，川普政府「充滿新冠病毒」，因此拜登不會冒任何危險。他透露，白宮上下將深度清潔，更換門把，並汰換窗簾，地毯和靠墊等室內陳設。「病毒可能留在表面，所以整個官邸和辦公室都會用消毒劑清乾淨，以根除川普團隊留下的任何痕跡。」
白宮歷史學家布洛兒（Kate Andersen Brower）說，等川普走人後，拜登會有一支95人團隊，將相關物品打包並進行清理。她說，新任總統和第一夫人可以從秘密倉庫選用新傢俱。
拜登已78歲，是美國史上最高齡的總統，一直嚴格遵守新冠防疫措施，以避免感染新冠病毒。而曾協助拜登擬定新冠防治計畫的蘿蕊（Nicole Lurie）說，新政府對新冠肺炎的態度將和川普政府「截然不同」。
</t>
  </si>
  <si>
    <t xml:space="preserve">新冠肺炎肆虐全球的同時，最早爆發疫情的大陸也面臨貓狗生存大戰，因主人離家多時，大量貓狗恐怕已活活餓死，甚至有地方政府擔心寵物會傳染病毒，已下令對滯留在公共場所、無人看管的寵物格殺勿論。
美國有線電視新聞網（CNN）報導，動保團體表示，自新冠肺炎疫情爆發以來，武漢已有許多貓狗跟著死亡、或是瀕臨死亡，不過牠們的死因並不是病毒，而是被餓死，牠們的主人趕在封城之前離家，至今未歸。
不只是武漢，大陸其他大城市如北京、大連、西安等也都有同樣情形，國際人道對待動物協會（Humane Society International）主任希金斯（Wendy Higgins）表示，難以估算確切數字，不過光是武漢，動保人士就已協助至少1,000戶人家的寵物，因此若以全大陸來看，數字將會非常可觀。
動保團體表示，起初出城人士以為只是短暫離開，因此只為家中毛小孩留下幾天份的食物及水，沒想到疫情延續超過1個月，許多人至今尚未返家。
大陸微善愛護動物協會（Vshine Animal Protection Association）估算，光是湖北省，就有成千上萬隻寵物被留在家裡，許多飼主找上他們幫忙。另外以大連為例，協會收到了400通求救電話，協會人員幫忙救出了約380隻寵物。
此外，2月底，香港傳出全球首例寵物狗確診新冠肺炎案例，激起部分民眾恐慌，以為寵物會傳播新冠病毒，更導致大陸出現針對動物的暴力事件，地方政府警告民眾不要讓狗外出。
一份當地官員刊出的警告指出，一個稱為「Urban Construction Administration」的團體聲稱要撲殺所有在住家之外遊蕩的貓狗，以防止新冠病毒傳播。另外，湖南省洪江市以及浙江省等也都發布告示，如果在公共場所看到寵物、或是無人看管的動物，政府將全面撲殺，絕無例外。
</t>
  </si>
  <si>
    <t>基於新冠肺炎持續衝擊經濟，紐西蘭央行12日宣布擴大貨幣刺激，購債規模將由600億紐元提高至1,000億紐元（約658億美元），以減緩疫情對經濟的影響。央行指出，公衛不確定性仍然持續，基本經濟模擬情境依然存在下行風險。</t>
  </si>
  <si>
    <t>武漢市衞健委去年12月31日首次通報稱當地出現新冠肺炎，而首批確診患者共27人，大多來自華南海鮮批發市場（下稱海鮮市場）。據大陸媒體取得的一份首批感染者名單顯示，全部人均無活禽暴露史，其中24人有該海鮮市場暴露史，其中零號病人早於去年12月11日出現症狀。
據報導，最早出現發燒症狀的魏女士被指為首名確診患者，她在海鮮市場經營活蝦生意，並長期租住在市場附近的民居，與市場直線距離不到500米。12月11日出現症狀後，她第一時間在樓下診所就醫。她表示以往不舒服便會立即去打針，打完第二就好轉，但該次她打了兩針都無效，曾到武漢市第十一醫院照肺部CT也沒發現。到去年12月16日，她才前往了協和醫院門診部就診。
從陸媒獲得的感染者名單顯示，海鮮市場首批確診患者中，共11人出現發燒症狀後都選擇到就近診所就醫。據記者上月實地了解，名單中的診所多位於市場附近的老舊小區，現已全部歇業。
名單中首名無海鮮市場接觸史患者陳先生，去年12月16日出現發熱症狀後，隨即到江夏人民醫院就醫。從事財務工作的他表示，確診前期，其家人未做任何防護，但至今無一發現感染。據知陳先生家與市場直線距離超過30公里。他指自己病發前半個月，除上班外沒去過其他地方，最有可能出現感染，估計是乘坐地鐵，或後來前往醫院期間。</t>
  </si>
  <si>
    <t>新冠肺炎疫情趨緩，中央流行疫情指揮中心先前提出防疫新生活運動，預告了接下來台灣將走向開放。指揮官陳時中表示，這幾天大家都有疑問，既然台灣很安全，戴口罩要幹什麼？為什麼還要維持社交距離、實聯制、勤洗手等。事實上，如果要一直鎖國，那民眾什麼都不用做，但台灣不能一直鎖下去，否則經濟會崩潰，呼籲大眾將防護觀念內化到生活，建立防疫網才能逐步推動經濟復甦，甚至是國外觀光。
陳時中表示，基本的健康行為對我們是有幫助的，防疫新生活運動是開放邊境的超前佈署，如果邊境都封住，那民眾其實不用戴口罩，什麼都不用做。
然而，台灣不可能鎖國，鎖國會讓經濟崩潰，難以振興。陳時中表示，要解決的方式，一個是靠疫苗、藥物，另一個是防疫新生活運動，藉由守住防線，就能阻擋病毒傳播。每個國民都有責任將防疫新生活運動內化到生活中，把防護措施當成習慣，防疫網就會形成，也就不至於形成大破口。
陳時中表示，大家希望快速恢復經濟，能與國外恢復交流，不管是經濟上的交流還是觀光，只有做好防疫網才能開放，希望大家一起努力。</t>
  </si>
  <si>
    <t>全國的第三級防疫警戒延長至6月14日，為保障環保局防疫消毒隊員的健康安全，桃園市政府日前已向中央爭取隊員可優先施打公費疫苗，目前200名防疫消毒隊員皆已完成疫苗接種，日後將持續執行熱點清潔消毒等繁重勤務，同時也呼籲民眾確實做好防疫作為，避免疫情逐漸擴散。
環保局長呂理德表示，早在去年疫情之初，桃園的防疫消毒大隊就已訓練成軍，目前編制有200位防疫消毒隊員，37部消毒車以及137部背負式的消毒機，在年初桃醫事件期間更與國軍33化學兵群合作執行全市環境大消毒，而5月10日起更進行三階段消毒計畫，不僅對於確診足跡熱點進行即時消毒，也針對足跡熱點的當地里及週邊里共約200個里、以及404處人潮密集熱區進行消毒。
呂理德說，根據統計今年1月至5月底的消毒數量約9466次，相比去年一整年消毒7158次，可見今年消毒隊員負擔很重，因防疫消毒大隊人員為第一線直接面對新冠病毒的威脅，故採優先接種，並持續投入確診者足跡的消毒第一線，在完成全市大消毒後，環保局會持續進行公共環境消毒作業。
桃園市環保局環境清潔稽查大隊長羅文林表示，桃園市政府向中央申請隊員優先施打公費疫苗後，目前近200位的防疫消毒隊員皆已疫苗接種完畢，同時呼籲民眾倒垃圾時請務必戴口罩，保護自己也保護清潔隊員，若有經稽查不戴口罩者，最重處1萬5000元罰鍰。</t>
  </si>
  <si>
    <t>台灣疫情爆發，疫苗短缺。一名留美的台灣學生表示，校方通知若要返校就必須接種疫苗，且必須施打校方認可的3種疫苗，包括輝瑞／BNT、嬌生及莫德納，而AZ疫苗因未獲得美國FDA的EUA（緊急使用授權），因此不在認可名單內，令他十分吃驚。
據《聯合報》報導，台中市一名留美學生為了返回美國上秋季課程，日前接獲校方通知表示，若要返校需施打校方認可的3種疫苗，包括輝瑞／BNT、嬌生及莫德納，名單中並未見到AZ疫苗，但台灣目前僅有AZ有機會打，極少數的莫德納僅供第一線醫護接種，因此只好提早回美國，施打疫苗後再返校。
據了解，美國有愈來愈多的大專院校強制學生，若要於暑期返校，必須完成新冠疫苗接種，台灣不僅面臨疫苗短缺窘境，也沒有多種品牌疫苗可選，再加上預計下月開打的國產高端疫苗，同樣面臨未獲美國EUA（緊急使用授權）的問題，讓留美學生擔心即使在台灣打了疫苗也不算數，得提前返美打完疫苗，才能返校。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五一連假將近，為了避免清明連假部分景點人潮過多，拉高感染新冠肺炎風險的情況重演，政府推出1968app用不同顏色燈號提醒民眾各景點人潮，但台南市長黃偉哲不滿當中台南景點被列最多，認為有些景點人潮根本不多，質疑列管標準。對此中央流行疫情指揮中心副指揮官陳宗彥今天在指揮中心記者會上表示，黃偉哲應該感到高興，表示台南市很多人想去，他也應該感謝指揮中心幫忙提醒。
陳宗彥還說，這些景點是由國家公園、觀光局、經濟部等跨部會協調出來的，未來也不排除增加更多景點，讓民眾知道那些地方人潮較多，加以疏散。指揮官陳時中也說，必須在開放和疫情控制間取得平衡。地方政府有想法都可以提出來跟指揮中心商量討論，而政府是根據大數據予以管制的。
</t>
  </si>
  <si>
    <t xml:space="preserve">
新冠肺炎疫情持續在大陸延燒，有專家提醒，目前疫情最嚴重的南方城市即將進入季節性流感高發期，病毒可能與流感病毒混合感染，恐對疫情防治帶來衝擊。
根據廣州市公共衛生專家，發表的最新論文就警告，新冠肺炎防疫進入關鍵時期，與此同時，目前疫情嚴重的大陸南方城市將進入季節性流感高發期，新冠病毒與季節性流感可能會出現混合感染的情形，恐對防疫帶來干擾，呼籲民眾可考慮接種流感疫苗。
廣州日報引述「中華預防醫學雜誌」線上最新發表，由廣州市胸科醫院副院長李鐵剛和大陸國務院特殊津貼專家王鳴撰寫的論文稱，「在抗擊新型冠狀病毒肺炎疫情同時，應該警惕季節性流感的疊加效應」。
根據世界衛生組織報告顯示，流感每年可導致5%至10%的成人和20%至30%的兒童發病。正如論文中提到，在流感季節，每10人至少就有1人感染流感。流感病毒可以引起嚴重併發症如重症肺炎或合併其他細菌感染，並導致死亡。全球每年流感流行可導致65萬例死亡。
根據疾病監測資料，與新冠肺炎一起即將進入流行季節的還有其他呼吸道傳染病，如流感病毒、副流感病毒、腺病毒、呼吸道合胞病毒、鼻病毒、人偏肺病毒等相關疾病，其臨床表現與新型冠狀病毒肺炎有相似之處，難以通過臨床表現、胸部影像學鑒別。
專家認為，在對呼吸道病例排查過程中，如果檢測到季節性流感病毒陽性，也需要進一步檢測新冠肺炎病毒。即便檢測結果呈現陰性，對於特殊病例，如密切接觸者、流行區域活動史人員等，也需要持續觀察滿14天，並在觀察結束時再次進行新型冠狀病毒檢測。
更多 CTWANT 報導
</t>
  </si>
  <si>
    <t xml:space="preserve">中央流行疫情指揮中心24日表示，日官方通報一名20多歲日本女學生，於機場入境時被檢驗出新冠肺炎陽性確診，震撼全國。這也讓前高雄市心聞局長鄭照新感嘆，現在許多專家要求我國有必要時行普篩，對照前高雄市長韓國瑜提出抗體篩檢補助，卻被民進黨轟是恐嚇市民，請問現在那些市議員去哪裡了？
鄭照新在臉書發文表示，如同他之前所述，主觀的情緒會遠離，客觀的數字會留下，當時的韓國瑜市長，為了體恤第一線醫護人員需求，主動提出提供抗體篩檢補助，被諷刺是「封城秀急」，大量網軍不斷抹黑韓市長要「普篩恐嚇市民」
鄭照新感嘆，這些民進黨團的議員們（其實不只），（歡迎大家幫忙google當時是那幾位，更歡迎大家把這篇報導直接貼去詢問這些議員說法，給高雄一個交代），一個個說擴大篩檢的不對，如今專家們振振有詞說曾經提議小型普篩，議員們都到那裡去了？覺青呢？愛高雄的we care呢？鄭照新強調，「謊言經不起時間的考驗，公道終將來臨」！
</t>
  </si>
  <si>
    <t>台灣雲端新創CloudMile萬里雲近期擴大營運觸角，創辦人暨執行長劉永信表示，有鑒於新加坡政府對AI和雲端運算的重視和投入，萬里雲在新加坡設立新總部辦公室，15日正式啟用。
劉永信指出，新據點成立將成為萬里雲推動東南亞AI經濟的樞紐，也是往國際化、跨區域市場目標邁進的重要一步。
萬里雲成立於2017年，主要提供雲端運算和AI的顧問諮詢及導入服務，並提供管理與應用的實際解決方案，透過深度學習及大數據分析，協助企業進行商業預測與產業升級，2021年為止已服務海內外超過400家企業。
劉永信指出，會選擇新加坡作為新開幕的據點，主要是基於萬里雲未來在亞洲市場的戰略，加上新加坡政府對於雲端運算、AI等相當重視，且大量投入資源，因此將新據點設在新加坡，也是未來邁向國際化、跨區域市場的重要一步。
目前萬里雲在新加坡推進公私雙領域的數位轉型，例如近期與新加坡管理大學的合作中，萬里雲藉由機器學習技術強化當地新創的駕駛引導服務，DGS系統由新加坡管理大學研究人員開發，用於預測並協調計程車的需求，來改善其效率，推動運輸產業轉型發展。
此外，新冠肺炎疫情爆發期間，萬里雲也幫助新加坡政府數位轉型，例如其數位app與機器學習服務，在合約追蹤、疫苗接種計畫以及旅行安全管理上都對新加坡政府發揮重要作用。另外，新加坡當地食品外送新創Oddle、非營利機構Our Better World等，都是萬里雲的合作夥伴。</t>
  </si>
  <si>
    <t>新冠肺炎疫情爆發以來美國影視產業拍攝工作全面停擺，造成大批失業人口。在加州及紐約兩大拍片重鎮醞釀重啟拍攝活動之際，工會提出嚴密安全規範。
■The coronavirus has cast a spotlight on a lack of hygiene on sets, with some people recalling situations where there were not enough bathrooms or places to wash their hands.
加州州長紐森（Gavin Newsom）在5月20日宣布州政府即將重新開放拍片活動，並表示合乎標準的縣市最快一周後就能開始拍片，但許多工會成員仍舊認為加州疫情尚未脫離險境，草率開拍只會讓工作人員及演員處於險境。
自從疫情爆發以來，加州新冠肺炎確診人數已逼近12萬人，至今單日新增病例約在2千人左右。6月3日當天新增的死亡病例有54人，雖低於前一天的100人，但距離疫情消退還有一段時間。
專案小組 擬安全規範
為了確保電影從業人員能在某種程度的安全環境下返回工作岡位，美國影視產業罕見地團結一心。由迪士尼、網飛、華納兄弟、NBC環球等產業巨頭，及國際戲劇舞台工作者聯盟（IATSE）、美國電視廣播演員工會（SAG-AFTRA）、美國導演工會（Directors Guild of America）、美國電影電視製作人聯盟（Alliance of Motion Picture and Television Producers）等眾多勞工團體組成的專案小組，共同規劃這段非常時期的拍片安全規範。
上述名為「影視產業勞工管理安全委員會」的專案小組，在6月1日向加州及紐約州政府提交長達22頁的《新冠肺炎疫情期間電影、電視、串流影片製作健康安全規範》，目的是希望好萊塢及紐約兩大影視重鎮能在安全環境下重啟拍片活動。
根據這份白皮書，日後演員及工作人員進入片場前都必須測量體溫，並戴上個人防護裝備。除了演員因拍戲需求無法戴上口罩之外，現場工作人員全都要戴口罩。拍戲劇本也應避免演員之間親密接觸，必要時運用特效後製取代實際肢體接觸的戲份。
棚內錄影節目若不得以非要觀眾參與的話，也將要求觀眾戴口罩。此外，一天中參與同一部片拍攝工作的各組人馬應盡量分流，依不同時段進場。
片場人員 強制病毒篩檢
最重要的是，片場的演員及工作人員都將強制進行新冠肺炎病毒篩檢。美國導演工會會長史拉姆（Thomas Schlamme）及全國執行總監歐蘭德（Russell Hollander）強調，病毒篩檢是片場防疫安全規範的「基礎」，且篩檢結果必須迅速確實。兩人表示：「缺乏篩檢將使演員及工作人員全體處於未知風險環境。」
疫情爆發以來，美國各大片場的環境衛生引起外界關注，因為不少工作人員透露片場廁所不足，也沒有洗手台可使用。尤其在影帝湯姆漢克斯、韓裔演員金大賢等人相繼確診新冠肺炎後，演員更成為影視產業公認的最高風險族群。
上述工會代表於白皮書中表示：「限制面對面近距離接觸是防止新冠肺炎病毒傳播的最佳方法。此外，持續定期針對演員及工作人員進行病毒篩檢，也能降低感染風險。」
這份白皮書除了送交紐森及紐約州長郭謨（Andrew Cuomo）辦公室之外，也交給縣市政府主管機關審議。好萊塢大型片場聚集的洛杉磯縣政府已在6月2日開會討論重啟拍片活動的先決條件，但紐森及郭謨尚未針對白皮書發表回應。一名產業人士向媒體表示：「現在決定權掌握在政府手裡。」</t>
  </si>
  <si>
    <t>第二批武漢包機遲遲無法成行， 蔡英文總統今天表示 ，我們第二批的作業早就已經完成，接機的班機隨時可以出發。希望在我們已經完全準備好的情況下，中國政府可以配合，讓武漢的台灣人可以早日返台。
蔡英文今晚在臉書表示，今天她到國家衛生研究院，關心新冠肺炎治療藥物的研發情況。目前，國衛院已經完成被視為極有可能對抗武漢肺炎最有效藥物瑞德西韋的合成，並確認了化學結構和純度。「我相信，如果未來的疫情有需要，我們可以透過國際合作和自身能量，來對抗武漢肺炎。」
她說，當全國團結一致面對防疫挑戰的時刻，針對國民黨立委吳斯懷認為她挑釁中國，「我只是基於真實的情況進行表述，也展現自我防衛的決心，這些是國家領導人應該要說的話」。曾經做過軍人的吳斯懷，這時質疑總統講的話，她相信會讓很多國軍弟兄姊妹感到非常失望。
蔡英文表示，我們拒絕戰爭，但我們絕對不是弱者，我們不挑釁，但我們也不會卑躬屈膝，這就是我們基本的態度。
另外，國際上持續有很多主要國家，包括法國的議員，也都支持台灣參與WHO。她要表達感謝之意，也再次強調，台灣優秀的醫療制度和團隊，尤其我們有從SARS累積的豐富防疫經驗，能夠為世界帶來貢獻。
她認為，防疫不該有缺口，在武漢疫情的期間，更凸顯台灣加入WHO的重要性。人民的健康是最重要的事情，政治因素不該凌駕健康權利。
她說，同樣的道理，把武漢的台灣人接回來的計畫，我們第二批的作業早就已經完成，名單給了，飛機也準備好了，相關的檢疫、防疫、醫療照顧的人員也都待命。接機的班機隨時可以出發，把我們的國人接回來。
蔡英文表示 ，我們對防疫風險的掌控，一直用最嚴謹的態度在面對，希望在我們已經完全準備好的情況下，中國政府可以配合，讓武漢的台灣人可以早日返台。</t>
  </si>
  <si>
    <t>中央流行疫情指揮中心今(3)日公布國內新增1例境外移入COVID-19(新冠肺炎)確定病例，為本國籍30多歲女性(案687)，自美國入境。
指揮中心表示，案687於美國工作，11月29日返臺探親，入境後至住處居家檢疫，同日於住處出現喉嚨不適情形並主動通報，由衛生單位安排就醫採檢及收治住院，於今日確診。
指揮中心指出，已掌握個案同班機接觸者共25人，其中14人為前後二排座位旅客，列居家隔離，11人為機組員，因有適當防護，列自主健康管理。
指揮中心統計，截至目前國內累計111,230例新型冠狀病毒肺炎相關通報(含109,532例排除)，其中686例確診，分別為594例境外移入，55例本⼟病例，36例敦睦艦隊及1例不明；另1例(案530)移除為空號。確診個案中7人死亡、572人解除隔離、107人住院隔離中。</t>
  </si>
  <si>
    <t xml:space="preserve">
大陸央視新聞25日報導，隨著武漢最後一例重症患者新冠肺炎24日治癒，武漢重症病例實現了「清零」。大陸國家衛健委主任馬曉偉接受陸媒專訪表示，新冠肺炎重症救治形成了寶貴的經驗，可與世界分享。
馬曉偉指出，湖北武漢危重症治療現在「清零」，這標誌著湖北武漢保衛戰取得了決定性的勝利，標誌著大陸新冠肺炎治療方面達到了國際先進水準。同時，也標誌著大陸重症醫學呼吸科、感染科治療水準取得了長足的進步。
報導指出，武漢在院重症病例數量從最高峰時2月19日的9689例，到現在重症和危重症病例清零，武漢市累計治癒率是92.2％，重症患者轉歸為治癒的比例為88.9％。並且在新冠肺炎重症救治方面也探索形成了「中國經驗」。包括國家呼吸、重症、感染等骨幹力量整建制接管重症病區，建立了有效的醫療管理組織體系，把各地馳援的42000多醫務人員有序組織起來，堅持醫療與護理相結合，醫療與管理結合，狠抓救治規範化、同質化。
馬曉偉說，建立了醫療管理制度，比如說24小時病例報告制度，死亡病例討論制度，專家會診制度，專家巡診制度，護理管理制度等等。從細微處管理每一個病人，看住每一個病人，使每一個病人在他治療的整個過程中，都在醫療照顧之下。
馬曉偉指出，在治療方面，大陸有很多特點：
第一，基礎和臨床結合，開展病理解剖，了解病毒對身體侵害的部位，明確下一步治療方向。
第二，前方和後方結合，前方重症醫學科、呼吸科和迴圈科等和各方的血液免疫等許多學科進行遠端會診。組織起了全大陸的學科力量，開展救治工作。
第三，醫療和護理結合，這對重症病人的護理是十分重要的，整體護理、專業護理、生活護理和心理護理，這四個方面要結合在一起。
第四，醫療和管理結合，大陸建立了一套完整的統一的標準流程和評價體系，這使得整個治療水準能夠達到同質化，能夠達到國家一級的水準。
馬曉偉認為，這些經驗不僅為大陸今後治療病毒性肺炎提供了寶貴的經驗，也完全可以同國際社會分享。
馬曉偉表示，新冠肺炎的治療結束之後，一些其他患有基礎病的患者，正在相關學科進行專門的治療，都在武漢高水準的醫院進行專科的治療。這方面已經做了妥善的安排。</t>
  </si>
  <si>
    <t>1輛滿載乾洗手液等消毒用品的大貨車，13日凌晨行經台61線快速道路台西鄉段時，後車斗突然起火，由於乾洗手液含有酒精火勢猛烈，經消防隊全力搶救才將火勢撲滅，消防人員呼籲民眾為了防疫購買含有酒精的消毒用品，載運時務必做好安全措施。
新冠肺炎疫情引發民眾搶購酒精、乾洗手液，台南1家清潔用品公司林姓司機12日晚間載送1貨車乾洗手液前往台中補貨，13日清晨零點許行經台61線快速道路雲林縣台西鄉段時，發現後車斗冒出火苗，馬上停車查看。
由於乾洗手液含有大量易燃酒精，後車斗火勢一發不可收拾，林姓司機見自己無法撲滅，打電話向消防單位求援，台西消防分隊獲報立即出動2輛消防車與1輛救護車前往救援，到達現場時大貨車已陷入一片火海。
5名消防人員以強力水柱灌救滅火，約30分鐘後將火勢控制，只見後車斗的乾洗手液已付之一炬，車頭也遭到波及燒得面目全非，所幸林姓司機即時下車並沒有受傷，初步研判起火原因可能是貨品因碰撞產生壓力變化引起。
消防人員表示，最近因民眾防範新冠疫情，工廠大量生產酒精、乾洗手液等消毒用品，運輸量也相對增加，提醒大家載運這些易燃物時需小心謹慎，加強固定避免因碰撞產生壓力變化、不要置於車體高溫處、遠離火源，務必做好防護措施以免發生意外。</t>
  </si>
  <si>
    <t>BNT疫苗上月開始在校園施打，不少家長都擔心孩子接種後出現心肌炎及心包膜炎。根據中央流行疫情指揮中心統計，國內截至10月6日，所有廠牌的疫苗接種，共有27人出現心肌炎及心包膜炎。
指揮中心發言人莊人祥表示，10月6日為止，國內共累計27人接種疫苗後出現心肌炎、心包膜炎，其中AZ疫苗有8人、莫德納13人、BNT有6人。6人都是13-16歲青少年，已經出院，指揮中心後續會再報告其他的個案。
昨國內疫苗新增141件不良事件通報，其中68件非嚴重不良事件、8件死亡通報、65件其他疑似嚴重不良事件。8名死亡個案中，4人接種AZ疫苗、4人接種莫德納，4名AZ接種者年齡介於54-85歲，在接種後6-74天發生，另4名接種莫德納者年齡介於53-80歲，分別在接種後1-57天發生。</t>
  </si>
  <si>
    <t>國內新冠肺炎情勢嚴峻，頻頻炸鍋的本土個案讓人心惶惶，尤其「阿公店」群聚感染大爆發以來，大量確診病例皆與萬華茶室、茶藝館有關，儼然讓該處成為此波疫情的「重災區」，但今（25）日有PTT眾多鄉民不滿，直指有電視台使用「萬華病毒」一詞，無疑是不尊重當地人感受。
根據PTT該文指出，面對台灣COVID-19疫情不斷延燒，過去「武漢肺炎」一詞曾引起大陸民眾的不滿，如今有電視台使用「萬華病毒」一詞，也惹來鄉民怒火，對此原PO就痛批「是怎樣，萬華會無緣無故生出病毒是不是？」認為疫情擴散跟政府防堵不力有關，不應甩黑鍋給萬華人揹。
由於原PO還將電視台放送的影像擷圖貼上PTT，不少網友看了也都認為這件事需要更多同理心，所以紛紛質疑「已經有霸凌事件了，這種名詞會加重」、「羞辱自己國家行政區很爽對嗎？」「標籤化地名 對人民很傷的」、「認知作戰開打」，另外也有人直呼「明明是獅子王傳過來的」，或揚言要「去跟NCC檢舉」，但也有網友呼籲理性，表示疫情嚴峻，大家不要口水戰，病毒才是台灣的敵人。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
衛福部長陳時中今(23)日表示，「口罩實名制2.0」將於3月25日（本周三）起進行第二輪線上預購，歡迎有需求的民眾上網訂購。
指揮中心指出，第二輪預購流程與第一輪相同，期程縮短，使民眾可儘早取得口罩。將從25日（周三）上午8時至27日（周五）晚上8時，使用健保卡、自然人憑證或健保快易通APP進行認證預購。
指揮中心說，成功預購者必須在28日（周六）上午8時至30日（周一）晚上8時期間，以 ATM轉帳、信用卡方式完成付款。交易成功後，3月31日（周二）至4月1日（周三）以簡訊發送取貨序號。
接著，民眾可於4月2日（周四）至4月8日（周三），持序號及訂購人證件（身分證、健保卡或駕照），至指定取貨超商的Kiosk服務機台（如：ibon、FamiPort、Life-ET、OK．go）輸入取貨序號及身分證字號後，列印取貨單（小白單），至超商櫃台領取口罩。</t>
  </si>
  <si>
    <t>陸配子女回台政策從開放到宣布撤回，一日四變、兩度急轉彎，政策形成之前，上演衛福部長陳時中打臉陸委會主委陳明通的戲碼，兩部會是否溝通失效，政府部門是專業還是看風向來決定疫情走向？陳時中今天坦言，兩個部會看法不同，但他認為，「沒有道理父母把他丟包，國家一定要收起來」，講完後立刻宣布結束記者會，不再開放提問。
中央流行疫情指揮中心指揮官、衛福部長陳時中以一席「國籍自己選的、要自己承擔」，以國人優先立場，撤回陸委會開放陸配子女回台的入境管制措施，贏得輿論一致好評，但仍有聲音質疑，難道政策宣布前指揮中心毫不知情嗎？是否是看風向做決策？
今天下午指揮中心例行疫情記者會上，陸委會沒有列席，因此由陳時中回應表示，兩個部會裡面有看法不同，陸委會收到相關陳情、相關情況，就這些情況做出決定，但就事論事，「我沒有看到這些情況會發生」，首先，若是大人小孩一起回來遭擋，自然父母該跟著留在那裡照顧，沒有道理父母把他丟包，國家一定要把他收起來，個自要負責。
陳時中又再舉例，相信不會有父母把沒有生活能力的孩子，不管是遊玩或探親，就這樣丟在那裡，再叫孩子自己搭飛機回台灣，因此，他認為事實上陸委會原擔憂的狀況，「這些情形是不會有的」。
陳時中表示，禁令不是永久的，只是在疫情嚴峻的時候，沒辦法，暫行的措施而已，不是以後永久都不能來，在這疫情嚴重的時候，他不希望防疫有破口，並盼大家都盡一點責任，要盡責的人很多，不管是第一線工作人員，或遭居家檢疫、居家隔離者也是在盡責，他們也沒有錯，只是經過疫區就要被隔離，大家多出一點力氣，防疫這條線不容易守，但守住了就非常有意義。
回答完後，陳時中便宣布記者會結束，表示不再接受提問。</t>
  </si>
  <si>
    <t xml:space="preserve">美國商務部今天發布經濟數據指出，受到新冠肺炎疫情衝擊，百業蕭條，並導致數千萬人丟掉工作，第二季失業率衝上14.7％。4到6月國內生產毛額（GDP），比去年同期大幅萎縮33％，創下1947年有記載以來的史上最慘烈紀錄，原紀錄為1958年，艾森豪政府時期的10％。
另一個更糟的現象是，今年1到3月GDP萎縮了5％，由於經濟連續2季倒退，意味著美國經濟正式走入衰退，也代表美國連續11年的史上最長經濟擴張期，就此告一段落。
商務部表示，占經濟活動高達7成的消費者支出驟降，是第二季經濟萎縮的主因。因疫情各地祭出封鎖令，航空，旅遊，商場，餐館全面關閉，造成4到6月消費者支出比去年同期暴跌34％。
</t>
  </si>
  <si>
    <t>台灣新冠肺炎目前共有28例確診案例，台北市長柯文哲屢屢喊話中央公布確診者的居住地點，且稱，對是否有確診者「不知道」。在公布第27、28例前，有網友整理衛福部公開的26例資訊，統計出目前台北市確診者共7人，是全台最多。
有網友表示公開管道取得台灣26例新冠肺炎病例縣市分布資料，統計目前以台北市7例最多，彰化縣5例居次，再者是台中市4例、新北市3例、南投縣及高雄市各2例、宜蘭縣、桃園市、台南市各1例。其餘縣市則都是0人。資料一出，引起網友熱烈討論，並質疑為何中央流行疫情指揮中心不主動公布。
這名網友稱，自己是台南的資訊人員，在2015製作登革熱地圖時就知道可以取得鄉鎮市區層級的統計資料，因自己家人感染了登革熱，因此著手整理台南市政府衛生局公開的村里層級資料，而後促成疾管署願意直接提供系統化的資料。而自己「很無法適應這次資訊揭露的倒退，所以在取得資料之後第一時間選擇公開。」
疾管署副署長莊人祥說，「這些資料都有它的限制」，網友公布的只是新冠肺炎在台灣的早期資料，很多案例都是境外移入，也有許多例是在機場就被直送到醫院，根本沒有進到社區。因此即便看到案例的戶籍地，案例也沒有造成社區疫情。
衛福部長陳時中表示，大家對於疫情的公布一直有爭論，指揮中心目前為止，至少兩次對於疫情公開的基本原則就是「特定的、能掌握的人員就不公布」、「有不特定且掌握不到的就會公布」。就像日前鑽石公主號，因為沒辦法掌握每個人，所以公布細胞簡訊，讓大家知道這些旅客走過的點有哪些，早期發現可以早期預防，「有助於防疫的，才會公布。」</t>
  </si>
  <si>
    <t>台中市教育局1日表示，上學前家長為孩子先量測體溫，並記錄於自主健康管理表，有助了解孩童每日的身體健康狀況；學校仍有量測體溫機制，將督導校方加強查閱學生自主健康管理表，透過量測雙軌制，落實防疫措施。
教育局指出，依據教育部函文，學生每日上學前，家長應主動關心其身體健康並量測體溫，如有發燒、咳嗽或非過敏性流鼻水等呼吸道症狀，應主動告知校方，盡速就醫或在家休息。
教育局要求台中市各校發放自主健康管理表，學生上學前由家長協助量測體溫，並在表上紀錄、簽名，再由學校人員檢閱後即可入校。
如家中未有體溫量測器具，學校也有安排專人協助量測體溫。
教育局強調，透過發放自主健康管理表及校園出入口設置體溫量測站的量測雙軌制，學生若有發燒情形，可於家中立即可得知，避免到校後才發現，也可避免體溫量測站等待學生過多、大排長龍。
教育局要求各校做好校園防疫，加強落實查閱管理表，並請督學到校督導改善，確保孩童每日的健康狀況。
＃新冠肺炎＃新型冠狀病毒＃台灣＃台中市＃量體溫＃教育局</t>
  </si>
  <si>
    <t>韓國中央防疫對策本部12日通報，新增15例感染新冠新變異株omicron病例，累計90例。其中7例為社區感染。
另外，全國新增新冠肺炎確診病例6689例，死亡病例43例。重症患者894例，較前一天增加38例，刷新紀錄。
冬季寒冷天氣有利於病毒存活和傳播，以及新冠新變異株omicron等變數，疫情形勢有可能進一步惡化。</t>
  </si>
  <si>
    <t>台中市黃姓男子於神岡區中山路一帶租屋處經營賭場，常有不特定人士進出群聚，警方經多日來監控蒐證，19日持搜索票進行查緝，當場查獲負責人黃男、8名賭客及在場人人士1名共10人，並查扣賭具2組、賭資及抽頭金3萬6200元，全案依法移請偵辦。
豐原警分局長吳銘淵表示，警方接獲情資，59歲黃姓男子於神岡區中山路一帶租屋處經營賭場，招集賭客以十三支、麻將等方式聚賭，並提供飲食及茶水等服務，經常有不特定人士進出群聚，極可能成為防疫破口。
員警經過多日監控蒐證，確實掌握該賭場狀況，19日下午4時許見時機成熟，持台中地方法院核發搜索票進行查緝，員警守候俟屋內人員開門之際，趁其不備衝入屋內，當場查獲賭場負責人黃姓男子。
現場還有8名賭客及在場人士1名共計10人，查扣麻將、撲克牌等賭具2組、賭資及抽頭金3萬6200元等相關物證，全案依賭博罪、社會秩序維護法移請偵辦，並將10人依傳染病防治法函請相關單位裁罰。
豐原警分局呼籲，在此疫情嚴峻時刻，民眾務必遵守政府防疫規定，警方將持續嚴加查察各項不法行為，上緊治安發條，維持轄區治安平穩。</t>
  </si>
  <si>
    <t>國內新冠肺炎疫情大爆發！高雄市也傳出基隆確診婦女曾在5月初南下高雄廟宇進香，引起各界恐慌，高雄市長陳其邁12日緊急臨時召開防疫會議，決議停辦、延後舉辦各142場大型活動。
為了配合中央提升疫情警戒至第二級，高雄市各局處、單位在6月8日前原訂辦理的大型活動共計停辦142場、延後辦理142場，原先預計在5月底舉辦的王心凌巡迴演唱會、全明星運動會演唱會都受到疫情影響而延期舉辦。
高市府衛生局表示，目前國內疫情嚴峻，衛生局呼籲市民減少參加非必要性活動或聚會，以防範社區傳播發生。</t>
  </si>
  <si>
    <t xml:space="preserve">《中時新聞網》精選5件不可不知的國際大事，帶讀者掌握今（11）日的國際新聞重點。
【1】聯合國警告 疫情可能引爆50年來最嚴重的糧食危機
聯合國秘書長古特雷斯9日警告，新冠肺炎疫情過後的經濟衰退，可能觸發全球50年來最嚴重的糧食危機，對百萬名兒童及成年人造成長遠影響，促請各國政府迅速行動，以阻止災難。
【2】美新冠確診破200萬 12州住院數暴增
美國新冠肺炎確診人數已在10日正式突破200萬人，不過隨著各州解封，當地疫情出現升溫跡象，12州的住院人數再次飆升，當中亞利桑那州（Arizona）已要求各大醫院啟動緊急應變計畫。
【3】崔順實因韓閨密門終審重罰近5億 獲判18年徒刑
韓國前總統朴槿惠因閨密干政風波入獄，而其中主角之一的崔順實（後改名崔瑞元）11日獲判18年徒刑，並被罰款200億韓元（約4.96台幣）。
【4】北韓要美閉嘴 怒嗆「可怕大事會發生」
北韓9日宣布切斷與南韓聯絡管道，美國回應「失望」，對此，北韓外務省11日痛罵美國，不要插手兩韓事務，否則將面臨「無法承受的可怕大事」，更指，如果美國想要大選順利，就乖乖「閉嘴」。
【5】捷克外長：建議議長別訪台
捷克參議院議長維特齊9日宣布將於8月底率團訪台，將是有史以來訪台層級最高的捷克官員，而曾競選總統的捷克參議員德拉霍斯同日也宣布將在10月訪問台灣，促進兩國在網路安全和防疫等領域的交流。不過對於議長的決定，不僅親陸的捷克總統齊曼透過發言人表示，「議長此行如同烏克蘭東部分離地區」，捷克外交部長派提賽克也表示，在尊重一中原則下，建議議長別訪台。
</t>
  </si>
  <si>
    <t>新冠肺炎疫情擴散全球，才剛正式上路的星宇航空受到嚴重衝擊，如今落到無航班可飛的情況，就有網友詢問董事長張國煒如今在幹嘛，星宇小編在臉書公布答案，貼出2張照片，讓網友笑翻，直呼真的跪了。
星宇航空昨天(1日)在臉書PO文，表示近日大家很關心，不斷私訊「星宇航空開航不久就受到疫情影響，是不是很慘 ?」、「張董最近都在幹嘛」，為此小編表示「請大家攏麥來問阮，恁去問我家董仔...」，並貼出2張照片，原來張國煒化身「清潔小弟」，雙膝跪地拿著吸塵器認真清潔辦公室每一個角落。
勤奮的背影也湧入大量網友留言打氣「董仔加油啊」、「張董辛苦了」、「星宇牌吸塵器 何時上架」、「認真的男人最帥」、「k董就是那種會自己下去實做的好老闆」，還有人打趣說「董事長：為了您的安全及健康，建議您打掃環境時配戴口罩和手套」，結果小編神回一句「還有護膝」，讓網友都笑翻了。</t>
  </si>
  <si>
    <t>韓國新天地教會教主李萬熙當地時間今（2）日下午3時（台灣時間下午2時）召開記者會，戴著口罩跪地道歉，也對許多信眾感染新冠病毒感到抱歉。李萬熙雙膝一跪，意外引發網友暴動，PTT版上瞬間湧入大量留言。
李萬熙今日召開記者會，為教會一名教徒造成多人感染新冠肺炎道歉，更稱這起傳染事件是「大災難」，並下跪6秒致上最高的歉意，也會尋求原諒。
記者會場外抗議人士聚集，大罵他是騙子，網路上也掀起一股罵潮，就連台灣網友也群起激憤。PTT網友留言表示，「切腹吧」、「還不呼籲信徒出來檢查」、「博取同情求減緩其刑嗎？」「不是自稱萬能的神嗎？」「道歉有用要法律幹嘛」、「還是去坐牢吧你」、「道歉有個P用」、「很會演」。</t>
  </si>
  <si>
    <t>中央流行疫情指揮中心今日表示，伊朗近日COVID-19病例數及死亡病例快速增加，目前確診病例數已達95例，15例死亡，病例擴及13省份，死亡病例數僅次於中國大陸，且輸出病例至阿曼、伊拉克、科威特、阿拉伯聯合大公國及加拿大等多國。中東多國已關閉對伊朗邊界。
由於該國疫情明顯擴大，指揮中心即日起提升伊朗旅遊疫情建議至第二級：警示(Alert)，提醒民眾至當地應採取加強防護措施。</t>
  </si>
  <si>
    <t xml:space="preserve">全國染疫人數突破萬人，蔡總統幾度透過視訊公開喊話，要民眾不要群聚和隨便移動，遭到網友砲轟。東華大學教授施正鋒直言，蔡英文的談話內容有種何不食肉糜的感覺，並指現在的防疫三級警戒，其實只是半吊子。同時，也有民眾對蔡英文所言感到十分不滿。
《中天新聞》8日報導，施正鋒表示，蔡英文這種講法，有點何不食肉糜那種感覺，他更指出，現在的情況有如已經進入第三次世界大戰，然後他躲在防空洞裏面。施正鋒還認為，「三級這樣子的防衛，其實我必須講，還是半吊子好嘛」。
有一位民眾接受《中天新聞》採訪時則表示，「她(蔡英文)完全都沒有負責任，你今天減班了，可是很多人還是一樣下去，沒有用啊，如果今天要這樣子，不如封城就好，病毒也不會擴散」，同時，這位民眾也說，「因為疫苗沒有來，應該先封城，現在這個病毒早就已經擴散出去，現在疫苗過來也不夠，疫苗本來就是政府要去跟人家接洽的，一年多怎麼沒辦法準備？各國的疫苗可以收集多少個就進來嘛，應該要每個人都去打」。
另一名受訪民眾則指出，「從去元旦有這個肺炎開始，就說我們有疫苗，我們自己會做疫苗，都騙人的，不要老是講假話，天天開那個電視會有屁用」。
此外，蔡英文總統今天再度呼籲民眾放棄回家的機會，用視訊向家人報平安。對於將車票退掉的人，她說「真的謝謝大家，也向大家說聲不好意思」。今年端午，為了減少接觸的風險，在線上團聚，就是我們為彼此努力最大的心意。
</t>
  </si>
  <si>
    <t xml:space="preserve">中央流行疫情指揮中心今天宣布，6月18日起，配送第二批莫德納(Moderna) COVID-19疫苗7萬3200劑，開放6萬3200劑量的莫德納疫苗給一到三類對象接種，另外一萬劑保留給邊境人員接種。
指揮官陳時中表示，昨天已經把第二批AZ疫苗配送，讓大家比較可以掌握數量，施打效率上可以增加，今天宣布，接下來會再配送莫德納疫苗，發到縣市政府中，總共發放六萬三千兩百劑量，針對一、二、三類都可以打莫德納，雖然劑量數不多，但近日因為接種沒有特別快，所以希望六萬三千出去後，可以對一、二、三類有幫助
另外陳時中表示，也會保留一萬劑給交通部，對於邊境人員，大家強調邊境有相當的風險，且要防止相關可能變種病毒入侵，因此邊境人員的保護很重要，所以一萬劑撥給交通部交給機場邊境人員施打。
指揮中心說明，莫德納(Moderna) COVID-19疫苗已於6月9日起陸續提供第一類醫事及非醫事人員接種，截至昨(15)日累計接種3萬7,505人。為儘速提升第二類及第三類對象免疫保護力，將於6月18日起進行第二次配送，同時開放至第三類對象接種。本次疫苗配送量是以各縣市符合第一類至第三類對象中，尚未接種人數接種率４成核估，同時考量疫情風險程度，高風險縣市（臺北市、新北市）分配數量係以尚未接種人數接種率達5成以上計算，總計配送63,200劑。
指揮中心表示，另10,000劑疫苗提供交通部認定之第二類及第三類對象所需疫苗量，其中分配給國籍航空機組員5,000劑，含長榮、立榮、華航、華信、台灣虎航、星宇及飛特立等7家公司的駕駛員、空服員與隨機維修員等；另外5,000劑分配給民航航空第一線人員，含桃園機場及相關廠商、民航局、航空站、航管人員、飛機維修、倉儲、地勤及空廚等人員。
</t>
  </si>
  <si>
    <t>國發會副主委鄭貞茂30日表示，國發基金管理會通過「對新冠肺炎影響新創事業投資作業要點」，凡受疫情影響的新創事業，即日起至9月底可提申請，獲審查通過者給予6個月的營運資金，而業者則須發行等額的「特別股」給國發基金。
鄭貞茂表示，受疫情衝擊，觀光業、中小企業可以向交通部、經濟部請求紓困。但新創事業卻無法適用，成為「漏網之魚」，近日主委陳美伶與新創業接觸，發現這個問題，因此昨日迅速通過方案，以協助業者度過難關。
國發會表示　過去國發基金面對疫情、不景氣協助新創事業皆循融資方式，這是有史以來首次以投資方式協助。
鄭貞茂表示，疫情期間新創事業營運停擺，但仍有租金、薪資、進料等營運成本得支出，壓力不小。藉此要點，新創業者可提出受疫情影響情況、以及所需營運資金等資料申請，獲審查通過，可給予6個月營運資金，最多不超過12個月營運資金。
「救急不救窮」是本作業要點的精神，鄭貞茂表示，這次是循投資方式協助業者，獲資金協助的業者，需發行等額的「特別股」給國發基金，之所以循不具投票權的特別股，是因國發基金不希望因股權提高而介入經營。業者需明訂來日景氣恢復後贖回的條件（本金加股息），或轉換「普通股」的程序。
他強調，國發基金將設專案審查會議加速審查，投資總額雖未匡列，但會盡量協助。即日起至今年9月底前皆可來申請，為讓救援更即時，審查時程也由三個月縮至一個月，從申請到撥款於一個月內完成。
何謂新創事業？鄭貞茂表示，比照創業天使投資方案的定義，以設立未逾3年、實收資本不超過於8千萬元的事業為原則。創業天使方案投資的八十多家都符合來申請資格，文創業若有新創概念，也行。</t>
  </si>
  <si>
    <t>因應新冠肺炎疫情，內政部長徐國勇今天宣布警政署暫時取消全國性酒測，但地區性酒測還是要做；台南市長黃偉哲表示，防疫期間台南市警察局取締酒駕勤務照常執行，酒後駕車危害市民生命、財產安全甚鉅，市警局仍將持續攔査取締，但防疫期間為避免民眾及員警遭受感染風險，暫停酒精檢知器使用。
台南市警局指出，台南市維持酒測勤務，但依內政部警政署規定，暫停酒精檢知器使用。執勤員警一律佩戴口罩及乳膠手套，並攜帶隨身型乾式洗手液，做好自我保護措施，另市警局近期也將配發護目鏡，供執勤員警防護使用。
此外，同時要求員警於取締酒駕勤務應保持一定距離，先觀察駕駛人行為及有無酒氣、酒容，對於疑似飲酒者，才要求駕駛人下車進行酒精濃度檢測，檢測時特別提醒受測者對酒測器之吹嘴吹氣，不要有倒吸行為。使用後均以消毒漂白水擦拭儀器外觀後，才提供下一位駕駛人使用，確保民眾安全，使用後之吹嘴，也應用塑膠袋包覆後卸除妥善處理。</t>
  </si>
  <si>
    <t>國內疫情趨緩，兒童樂園已經開放，但公園的遊樂設施卻還不能用，家長難以認同。指揮中心指揮官陳時中今天表示，並未禁止公園的遊樂設施不能開放，因此將跟地方政府反映，只要防疫做得好，開放沒問題。
對於是否將雙北從「中高風險區」降為「中度風險區」，陳時中說，要大幅降低疫情警戒，需要考慮到疫苗的供應、國際疫情狀況及是否爆發本土疫情等，雙北現在每天出現的都是零星確診個案，因此將在維持疫情二級警戒下，讓民眾的生活盡量正常。
此外，9月1日中小學開學，但負責營養午餐的團膳業的成員卻還沒打疫苗，他們希望指揮中心安排，讓3000個團膳業的成員可以專案施打疫苗。陳時中表示，將會和教育部協商，看要怎麼處理。
有家長反應，開學後小朋友在吃午餐，學校要求自備隔板，但現在市場上根本買不到怎麼辦？陳時中說，對於學校的規定，家長若有能力可以盡量配合，若辦不到，就由學校幫大家準備來解決問題。</t>
  </si>
  <si>
    <t xml:space="preserve">經濟部今(24)日表示有鑒於新冠肺炎疫情持續延燒，為減輕受疫情衝擊之承租人負擔，經濟部已研訂「經濟部所屬國營事業提供租金紓困措施」。
經濟部表示，紓困措施包括「緩繳租金」及「減收租金」兩部分，在「緩繳租金」方面，承租經濟部所屬台電、中油、台糖及台水公司土地房舍之承租人(不含政府機關)均可申請109年度租金展延繳納期限至今年12月底，屆期如無法一次繳清，可分最長3年繳納，緩繳期間免計收違約金及遲延利息。
經濟部表示，在「減收租金」方面，109年全年租金以減收2成為原則，包括減收後租金不低於各國營事業需負擔之地價稅，以及房屋稅等持有成本，初估受益承租戶約有9000餘戶，租金約減收6.6億元。
另外，承租各國營事業土地房舍作製造業使用者，則比照經濟部工業局產業園區、加工出口區所訂租金紓困方案辦理。
經濟部並強調，由國營事業帶頭降租2成，希望能有示範作用，以期減輕承租人受疫情之影響。
</t>
  </si>
  <si>
    <t xml:space="preserve">民眾黨立委賴香伶昨晚於臉書發文表示，新冠肺炎疫情在世界各地爆發後，政府規定入境者須進行14天居家隔離，政府應結合機場單一窗口，讓防疫車隊和防疫旅館結合，做好「防疫一條龍」。
賴香伶說，台灣現在的境外移入確診人數暴增，而大量回國人口也已衍生很多問題，比方說家庭環境沒有妥當的隔離空間等等。為便利回國民眾尋求協助，政府應該建立單一窗口，讓國人可以安心歸國，家人、鄰居也能放心。
</t>
  </si>
  <si>
    <t>總統蔡英文23日施打高端疫苗時，不經意透露8月底會有一批疫苗運抵台灣，衛福部長陳時中昨天證實，月底一定會有疫苗來台。資深媒體人黃暐瀚在談話性節目中透露，8月底進來的疫苗「數字非常大，比你想像中的還要大」，可滿足現階段尚未施打疫苗的6萬教師、6萬軍人，以及7千名的中華郵政員工。
黃暐瀚昨（24）日於《關鍵時刻》中表示，總統蔡英文周一施打高端時，在等待的過程中曾向旁人說「8月底會有一批疫苗進來」，黃暐瀚說，因為不可能是國產高端，所以蔡英文口中的疫苗，一定是國際疫苗，可能是AZ、莫德納，甚至會是輝瑞／BNT。
黃暐瀚指出，高端開打2天，已出現施打後死亡案例，雖然不能說與打高端有直接關聯，但實際上的確是施打後猝逝，「大家心裡會怕」，若已預約卻還沒施打者，在有疑慮的情況下，「可以再等一等」，因為8月底，也就是接下來的一個禮拜，會突然有大量的國際疫苗來。
黃暐瀚接著說，這批疫苗的數字非常大，「比你想像中的還要大」，可以滿足現階段尚未施打的6萬教師、6萬軍人，以及7千名中華郵政員工，主持人劉寶傑追問「有上百萬嗎？」黃暐瀚則以「非常接近」回應，但實際數量還得由中央流行疫情指揮中心對外宣布。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東京都17日新冠肺炎確診人數達293人，繼16日的286人之後，再度更新單日確診數的最高紀錄，而且已連續9日破百人。神奈川縣也因疫情擴大而獨自發布「神奈川警戒警報」。
東京都指出，17日確診者當中，以20至39歲者居多，共210人，占全部的7成，而且感染途徑不明者近半數。除了與夜生活的相關工作人員有69人外，因聚餐感染的有24人，托兒所和照護設施等有20人確診。
新宿的劇場因公演爆發群聚感染，17日再添7人確診，至今包括表演者、工作人員和觀眾等在內，累計共52人確診。中央大學位於八王子市的運動社團宿舍則有10人確診。
日本全國17日共有593人確診，其中埼玉縣共51人、兵庫縣24人, 都創下解除「緊急事態宣言」後的最高紀錄。
神奈川縣17日有43人確診，因為超過1週內平均單日確診人數的上限，故神奈川縣決定獨自發布「神奈川警戒警報」，籲請縣民勿前往沒有做好防疫措施的場所、公司行號讓員工居家上班或錯開交通巔峰時間通勤，以減少人與人接觸的機會。
</t>
  </si>
  <si>
    <t xml:space="preserve">砷化鎵磊晶廠—全新(2455)前2月合併營收為4.25億元，年增52.41%，由於大陸加速推動5G基礎建設，全新3月光通訊訂單狀況優於2月，全新對3月業績不看淡，日系外資則認為，在去美化，以及5G、3D感測等需求推動下，新冠肺炎疫情對全新核心業務前景不會造成損害，重申「買進」評等，目標價140元。
新冠肺炎疫情在全球持續蔓延，讓大陸及全球經濟蒙上陰霾，大陸為降低疫情負面衝擊，在大陸各地陸續復工後加速推動5G基礎建設，且WiFi 6滲透率持續提升，加上VCSEL等新應用激增，讓全新2月合併營收維持水準，單月合併營收為2.08億元，月減4.15%，但年增52.76%，累計前2月合併營收為4.25億元，年成長52.41%。
受惠於大陸5G基礎建設需求，全新3月光通訊訂單狀況優於2月，將有助於全新3月營收表現。
日系外資在最新報告指出，QRVO在3月3日發布季度中期警告，認為有可能比其原本預估的收入範圍中點低6%，QRVO是全新的主要客戶之一，有鑑於新冠肺炎(COVID-19)影響，我們認為全新今年第1季合併收入預測為6.98億元，較去年同期約成長48%，不過，儘管新冠肺炎疫情可望拖累今年上半年需求，但這是季節性問題，不會影響我們對全新結構性業務前景的樂觀看法，預期全新仍將受惠於5G和3D感測兩種長期需求，以及今年不斷增加的去美國化趨勢，重申「買進」評等，目標價140元。
</t>
  </si>
  <si>
    <t xml:space="preserve">停泊在日本橫濱港、新冠肺炎疫情擴大的鑽石公主號郵輪上約3100名乘客19日將以年長者優先依序下船，日本厚生勞動省預測今天將有500人下船。我駐日代表處的車已進到碼頭，副代表蔡明耀和秘書帶了慰問物資準備迎接台籍旅客。
橫濱港大黑碼頭19日一早已有7、8輛巴士及幾台計程車在外等待接人。救護車和自衛隊的車隊也在碼頭上待機，船上的許多乘客都到陽台上看觀望外面的動態。
船內廣播說，病毒檢驗陰性且沒症狀者，預定10點半（台北時間9點半）開始下船，以年長者優先。有船上乘客透過電話向日媒表示，擔心下船後會不會受到外界異樣的眼光和歧視。
船上發給乘客的下船說明中指出，自用車到碼頭接人沒問題，但可能不能叫計程車，要求大家下船後盡量利用大眾交通公具返家。
我國旅客由於還有2人的病毒檢驗未有結果，故其餘旅客下船後，將由代表處派的專車先接到飯店暫住。
由於新冠肺炎的許多感染者都沒有出現任何發病症狀，故乘客下船後，相關單位還會再電話追蹤健康狀況。鑽石公主號上約3700名乘客中已有542人感染新型冠狀病毒，感染率約15%。
</t>
  </si>
  <si>
    <t>行政院進行疫情紓困，對有國小以下孩童或國、高中特教學生的家庭，規畫發放每名孩童1萬元家庭防疫補貼。教育部今天表示，6月15日起開始發放，將透過民眾生活上習慣及便利使用的全國繳費網或ATM等方式，讓孩童的監護人簡便快速的領取這項補貼。
根據統計，可以領取家庭防疫補貼的約218萬人。教育部表示，為加速讓民眾能夠立即領到這項補助，同時避免在防疫期間造成群聚的情形，目前規畫由中央政府統一來作業，將透過民眾生活上習慣及便利使用的全國繳費網或ATM等方式來發放。
教育部說，監護人只要有孩童的健保卡及自己的提款卡(銀行帳號)，可不用出門，透過全
國繳費網領取，或到實體 ATM 領取。
根據網路上流傳的「行政院院長會議文件」，孩童家庭防疫補貼的領取方式是：一、有開通全國繳費網帳號者→輸入帳密→選擇孩童家庭防疫補貼→輸入孩童健保卡號→將孩童家庭防疫補貼1萬元存入指定戶頭（監護人只要一人領取，另一位就不能再領）
二、到ATM操作→插入監護人提款卡及輸入密碼→選擇孩童家庭防疫補貼→輸入孩童健保卡號→領現金或存入戶頭（監護人只要一人領取，另一位就不能再領)。
教育部說，孩童家庭防疫補貼是一項全新的措施，因屬全新的方案且新增補貼對象人數眾多，基於籌畫時間及分流需要之考量，自6月15日起始啟動，讓民眾領取；至於如有實體臨櫃作業需要部分，將於疫情趨緩後提供。相關細緻規劃，會再整體公布。</t>
  </si>
  <si>
    <t>新冠肺炎疫情升溫，民眾紛紛取消國外旅遊行程，很多不知退費權益如何保障，新竹縣消費爭議諮詢專線1950，近1周有1百餘通詢問案件，其中有1成是6月23日到30日的國高中畢業生取消出國部分，政府並未納入國外旅遊定型化契約第14條辦理。
新竹縣消保官羅鈞盛指出，新冠肺炎疫情，教育部宣布延後開學，暑假延到7月15日開始，但有些國三或高三學生6月23日畢業後就要出國，因政策改變6月30日或7月1日才畢業，被迫取消出國，交通部並未考慮這類型消費者退費問題。
目前公布旅客參團解約退費原則中，在6月23日到30日取消出國的學生及家長，並無法比照國外旅遊定型化契約第14條，因不可歸責於雙方當事人的事由可以解除契約，旅客只付護照及代墊住宿等行政規費。
羅鈞盛說，他已向行政院消保處反應上述問題，消保處原則上同意，國高中畢業生及家長取消出國退費，應比照國外旅遊定型化契約第14條辨理，將會請交通部觀光旅遊局讓旅行業者配合辦理只收行政規費。
羅鈞盛並說，新冠肺炎疫情讓原本計畫出國的民眾因恐慌取消旅程，不少是非疫區國家如泰國，屬國際疫情及建議等級第一級注意，民眾任意解約後，旅行社依國外旅遊定型化契約第13條扣行政規費外，並依取消行程日期的遠近，收取旅費總價5到50％的問題。
國際疫情及建議等級第二級警示如新加坡，如取消旅程，則依國外旅遊定型化契約第15條，不論日期扣行政規費外，並要付旅費總價的5％。
政府宣布中港澳為第三級警告，禁止所有航班入境大陸，民眾取消行程，旅行社要依國外旅遊定型化契約第14條辦理，僅扣行政規費。</t>
  </si>
  <si>
    <t xml:space="preserve">國民黨文傳會主委王育敏今與多位職業工會代表召開記者會，呼籲政府提出無雇主之勞工紓困方案能放寬限制，建議從現行2.4萬元放寬3.48萬元。勞動部次長林明裕今下午出席行政院紓困振興記者會主動回應表示，某政黨這樣的呼籲，會把資源稀釋，反而會讓受惠勞工資源受減。
因應新冠肺炎衝擊，勞動部針對2018年沒達到課稅標準，有在職業工會投保，且投保薪資2萬4000元以下，給予每月現金1萬元，給3個月，共3萬元，目前已經陸續發放入帳，但國民黨要求把投保薪資標準放寬到3.48萬元，讓更多勞工受惠。
對此，林明裕回應，政府紓困勞工以受衝擊且未達課稅門檻優先照顧，若把紓困補助金申請門檻放寬，這會稀釋資源，截至今天已經有95萬符合資格勞工申請，預估本周可能會發放完畢。
</t>
  </si>
  <si>
    <t>泰國出現全球首例接觸遺體後染疫死亡的案例，對此中央流行疫情指揮中心專家諮詢小組召集人張上淳表示，剛過世的人身上還是存在病毒的，之前也發現病人的床單、衣服等都會帶有病毒，若接觸病毒後觸摸到口鼻，也有可能傳播。病毒雖然幾天後會死亡，但是遺體不會放好幾天，確實是存在感染的可能。政府訂有標準作業流程，醫護人員接觸（包含法醫）都需依規定採取防護措施。</t>
  </si>
  <si>
    <t>新冠肺炎疫情肆虐，台灣民眾也爭先恐後搶購口罩，隨著開學日即將到來，不少家長也擔心孩子沒有口罩可用，不過彰化一所學校則表示完全不用擔心，因為他們已經備妥1萬5000個口罩，網友也大讚校長根本先知，應該也加入指揮中心作戰。
寒假即將結束，為了防疫，彰化員林國小備妥1.5萬個口罩準備發放，校長蕭勝斌受訪時表示員林國小全校師生大約2000人左右，本來就備妥5倍、約9000個口罩的庫存量，春節前看到新聞就驚覺事情可能不妙，又緊急現金加購6000個口罩，以備不時之需，總數1.5萬個口罩如今也成為庫存量最多的學校。
不少網友也大讚：「校長先知啊」、「這校長有眼光，學生有福了」、「這可以加入防疫中心作戰了XD」、「校長完勝行政院嗎？」，還有人打趣：「保全要緊張了，半夜會不會有人進來偷口罩」。</t>
  </si>
  <si>
    <t xml:space="preserve">
中央流行疫情指揮中心3日公布國內新增7例COVID-19確定病例，均為境外移入；另確診個案中無新增死亡。
指揮中心說明，今日新增7例境外移入個案，為3例男性、4例女性，年齡介於10多歲至60多歲，分別自美國（案16532）、俄羅斯（案16533）、印尼（案16534）、馬來西亞（案16535）、泰國（案16536）、菲律賓（2例，案16537、案16538）入境，入境日介於今（2021）年10月16日至11月1日。
指揮中心統計，截至目前國內累計4022866例新型冠狀病毒肺炎相關通報（含4005367例排除），其中16428例確診，分別為1785境外移入，14589例本土病例，36例敦睦艦隊、3例航空器感染、1例不明及14例調查中；另累計110例移除為空號。2020年起累計847例COVID-19死亡病例，其中835例本土，個案居住縣市分布為新北市412例、臺北市320例、基隆市29例、桃園市27例、彰化縣15例、新竹縣13例、臺中市5例、苗栗縣3例、宜蘭縣及花蓮縣各2例，新竹市、南投縣、雲林縣、臺南市、高雄市、屏東縣及臺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 xml:space="preserve">新冠肺炎（COVID-19，俗稱武漢肺炎）疫情持續延燒，停靠在日本橫濱港的鑽石公主號郵輪，截至16日為止，全船累計達355人確診感染。人也在船上的台灣知名魔術師陳日昇，不斷透過直播、發文向外界更新船上的狀況，日前他再度PO文透露，船上檢測出的確診病例中，已出現「數十位無症狀患者」。
陳日昇16日在臉書直播表示，自己的身體狀況良好，並沒有出現症狀，日本政府也提供很多物資，請外界放心；目前船上確診總計355人，其中包括數十位無症狀患者，這讓他深感憂心，不過他也透露，日本政府提供2千支手機給船上乘客，搭載厚生勞動省官方LINE，作為醫療諮詢和聯繫，增加效率。
先前陳日昇曾PO文求救，希望政府能將20多位台灣人接回隔離，他也透露最新情況，「謝謝台灣政府提供包機選項，實際執行方式究竟如何？乘客19號真的能如期下船？很多步驟應該都還需要仔細商確，目前靜候佳音。」此外陳日昇表示，自己回台灣後會持續隔離14天，保護自己也保護他人。
陳日昇Facebook全文
我在鑽石公主號 / 隔離第14之11天 ( 會不會更久? )
1. 乘客&amp;船員確診總計355人，包括出現數十位無症狀患者而且這還只是篩檢一千多人…
2. 日本政府提供兩千支iPhone 6S手機給乘客搭載厚生勞動省官方LINE ，作為醫療諮詢&amp;聯繫，增加效率(下船手機應該要還吧? 不然也太佛心)
3. 船上380名美國人目前正由自衛隊派遣專車接往羽田機場預計兩班專機出發返回美國，大家終於動起來了
4. 感謝台灣政府提供包機選項實際執行方式究竟如何? 乘客19號真的能如期下船?很多步驟應該都還需要仔細商確，目前靜候佳音
5. 我個人回台灣肯定會持續隔離14天畢竟從疫情高風險區回去，保護自己也保護他人，有備無患
6. 目前物資都充足，船公司&amp;日本政府都有提供很多物資
7. 感謝公主遊輪總公司，已經投入大量資金&amp;人力進行防疫無論乘客或是內部員工都有得到妥善照顧! 讓大家都安心!
公視最近拍了《天橋上的魔術師》我是拍實境秀《遊輪上的魔術師》
剩下幾天了！加油加油！ 鑽石公主號加油
更多 CTWANT 報導
</t>
  </si>
  <si>
    <t>這起詭異的搶劫案發生在日本北海道，一名手持電鋸的男子闖進一對老夫婦家，除了大聲嚷嚷討飯吃之外，還搶走現金，離開時卻留下10片口罩，神秘舉動引起網友討論，認為很像日本民間故事，更有人形容男子是「狸貓變身」、「口罩神」。
上個月29日中午，住在北海道的老夫婦，家裡遭男子從後門闖入，他拿著電鋸威脅要吃東西，老太太端出飯菜讓他飽餐一頓，接著他開口向老夫婦要錢，奪取日幣2000元(約台幣561元)，並留下10片口罩後離開，嫌犯當時穿著黑色衣服，年紀大約55至60歲，身高160公分。
匪夷所思的新聞曝光後，網友紛紛猜測男子身分，「難道是沒有成功冬眠的熊」、「他其實是狸貓吧」、「可能是囤積太多口罩賣不出去」、「老夫婦賺到，10片口罩在日本應該超過561元」、「關於口罩的都市傳說」、「西班牙的話現賺10萬台幣」、「神明報恩」、「座敷童子啦」。</t>
  </si>
  <si>
    <t>北京市商務局20日表示，在做好常態化疫情防控基礎上，將按照全面重啟、適度調整、線上為主、重點策劃、有序推進、嚴密組織等原則，重啟北京消費季。據《北京青年報》報導，北京消費季將延續至今年12月底，同時北京市商務局正委託廠商進行消費券政策評估，對消費券方案及時調整，進一步擴大消費券使用企業覆蓋面，滿足消費需求。
而北京市新型冠狀病毒肺炎疫情防控工作新聞發佈會上也提及，要調整旅遊景區限量措施，旅遊景區要繼續貫徹落實限量、預約、錯峰等要求，接待遊客量由不得超過最大承載量的30％調至50％。在落實防控措施前提下，採取預約限流等方式來開放旅遊景區室內場所。
此外，北京新冠肺炎疫情防控工作領導小組社區防控組辦公室成員、北京市委組織部部務委員徐穎說，將在完善衛生防疫措施和應急預案的前提下，恢復賓館、餐館、超市等經營場所的正常營業秩序。</t>
  </si>
  <si>
    <t>行政院拍板編列600億特別條例與特別預算因應新冠肺炎的衝擊，其中經濟部擬提出20億元抵用券，希望刺激經濟。文化部長鄭麗君也在13日的行政院院會中說明藝文產業受到疫情衝擊的狀況，並提出藝文產業短期紓困及中長期振興需求，建請行政院也將藝文產業納入移緩濟急及後續特別預算支應項目。文化部也將爭取將藝文消費納入抵用券適用範圍。
鄭麗君表示，藝文產業因疫情導致藝文消費減少，衝擊包括表演藝術、傳統藝術演出取消、延期及退票，視覺藝術及工藝產業受影響，以及出版業及書店損失、電影票房及影視製作損失、流行音樂展演受影響、國內外展會延期等，也有微型及小型文創業因此發生周轉及營運困難。
鄭麗君表示，文化部希望受衝擊的藝文產業能納入經濟部中小企業貸款補貼方案，提供還款展延及貸款利息補貼。此外，希望能由文化部針對受衝擊的藝文產業訂定紓困補助作業要點，對於受疫情影響發生的重大損害、無法負擔的損失，或是因此營運困難的文化藝術事業、團體及個人，給予特別補助。
鄭麗君在院會表示，文化部在春節期間已依據中央流行疫情指揮中心所公布的「公眾集會因應指引」，訂定所屬場館的防疫注意事項，並依疫情最新狀況滾動修正注意事項、強化相關措施，目前所屬場館皆如常開放。
鄭麗君表示，根據2018年文創產業統計，臺灣文創產業從業人數已達26萬人，產值成長到近8800億元，為避免受疫情衝擊，減緩成長動能，在短期紓困後，文化部將續推中長期振興措施，包括加速投融資、鼓勵藝文消費、加速國際化布局等，希望維持成長動能。</t>
  </si>
  <si>
    <t xml:space="preserve">白宮周六發佈聲明說，美國總統川普接受新冠肺炎檢測的結果呈陰性。
據美聯社與俄羅斯新聞網報導，原本他一直不願接受新冠肺炎檢測，但最近因接觸過確診的巴西總統新聞秘書，加上包括女兒伊凡卡在內，華府陸續傳出有人需自我隔離的情形，可能受感染的擔憂與日俱增，終於接受了檢測。
而宣布檢測陰性結論的，是川普的私人醫生康利（Sean P. Conley）。他說，經過和川普深入討論後，這位白宮主人總算選擇受檢。此外，康利說，他每天都會和美國疾病管制與預防中心（CDC）及白宫新冠病毒專案小組（White House Coronavirus Task Force）聯繫，周六晚獲得證實，總統的檢測呈陰性。
據CNBC新聞網14日報導，川普一直抗拒接受檢測，但星期五召開記者會時，記者一直追問，他會不會接受檢測。有一名記者甚至直白地問，他不接受檢測，會不會太「自私」，而川普隨即反擊道：「我又沒說不接受檢測。」
巴西總統波索納洛（Jair Bolsonaro）訪美期間，曾和已確診的新聞秘書沃恩加藤（Fábio Wajngarten）在佛州海湖莊園（Mar-A-Lago）與川普共進晚餐。不過，波索納洛先前傳出檢測也呈陽性，後來又改口說是陰性。
而沃恩加藤公開的照片顯示，他上周隨同巴西總統訪美期間，曾在佛州海湖莊園和川普及副總統彭斯（Mike Pence）合影。繼川普之後，彭斯周六也說，他還沒接受檢測，但表示：「我和彭斯夫人很樂意接受檢測。」
</t>
  </si>
  <si>
    <t>新冠肺炎延燒，日前苗栗劉姓女子利用網路社團訂購口罩，沒想到取貨拆開發現，裡面竟全是廢紙，大罵網路詐騙猖獗。
劉姓女子在網路發現有網友販賣口罩，與對方私訊訂購2盒口罩。100片口罩加上運費總計1000元，劉女到竹南的超商取貨，打開紙箱驚見一片片垃圾廢紙，沒有口罩，且無法退費，讓她氣憤「嘔死了」。
苗栗縣政府消保官王德基呼籲，此舉網路詐騙行為，可處1年以上7年以下，併科100萬元以下罰金，且目前醫用口罩為防疫物資，民眾可依循政府網路口罩預購系統，或到健保特約藥局購買。</t>
  </si>
  <si>
    <t>桃園市29日有19例新冠確診者，年齡介於不滿10歲至60多歲間，新增最多行政區為楊梅5人，足跡包含全聯楊梅新農店、Costco桃園南崁店、IKEA桃園店、自由聯盟生鮮超市等。目前桃園累積確診424人、居家隔離2105人。
根據桃園市政府公布資料，5月29日足跡為22日至26日之間，分別有億客成生鮮超市、大埕平價鐵板燒、全聯楊梅新農店、中山親水公園、Costco桃園南崁店、IKEA桃園店、寶島眼鏡楊梅二店，5月28日足跡為23日至新美屋、27日至自由聯盟生鮮超市、中華電信內壢忠孝服務中心。
新增確診者中，各區以楊梅新增5例最多，其餘桃園、龜山各增加4例，平鎮、大園2例，中壢、八德各1例。</t>
  </si>
  <si>
    <t>藥華藥（6446）18日表示，旗下新一代長效型干擾素P1101，與印度已獲緊急核准用於治療新冠肺炎輕中症病患的長效干擾素的Virafin（Pegylated interferon alfa-2b）相同，將可協助國內患者，公司已準備好與各大醫療院所合作，透過恩慈療法，為台灣盡一份心力。
P1101已獲台灣和歐盟核准用於治療真性紅血球增多症(PV)，且在台灣有多年恩慈療法經驗，安全性無虞。
藥華藥表示，印度新冠疫情失控，每天有數十萬名新確診、數千名死亡，近期印度Zydus Cadila公司生產的生物相似藥Pegylated interferon alfa-2b已被印度緊急核准用於治療新冠肺炎輕中症病患。
藥華藥醫學長秦小強表示，P1101之安全性已獲長期臨床試驗證實，且根據目前Pegylated interferon alfa-2b在印度的臨床試驗資訊顯示，其對新冠肺炎病患可能有極大幫助。
P1101為新一代長效型干擾素，與P1101同為長效干擾素的Virafin（Pegylated interferon alfa-2b）在印度已獲緊急核准用於治療新冠肺炎輕中症病患；再者，根據台灣衛署醫字第0990262180號函「藥品仿單核准適應症外的使用（Off Label Use）原則」，藥華藥表示，已準備好與台灣各大醫療院所合作，期望P1101能即時協助治療台灣新冠肺炎患者。</t>
  </si>
  <si>
    <t xml:space="preserve">因應新冠疫情，為掌握疫調，政府推出實聯制措施已好一段時間，不過仍有民眾不願配合，甚至大鬧商店事件頻傳。有超商店員以自身經驗親曝5大亂象指出，常遇到包括故意忽略、鬼畫符、死不給看簡訊…等千奇百怪的客人，崩潰表示「被氣到快吐血」。
原PO在臉書社團《爆怨2公社》表示，雖然實名制已經實施一段時間，但身為超商店員的他真的會被氣到吐血，透露讓他氣到想揍人的不是實名制本身，而是客人，並舉出最常遇到的下列5大亂象：
1. 很多人進入超商後，直接略過擺在中間寫有實名制的兩張桌子。
2. 寫紙本的偏偏名字寫得比道士的符咒還更讓人看不懂，連電話都鬼畫符。
3. 每位客人進來他都會喊「麻煩刷完QRCODE讓我看一下簡訊」，但總是有些人偏偏不給看，等結帳時還得再請他出示簡訊。
4. 有些人假裝拿手機掃QRCODE，等到出示簡訊被發現根本沒有時，才佯稱「欸？奇怪刷錯了！」等理由一堆，還有些人刷了卻不按發送，跟沒刷一樣。
5. 有些人堅稱「沒要消費只是領個錢，進來一下而已，馬上就要出去了」，讓他忍不住想問，難道病毒會分你沒沒有消費嗎？還有些人直接衝進來後說他沒帶手機，難道沒看到桌上有紙本的嗎？
該店員無奈表示，真的氣到無處可宣洩，才會在臉書社團發文，並呼籲大家，不管實聯制最終有沒有用，政府規定的事還是要照做，畢竟這是保護你跟我。貼文一出引起熱議，網友則紛紛回應「辛苦了」、「終於有人把我的心聲説出來了」、「完全中肯」、「台灣真的很多這種自私鯛啊」、「有怎麼難嗎？搞不懂那些人」。
</t>
  </si>
  <si>
    <t>上海今天（3日）上午舉行新冠肺炎疫情防控工作新聞發佈會，對昨日新增1例本地新冠肺炎確診病例的具體情況進行了通報。這名新增病例為浦東機場貨運區一名外航貨機服務人員，男性，53歲，職業為駕駛員，負責外航貨機機組浦東機場閉環運送，但是疫調暫未發現其感染源。
通報稱：上海這名確診病例的居住地為浦東新區川沙新鎮華夏二路心圓西苑小區。根據大陸國務院聯防聯控機制有關要求，經上海市防控辦研究決定，將心圓西苑小區列為中風險地區，上海市其他區域均為低風險。
該病例曾於7月21日和7月28日進行例行核酸檢測，2次結果均為陰性。流行病學調查顯示，該病例14天內未離滬，除工作場所與居住地外，到訪過永和大王（妙境路店）、工農飯店（喬家弄8號—10號）等場所。目前上述場所已進行封閉管理、終端消毒。
經連夜排查，截至3日9時，已排查到該病例的密切接觸者52人（其中家屬6人），均在上海，已全部落實集中隔離措施，首次核酸檢測結果均為陰性。
已排查到在滬密接的密接250人，全部落實集中隔離措施，首次核酸檢測結果均為陰性。截至3日9時，已排查到的64860名篩查對象完成核酸採樣，27174人完成核酸檢測，結果為陰性，其餘樣本尚在檢測中。
上海浦東新區人民醫院、浦東新區中醫醫院、川沙社區衛生服務中心（位於浦東新區中醫醫院院區）於8月2日下午暫停門急診，接受全員核酸檢測。截至8月3日9時，核酸檢測結果均為陰性。目前已對病例及密接相關場所的物品、環境等進行採樣，共採集413份樣本，檢測結果均為陰性。
上海市衛健委主任鄔驚雷表示，截至8月2日，上海全市完成全程接種人數達1876.63萬人，18週歲以上人群完成全程新冠疫苗接種率已達85％，上海全市累計接種3811.16萬劑次。
對於此次新增病例是否和國內其他地區疫情相關聯？是否為Delta病毒株？鄔驚雷表示，根據目前流行病學調查，患者近2周內無外出旅居史，目前為止，尚未發現該病例與國內其他地方的疫情存在關聯，同時，疾控部門正在抓緊開展基因測序。</t>
  </si>
  <si>
    <t>口罩成為人們出門必備之物已為期一年多，隨著疫情逐漸有和緩的趨勢，且大陸連續多日無新增本土病例，不少人好奇，「今年能摘口罩了嗎？」上海復旦大學附屬華山醫院感染科主任張文宏表示，依照目前還未完成全民接種，以及國際疫情仍在蔓延，「想摘口罩，今年年底前會非常困難」，恐怕要等到明年下半年。
大陸已連續多日無新增本土新冠肺炎案例，北京更達到連續40天「零新增」，疫情似有趨緩的情勢，對於外界開始好奇能夠「摘口罩」的時間點，張文宏10日表示，想要在今年年底前摘口罩，會非常困難，因為大陸還沒有完成群體免疫性的疫苗接種，且疫苗只是保證疾病在本地區不會造成爆發，但無法給個體提供100%的保護。同時，國際疫情仍在蔓延，口罩用於防護的要求始終存在，在「接種」和「國際疫情」兩個條件都未達到要求的情況下，恐怕要到明年下半年才可能看到摘口罩的趨勢。
張文宏說，現階段，年輕人施打疫苗，就是對家庭、對國家的貢獻，他稱，大陸的疫苗運輸方便、安全性高，非常有利於全民接種，「能打疫苗的都抓緊打」。
張文宏預計，今年底或者明年初開始，世界將重新打開，如果不經過非常嚴格的公共衛生管控或疫苗接種，疫情不會自行在世界上消亡，很多人覺得大陸國內疫情管控得很好，沒有急迫性，但人們必然面臨世界重新打開時的風險。他強調，全球各國將陸續打開國門，打疫苗的急迫性也會越來越高，在此之前，迫切需要完成接種，以應對輸入性風險，建議疫苗最好在今年打、盡快打，因為隨著時間推移，接種可能出現擁擠現象。
雖然許多民眾都期待能「擺脫」口罩的那一刻，不過，也有大陸網友表示，現在已經口罩戴習慣了，沒戴反而「沒安全感」，還有網友稱，戴口罩太適合有「社交恐懼症」的人了，也有女性表示，戴口罩的這一年多裡，省下不少口紅、化妝品的費用，也挺不錯的。</t>
  </si>
  <si>
    <t xml:space="preserve">今年以來政治局勢動盪的白俄羅斯，今天宣布將自本月20日起封鎖邊界，該國公民和擁有暫時或永久居留權的外國人，都不准透過陸路離境，希望能遏阻新冠病毒蔓延。但反對派怒批，政府此舉是嘴巴說防疫，實際上是要進一步打壓異議人士。
這項政府命令並未說明，陸地邊界封鎖為期多久。
反對派認為，這項命令是衝著他們而來。8月大選後，萬年總統盧卡申科第6度當選，得票率高達8成。在野勢力信誓旦旦指，盧卡申科涉嫌作票，反對派領袖提克韓諾芙絲卡亞（Svetlana Tikhanovskaya）才是贏家；該國最大金主歐盟為首的多個西方國家，也拒絕承認其合法性。選後近4個月以來，反盧卡申科的示威抗議遍地開花，盧氏則出動軍警暴力鎮壓，反而掀起更大民怨。
包括提克韓諾芙絲卡亞在內的多位反對黨領袖，都已陸續逃至他國，以避免遭盧卡申科追捕。提克韓諾芙絲卡亞10日透過社群媒體Telegram表示，關閉陸地邊界意味「這個政權竭盡所能，要把我們國家變成現代的古拉格群島。」古拉格群島是蘇聯領導人史達林所建立的勞改營。
本次封鎖包括鐵路與河港，唯一例外是明斯克國際機場。
</t>
  </si>
  <si>
    <t>新冠肺炎衝擊經濟，行政院投入600億元紓困，國發會也發動攻勢；國發會昨提出4項對策，要讓今年公共建設達成率從去年93%提高至95%，官員評估，只要執行率提升，今年執行量就可比去年增加966億元，不僅替經濟成長率（GDP）注入強心針，也提供民間工作機會，以「公共建設救經濟」具體又有效率，還能讓資源發揮最大效益。
主計總處日前評估，若新冠肺炎疫情持續達3個月，將使我國經濟成長率至少減0.35個百分點以上，為減緩衝擊，國發會依行政院長指示，全力協助加速公共建設推動，並於昨邀集相關部會副首長研商對策與做法。
官員表示，4項對策中，最重要的是以「督導會報」的方式，緊盯公共建設進度、提高達成率，其次是分級給予同仁行政獎勵、針對工程流標案件務實檢討問題，或依公共建設執行狀況，適時追加預算等措施，來提高達成率。
國發會表示，公共建設是推動經濟成長率的引擎，短期可刺激景氣、增加就業與內需的功能，長期可蓄積資本存量，促進民間投資、改善國民生活品質。
根據統計，109年度公共建設經費預算為新台幣5365億元，如達成率由108年的93%再提升至95%，執行量與108年相比，等於增加966億元的能量，這對今年GDP貢獻不容小覷。</t>
  </si>
  <si>
    <t xml:space="preserve">美國藥廠莫德納今天向美國食品暨藥物管理局申請全面批准其研發的COVID-19疫苗，成為第2家尋求監管機關核准並廣泛使用的藥廠。目前莫德納在美國只取得緊急使用授權。
莫德納（Moderna Inc）的競爭對手美國藥廠輝瑞（Pfizer Inc）和其合作夥伴德國生技公司BioNTech，已於數週前向美國食品暨藥物管理局（FDA）申請全面批准使用它們研發的2019冠狀病毒疾病（COVID-19）疫苗。
全面批准使用疫苗可能是緩和疫苗猶豫（vaccine hesitancy）的重要步驟，美國和其他富裕國家境內的疫苗猶豫愈來愈令人憂心。
全面批准使用疫苗，也可讓藥廠可以直接行銷它們的疫苗，以及幫助企業和政府機關為員工施打疫苗。
莫德納表示，未來數週將持續以滾動方式提供數據給食品暨藥物管理局，並要求優先審查。
莫德納已與美國政府達成協議，供應3億劑COVID-19疫苗。根據美國疾病管制暨預防中心（CDC），超過1億5100萬劑莫德納疫苗已配送至美國各地，截至5月30日為止，已施打約1億2450萬劑。（譯者：陳昱婷/核稿：劉學源）1100601
</t>
  </si>
  <si>
    <t xml:space="preserve">一位知情人士透露，北韓官方近日頒布了最新的新冠肺炎緊急防疫準則，比過往的防疫規定更為嚴格。被推測或許是有一些疫情，或疑似感染的病例出現！
《每日北韓》（Daily NK）報導指出，一位平安道南部的消息人士向他們指出，官方正向居民發布有關新冠肺炎疫情的緊急命令。他表示這些準則適用於政府、企業、與黨相關的工作人員，且都是要「絕對遵守」的事項。消息人士指出，緊急命令中禁止所有居民靠近標有「危險、隔離」的特定地區與建築物，也要避免與該地區的人接觸，或是換物品。
面對新冠肺炎疫情，北韓長期都是採取嚴格的隔離離規定，或是透過封城，直接限制人民外出的自由來應對可疑病例的出現。並且禁止民眾靠近疑似病例者的家，且這些人們的房子外面還會張貼標語，寫明他們正在隔離中。
據了解，在北韓的國家緊急檢疫法當中，共有70條規定，其中不少於12條帶有違反時的懲罰。不過該檢疫法僅包含消毒，保護與管理檢疫設施的內容，並沒有包含禁止當地人靠近的規定。
也就是說，才頒布的緊急防疫命令，比先前檢疫法規定的更嚴格。報導指出，北韓當局有此作法，很可能是因為有人嚴重違反防疫規定，或是可能爆發了疫情。
報導指出，9月9日參加北韓國慶活動一些學生，都被隔離在平成療養院大樓，消息人士指出，有關當局明令禁止與這些學生接觸。《每日北韓》指出，不僅如此，是所有參與9月9日北韓建國73周年活動的人都被隔離了。且活動過後有約10名學生出現了類似新冠肺炎（COVID-19）的症狀，之後被緊急送上救護車移送。
北韓當地人士也推測，當局發布緊急的防疫命令，就是因為9月9日參與活動的人當中有一些人生病了。消息人士指出，這些被隔離的人當中，有些人可能在新冠肺炎檢測中被診斷為陽性。也因此有一些人擔憂疫情會在當地傳染開來。
緊急頒布的防疫命令除了上述內容外，也包含要常洗手、配戴口罩，保持社交距離，以及禁止觸摸鳥類還有野生動物；此外還包含當發現來自國外的氣球、奇怪物品或是來源不明的物品時，要立即向當局報告。
報導指出，北韓正在針對嚴重違反防疫規定的人進行嚴厲的處罰，不僅以「危害國民經濟、違反黨的政策」之罪名控告，更將他們送往政治犯集中營關押。由於違反隔離規定的人數不斷增加，據了解北韓也正在建造新的政治犯集中營，為的就是要提高收容能力。
目前在任何新冠肺炎疫情相關的官方統計中，包含世界衛生組織（WHO）、約翰霍普金斯大學的統計中，北韓都沒有任何確診與死亡病例。北韓也曾經兩度拒絕贈送的新冠肺炎疫苗，且理由包含要把疫苗送到疫情更嚴重的國家。
</t>
  </si>
  <si>
    <t xml:space="preserve">「內衣女神」拐拐（許采晴）從網拍內衣起家，一路成立美胸泳裝品牌，都有死忠的粉絲緊緊跟隨。近日適逢春酒旺季，她特地打扮成「招財象神」，超浮誇的造型引起網友熱議，連「美胸女神」熊熊（卓毓彤）都忍不住誇讚：「你真的很猛」。
身為品牌的老闆娘之一，拐拐立下春酒Dress Code主題為「諸神大吉合」，規定每個人都要扮演東西方的神明，她靈機一動，決定化身招財象神，頂著頭冠、化上泰式風情的妝容，身穿金色的細肩帶深V中空裝，露出渾圓的美胸和平坦腹部，以及皮膚貼的紋身貼紙，值得一提的是，她手上拿著一條長長的金色象鼻，剛好貼合臉部，拐拐自豪的說：「這次全身的服裝、飾品都是手工訂製的，尤其是我那隻全金打造的象鼻子，可是做了兩週。」她也透露會扮象神的原因，是因為象神代表智慧和財富，「在泰國是非常吉祥的一尊。」
 S’dare 2020春酒 我是招財象神～～～～！🤣 這次規定大家的Dress Code 「諸神大吉合」 每個來的人都扮演一位東西方的神明 每次做Cosplay我都喜歡挑戰自己的極限😂 記者打來問我為什麼會想到扮象神，象神代表是智慧、財富，在泰國是非常吉祥的一尊。 這次全身的服裝、飾品都是手工訂製的，尤其是我那隻全金打造的象鼻子👃，可是做了兩週。謝謝服裝師 @fishkuang 完成我的瘋狂任務，她形容我是她遇到最奇妙的客戶😂 也謝謝彩妝師 @ivanchangmakeup 跟髮型 @samq1020 把象神整體妝感詮釋的非常到味！ @sdare_self
 拐拐 Sabrina 許采晴（@sabrina888888_）分享的貼文 於 PST 2020 年 2月 月 10 日 上午 7:15 張貼
拐拐的春酒造型一PO出，讓網友看得驚艷連連，直呼：「只有拐拐可以突破拐拐」、「姐姐太強又太正了」、「根本沒有造型難得了你耶」，還有人發揮想像力，笑稱：「最新型口罩」。
</t>
  </si>
  <si>
    <t>國內新冠肺炎疫情大爆發，上市櫃公司也陸續傳出員工確診的消息，大立光（3008）也在15日證實有員工確診，大立光表示，公司確實有一位員工確診，目前與該確診者接觸人員已進行隔離措施，公司除在內部擴大消毒因應，並持續拉高防疫層級，今天上班維持既有量測體溫等防疫工作，並暫停外賓拜訪，截至目前為止，該確診人員對公司營運暫無影響。
在營運未受影響下，大立光雖然早盤仍以2710元的低盤開出，跌幅達4.91％，但隨即在逢低買盤介入下，盤中一度翻紅，站上2900元，終場亦以平盤2850元作收，相較於台股重挫473.2點，跌幅2.99％以及光學股后玉晶光以跌停板的369元作收，表現相對強勢。</t>
  </si>
  <si>
    <t>我駐俄羅斯代表處一名人員在12月1日因感到身體不適，經篩檢後確診新冠肺炎（COVID-19），駐處已依據緊急應變計畫及俄國政府相關規定，立即啟動防疫應變措施。
外交部表示，目前已進行辦公室全面消毒，並通知曾與該名確診人員密集接觸的同仁實施居家檢疫14天，其餘同仁則分組上班。此為駐俄羅斯代表處的第三位人員確診武漢肺炎。
外交部指出，俄國新冠肺炎疫情持續蔓延，為維護同仁及民眾健康安全，駐俄羅斯代表處採取「預約制」提供領務服務。未來駐處將視疫情發展進行調整，並適時對外公布。國人倘有領務服務的需求，可透過駐處電郵（[email protected]）洽請協助；如有急難救助事宜，可撥打以下緊急電話：7-916-837-6058（俄國境外撥打）、8-916-837-6058（俄國國內撥打）。</t>
  </si>
  <si>
    <t>日本捐贈台灣的AZ疫苗尚未通過WHO緊急使用認證通過！日本日前捐贈台灣124萬劑AZ疫苗，開打以來，目前接種累積死亡人數229人，而根據世界衛生組織WHO在本月16日最新官網列管新冠疫苗緊急使用名單/更新資料顯示，這批來自日本廠的AZ疫苗，直到6月16日都還沒完成相關查驗列入緊急使用名單。中央流行疫情指揮中心發言人莊人祥證實，日本送給台灣的這批AZ疫苗，確實還未獲得世界衛生組織的緊急使用認證，但有關疫苗的使用，並非必要條件。
根據WHO 2021/6/16更新的Status of COVID-19 Vaccines within WHO EUL/PQ evaluation process(WHO列管新冠疫苗緊急使用名單，更新資料顯示，AZ日本廠疫苗迄2021/6/16尚未完成相關查驗列入緊急使用名單，其授權狀態仍然註記：「Anticipated date once all information has been received.」（等到所有資料到齊再確定）。
而根據該表格，來自韓國廠的AZ疫苗，則早在2021年2月15日就已經獲得認證通過。
此外，該表中也記載莫德納疫苗在2021年4月30日已經通過授權，但並沒有如AZ區分韓國廠日本廠的細部資料。
莊人祥表示有關疫苗的使用，都是需要經過使用國家的衛生主管機關核准後才能供應民眾接種，是否已經列入世界衛生組織的EUL緊急使用列表 ，並非必要條件。
莊人祥指出，日本捐贈給我們的疫苗，是日本厚生勞動省已經在今年五月二十一日核准了AZ的EUA緊急授權使用，台灣則是在六月二日核准AZ於日本廠的疫苗專案並核准了日本的AZ疫苗。
莊人祥並指出，AZ公司確實是直到是今年六月十五日才向世衛提交日本廠的AZ疫苗申請，陸續提供資料給世衛審查，所以目前還在審查中，但並不影響我國使用。
至於目前輸入我國的莫德納疫苗，莊人祥表示，包含西班牙廠、美國廠，也都是經過食藥署審查後，核准專案輸入，都有經過食藥署審核專案輸入使用。
中華民國防疫學會理事長王任賢表示，廠別其實沒有差異，原本疫苗程序就是一個個廠陸續送件審，而韓國廠的AZ疫苗早就通過，韓國和日本廠基本上在質量控制、原料組成都是一樣，日本只是還沒過而已，民眾不必擔心，仍可繼續接種。</t>
  </si>
  <si>
    <t>因應新冠肺炎，環保署依據中央流行疫情指揮中心分工，針對居家隔離、居家檢疫者及防疫旅館隔離及檢疫者廢棄物，由縣市政府委託乙級清除機構收運送地方設置集中點，再委託至甲級清除機構轉運送至甲級處理機構處理，已徹底與清潔隊收運一般家戶垃圾分流，一般家戶垃圾並無傳染新冠肺炎問題，環保署呼籲民眾安心，並呼籲國民排出家戶垃圾時應確實佩戴口罩、保持安全社交距離、並避免交談，以確保防疫安全。
為執行新冠肺炎防疫工作，特簽訂「因應嚴重特殊傳染性肺炎北區及南區居家隔離及居家檢疫者廢棄物清理服務開口契約」委託甲級廢棄物清除機構負責執行居家隔離、居家檢疫者及集中檢疫所隔離者之防疫垃圾收運處理工作；各地方環保局則委託乙級廢棄物清除機構負責清運。
針對居家隔離及居家檢疫者之垃圾清運，依地方衛生或民政單位提供有垃圾清除需求名單給當地環保局後，環保局即依上述作業流程，由乙級清除機構清運至集中點，再由甲級清除機構清運到甲級廢棄物處理廠，對於防疫廢棄物嚴謹妥善收集清理，並與一般家戶垃圾收運作業分流。
環保署指出，由於一般家戶垃圾已與防疫垃圾分流，家戶垃圾並無傳染新冠肺炎問題，因此，並無停止垃圾分類資源回收規劃，經查世界各國及各大城市也未有因防疫停止垃圾分類資源回收而將回收物併入一般垃圾處理情事，故請國人及清潔人員無需擔心，環保署近期也已特別再請各地方環保局於辦理一般垃圾回收、清除及處理時，強化清潔人員自我防護，並適度增加人員與清運機具之消毒頻率，以降低感染風險，確保防疫安全。</t>
  </si>
  <si>
    <t>台北市長柯文哲5日主持防疫會議時宣布，新北市民施打新冠肺炎疫苗免費，3小時後中央流行疫情指揮中心緊急宣布早已編列40億元補助醫療院所，對此，新北市長侯友宜今（6日）表示，同仁早在前2天就先告訴他，中央有編列預算要做疫苗免費施打，所以事先的準備工作已就緒了。
柯文哲連日來不斷向中央喊話，只有打疫苗才能終結疫情，5日下午霸氣宣布，未來市民打新冠疫苗全部免費，結果立即引來中央流行疫情指揮中心跟進，晚間發布新聞稿，表示已編列40億元的特別預算，補助接種公費疫苗的掛號費、藥事服務費等。</t>
  </si>
  <si>
    <t>陸委會11日對陸配子女能否來台政策一日三變，昨疫情中心直接宣布撤回陸配來台的政策，堪稱「四度髮夾彎」。民進黨立委高嘉瑜指控，整個事件源頭，是從國民黨立委林奕華開了一場記者會。林則表示，自己從未開過記者會、從未提到「小明」，也從未聯繫陸委會，籲高別為護航執政黨轉移焦點，最好出來說清楚、講明白。
高嘉瑜在政論節目《新聞面對面》表示，「小明的故事」整個源頭的開始，就是從林奕華年後開了一場記者會。高更表示，陸委會的決定不僅完全未經疫情指揮中心之外，連行政院長蘇貞昌、行政院副院長陳其邁等人都完全不知情，然後就直接宣布了這個政策，就是對外新聞稿所知道的。並稱他們立委群組裡，對此議題也是罵翻了。
林奕華接受本報訪問，反問高嘉瑜：「哪場記者會？」直言自己根本從未開過記者會，也從未提到「小明」這個人，更沒有聯繫過陸委會，自己只有接到民眾陳情陸配子女現況、與移民署聯絡而已。痛批高所言是為執政黨護航在轉移焦點，相關指控根本不正確，最好出來說清楚、講明白。</t>
  </si>
  <si>
    <t>大陸山東省青島市日前出現突發新冠肺炎本土確診病例，感染源不明，宣布針對全市近千萬人口全面核酸檢測，5日內完成檢測1089萬9145個核酸樣本，檢測結果出爐，無新增陽性樣本，引發外界關注。對此，資深媒體人陳揮文也嚇一跳，直呼「展現強大實力」。
陳揮文在政論節目「飛碟晚餐 陳揮文時間」中說，青島5天普篩1089萬人，這需要多大的檢驗能量、人力、物力，連美國媒體都嚇一跳，畢竟看看歐洲等國的疫情，「所以你說青島料敵從寬對不對？這很難判斷...。」
陳揮文進一步說，「可是我要說，他(青島)展現強大實力，所有青島朋友都配合，5天篩1089萬人，嚇死人」；話鋒一轉，陳揮文大笑地問，「而我們呢？堅持不普篩，每天檢測不到一萬，所以我說陳時中跟指揮中心是顯然有問題。」
陳揮文認為，「疫情爆發時，台灣檢測量約為2、3000，結果半年多還是不到一萬，疫情控制好是運氣好，我們是島國，大家戴口罩爭取半年時間，結果檢驗能量不到一萬，到底在幹嘛？」然而，針對青島篩檢結果，衛福部長陳時中17日語帶嘲諷表示，「太偉大了」，不可能會出現這樣的結果。</t>
  </si>
  <si>
    <t xml:space="preserve">蔡依林日前攜手陳奕迅合唱公益歌曲《Fight as One》，用全英文的溫暖歌聲，向全球醫護致敬，歌詞觸動人心，MV更搭配全球不分人種的抗疫鬥士，溫馨又催淚，不過卻意外掀起正反兩派論戰，因為網友發現，MV畫面中有小孩「感謝China」片段，蔡依林則在臉書發長文，雖沒明確指出所言何事，但似乎是在回應近期風波。
蔡依林和陳奕迅合作，本是希望在疫情嚴峻下，能給更多人力量，卻因為MV畫面出現世界各國小朋友拿著「感謝China」的圖畫，引起熱議，對此，蔡依林也發文「此刻的我感到渺小，無論未來的蔡依林，將會如何地被敘述和被形塑著。我都要深深地謝謝你，謝謝你在我有限的表演生命裡， 曾用力地拉過我一把 ，曾親臨現場地救贖過我，更曾不離不棄地陪伴過我的你。」
另外，她也說到「也許，在某個時間，你忽然間，不再需要我了，也不再記起我了，我都相信，那也本是我該收下的生命之禮。在此之前，我一定會為蔡依林，全力以赴的活著，笑著，哭著，唱著。」雖沒明確表示指出對象，但似乎是在回應近期風波，粉絲也留言替她打氣，「我們都還在」。
</t>
  </si>
  <si>
    <t>新冠肺炎疫苗覆蓋率陸續提升，昨中央流行疫情指揮中心指揮官陳時中預告，待單劑覆蓋率7成、第2劑覆蓋率6成再談邊境鬆綁。發言人莊人祥今表示，開放邊境的時間點還沒到，至於如何讓別人進來，要看看從哪個國家入境，根據各國風險做計算。
昨日國民黨立委葉毓蘭質詢時提問，國內疫苗接種覆蓋率要到多高才能考慮邊境鬆綁？陳時中答，目前認為要第1劑覆蓋率達7成，第2劑覆蓋率達6成才有基本保護力，因此現在談邊境鬆綁都還太早。
莊人祥今日表示，開放邊境的時間點還沒到，至於如何讓別人進來，要看看從哪個國家入境，根據各國風險做計算，會尊重專家意見。
至於近期有機組員傳出因執勤、派飛壓力大，出現血栓、突發性耳聾問題，是否有機會調整檢疫天數？對此莊人祥說，會和航空公司、民航局暸機組員的需求，是否能放寬還需要密切溝通、聯繫。針對檢疫期間的派飛，他表示有注意到機組員的需求，會看看是否可以有多幾天，可以再和民航局溝通。</t>
  </si>
  <si>
    <t xml:space="preserve">瑞昱(2379)第二季受惠新冠肺炎疫情衝擊，PC、網通相關出貨湧現急單，預計第二季獲利表現不淡，展望第三季，由於疫情延燒，居家辦公、遠端教學等趨勢將延續，加上TWS新品加持，第三季可望不淡。另外，瑞昱長線耕耘乙太車用網路，據悉有機會打入特斯拉，也將扮演長線營運動能之一，今股價衝上新歷史新高，一度飛越400元大關，最高達401元，午盤也維持逾4.5%的漲幅。
瑞昱第二季營收173.38億元，季增加8.85%，寫下單季歷史新高紀錄，累計上半年總營收332.66億元，年增18.74%。
瑞昱第二季因新冠肺炎衝擊，帶動PC周邊、網通需求大增，加上全球疫情恐掀第二波，遠距教學、居家上班等需求延續，整體需求有機會延伸到第三季。另外，瑞昱第三季還有TWS(無線藍芽耳機)新品入列，預計將導入ANC(自動降噪)功能，毛利率更勝先前產品，瑞昱TWS在非蘋陣營中佔比高達80%，下半年TWS將成重要動能之一。
另外，瑞昱長線耕耘乙太車用網路，據悉有機會和電動車大廠特斯拉合作，車用市場毛利率高且產品周期長，中長線具有想像空間。
瑞昱6月營收也傳捷報，單月營收首度超越60億元關卡，達60.78億元，月增加6.16%、年增加加21.56%。
瑞昱將在本周三(8月5日)舉辦法人說明會，屆時除公布第二季財報外，也將針對第三季營運做出明確說明。
</t>
  </si>
  <si>
    <t>台灣本土確診數昨在升回三位數，指揮中心宣布延長三級警戒至7/12，對此，中山醫學大學附設醫院兒童急診科主任謝宗學表示，真的不意外，因為台灣目前沒有可解封的條件，各地仍有許多感染源不明的案例，若在此刻鬆懈，先前的努力恐功虧一簣，引起網友討論，感覺沒清零或達成集體免疫，生活都是威脅。
謝宗學昨在臉書發文表示，前幾天確診數字不斷下降，可惜23日的確診病例數字再度破百例，上升至104例，且雙北以外地區的確診人數明顯增加，這波是否跟端午連假返鄉有關，還要等疫調結果出爐才能知道。
謝宗學透露，他其實不意外全國三級疫情警戒會延長至7/12，因為目前台灣真的沒有可以解封的條件，各地仍然有許多感染源不明的本土確診病例，如果在這時候就開始鬆懈，那麼之前的努力可能就功虧一簣了。
謝宗學指出，他早就把暑假預約的住宿全部取消，即使7/12真的三級解封了，他在暑假期間也不敢帶孩子出門遊玩，因為隨時可能再度爆發大規模社區疫情，他並感謝立陶宛贈送台灣2萬劑的疫苗，這波捐贈將有1萬名台灣人可以受惠。
貼文引起熱議，不少網友表示，台灣人鬆懈了，現在真的沒有解封的條件。「竹東長照10幾天了還止不住，每天不斷聽到救護車的聲音，真的好恐慌」、「不意外，好像飯店都滿了，有很多人忙到昏天暗地，也有很多人只想著玩」、「照這樣看沒清零或沒達到集體免疫的條件下，生活都是威脅」。</t>
  </si>
  <si>
    <t>新冠肺炎的來襲改變了2020年全球的生活模式，在疫情之下求職也變得更加有挑戰性。根據勞動部的估計，今年台灣約有19萬新鮮人加入求職潮。而因應海內外疫情仍然嚴峻，企業紛紛改用視訊軟體，如 Zoom 進行面試，一方面減少傳染風險，另一方面減少雙方時間成本。當畢業季求職潮遇上疫情因素，求職者要如何脫穎而出？又如何在螢幕一端展現出最好的自己，讓面試官留下好印象？Zoom分享以下５招，期待讓有需要視訊面試的你過關斬將！
【第一招：注重儀容姿態】
心理學家亞伯特．馬布蘭（Albert Mehrabian）曾提出「55、38、7形象定律」，說明對於陌生人的第一印象，有55%來自其外貌表現與肢體動作、38%來自說話的聲調、音量及速度，而內容只佔了7%。因此注重儀容姿態將是視訊面試的一大關鍵。如同到現場一般，視訊面試也要記得穿著正式服裝，但盡量避免條紋或格紋服裝，避免面試官透過螢幕觀看久了造成雙眼不適。另一方面，在姿態上善用肢體動作也是打造良好第一印象的關鍵，例如：坐穩、進行眼神交流、搭配手勢與調整語氣、微笑直視鏡頭。
【第二招：視訊環境的設置】
優質的環境與硬體設備能夠減少斷訊、收音不佳而降低整體面試成效的機率。為避免面試中被干擾，建議事先安排一個安靜、背景乾淨及網路穩定的房間。Zoom高品質的視訊畫面與清晰音訊可以確保你在面試中能穩定、清楚的與面試官對談。此外，視訊光線要足夠，讓面試官看清楚長相。面試前也可以先透過Zoom的視訊預覽功能檢查鏡頭下的自己是否清晰，並確認視訊鏡頭與眼睛同高，讓面試官與你的視線平行。而面試時也須準備耳機麥克風，讓雙方聽不清楚聲音的可能性降到最低。要是房間沒有適合的背景，也可考慮利用Zoom的虛擬背景，輕鬆打造優質面試環境。
【第三招：注意面試日期時間】
在家中視訊面試容易忘記時間，建議利用Zoom會議設定連結個人Outlook或是Google日曆，讓系統自動安排更新行事曆，再也不用擔心錯過任何會議。同時，在Zoom會議設定中也可以預先設定好會議起始畫面，調整適合自己的影像及聲音選項，並提早三分鐘準備連線。若是跨國面試也要注意時差問題，避免錯失面試機會。
【第四招：與你的面試官互動】
透過螢幕面試，與面試官的互動變得更加重要。在過程中說話放慢速度，可以降低對方聽不清楚的可能性。若是聽不清楚問題，記得要與面試官確認再回答。同時，當面試中有不確定的詞語時，可以善用Zoom Chat內建文字溝通功能清楚溝通，避免語音對談上理解有誤差。另外，Zoom也具備虛擬白板，可以輔助口頭敘述，讓資訊傳遞更清晰透明。  【第五招：準備充分資料隨時分享面試官參考】
最後，預先準備個人作品集或相關參考資料也是面試加分關鍵。文件不須印成紙本，可以在視訊面試過程中透過Zoom Chat直接傳送給面試官。若有準備簡報，也可使用Zoom螢幕共享與面試官分享電腦畫面，直接打開簡報講解，展現自己的優勢。
後疫情時代改變了全球的工作模式，遠距面試將會是申請入學與求職新常態。提升對Zoom等視訊設備的熟悉度，並且根據提醒來提升面試分數，期待能協助使用者在視訊面試上更無後顧之憂，透過螢幕也能讓面試官感受到你的與眾不同。</t>
  </si>
  <si>
    <t xml:space="preserve">新冠肺炎疫情肆虐全球，一對英國情侶入境台灣接受居家檢疫，但屢屢抱怨檢疫所沒熱水、食物品質很差，甚至透過親友向BBC投訴宛如「住在監獄」，此舉不僅惹怒許多台灣網友，就連知名圖文作家吉娜兒也發文怒嗆：「台灣沒欠你們」。
這對英國情侶入境台灣後，必須按規定居家檢疫14天，但因為聲稱沒有錢，便被安排至花蓮檢疫所，每天住宿加三餐須收250元，不過他們卻抱怨不僅房間骯髒又沒熱水，連飲食品質也相當糟糕，此舉讓知名圖文作家吉娜兒怒轟：「台灣沒欠你們，當台灣人塑膠做的」，更嗆聲：「出國旅遊沒錢是怎樣，自以為是」。
對此網友也紛紛留言：「只能說無言啦…都什麼時候了，以為渡假喔」、「台灣沒欠你們，這麼自私的人，還是別來台灣」、「請感恩，慶幸你們在台灣隔離 不是在其他國家」。
</t>
  </si>
  <si>
    <t>中央流行疫情指揮中心今天公布新增一名境外移入個案，陳時中表示，這名個案為沒症狀的印尼籍移工，案551。個案接觸者25人。
中央流行疫情指揮中心今(28)日公布國內新增1例境外移入COVID-19病例，為印尼籍10多歲女性移工(案551)，於今(2020)年10月7日入境台灣，入境迄今均無症狀。
指揮中心表示，個案入境時無症狀且檢附三日內檢驗陰性報告，入境後由仲介安排入住防疫宿舍進行居家檢疫，檢疫期間均回報無症狀。個案10月22日檢疫期滿後，由仲介安排於原防疫宿舍持續進行自主健康管理，並於10月26日由仲介安排至醫院自費採檢，於今日確診，目前住院隔離中。
指揮中心指出，衛生單位已初步掌握個案接觸者共25人，包含仲介1人、翻譯1人、宿舍工作人員1人、接送司機3人及醫院接觸者9人，因接觸期間均有適當防護，列自主健康管理；另10人為一同入境之印尼籍移工，檢驗結果均為陰性，列居家隔離。</t>
  </si>
  <si>
    <t>距離原訂的三級防疫管制解封日還有一個星期，雖然對於是否能如期解封還是個未知數，但民眾已經紛紛提前「自主解封」，甚至開始為解封後的出遊超前部署，太平山莊七、八月份的訂房率不斷提高，假日更是一房難求，解封後的出遊潮盛況恐怕會相當驚人。
即使中央尚未宣布解封，但憋不住的民眾早已自己出門透透氣，根據統計，國五、雪隧假日的車流量已經比前二周爆增了50％，而民眾真的是悶壞了，太平山莊七月的網路訂房率已經達到五成，八月更提高到七成，假日訂房則是「全滿」。
雖然許多民眾已紛紛為解封後的出遊「超前部署」，不過如果對照疫情爆發之前，目前的訂房率還是少了許多，太平山莊經理黃信偉表示，以往七、八月因正值暑假期間，太平山莊是一房難求，今年以目前的訂房率來看，「算是很少了！」。
黃信偉說，一但解封，太平山上確實是個很不錯的地方，山上白天的氣溫大約只有22度上下，晚上更降至16、7度，是絕佳的避暑去處，此外，太平山上現在的紫葉槭長得正好，紫葉槭從4月展葉期開始一直持續到9月的落葉期，都能欣賞到「楓紅」美景，不需要等到秋天才能看到楓紅。
另外要提醒的是，如果民眾想要上太平山搭乘「蹦蹦車」，則會大失所望，因為目前正在施做邊坡工程，依照預定進度，要到11月初才會恢復營運，因此在今年暑假，將無法體驗搭乘太平山蹦蹦車的樂趣。</t>
  </si>
  <si>
    <t>苗栗縣13日新增1例確診，案15385，37歲男性，居住在頭份市，是新竹縣某電子廠員工，7月9日開始有咳嗽、腹瀉、鼻塞等症狀，自行購藥服用未就醫。7月11日由電子廠安排快篩，結果為陽性，7月12日經就醫採檢PCR後確診，目前收治本縣醫院隔離病房。
經疫調確診生活史多數在新竹縣或新竹市，工作職場在新竹縣，家人則在新竹市，本人則在頭份市居住，目前匡列接觸者為外縣市家人及職場接觸者共有14人，14人皆已完成採檢。12人居家隔離、2人防疫旅館隔離，苗栗縣政府已對其在縣內活動足跡進行環境消毒。
案15385疫調足跡包括，寶山第2水庫、摩斯漢堡新竹北大店、中國信託商銀新竹分行、新竹市中華路福特汽車、全家新竹金竹店、新竹城隍廟、青草湖、頭份中港肉圓店、新竹市中華路車麗屋、麥當勞等。
苗栗縣府在接種疫苗規劃方面，截至7月12日17時於預約平台意願登記共有49714人完成登記，其中AZ 1424人、AZ＆莫德納皆可的16940人、莫德納31350人，苗栗縣為因應疫苗擴大年齡層第9類（18-64歲具有易導致嚴重疾病高風險疾病者、罕見疾病及重大傷病者）、第10類（50-64歲人口）及第二劑時，有效率接種，除了已合約的13家醫院、34家診所、18鄉鎮市衛生所提供接種外，新規劃7個大型場館接種站，預計於7月16日開設，開設原則以中央預約平台預約接種人數為依據，在縣內醫療次區域，苗栗、中港、海線等3個區域，分別設置接種站，由縣內醫院負責大型接種站接種作業，相關接種站資訊公告於縣府及衛生局官網、FB。</t>
  </si>
  <si>
    <t>新冠肺炎疫情持續蔓延，國泰人壽貼心提醒，民眾在積極防疫的過程中除了注意健康外，也別忘了檢視自身保障是否完善，而到底保障要多少才算足夠？只要上網搜尋國泰人壽與學界合作開發的「幸福保障七彩盤」，就可以藉由生動的體驗與專業的數據，一舉掌握全家人的保障缺口。
「安安醫療終身保險」3,000元日額為例，一旦因新冠肺炎入住負壓病房，即可等同加護病房每日給付12,000元，另外還有1,500元的出院療養金，總計每日13,500元的給付金額。
若有保戶因治療新冠肺炎申請醫療險理賠，不論條款是否將法定傳染病列為除外責任，國泰人壽一律依契約條款約定給付保險金。
若醫院或診所執業人員為國泰人壽個人險保戶，在醫療機構執行職務時，不幸確診感染新冠肺炎，國泰人壽將額外提供5萬元慰問金。</t>
  </si>
  <si>
    <t>雲朗觀光集團旗下雲品（2748）今（27）日召開股東常會，通過2019年財報及股利分派案，決議配發每股現金股利1元、股票股利1.5元，合計派利2.5元。展望今年，面對新冠肺炎疫情衝擊，集團致力留住人才，期許在疫情過後的市場競爭中能更具競爭力。
雲品2019年合併營收創23.8億元新高，年增39.4％，但毛利率30.64％、營益率11.44％雙創新低，加上業外虧損擴大，稅後淨利1.83億元，年減13.05％，每股盈餘（EPS）2.8元，分創近4年、近5年低點。
雲品表示，去年日月潭雲品、台北君品住房業務表現良好，但宴會市場因競爭激烈進入盤整期，館外餐飲的頤品新店北新館、桃園民生館宴會較前年減少，加上發行公司債利息認列與IFRS 16租賃新制影響，相關認列費用增加，均削弱獲利表現。
雲品對此積極拓展館外餐飲業務多角化布局，持續擴大婚宴平台「君品Collection」業務規模，逐步推升對館外餐飲業務營收貢獻占比。公司也持續致力優化日月潭雲品溫泉酒店、君品酒店等住房業務，以及持續改良館外餐飲業務等營運體質、優化業務組合結構等。
展望今年，新冠肺炎疫情對觀光業的短期衝擊顯著，雲品預期景氣將較去年衰退，除了在防疫上超前布署，並盡全力做到不減薪、不放無薪假，希望能留住人才、凝聚團隊向心力，期許在疫情過後的市場競爭中能更具競爭力。
雲品也與母公司雲朗主動出擊，攜手凱撒飯店連鎖、老爺酒店集團共同發行1億元通用券給旗下及關係企業員工使用，自創首波消費需求，後續販售給各大企業及福委會，主動開拓新藍海。預期在此良好基礎上，三大集團未來可深化更多面向的合作。
發展策略方面，雲品表示，除了在自有營運據點持續深耕品牌、致力提升業績外，亦將持續擴大多角化版圖，透過委託經營管理的零資產、純管理模式，延伸公司餐飲優勢、落實管理財競爭策略，以增添公司未來營運成長動能。
此外，「君品Collection」非傳統宴會場地接單在疫情逆風中逆勢成長，累計已有超過250場宴會待辦理。雲品審慎樂觀預期，宴會市場有望在第四季稍微回溫，將持續新增合作據點、進一步優化平台功能，預計最快年底可進入「君品Collection」2.0階段。</t>
  </si>
  <si>
    <t>中央流行疫情指揮中心專家會議召集人張上淳的小兒子被爆，說身為醫師卻仍在疫情期間執意出國看NBA球賽，引發基層醫療人員不滿，也遭到輿論撻伐。網路論壇批踢踢上就有網友提出不同看法，討論「張上淳兒子根本沒錯吧？」PO文引發熱議。
原 PO 在批踢踢貼文指出「禁止醫護出國這點大家都討論過了，沒有法源依據，百分百違憲不用說，連有沒有防疫效果都不知道，他出國當時，美國就還沒有被列到危險國啊？所以這時候出國哪裡錯？」
有網友說「有人說這種情況為何還要出國？」對此，原PO反駁說「政府都說可以去了，政府認證欸，真的怕為何當時不把美國升第三級？」原PO認為從現在來看，這些留言只是馬後砲而已，「你要罵個人為何要出國，那怎麼不先罵政府都這種情況怎沒把國家列第三級？事實就是他出國當時，政府是有背書他要去的國家是可以去的。」
「有人說可是很多醫護都賠錢取消出國了欸」對此，原PO則是認為「是阿，但那干張上淳兒子屁事阿？所以現在是因為忌妒就是了？」
貼文一出，網友紛紛回應「兒子是醫生卻照樣出國，對其他醫護不公平啦」、「一堆人搞錯點欸，自己是醫生加上爸爸是召集人，其他醫護當然不高興，社會觀感太差」、「說真的，他不是醫生我覺得還好，重點是他是醫生啊，其他醫護情何以堪」、「他不是醫生就給過啦，但身份太尷尬了」。
還有人想到之前的里長出國事件，「里長那時候怎麼不出來說呢」、「里長、渡蜜月的＝垃圾；淳兒＝根本沒錯」、「重點是雙標吧」、「部長請國民沒必要盡量別出國是為了什麼？」</t>
  </si>
  <si>
    <t>台灣出現新冠肺炎首例死亡病例，抗煞專家、前疾管局長蘇益仁也直言，大陸疫情已經蔓延兩個月，台灣期待沒有社區感染不切實際，呼籲指揮中心不要排除社區感染，該用社區感染的措施去做。台北市長柯文哲表示，即使是社區感染也有程度的不同，他提醒，社區感染遲早會發生，不要認為台北市一定不會發生社區感染，但重點是就算發生，也要維持在「零星個案」不要像武漢那種失控局面。
蘇益仁說，大陸疫情已經蔓延兩個月，如果再拖半年，生活會受到什麼影響？經濟會受到什麼影響？台灣怎麼可能期待在這樣的情形之下沒有社區感染，「這期待不切實際」，何況兩岸密切往來，目前還有5條航線的台商來來往往。他認為，不該再爭議社區感染的定義，否則只會模糊接下來的防疫作為，呼籲指揮中心，不要排除社區感染，該用社區感染的措施去做。
台灣出現首例新冠肺炎死亡病例，又是第一起疑似社區感染，衛福部長陳時中說法一夕數變，看到這樣的情勢發展，蘇益仁憂心忡忡，直言好像又嗅到2003年SARS初期的氛圍，當年國內同樣自豪於創下「零死亡、零輸出、零社區感染」的三零紀錄，沾沾自喜於表現優於日本、韓國等，後果就是大家不會特別重視，隨後和平醫院就爆出了第一例案例。
蘇益仁說，以新冠肺炎的這第19例來說，原本被當作流感治療，還傳給兄弟，可說疑似社區感染，此刻不要再爭議社區感染的定義，否則只會模糊接下來的防疫作為；他強調，「不要排除社區感染，該用社區感染的措施去做」，否則還會有多少人會依照指揮中心說的去做？導致喪失公信力。
他說，目前宣布加強篩檢、用藥，只能這樣做，也不能再多了。至於口罩政策要不要改，他認為，該回頭問的是，防範流感同樣也是這樣做，流感也會重症、也會死亡，大家為什麼不怕？關鍵就在於，知道流感怎麼傳播，有藥可用；而我們目前對新冠肺炎的了解已經增加，加上98%都是輕症，該調整心態，習慣新冠肺炎會常態化存在。
出現第一起新冠肺炎死亡病例，柯文哲則認為，第一點、這是不是社區感染還不一定，因為死者載過陸港澳乘客，所以要再確定；第二點、社區感染分很多種，有零星案例還是群聚或散開來，即使是社區感染也有程度的不同，要依照不同程度，制定不同應對方案。</t>
  </si>
  <si>
    <t>台中北屯家族傳播鏈再添一死，繼6月2日78歲李爺爺染疫身亡後，其妻72歲的奶奶也在12日不治身亡，子孫悲痛因隔離治療無法送別，協助處理後事的民政局長吳世瑋說，家屬透露奶奶生前遺願是火化後要和爺爺的骨灰罈安厝在一起，倆人不要再被隔離了！
台中市北屯區大坑里5月底爆出家庭群聚感染，家族中72歲奶奶先在5月27日確診，事後疫調發現是其情同姐妹的鄰居曾接待過萬華友人，該友人回到萬華後確診死亡，整個傳播鏈累計21人確診（含萬華個案），78歲爺爺重症不治，成為台中市首位因新冠病毒過逝的確診者，當時奶奶相當悲痛，也已簽署放棄急救DNR，其兒子中也有人重症插管。
經過連日搶救，奶奶的兒子病情好轉，但奶奶卻在12日重症不治；由於三名兒子、媳婦和長孫都染疫，全都收治在醫院隔離治療或居家隔離中，6月2日78歲筍農爺爺病逝，只有嫁到苗栗的女兒能治喪，且因傳染病防治法規定需於24小時內火化，與其家族相熟的市議員曾朝榮表示，家屬相當無助，幸經曾朝榮和民政局協助將爺爺骨灰安厝在潭子生命紀念館。
奶奶12日重症不治，子孫仍在住院隔離或居家隔離中，仍是其未同住的女兒處理相關事宜，曾朝榮坦言，家屬很無助也自責，他也會協助相關事宜；民政局獲悉後，立即啟動關懷流程，致贈10萬元慰問金，全力協助家屬治喪事宜。
民政局長吳世瑋說，市府第一時間即派員前往衛生福利部豐原醫院關懷慰問奶奶的女兒，她也透露爸媽相當恩愛，去年才剛過完結婚50年的紀念日，母親生前表達希望與父親同時安厝潭子生命紀念館，令人悲慟，市府已聯繫生管處全力協助家屬處理治喪事宜，殯喪費用由公所急難救助金支應補助，再由「新冠肺炎防疫捐款」專戶歸墊，幫助家屬度過難關，市府也會持續關懷與協助。</t>
  </si>
  <si>
    <t>台灣民意基金會董事長游盈隆今表示，疫情5月風暴民怨已經沖天，11天確診案例破五千大關，四天奪29條人命，這種情況若發生在國民黨主政時期早就天翻地覆了，而指揮中心相關決策者竟無人表示願負起應負責任，連禮貌性口頭請辭都沒有，實在是匪夷所思。
游盈隆今在臉書指出，民進黨政府民意支持度最近出現系統性崩盤危機，這是根據五方面證據得來的結論；五月蔡英文總統聲望、蘇貞昌內閣施政滿意度民進黨支持度、疫情指揮中心指揮官陳時中獲社會肯定的質與量都創新低，連六都市長防疫表現民進黨三位市長包辦倒數三名。
他說，這五項經驗證據對照民進黨政府曾走過長達22月樂翻天的民意支持高原期，格外觸目驚心。冰凍三尺，非一日之寒；「物必自腐，而後蟲生」更是千古不變定律。
他說，民進黨政府民意支持出現系統性崩盤，意味著有相當大一部份台灣人開始收回對民進黨政府一向的政治支持或「善意的貯藏」，而這已經構成府院黨明顯的政治危機；在一定程度上，民進黨政府此刻正面臨人們相當廣泛地對特定公共政策的質疑，進一步衍生出更基本、更深層的有關統治能力與正當性的質疑。
他認為，疫情5月風暴已對全民生活造成嚴重的衝擊，恐慌已經形成，民怨已經沖天，以蔡英文總統為首的民進黨政府或許感受不是那麼強烈，還在摸索因應之道，還提不出有效安定民心的作為，這必將使民進黨政府系統性崩盤危機進一步惡化。
他說，當5月15日疫情快速惡化，11天確診案例破五千大關，四天奪29條人命，這種情況若發生在國民黨主政時期早就天翻地覆了，而指揮中心相關決策者竟無人表示願負起應負責任，連禮貌性口頭請辭都沒有，實在是匪夷所思。
他表示，當疫情危機越來越深重，當人民完全感受不到主政者的誠心與歉意，遑論能耐，接下來的路要怎麼走下去？</t>
  </si>
  <si>
    <t>台股18日受蘋果示警財測、美國擬擴大華為禁令影響，指數終場下跌0.97％，欣興（3037）股價經過先前修正，加上營運體質轉好，股價18日表現相對穩健，僅小跌0.6％，收41.1元。
欣興先前受新冠肺炎衝擊，導致以湖北為主的大陸多個城鎮封城停工，市場情緒面一度大舉翻空，惟法人說明，仙桃市、黃石市為PCB重鎮，先前都列入湖北封城管制名單中，欣興目前位於湖北廠區的工廠除黃石欣益興，為生產HDI與傳統多層板（消費性電子、車用），占2019年下半年營收比重約3～5％，另有黃石群立以載板為主，但尚無貢獻。
若新冠肺炎影響因素可較快獲得控制，法人展望2020年，欣興主要成長動能除了ABF供給持續吃緊外，5G智慧機需求增溫亦帶動BT載板，以及高階HDI需求向上，5G智慧機主板將由HDI升級為SLP趨勢，也有利支撐欣興HDI的淡季產能利用率。
＊【權證投資必有風險，本專區資訊僅供參考，並不構成邀約、招攬或其他任何建議與推薦，請讀者審慎為之】</t>
  </si>
  <si>
    <t>新冠肺炎重創飯店業，三發地產關係企業晶悅飯店25日宣布，客房部將自4月1日起停止營運，全部飯店業務6月30日結束營業，飯店原址將都更重建為住宅。這是繼亞都麗緻旗下台中亞緻飯店與六福旅遊集團旗台北六福客棧後，近期宣布熄燈的第三家上市櫃企業旗下飯店。
晶悅25日召開董事會，公司表示，因為新冠肺炎重挫國內飯店產業，晶悅的住房率減少了七成，造成營收銳減，不堪負荷，因此不得已提前啟動去年通過的原址都更重建計劃，公司未來業務重點將朝向營建產業發展。
晶悅表示，未來晶悅飯店原址將依去年股東會決議通過的決議，飯店原址重建為住宅，預計於2022年完工，此外，晶悅也不會放棄餐飲業務，會尋找其他據點延伸發展飯店的餐飲業務，如烘焙坊及中餐廳等。
桃園勞動局就服處日前接獲通報，晶悅飯店將資遣約36人。晶悅表示，公司去年底約有170名員工，近期已陸續通報資遣部分員工，飯店停止營業後，總計影響員工人數約110人。</t>
  </si>
  <si>
    <t xml:space="preserve">大陸湖北武漢市方艙醫院，宣布全部休艙。自2月5日成立以來，14家方艙醫院總共容納1萬2千多名輕症的新冠肺炎病患，最後49名病患於今天全部出院。
根據《中新網》報導，湖北武漢武昌方艙醫院患者於今（10）日下午2時30分走出醫院，這是武昌方艙醫院最後一批患者。他們出院後，武昌方艙醫院將會休艙；並且，武漢市所有方艙醫院全部休艙。
</t>
  </si>
  <si>
    <t xml:space="preserve">新冠肺炎疫情衝擊清明連假掃墓潮，高雄市政府民政局長曹桓榮4日上午代替市長韓國瑜至旗津生命紀念館視察防疫現況。曹桓榮強調，連日來視察發現民眾都能配合防疫分流措施。對於納骨塔位需求漸增的趨勢，曹也指示殯葬管理處盡快規劃。
曹桓榮視察生命紀念館，由處長黃順成及殯葬管理處人員全程陪同，兩人先行祭拜一樓地藏王菩薩後，逐層視察硬體設施。
生命紀念館2015年落成，整併旗津原土葬公墓及4座老舊納骨塔，占地1.84公頃，3層樓設計。1樓為祭祀大廳及牌位區，2樓為單、雙人骨灰櫃位及西教專區，3樓為傳統的骨骸塔位，總櫃位數2萬6000位。
殯葬管理處長黃順成表示，該館每月平均入塔數為80至90個櫃位，由於園區規劃現代化，寬敞舒適，塔位價格僅4萬至6萬元不等，是高雄市熱門的納骨塔。
曹桓榮表示，連日來視察高雄數個納骨塔，發現民眾對於防疫分流、總量管制措施均能配合，甚至在擺放祭拜物品時，也主動保持距離，交通動線上也相當順暢。
殯葬服務職業工會現場反應，生命紀念館最初建置的450個夫妻塔位已售罄，仍有不少市民反應需求，曹桓榮也指示殯葬管理處研議增加的配置額度。
黃順成則表示，生命紀念館預計利用館內閒置空間，明年再增加700個塔位，同時針對環保金爐容量、園區周邊生態池等設施同步規劃，提供市民更優質的殯葬服務。
</t>
  </si>
  <si>
    <t xml:space="preserve">有鑑於美國各州重啟經濟，加上失業申請連五週放緩，為華爾街注入樂觀情緒，美股四大指數收漲，亞股也全面彈升，台股今天開盤漲40.3點，加權股價指數報在10883.22點，指數最高達10970.7點，惟其後漲幅收斂，回測10900點，盤中總統蔡英文也宣布520後行政院長由蘇貞昌續任，今台股量增，近期外資持續站在賣方，短線台股指數可望呈現震盪盤堅。
權值股方面，股王大立光(3008)開高震盪走高，大漲逾3%，股價最高達4230元，目前站穩短中期均線，台積電(2330)則陷入震盪，股價在平盤附近狹幅跳動，進行300元攻防，連續三次挑戰季線位置，市場持續關注今即將公布的營收可否站穩千億元大關，鴻海(2317)則持穩震盪，漲幅逾1%，挑戰77元壓力區，蘋概三雄漲多跌少，其餘權值股來說，聯發科(2454)祭出旗艦5G晶片升級版「天璣1000+」，今股價持穩小漲，漲幅在0.5%~1%，面板雙虎友達(2409)、群創(3481)聯袂走揚。
盤面題材股各自表率，建準(2421)受惠伺服器、車用大注入第二季營運動能，開盤量價齊揚攻上漲停；茂迪(6244)因綠電自由交易起跑，股價連拉2根漲停，攻克季線；元太(8069)4月營收年增逼近6成，今晨帶量大漲5%、寫9個月高價；松翰(5471)在疫情關係下，額溫槍需求續爆量，今一度漲停，登上近6年高點，惟盤中迅速壓回，漲幅回到2%；欣興(3037)首季本業獲利登近7年同期高點，今上漲約2%，創近4月波段高點。
生醫股續搶鏡，國光生(4142)自主研發的新冠肺炎候選疫苗傳出好消息，今日再飆漲停，股價已經拉出第4根漲停，大學光(3218) 獲外資及投信連2買，早盤一度漲停，環瑞醫(4198)則漲停鎖死，其餘浩鼎(4174)、藥華藥(6446)、醣聯(4168)等亦全數走揚。
分析師認為，目前全球疫情逐漸受到控制，歐美各國陸續恢復重啟經濟活動時間表，且聯準會持續寬鬆政策，金融市場資金充沛，全球不安定因素逐漸削減，整體資金面與基本面對多方有利。就台股來說，雖技術面上台股有年線上檔壓力，但月線形成強力下檔支撐，預期短期指數將在年線與月線震盪整理，後續將向上突破年線，建議逢回買進，聚焦漲價概念股、PCB及居家防疫等相關族群。
</t>
  </si>
  <si>
    <t>日本高中體育聯盟26日晚間宣布停辦8月的「全國高校綜合體育大會」，這是史上首度停辦，該賽事首屆於昭和38年(1963年)舉辦。停辦理由是因應新冠肺炎疫情，避免群聚、長途移動造成的感染風險。
賽事包含30個項目，參賽者來自超過6000所學校，加上教練團的總數將近4萬人，預估觀眾70萬人。原本主辦方(高體聯)要把賽事分散到21個府縣，結果支出過大也帶來麻煩。不得已只好放棄高三生期待的「最後的夏天」。
高體聯會長岡田正治說：「我知道運動大會是高中生夢想的舞台，我明白各位頓失目標的悲傷，但我選擇守護大家的生命。希望大家畢生都不要放棄運動。」
日本政府16日宣布全國進入緊急狀態，要求把各地的人員移動降到最低。日本新冠肺炎感染數累積1.3萬人，死亡372人，康復1800人。</t>
  </si>
  <si>
    <t xml:space="preserve">美國與大陸再度言詞交鋒，美國總統川普昨（20）日在推特火力全開，痛批大陸是「瘋子」，讓新冠肺炎疫情在全球奪走數十萬人性命，砲轟北京的「無能」造成「全球大屠殺」。
法新社報導，美國總統川普20日再度對大陸開砲，他的推特貼文中並未指名道姓，但是指出「大陸的一些瘋子才剛發布新聞稿」，「怪罪所有人該為新冠病毒負責，就是不怪大陸，這隻病毒殺死了數十萬人。」
Some wacko in China just released a statement blaming everybody other than China for the Virus which has now killed hundreds of thousands of people. Please explain to this dope that it was the “incompetence of China”, and nothing else, that did this mass Worldwide killing!
「拜託跟這個蠢貨說明一下，是中國的無能，不是別人，導致這場全球大屠殺。」
澳洲廣播公司新聞網（ABC News）報導，川普是在大陸回擊美國國務卿蓬佩奧（Mike Pompeo）祝賀蔡英文總統就職第2任期後發布這則貼文。蓬佩奧在給蔡英文的賀詞中，推崇蔡英文帶領台灣民主的勇氣與願景，「鼓舞了區域及世界」，北京則痛斥華府祝賀蔡就職，批評台灣獨立是「一條死路」。
根據美國約翰霍普金斯大學（Johns Hopkins University）全球疫情統計，新冠肺炎已在全球奪走32萬人性命，當中美國疫情最嚴重，逾9萬人喪命，經濟也受到衝擊。
疫情爆發之初，川普曾試圖淡化病毒帶來的威脅，並多次強調北京能夠處理疫情，後來美國淪陷，情勢惡化，川普遂開始將矛頭指向大陸，除了批評北京防疫不透明，更指控病毒源自於武漢病毒研究所，最近更對世界衛生組織（WHO）下達最後通牒令，限期30天承諾做出重大改革，否則要永久中斷金援。隨著美國11月總統大選逼近，川普的砲火逐步升級，美媒普遍認為，川普劍指大陸，是要為自己的防疫不力轉移焦點，以挽救選情。
</t>
  </si>
  <si>
    <t>國內新冠確診近1萬6000人（含境外移入），不少人併發嚴重後遺症，卻有一名確診者「不記得老婆是誰」，檢查發現他連大腦都遭到病毒攻擊。
這起個案今年67歲，今年5月因有萬華茶室活動史，送往集中檢疫所隔離，確診後緊急送醫救治。沒想到康復正準備出院前，竟出現「失憶」症狀，不記得太太是誰了。經檢查發現他的大腦血管遭新冠病毒入侵；近期回診還有腳水腫，研判全身細胞都被攻擊。
根據媒體報導，收治該名個案的醫師指出，患者原本6月底要出院，與家屬聯繫時，對方妻子反映「老公怪怪的，好像忘記我」，院方緊急安排電腦斷層、磁振造影檢查，發現男子多處腦組織發炎、腦血管有血栓損傷，影響記憶力，延到7月初才出院。
中央流行疫情指揮中心醫療應變組副組長羅一鈞說，染疫後出現腦血栓是罕見案例，比較常遇到的是肺部血栓。腦血栓在國內有過幾例，之前曾有2例合併死亡。</t>
  </si>
  <si>
    <t>中央流行疫情指揮中心今(3)日表示，國內無新增病例，昨(2)日新增178例新型冠狀病毒肺炎相關通報，截至目前累計通報72,683例(含71,729例排除)，其中443例確診，分別為352例境外移入，55例本土病例及36例敦睦艦隊。確診個案中7人死亡，428人解除隔離，其餘持續住院隔離中。
指揮中心指出，全球累計6,358,642例確診，分布於187個國家/地區；病例數以美國1,862,045例、巴西527,096例、俄羅斯423,741例、英國277,985例及西班牙239,932例為多；病例中378,941例死亡，以美國107,543例、英國39,369例、義大利33,530例、巴西29,937例及法國28,940例為多。
指揮中心再次提醒，民眾應做好手部衛生與咳嗽禮節；出門若無法保持社交距離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先前有不少人特地到國外接種疫苗，台北市長柯文哲9日表示，經疫調發現，7月至今有8人去美國打疫苗，回台結果確診，他說，現在台灣比較安全了，不必特別跑去美國接種。
柯文哲今午主持防疫記者會指出，7月到現在發現有8人去美國打疫苗，結果回來確診，由於接種後要10至14天疫苗才會發揮作用，美國每天感染都好幾萬人，在美國若沒戴口罩、沒做好保護，在美國被感染的機會滿大的。
他表示，1、2個月前當時台灣打不太到疫苗，到美國的飛機班班客滿，有錢人都跑去美國打，但經統計，台北市跑去美國打疫苗回台確診的有8例，現在台灣比較安全了，這陣子不必特別跑去美國接種。</t>
  </si>
  <si>
    <t>嘉義縣新港鄉防疫不落人後，日前退休校長王靜文寫詞、編舞完成《新港IN病毒OUT》防疫舞曲，以大家耳熟能詳的台語歌曲《心花開》改編，未來將結合新港鄉公所的村廣播系統播放，將防疫深植民眾心中，嘉義縣政府教育處也計畫推廣至全縣，目前正在處理相關行政程序。
近日來，新冠肺炎確診人數不斷攀升，為了戰勝恐懼與病毒，王靜文以台語寫詞，如「出門掛喙罨，洗手愛照起工」、「逐工來也來運動、愛食也食營養」等編進舞步中，傳授給長輩與孩童。
這首防疫歌曲由新港國小合唱團6位學生演唱，經過幾次的台語發音教學、訓練、驗收後至國立新港藝術高中錄音室進行歌曲錄製，未來將結合新港鄉23村的村廣播播放，透過每天村廣播提醒民眾該注意的防疫事項。
嘉義縣議員陳文忠認為，這樣的宣導應擴及全縣，建議嘉義縣政府教育處跟進，教育處長陳添丁表示，目前縣府正在向環球公司申請授權，將改歌詞為嘉義縣（原是新港鄉）取得授權後會再向中華智慧財產權協會申請公播，屆時就可在全縣播放。</t>
  </si>
  <si>
    <t>大陸軍媒《解放軍報》「鈞聲」專欄21日刊文指出，美國疫情呈暴發態勢，大陸忙於防控新冠肺炎疫情時，美國「蓬佩奧們」卻一邊將黑手伸向新疆、台灣、香港，藉著通過所謂「法案」，頻頻粗暴干涉大陸內政；一邊拋出「中國製造了病毒」「中國隱瞞了疫情」等荒唐論調，妄圖在國際社會汙名化大陸，陷大陸於道義險境。這種趁火打劫的醜惡伎倆，可謂無所不用其極。
文章稱，說到趁火打劫，「蓬佩奧們」絕對稱得上「慣犯」：但凡嗅到些許機會，便迫不及待撲將上去。他們曾趁著伊朗國內局勢動盪，出台制裁措施施以高壓；也曾趁著卡達與沙烏地等國交惡，玩起「兩頭通吃」把戲；還曾趁著香港修例風波，打著「民主與人權」的幌子，明目張膽為激進暴力分子撐腰打氣。
文章認為，深究起來，「蓬佩奧們」豈止慣於趁火打劫，更善於放火縱火！這些人先是煽風點火，繼而趁火打劫，偶爾還假惺惺滅火，唱了紅臉唱白臉，輪流登台，多番表演，好不熱鬧。
文章稱，看看中東等地區的亂象：伊拉克、阿富汗多年的動亂，難道不是美國發動「兩場戰爭」導致的？敘利亞等國持續動盪，美國大力推動的「阿拉伯之春」脫得了干係嗎？巴以衝突不斷加劇，還不是緣於美國播下的動盪火種？然而，美國一些政客卻總在放火之後，趁火打劫收割地緣政治利益。「蓬佩奧們」甚至還擺出救世主的姿態，自詡為天使，號稱帶來了和平。「蓬佩奧們」的做派可笑更可恥。一邊喊抓賊，一邊去做賊，把霸權主義美化成主持公道，把散播謠言包裝為言論自由。
文章指出，「蓬佩奧們」的下場註定是可悲的。有句話說得好：「善惡到頭終有報，只爭來早與來遲」。這句話在「蓬佩奧們」身上一次次得到應驗。比如在中東，任憑他們如何吹噓，美國都無可挽回地信譽掃地。
文章強調，此次新冠肺炎疫情，「蓬佩奧們」但凡用點心思在正道上，疫情也不至於在其國內蔓延至如此程度。由於防控混亂不堪，美國民眾深受其害，越來越多追求正義的美國人民發出質疑和抗議，蓬佩奧本人還被美國媒體歸入「史上最差國務卿」之列。</t>
  </si>
  <si>
    <t xml:space="preserve">中央流行疫情指揮中心今(5)日表示，清明連假期間人潮移動頻繁，假期結束後民眾仍務必落實個人衛生，並與他人保持社交距離，避免出入人潮擁擠場所，若無法維持社交距離請配戴口罩。搭乘大眾運輸時請全程配戴口罩並配合體溫測量措施。若身體出現不適，請戴口罩儘速就醫，並告知醫師旅遊史、職業別、接觸史及是否群聚(TOCC)，以及時診斷通報。
指揮中心表示，為降低社區感染與傳播風險，防止未被發現感染源潛在傳染鏈威脅國內防疫安全，該中心除已訂定因應武漢肺炎疫情之公眾集會、大型營業場所等指引，並函請各縣市政府，落實轄內旅館、餐廳、大型營業場所及觀光旅遊景點等相關防疫措施，也請民眾務必配合，並與他人保持室內1.5公尺以上、室外1公尺以上之社交距離，或正確配戴口罩。搭乘大眾運輸時亦請全程配戴口罩，屢勸不聽者最高可處1萬5千元罰鍰。
指揮中心提醒，縣市政府未來對於人群聚集之觀光旅遊景點，應加派人力進行社交距離宣導，對於未保持社交距離者，加強勸導保持距離或配戴口罩，並提供備用口罩。
</t>
  </si>
  <si>
    <t xml:space="preserve">新冠肺炎疫情全球發燒，防疫最前線金門全面備戰，即日起包括本國籍漁船、動力小船、遊艇在內，若離開禁限制水域一定範圍或與大陸漁船接觸，船上人員返金後一律要居家檢疫14天。楊鎮浯縣長強調，全島建立複式防疫網，目標是做到滴水不漏。
楊鎮浯下午邀集海巡署金馬澎分署副分署長宋子陽、第12巡防區指揮部主任詹嘉德、金門岸巡隊副隊長王榮忠、疾病管制署金門辦事處主任吳俊輝、移民署金門國境事務隊副隊長朱事權與縣府業管單位主官管，針對超前部署、妥善準備，達成數項協力共識。
今天新增防疫措施，重點是針對268艘漁船和動力小船、遊艇，做到（1）絕對嚴防大陸漁工上岸。（2）海巡署協助自即日起，本國籍漁船、動力小船、遊艇如離開禁限制水域一定範圍或與大陸漁船接觸，船上漁民返金後應採取14天居家檢疫措施。（3）由疾管署協助對違規船隻、人員開具居家檢疫通知書。
另小三通貨船從業人員，需「專案」列冊報備，充分掌握人員出勤狀況及居住場所，並派員不定期抽檢及進行健康關懷訪視。
縣府說明，目前貨運航商所屬非本地籍的船員，全數都住在船上，在金廈泉3地的高規格防疫標準下，已將雙方接觸的可能性降至最低，後續從業人員自主健康管理的措施，也會加強落實與抽檢。
目前，在小三通貨船部分，兩岸原已協商取得多項共識，包括（1）	我方小三通貨船停靠於廈門、泉州等港口，嚴禁船員下船及與陸籍人員近距離接觸。（2）陸籍貨船停靠金門港期間禁止船員下船，嚴格落實船員防疫措施，提交船員健康聲明卡等資料在船邊完成交接，由佩戴防護設備人員拿取，避免人員交叉登船或上岸。（3）宣導船舶做好防疫安全管控，如有船員身體不適異常等，VHF或電話通報港口單位，並由檢疫海關部門處理後續防疫作業。
縣政府的針對性具體作法則有：（1）比照航空公司空服員管理模式，要求小三通貨運航商及其從業人員抵金後必須自主健康管理，每日量測體溫2次，人員如需外出，則應佩戴口罩。
(2)2月12日召開之CIQS聯檢會議，已要求各單位加強小三通貨船防疫，並落實船艙消毒清潔。另港區警察、岸巡與移民署國境隊也已增派人力巡檢，嚴禁陸籍船員下船等具體作為。
楊鎮浯表示，新冠肺炎疫情爆發之後，縣府採取超前防疫作為，固守海、空防疫前線，目標就是將疫情阻絕於境外，希望在中央與地方聯手，進一步採取新作為的強化下，做好確保金門的整備工作，協力打贏這場防疫大作戰。
</t>
  </si>
  <si>
    <t>新冠肺炎疫情蔓延全球，新北市政府今（14日）上午9時許舉辦亞洲城市首場新冠肺炎社區感染大規模防疫演習，新北市長侯友宜表示，擔心未來醫護人員不夠，已指示衛生局要把退休的醫護人員找回來。
侯友宜表示，必須要盤點防疫人力、防疫志工，做好人力調配，若確診超過3000人，醫護人員永遠是不夠的，「若防疫物資夠，醫療人員不夠怎麼辦？」這些都是必須要先做的。</t>
  </si>
  <si>
    <t>新冠肺炎疫情進入第4個月，台灣雖不像其他國家一樣內部封城，但卻對外封國，所有的人都在問何時才能解封？台大公衛學院院長詹長權呼籲以「3個t」：testing（測試）、tracking（足跡追蹤）、tracing（接觸者追蹤）讓健康者回到職場，其中台灣testing做的不多，但後2項做得不錯，若能增加測試量能，就能讓民眾逐漸回到疫後生活的常態。
詹長權表示，以檢測量能而言，紐約州每天可以檢測4萬人，如果其他州支援可以增至8萬人，這是紐約州恢復經濟的法寶，檢測之後就能讓健康的人回到職場。紐約州州長還親自示範接受採檢，幾分鐘就做好，為的就是要告訴民眾「檢測是很簡單的」。目前能夠解封的大部分國家都是檢測量日以萬計，也有許多國家開展大規模血清抗體偵測計畫，許多核心工作人員包括醫護人員、交通運輸人員等都要提前了解其身體狀況，以備後續配工、電子足跡追蹤等。
詹長權說，現在大家都在問，6、7、8月邊境管制是否可以解封？目前大部分國家要求入境者短則14天、長則28天隔離，少數幾個國家互相同意商務旅遊，但長久下來不是辦法。
又舉36萬人口的冰島為例，以比例而言冰島是全球檢測做最多的國家，他們也有一項重大決定，就是不會晚於6月15日，要讓入境者一律免費接受核酸檢測，如果是陰性就可以入境旅遊，而不需要隔離14天；甚至如果入境者在其他國家接受檢測，冰島也願意接受。此外入境者還要在機場下載一個足跡追蹤、接觸者追蹤app，「冰島甚至可能開放國際會議，應該算是世界上走得很前面的國家。」
詹長權說，以testing、tracking、tracing而言，台灣testing做的不多，但是後2項做得不錯。如果能增加測試量能，就能讓民眾逐漸回到疫後生活的常態，經濟方面不至於有太大影響。</t>
  </si>
  <si>
    <t>新冠肺炎疫情蔓延，南投縣為維持醫護防疫量能，避免醫院內群聚感染，造成社區流行，自3月9日起提高醫院防疫標準，縣內10家醫院含醫院附設護理之家，全面停止探病，陪病採實名制措施並限1人。
衛生局表示，因應肺炎防疫管制措施，包括停止探病，除加護病房、安寧病房及經主治醫師醫療專業同意者外，一般病房一律禁止探病，請家屬親友改採視訊、通訊聯繫；每名住院病人陪病者以1人為限（含照顧服務員），並採實名登記；醫院附設護理之家，比照陪病限1人。
南投縣10家禁止探病醫院，包括衛生福利部南投醫院、衛生福利部草屯療養院、台中榮總埔里分院、埔里基督教醫院、佑民醫院、竹山秀傳醫院、南投基督教醫院、曾漢棋醫院、中國醫藥大學附設醫院草屯分院、東華醫院。
護理之家包括南投醫院附設護理之家、草屯療養院附設精神護理之家、台中榮民總醫院埔里分院附設護理之家及精神護理之家、埔基附設護理之家、竹山秀傳醫院附設護理之家、東華醫院附設護理之家。</t>
  </si>
  <si>
    <t>中央流行疫情指揮中心今(31)日表示，「COVID-19公費疫苗預約平臺」( https://1922.gov.tw/ )第七期自8月29日10時開放之AZ疫苗預約接種，已於今日12時截止，總計約80.6萬人完成預約，將自9月3日至9月10日施打。為利疫苗資源有效利用，將於9月3日10時至9月4日18時止，增加開放「7月19日前已意願登記選擇AZ疫苗，且尚未接種過疫苗之23歲至28歲(含)[即1998年12月31日(含)以前出生]民眾」，將會陸續收到提醒簡訊，籲請民眾記得進行預約，施打時間預定於9月9日至9月10日，並視疫苗供應期程調整接種場次，籲請民眾屆時準時前往接種。
指揮中心提醒，前次(8月29日10時至8月31日12時止)已宣布之符合預約資格對象，包含7月19日前已意願登記選擇AZ疫苗，且尚未接種過疫苗之29歲(含)以上對象[即1992年12月31日(含)以前出生]及滿18歲以上[即2003年9月3日(含)前出生]第九類對象，依原預約期程，已於8月31日中午12時停止預約及修改。
另針對BNT疫苗到貨後接種對象，指揮中心說明，目前已規劃採校園集中接種或依通知書至地方政府衛生局指定合約醫療院所方式，開放12歲至17歲(含)對象造冊接種，其餘將優先提供預約平臺意願登記，且尚未接種過疫苗之18至22歲(含)民眾預約接種。
指揮中心強調，防疫是政府唯一的考量，疫苗接種開放對象，會視疫情趨勢、接種狀況及疫苗到貨情形等綜合評估規劃，儘速讓所有國民接種疫苗，獲得保護力。</t>
  </si>
  <si>
    <t>台南市15日起針對第一梯高齡長者(85歲以上、75歲以上且具原住民身分、75歲以上持重大傷病卡長者)施打疫苗，台南市長黃偉哲說，為方便長者施打疫苗，市府會個別發送接種通知，請長者接到通知後再到指定地點接種疫苗，不要自行前往，以免產生群聚。
衛生局長許以霖指出，明天起將開始服務台南市高齡長者施打疫苗，戶籍在外縣市但居住在台南市的長者，請主動跟居住所在地區公所連絡登記；另，75歲以上領有重大傷病卡長者，也請長輩先向所在地區公所連絡登記，市府會向健保局勾稽領有重大傷病卡長者的清單，因此75歲以上的重大傷病長輩不必擔心打不到疫苗，屆時都會主動通知。
民政局長姜淋煌說，針對這一梯已列冊長者，將由里幹事或里長個別發送接種通知單，提供疫苗施打時間與地點，並提醒長輩記得攜帶身分證、健保卡雙證件。
衛生局強調，台南市會主動通知符合資格者前來注射，避免民眾搶預約造成混亂情況，目前已請各區公所掌握轄區裡面可接種對象的名單，充足準備減少初期注射的混亂情形。</t>
  </si>
  <si>
    <t>疫情尚未減緩，蔡英文總統今下午接受電台連線，將透過廣播跟地方鄉親報告防疫工作；這也是蔡總統近來首度接受媒體連線訪問。
蔡總統疫情爆發後，最近都採用直播方式對外說明相關防疫工作，安撫人心，但今下午首度透過電台連線，跟鄉親報告。</t>
  </si>
  <si>
    <t xml:space="preserve">小編精選《中國時報》5件不可不知大事，帶讀者掌握今天（16日）新聞重點。
【1】病毒檢測 川普陰性 彭斯跟著測
新冠疫情蔓延，全球逾50名領袖、官員宣告「中鏢」，一向「鐵齒」的美國總統川普13日也終於接受病毒檢測。隔日白宮醫師康利（Sean Conley）發布聲明稱，川普的篩檢結果呈陰性。川普則宣布，將把英國與愛爾蘭納入歐洲旅遊禁令，自16日午夜起生效。
【2】診破百 埃及旅遊升至二級警示
埃及近日新冠肺炎病例快速增加，昨被中央流行疫情指揮中心提升至二級旅遊警示；歐洲多國17日起也將升至三級警示；澳洲政府昨天宣布海外入境澳洲旅客，無論國籍，都必須在抵澳後自我隔離14天。
【3】口罩首輪網路配銷 233萬組
行政院政務委員唐鳳昨日於臉書表示，口罩實名制2.0上路前，內部盤點確認約有700萬片口罩可用於第一輪的網路配銷，也就是233萬組左右；若超過233萬組預購，就要用公平的方式決定誰可買到。
【4】美專欄作家 盛讚台防疫成果
新冠肺炎在全球大流行，比起有的國家反應緩慢或者手忙腳亂，台灣防疫成果令多國稱羨。美媒專欄作家高燦鳴（Tim Culpan）日前撰文指出，台灣經過SARS慘痛教訓，這回很早就開始正視疫情並採取行動，因而能夠保全更多生命。
【5】恆述法師背債近4千萬 疫區賣鑽石籌錢
張菲、費玉清的大姊恆述法師（藝名費貞綾），15日驚傳欠高利貸近4000萬元，目前人在新冠肺炎疫區設法還債。恆述法師15日在臉書還原債務始末，「因為我在支票上面背書，致使高利的兄弟們將債務轉嫁在我身上，導致我利上滾利，造成今日本金加利息3000多萬的外債。」
</t>
  </si>
  <si>
    <t>國內新冠肺炎疫情穩定，但醫師紛紛呼籲打疫苗仍是必要措施，未來萬一疫情再度爆發，才能發揮群體保護力。近來國內青少年BNT第2劑暫緩施打，醫師認為，疫苗預防重症住院的效果比心肌炎的風險來得高，仍鼓勵年輕人都要打疫苗。
「我心臟不好，不敢打疫苗！」這是許多民眾對於新冠疫苗都有的疑慮。台北市立萬芳醫院內科部主任謝敏雄今天在疾病管制署「COVID-19疫苗與心血管疾病臨床處置研討會」指出，心臟病患者因新冠肺炎死亡比率，是一般人的2.65倍；染疫後重症的比率更高達3.86倍，這個數值非常高，因此鼓勵心臟病患者一定要打疫苗。
不過他認為，有幾種情況建議暫緩接種，像是正處於急性疾病（例如胸痛）、不受控制的高血壓和心律不整；至於慢性病患或正在服用長期藥物者，可諮詢醫師再接種。
國內AZ開打初期，不少人擔心發生血栓問題。謝敏雄指出，AZ疫苗確實在女性比較容易發生血栓，尤其以第1劑發生率較高，可能發生在接種後4到28天；在各國報告中最高的是德國，每8萬多人就有1人；相較之下mRNA疫苗發生血栓機率低，大約每100多萬人才會有1人。
而近來BNT接種後心肌炎風險引發討論。謝敏雄指出，在大量接種BNT疫苗的以色列，發生心肌炎比率是10萬分之2，其中30歲以下族群發生率是10萬分之5.5；如果針對30歲以下男性，發生率則為10萬分之10.7。值得注意的是，報告中的預測值和真實世界的觀察值有落差，30歲以下女性和50歲以下男性打BNT疫苗得到心肌炎的比率，都比預測值來得高。
目前國內青少年BNT第2劑接種與否仍在討論中。謝敏雄認為，利弊權衡確實需要評估，但從國際文獻來看，即使18歲以下族群，打疫苗預防重症住院的效果都遠高於心肌炎的風險，還是鼓勵年輕人都要打疫苗，好處比壞處多很多。
至於新冠疫苗是否會引發其他心臟疾病，謝敏雄分享萬芳醫院曾收治一名60歲男性，打完新冠疫苗第1劑後，短短2小時就出現嚴重胸痛，檢查發現動脈明顯狹窄，為急性心肌梗塞。但他補充，目前國際間沒有很明確的資料顯示新冠疫苗會產生心肌梗塞，該個案的關聯性仍有待釐清。
謝敏雄進一步比較心肌梗塞和心肌炎的差異。新冠疫苗接種後的心肌炎，大多發生在年輕族群，以接種後3天發生率最高；而新冠疫苗接種後的心肌梗塞，通常發生在年紀大的族群，以接種後1天發生率最高。</t>
  </si>
  <si>
    <t>中央流行疫情指揮中心今(30)日公布國內新增24例境外移入新冠肺炎確診，創下了8個月以來新高，移入國家分別為印尼20例(案653、案655至668、案672至676)、美國2例(案670、671)、英國(案654)及菲律賓(案669)各1例。其中案654為女留學生，在英國確診後急返國，陳時中表示，目前已請法制組介入了解是否有違反返國規定，如有違規會依法開罰。
指揮中心表示，今日新增之20例印尼境外移入個案均為印尼籍移工，分別為17女3男，年齡介於20多歲至40多歲，入境日介於11月20日至11月27日。其中案674於11月29日出現喉嚨不適症狀，其餘19人入境迄今均無症狀。因應近期印尼境外移入個案遽增，指揮中心於11月27日請衛生單位針對集中檢疫場所之印尼籍移工進行全面性採檢，共計採檢939人，其中916人陰性、23人陽性(3人已於11月29日公布，20人於今日確診)。
指揮中心指出，案654為本國籍20多歲女性，去(2019)年9月至英國就學，今年11月7日起陸續出現流鼻水、發燒及嗅味覺異常等症狀，未在英國當地就醫，11月11日於當地採檢，並於11月13日確診；個案11月27日返國，入境時主動通報曾有症狀，於機場採檢，並於今日確診；同班機接觸者調查中。
指揮中心表示，案669為本國籍30多歲男性，是通緝犯，2015年6月自臺灣出境，今年11月16日於菲律賓當地出現咳嗽、頭痛等症狀，僅自行服藥未就醫，因通緝到案，於11月27日自菲律賓遣送返臺，入境時於機場採檢結果為陰性，11月28日進行二採，於今日確診；已匡列個案接觸者共27人，其中11人為同班機前後二排座位旅客，列居家隔離，16人為入境後及就醫接觸者，其中1人因未著防護裝備，列居家隔離，其餘15人有適當防護，列自主健康管理。
指揮中心指出，案670為本國籍30多歲男性，去年8月至美國就學，今年11月22日返國，入境後進行居家檢疫，11月24日起陸續出現咳嗽、流鼻水及嗅味覺異常症狀，11月27日通報衛生單位安排就醫採檢，於今日確診；同班機接觸者調查中。
指揮中心表示，案671為本國籍50多歲男性，長期居住美國(前次自臺灣出境日期為今年7月)，11月20日返國，入境後進行居家檢疫，11月26日起陸續出現喉嚨痛、咳嗽及流鼻水症狀，11月27日通報衛生單位安排就醫採檢，於今日確診；因個案發病前2日已在居家檢疫，期間未與他人接觸，故無須匡列接觸者。
指揮中心統計，截至目前國內累計110,332例新型冠狀病毒肺炎相關通報(含108,689例排除)，其中675例確診，分別為583例境外移入，55例本土病例，36例敦睦艦隊及1例不明；另1例(案530)移除為空號。確診個案中7人死亡、565人解除隔離、103人住院隔離中。</t>
  </si>
  <si>
    <t>台中市25到40歲是被政府放棄的一群？台中市議會國民黨、超黨派及無黨等，日前提案要求市府編列預算採購疫苗，讓73年次以後的年輕人可以施打疫苗；今天於市議會獲得三讀通過。但衛生局長曾梓展指出，雖然議會通過，但現階段窒礙難行，市府將行文向議會解釋說明。
台中市議會國民黨團、超黨及無黨等共有38席議員連署，要求台中市政府編列預算採購疫苗，主要是針對尚未施打疫苗的年輕人，讓他們長年在外打拼及工作，免於受到新冠肺炎病毒威脅的風險，增加保護力讓他們無後之憂，因為他們都「上有老、下有小」。
台中市議員李麗華等38人日前提案，建請台中市政府為台中市民自購疫苗。
市議員說，目前全國疫苗仍處於不足狀態，連第一劑尚無著落，讓所有市民天天活在恐懼害怕生活中，台中市議會超過半數議員聯合提案，建請市府為台中市民自購疫苗，呼籲購足國際認證的疫苗，符合市民的期待保障台中市民生命安全。今天於市議中會獲得大會照案通過。
市長盧秀燕表示，針對自購疫苗計畫，市府有兩大考量，第一，現在國際疫苗供給量難以追蹤，「要買得到，買不到也沒用」；第二，中央流行疫情指揮中心指揮官陳時中曾宣布，地方政府自購疫苗進到台灣，仍然由中央統一分配，市民是否支持市府自購疫苗交由中央分配出去各地，也是市府考量的因素之一，須先確定市府自購疫苗是否能用在市民身上，還是市府編列上億預算，結果全數疫苗交由中央統籌分配？
衛生局長曾梓展強調，依現階段法令，由市府自購疫苗仍窒礙難行。市府將函文向議會說明。</t>
  </si>
  <si>
    <t>全球的疫情排名，台灣排名第167，台灣現在是486個確診病例、7人死亡；美國最嚴重，有570萬個病例，一天增加4萬4957病例，一天死亡1263人。那到底何時才能回到疫情爆發前的生活？中央流行疫情指揮中心指揮官陳時中指出，恐怕還是要等到有疫苗時，國產疫苗大概在明年第二季就會量產。
陳時中在政論節目《鄭知道了》被問到，何時才能恢復以前沒發生新冠肺炎的生活？陳時中在回說，恐怕還是要有疫苗，或是抗病毒的藥物產生的時候，社區才會整個安全。
被問到台灣何時可以注射疫苗？陳時中表示，在年底當然會有各種管道去做努力，如果以國產的疫苗，他認為明年到第二季，應該有機會出來，在年底或在第一季的時候，應該有一些緊急授權使用的疫苗也會出來。至於誰可以打到這些疫苗，陳時中說，第二季的量恐怕就比較多了；那在年底或第一季的時候，國產疫苗有機會，比較有機會的時間是，大概在明年春天，12月時緊急授權的疫苗就會出來，第二季量產。
那第二季一般人施打得到嗎？陳時中指出，當然期待大部分的人能夠施打，不過依照目前國產疫苗的速度，是沒辦法做保證的。這整個還在臨床試驗中，而第一期臨床試驗，現在就可以開始做了。打一劑多少錢？以台灣的疫苗政策而言，基本上是會設定6%到60%是公費使用，也就是台灣全人口的60%，台灣有1400萬人可以免費注射。</t>
  </si>
  <si>
    <t xml:space="preserve">
自國內本土疫情爆發，全國進入三級防疫警戒以來，八大行業收入受到重創，遲遲無法恢復營業。今（7日）驚傳停業近2個月的台北西門星聚點已歇業退租，內部設備已全部搬空。
星聚點KTV西門館位於西門町鬧區，是許多人的歡唱聖地，每到假日人聲鼎沸，但受疫情影響，已從5月15停業至今。近日有民眾在臉書社團《我是萬華人》貼出一張照片詢問，「有人知道星聚點是裝潢還是要關掉了？」今有消息傳出，業者已決定歇業退租，並將內部設備搬空撤出。
已開業10年的星聚點傳出歇業消息，讓許多民眾感到震撼，網友紛紛表示，「天啊」、「看看到年底會倒多少店家」、「賺10年，休兩個月就倒？」、「小時候很常去QQ」、「政府疫苗就龜速，全面解封遙遙無期」。但也有人指出，公司早在疫情前就有付薪水與縮短營業時間問題。
根據業者官網資訊，僅透露「因應政府防疫政策，5/15起各分館暫停營業，恢復原正常營業時間將另行公告」。官方目前尚未正式發布歇業聲明，但Google地圖上顯示「永久停業」，至於星聚點台北旗艦館、板橋、復興館營業資訊則顯示「暫時關閉」。
</t>
  </si>
  <si>
    <t>半導體檢測服務廠宜特（3289）上半年營收達15.02億元，稅後淨利為1.45億元，每股盈餘（EPS）1.55元，表現優於預期。隨第三季進入旺季，公司高層表示，7月在手檢測訂單創歷史新高，目前營運不見烏雲，不僅看好第三季，第四季成長更大，明年表現也將較今年更好。
受惠於晶圓代工廠推進先進製程與先進封裝，以及5G、HPC等晶片需求暢旺，宜特今年檢測分析接單強勁。隨晶圓代工大廠向7奈米、5奈米推進，材料分析與可靠度分析等需求持續放量，宜特已跨入3奈米檢測市場，7月在手檢測訂單已創歷史新高，下半年旺季效應顯現。
在美中貿易戰與新冠肺炎疫情延燒之際，台灣對疫情控制得宜，而在地緣政治上則有半導體群聚優勢作為保護傘，隨轉單效應持續發酵，宜特檢測分析接單反而明顯受惠，且過去幾年的布局今年起進入收割期，下半年會比上半年好，且第四季營運更將有明顯成長，並對明年營運樂觀以待。
＊【權證投資必有風險，本專區資訊僅供參考，並不構成邀約、招攬或其他任何建議與推薦，請讀者審慎為之】</t>
  </si>
  <si>
    <t xml:space="preserve">香港新生代女星施匡翹外型清新自然，2019年因為翻唱歌曲〈假如真的再有約會〉，脫俗的嗓音讓她開始受關注，在2020年不幸成為香港首位確診新冠肺炎的女星，意外讓她爆紅；施匡翹在染疫康復後，突然轉換風格，最近曬出穿性感高衩泳衣的美照，展現不科學長腿讓網友超驚艷。
施匡翹今年25歲，青春洋溢的她時常在IG更新個人近況，尤其去年她確診新冠肺炎後，粉絲意外暴增，讓她除了唱歌外，今年4月更成為香港無線電視台簽約藝人，未來可能看到她演戲的另一面；此外，從施匡翹IG也能得知她熱愛瑜珈，5月時她更考取RYS200瑜珈導師執照。
從2019年出道以來，施匡翹都是給外界清新可人的模樣，昨（1）日她罕見PO出穿著一套高衩設計的酒紅色泳衣，上半身看到渾圓雙球外，下半身更有著一雙超逆天美腿；站在階梯上的施匡翹，美腿就佔據多達9個台階，不科學長腿超犯規，她自己也笑說，「為什麼我的雙腿有一點好像穿了絲襪的感覺」。
粉絲看到有別於平時的施匡翹，也忍不住讚嘆，「妳這雙腿太誇張」、「怎麼感覺妳不同了」、「人長得甜美，身材卻那麼火辣，太超過了」、「好迷人，好誘人」、「第一次看到妳穿得那麼辣耶」。
</t>
  </si>
  <si>
    <t>蔡英文總統宣布行政院長蘇貞昌續任，桃園市長鄭文燦8日表示，蘇內閣是一個有行動力、執行力的內閣，希望未來蘇內閣能夠把台灣建設帶領的更好。
鄭文燦8日到議會總質詢，接受媒體提問，他說，蘇內閣的5大任務從疫情防治到振興經濟、照顧人民及國家的重大建設。希望未來蘇內閣能夠把台灣的各種建設帶領的更好。
他說，在振興的階段，仍然有很漫長的路要走，我相信台灣的體質很好，在未來的全球經濟當中，可以繼續的往前走。鄭文燦強調，各種地方建設，包括桃園的航空城，軌道建設、亞洲·矽谷計畫，相信都能夠在蘇內閣的支持之下，能夠一步步完成計畫的目標。
鄭文燦也在臉書上發文，指支持蘇貞昌續任，他也稱讚，去年1月14日，蘇貞昌上任首日，就到機場視察「非洲豬瘟」防疫，也順利讓台灣豬肉重返國際市場。</t>
  </si>
  <si>
    <t>多家疫苗紛紛抵台，指揮中心昨日也宣布，要開放23歲以上民眾預約AZ疫苗，國民黨台北市議員王鴻薇對此批評，許多國家在AZ疫苗接種上，都有提出施打年齡限制，如日本限40歲以上、韓國則是50歲以上，反觀蔡政府卻用「輪到你就去打」來卸責。
王鴻薇表示，在民間奔走下，BNT疫苗即將抵台。但對於23歲以上年輕人來說是大失所望，BNT沒有份，指揮中心隨即宣布23至29歲民眾可以預約施打AZ，意圖平息年輕人之怒，意即「有疫苗打了，可以不用吵了吧！」
王鴻薇指出，大量贈送AZ給台灣的日本，即使准許AZ施打也僅限40歲以上民眾，韓國施打AZ也只開放50歲以上的民眾。根據英國JCVI的建議，在疫情得到控制、有其他疫苗供應的前提下，建議讓18至39歲民眾可打其他品牌疫苗，但台灣23至39歲民眾卻只有高端和AZ可選擇。
「政府一味拚疫苗覆蓋率，直踩油門打下去的結果是什麼？」王批評，AZ是英國牛津大學研究開發，但英國疫苗接種和免疫聯合委員會（JCVI）在5月公開建議，要將30到39歲民眾納入施打其他品牌疫苗的對象。先前JCVI只建議政府不要再讓30歲以下打AZ，建議讓30歲以下民眾可選擇施打其他疫苗。
王說，JCVI主席林偉勝表示，「隨著COVID-19感染率得到控制，我們建議沒有潛在健康問題的18到39歲成人，在有疫苗可供應而不會造成延後接種的情況下，可以改用其他品牌疫苗，以取代牛津-阿斯特捷利康疫苗。」
王認為，BNT已經將陸續抵台，根據民間企業消息，未來還可以有再加購3000萬劑BNT的機會，結果指揮中心和行政院又是同樣的回覆，說政府已經採買足夠的疫苗了，明明可以為年輕族群加購AZ以外疫苗，政府只想消化AZ，拚疫苗覆蓋率。
王質疑，但台灣疫苗真的足夠嗎？根本睜眼說瞎話，在國外很多國家都有接種年齡限制的AZ，現在台灣竟然變成23歲以上年輕施打疫苗主力，多麼諷刺。</t>
  </si>
  <si>
    <t>新冠肺炎疫情重創義大利，也讓留在台灣付出奉獻超過半世紀的義籍神父呂若瑟為他的家鄉憂心不已，並且對外求助希望募集防疫物資幫助義大利抗疫，消息傳出後立即引發台灣人的熱烈迴響，宜蘭市長江聰淵也在3日出面呼籲大家伸出援手，共同幫助義大利度過這場災疫。
江聰淵表示，台灣人有句話「吃人一口，還人一斗」，天主教靈醫會的義大利傳教士，在早年台灣醫療資源不足且環境艱困的時期，遠渡重洋來到台灣犧牲奉獻，建立醫院長期守護台灣偏遠醫療，呂若瑟神父更將一生奉獻給台灣，守護台灣民眾的健康，面對呂神父家鄉的困境，此時的台灣人更應該感念他們的付出。
江聰淵說，在這個艱困時刻，大家感念呂神父過往付出的最好回報，就是在有能力的時候給予必要的援助，因此除了代表宜蘭市民響應捐款10萬元，同時也在市公所成立專責櫃臺負責處理民眾的指定捐款事宜，讓天主教靈醫會得以在不影響台灣國內防疫物資調配的情況下，透過國際管道購買N95口罩等醫療物資，援助義大利靈醫會的醫療機構。
江聰淵呼籲說，希望有更多的民眾能夠一同響應，對曾經無私奉獻給台灣土地的天主教靈醫會，伸出台灣民眾溫暖的手，幫助他們度過災疫。</t>
  </si>
  <si>
    <t>新竹縣19日新增3例確診案例都是長照機構住民，竹東c長照機構的80多歲老翁和老婦，被匡列隔離監控採檢，陽性確診，B機構80多歲老翁被匡列隔離，2次PCR採檢陰性，但發燒嘔吐就醫住院前第3次採檢陽性確診， 3人皆已收治醫院隔離病房。
縣長楊文科說明，竹東2家機構目前處置狀況，B機構有68人，包括住民51人和工作人員17人，目前確診17位住民和2位工作人員共19人，集中在機構2、3樓，剩下49名健康者包括34位住民和15位工作人員，有30位住民已遷往其他機構或醫院，4人安置原機構5樓乾淨區域。
C機構有住民41人和工作人員34人共75人，目前確診10位住民和7位工作人員，包括A區域4人、B區域1人、C區域12人。其餘58名健康者中的31位住民皆已遷往其他醫院。
楊文科指出，中央配發第一波13000劑疫苗，到19日上午為止，已施打11374劑，整體接種率為87.5％。其中87歲以上長者有4231人接種、機構住民及工作人員有3306人接種、洗腎腎友有853人接種，其餘是第一至三類的醫事及防疫人員。
為讓長者施打疫苗更有效率，縣府將視疫苗撥放和施打情況，滾動式調整接種年齡，並製發通知單。中央配發新竹縣的900劑莫德納疫苗，提供給尚未接種疫苗的第1、2、3類醫事及防疫人員預約接種，時間是22日，地點在湖口王爺壟運動公園大型施打站。</t>
  </si>
  <si>
    <t xml:space="preserve">大陸官媒《環球時報》引述相關消息人士表示，大陸對美國內以疫情為向中國大陸浮濫訴訟極為不滿，北京已著手準備對一些炮製反華議案的國會議員、密蘇里州以及美方相關個人和實體採取必要的懲戒措施。大陸的美國專家甚至指稱，反制措施不會是象徵性的，「必須要打痛他」。
《環球時報》說，最近以來美國國內一些國會議員及州官員，頻頻借新冠肺炎疫情問題向大陸發難，可謂是「濫訴成癮」。4月14日，美國共和黨籍參議員霍利（Josh Hawley）在參議院推出《為新冠病毒受害者追求正義法案（ Justice for Victims of Coronavirus Act）》，允許美國人對中國大陸提出私人訴訟。4月16日，美國共和黨籍參議員科頓(Tom Cotton)提出《2020年追究中國共產黨感染美國人責任法案》，要求剝奪大陸在美國的主權豁免。一天後，美國共和黨籍眾議員史密斯(Chris Smith)等人在眾議院推出類似法案，要求「北京對美國人民因為新冠肺炎承受的傷害負起責任」，共和黨籍眾議員班克斯(Jim Banks)也在拼命鼓噪就疫情對大陸進行追責索賠。
報導認為，對於上述議員而言，反華幾乎成了他們的「日常」活動。例如參議員霍利就於3月12日聯合另一名共和黨籍參議員史考特(Rick Scott)提出議案，要求禁止美國聯邦雇員在政府配發的手機上安裝大陸社交媒體應用程式「抖音」(TikTok)。眾議員史密斯也是在涉華問題、尤其是人權問題上的常客，去年3月他在美眾議院推出一項決議案，要求美國政府就大陸在美政治影響力活動發佈報告，以全面審視由中國大陸帶來的威脅。
除了上述的美國國會議員，包括美國保守派遊說組織「自由觀察」（Freedom Watch）以及總部位於德州的Buzz Photos等企業與實體也加入反華訴訟隊伍。今年4月17日「自由觀察」和德州體育攝影公司Buzz Photos並列共同原告，向德州北部法庭提起訴訟，要求中國大陸支付金額超過20兆美元的新冠疫情賠償。4月21日美國密蘇里州總檢察長施密特（Eric Schmitt）向聯邦法院提起民事訴訟，要求大陸對全球新冠病毒大流行負責，並以現金賠償密蘇里州因疫情蒙受的巨大經濟損失。
報導引述大陸中國社會科學院美國研究所研究員、美國外交研究室主任袁征的話說，「中美合作是互利共贏的，但是我們也不能一再退讓，絕不能容忍有些人毫無原則地對中美關係造謠生事。」他說，「對於這些無端造謠生事破壞中美關係、死不悔改，進而在美國國內撈取政治利益的政客，我們要堅決進行打擊。」
</t>
  </si>
  <si>
    <t>台灣日前再度發生新冠肺炎院內感染，前衛生署長楊志良在政論節目稱，應將染疫醫師開除。對此，台北市長柯文哲認為，罵完以後還是應該鼓勵他，醫護人員長期打仗，要隨時都緊繃神經其實不容易。
柯文哲表示，大家當然可以怪那位醫生穿脫衣服、保護做得不太好，不過自己在第一線作戰就知道，最好外科醫師也不可能手術死亡率是0，只是會比較低而已。
柯文哲表示，假設自己還是柯P，去檢查那位醫生口罩沒戴好、衣服沒有穿好、脫的技術不好，相信還是可以找到他缺點，不然怎麼會被感染，但如果是老師，罵完以後還是要關心對方，罵完之後應要給他點鼓勵。
柯文哲指出，新冠肺炎到目前為止，全世界醫護人員死亡已經超過一萬人，因此這次很高風險的，北市今上午也開防疫會議，並把衛生局長與聯合醫院總院長找來，建議負責照顧確診案例的醫護人員，如果未婚沒有家庭的，盡量住在市府準備後的旅館，減少跟人群接觸。
柯文哲直言，現在國內疫情比較趨緩，導致醫護人員比較鬆懈，所以該案例出現感染女朋友的情形，如果是疫情比較緊張時候，相信對方會很謹慎，一有發燒就會去做檢查，然後不敢回家，但醫護人員這麼長時間打仗，要隨時都緊繃神經其實也不容易。</t>
  </si>
  <si>
    <t xml:space="preserve">歡迎收看《無色覺醒》第578集播出，由主講人賴岳謙為觀眾分析：「一場病毒抗疫戰爭？美俄網路輿論開打！」
正當中國大陸全力對抗新型冠狀病毒（2019-nCov）之際，美國與俄國的網路輿論戰打得如火如荼、波濤洶湧。美國阿肯色州的共和黨參議員柯頓（Tom Cotton）公然指控，新冠肺炎是來自中國大陸實驗室的人工病毒，因人為疏忽不慎外流。這種未經證實的揣測性言論一出，引發網路一片論戰。
哈佛大學醫療團隊專家率先跳出來駁斥柯頓的指控，他並強調這是一種新型病毒，由重組所發生的病毒。柯頓則在反華鷹派安排下，參加了福斯新聞網等節目，繼續散播不實謠言，任由網路媒體轉載。與此同時，美國國務院亦控訴俄羅斯散播「新冠病毒來自CIA」等不實消息。
網路上還流傳一則消息，稱俄羅斯衛生單位證明新冠病毒由人工合成。俄羅斯官員氣憤地指有人惡意散播謠言，明明在醫學報告中清楚明瞭寫著「基因重組」，卻遭翻譯成「人工合成」，似乎是有心人士想挑撥中俄之間矛盾。在國際共同防疫之際，竟有人心中無存人溺己溺之心，趁亂打擊，落井下石。
在資訊爆炸世代，不實消息散播全球各個角落，若網民相信「新冠病毒來自CIA」，恐激起中國大陸人民對美國的仇視；若相信俄羅斯官方證實新冠病毒由人工製造，便會造成中俄友好產生矛盾；若相信「新冠病毒來自武漢P4實驗室」一說，則會引發全球對中國大陸政府的反目與不信任；
這一場全球防疫戰中，國際之間陰謀暗箭由此顯見，網路散播謠言者不顧醫護人員之辛勞，將人命視為草芥，個人利益擺眼前，缺乏同理之心，為達目的不擇手段。政客操縱陰謀論，摧毀人與人之間的信任，使國際社會撕裂，形成族群間對立與仇恨，有損全人類的利益……更多分析請看影片解說！
</t>
  </si>
  <si>
    <t>東京銀座一直是日本地價最高的黃金地段，國土交通省公告地價每坪平均為9,301萬8,782日圓，據說泡沫經濟時代有的土地還漲到每坪逾3.5億日圓。但新冠肺炎爆發後，銀座不動產的身價已大受衝擊。
■Real estate company HULIC expands into Ginza district through the purchase of Tiffany Ginza Building from SoftBank CEO Masayoshi Son.
去年底新冠肺炎疫情開始對日本各行各業造成影響，安倍政府呼籲民眾盡量減少外出，籲請商家暫停營業，連銀座實力雄厚的店家也支撐不下去，許多知名的大樓也紛紛易主。最具代表性的不動產出售案是「蒂芙尼（Tiffany）銀座本店大樓」。
這棟九層高的大樓於1996年啟用，軟體銀行集團會長兼社長孫正義於2013年以320億日圓（約台幣90億4,600萬元）購入。由於軟銀在這波疫情中損失慘重，這棟大樓也於7月3日脫手賣給大型不動產公司HULIC，據說售價超過300億日圓，蒂芙尼今後仍然在此營業。
此外，服裝大廠「三陽商會」於7月17日賣掉位於銀座8丁目的旗艦大樓「GINZA TIMELESS 8」，且店面將於8月底結束營業。三陽商會曾與英國的名牌廠商博柏利（Burberry）簽代理權合約，並在銀座開店，但於2015年解約，失去了主要的合作商，經營大不如前，再加上新冠肺炎疫情，形同雪上加霜。
銀座知名大樓陸續遭脫手
《週刊POST》報導指出，房地產專業記者表示，「在銀座名店街蓋的大樓很少聽說要脫手的。像現在這樣，有名大樓在短期間內陸續脫手還是罕見的特例，銀座可說是正面臨大的變動期。」
有百年以上歷史的「山野樂器銀座本店」3月底宣布，4月起將地下1樓至地上2樓的三個樓層租給KDDI。山野樂器1915年起在銀座開店，昭和初期起銷售海內外唱片、樂器，也曾是日本公告地價最高的大樓，當時每坪為1億9,074萬日圓。現在銷售CD、DVD的主要三個樓層都不得不租出去，被外界猜測可能是受到疫情的影響。
但山野樂器的公關表示，其實與疫情無關，去年夏天就決定出租了，因為近年來音樂軟體的市場縮小，為了因應市場環境的變化，決定活用不動產價值來強化收益。
該記者表示，「到目前為止倒閉、破產店面，很多是在疫情發生前業績就很嚴峻。但新冠肺炎疫情若是有第二、三波的話，可能對原本經營順利的店家造成不良影響。靠著壓倒性的品牌力哄抬上漲的銀座地價，也可能在疫情延燒擴大之下，變成巨額的不良債權。」
沖繩飯店降價求售
除了銀座，日本度假勝地沖繩的觀光業也在新冠肺炎疫情下遭受打擊，許多飯店業者寧可降價也想將飯店脫手，而感興趣的買主居然大多是外資企業或投資家。
《琉球新報》報導，那霸市負責飯店營運企畫的「STAR RESORT」今年架設了介紹有意被併購（M＆A）的飯店案件網站，刊載案件有：宮古島靠近私人海灘的飯店，約10至30間客房，希望售價為20億日圓（約台幣5億6,500萬元）；沖繩本島附游泳池、家電、家具的海景房飯店，共不到10個房間，希望售價為4億8,400萬日圓（約台幣1億3,682萬元）等。
「STAR RESORT」表示，今年5月左右起就有人詢問想買沖繩的飯店，詢問件數一個月超過60件。買家大多是沖繩縣外的不動產開發業者或個人投資家。由於觀光客減少，許多飯店等觀光設施的使用率大幅下滑，雖然現在海外旅行仍然受限，但有投資人認為，開放日本國內旅遊的話，沖繩應該是首選。
投資家看準了，以長期的投資眼光來看，沖繩的觀光還是會恢復，因此現在拋出的沖繩房源，在投資人的眼中是有投資價值且投資價值很高的。藤本擔心，若是沖繩大多不動產和觀光收益都被縣外或國外搶去了，那麼利潤、好處就很難留在沖繩了。
還有沖繩縣的不動產業者指出，有台灣的投資家說想買沖繩縣的飯店。由於買賣飯店的金額是以億為計算單位的，所以簽約需花半年左右的時間，半年後因買賣成立而易主的飯店說不定會變多。</t>
  </si>
  <si>
    <t>國際大型科技會展又再取消一樁！受新冠肺炎（COVID-19）疫情從中國延燒至歐美影響，原訂於6月2日開展的台北國際電腦展（COMPUTEX），將延至9月28日舉行，展覽日期也由原本的6天、縮減至3天，展區則集中至世貿二館。
主辦單位表示，新冠肺炎疫情不斷升溫，大型展覽或發表會如2月底的MWC、3月的GDC，以及原定在5月登場的開發者大會如Google I／O與臉書F8，都先後取消，其中Google甚至宣布連Google I／O線上發表會都取消。而向來是國外買家、一線科技業者高層集結的台北國際電腦展，在歐美疫情無法降溫下，就算貿然舉辦，可能得面臨參加者在入境後得先隔離檢疫，或是徒增搭機長途旅行染病的風險，而人員聚集也恐怕會提高群聚感染的機率。
基於維護參展廠商及參觀者的健康與安全，主辦單位宣布台北國際電腦展展覽日期將由原定的6月2～6日，延期至9月28～30日舉行，原先台北國際電腦展與同時舉行的新創展橫跨世貿與南港共三個展館，但是隨著上半年的展覽多已經改期至下半年，下半年南港展覽館與世貿展覽館檔期很滿，改期後的台北國際電腦展展區將集中至台北南港展覽館2館。
而針對持續力挺台北國際電腦展的國內參展廠商，主辦單位表示將在原檔期期間，在台灣經貿網辦理台北國際電腦展線上展覽，除了邀請全球買主參加視訊採購洽談會，並將力邀國內外指標廠商進行線上新產品發表會，此外也鼓勵國內外資通訊指標性業者，以網路研討會型式分享5G與AIoT等智慧科技應用。</t>
  </si>
  <si>
    <t>「股神」巴菲特周一（24日）接受財經網站CNBC專訪時指出，新冠肺炎疫情持續蔓延，有極大比重企業受到衝擊，但投資者不應該受疫情影響而改變資產配置決定。另外針對今年美國總統大選，自稱並非是活躍民主黨人的他也提到將會投票給彭博。
巴菲特表示，蘋果在內等多數企業，目前正因這波疫情而受到衝擊，不過他指出影響企業運作還有其他因素，外界應把重點放在企業未來5到10年的長期發展。
他還聲稱，對人類而言，雖然新冠病毒大流行令人感到恐慌，「但卻不應該影響投資者的買賣股票的決策。」他說投資者並「無法透過每天讀報預測股市走勢」，但如果該新聞能讓投資者逢低買進喜歡的股票，堪稱是「相當幸運」。
巴菲特還讚揚蘋果，「或許是我所知道在全球表現最佳的企業」，柏克夏海瑟威目前持股蘋果比重約5.5％。雖然身為蘋果大股東，巴菲特最近才有一支智慧手機。
篤信股票是長期投資好選擇的巴菲特並對投資債券的投資者提出警告，表示即使目前利率已降至低點，股市看來也似乎不妙，但為追求收益率而買進債券並非明智的選擇。
另外論及美國經濟，巴菲特認為受到全球多項利空因素影響，其經濟已不如半年前強勁。他說：「美國經濟仍強勁，但卻比6個月前略為疲弱、而且受影響層面也很廣」。
在問及總統大選時，巴菲特表示自己雖是民主黨人，但並非是積極黨員。他說「自己對於投票給彭博毫無困難」。針對另一位聲勢看漲的民主黨參選人桑德斯，巴菲特雖然認同他許多傾向社會主義的政見，不過股神也認為資本主義制度不應該因此被破壞。
由於巴菲特今年8月將滿90歲，針對外界最關心的接班問題，他稱「沒有我的柏克夏海瑟威，其價值與有我在時一樣」，他還開玩笑說，「我的附加價值不高，但也不至於減損價值」。</t>
  </si>
  <si>
    <t>桃園市環境清潔稽查大隊龜山區中隊3名清潔隊員確診，29日新增1名案例，是清潔隊員的家人。桃園市長鄭文燦表示，目前擴大採檢188人，居家隔離185人。他說，擴大隔離、採檢是希望築起防疫防火牆，讓事件獲得控制，另外金沙酒店新增1名酒客確診。
鄭文燦表示，採持續疫調採檢方式，主要是希望用精準疫調、即時疫調。29日增加1位清潔隊員家人確診，目前已經188人擴大採檢，居家隔離185位，部分PCR採檢會在晚上出爐。目前龜山中隊3個隊部，該確診者的隊部已全數居家隔離，希望這次隊員確診，能擴大隔離採檢，築起防疫防火牆，讓事件獲得控制，也希望民眾放心。
衛生局長王文彥也說明，29日公布12人中，有7人感染源還在調查，有9人是家庭群聚感染，其餘10人獨立個案。他呼籲，傳統市場買菜避免久留、不要講話，登山健行步道、工地、職場也要注意。另外家庭成員彼此盡量戴口罩聊天，吃飯公筷母匙。
王文彥說明，首名確診隊員在24日有咳嗽、發燒現象，當時就立即隔離，也因為他目前屬於中重度，疫調還在進行中。對於感染源可能的原因，還在調查中。
至於金沙酒店群聚感染案，王也說，29日新增1名顧客確診，他在原本的匡列名單中。對於楊梅5起案例，有4人屬於家庭群聚，是原本1名長者確診，全家匡列後，4人採檢確診。</t>
  </si>
  <si>
    <t xml:space="preserve">和碩1名員工確診新冠肺炎，傳出該名員工曾到華碩餐廳用餐，目前2公司都已啟動相關防疫規定，華碩可能與該員接觸的員工都進行居家辦公。
和碩今（17日）指出1名員工無症狀確診新冠肺炎，公司接獲通知員工確診後即進行消毒程序，並啟動ABC分組分流上班。
《ETtoday》報導，和碩該名員工的足跡曾進入華碩員工餐廳，華碩得知檢驗呈陽性後，已完成所有辦公室及餐廳消毒，並通知可能與其足跡重疊者進行遠距上班，並隨時監測身體狀況，一般員工也採分流方式辦公。
除了和碩、華碩防疫拉警報外，大立光、敬鵬及富邦金等上市公司都傳出有員工確診，皆已啟動消毒與分流辦公流程，並配合衛生主管機關指引。
</t>
  </si>
  <si>
    <t>大陸手機品牌業者小米董事長雷軍13日在新機發表活動上表示，受到新冠肺炎疫情影響，預料今年第一季大陸手機行業銷量可能會銳減。本周稍早，雷軍並呼籲大陸手機行業能儘早復工。
綜合陸媒報導，在送別銷售疲弱的2019年後，小米及華為等大陸手機廠商原本期望藉由推出更多5G手機拉抬今年銷售，但肺炎疫情卻使業者希望落空。
小米13日舉行新機發表會，小米當日稍早先對外公告稱，2019年公司全年總收入預期超過人民幣（下同）2千億元，研發費用預期約70億元。為了搶占5G市場，今年全年研發投入將超過100億元。
由於疫情之故，本次新機發表會小米改為線上發布。當天會上，雷軍宣布小米推出新款旗艦手機小米10和小米10 Pro，其中，小米10手機售價為3,999元，這個價格比2,999元的小米9手機高出1千元，突顯小米在5G時代欲切入高階手機市場的企圖心。
東方財富網報導，雷軍在接受媒體提問時，對今年大陸手機行業做出預測。他認為，受到肺炎疫情影響，第一季大陸手機行業銷量可能會銳減，「但整個市場的下滑幅度沒有大家想像那麼大，二季度、三季度有望報復性反彈」。
雷軍坦言，在疫情影響下，新手機的產能自然會受到一定影響，很多工廠到2月10日都還不能恢復生產，所以未來一兩周供貨會出現一些緊張。小米10日復工後，目前正全力拚產能。
稍早有行業分析師預測，受到供應斷鏈及消費者信心下滑影響，大陸今年第一季智慧手機出貨量將較去年同期減少約40％。
在小米發表新款手機期間，小米在港股的股價盤中一度飆升逾5％至13.58港元，最終收報13.38港元，漲3.56％。新冠肺炎疫情爆發後，小米股價於春節後1月30日回檔至11.50港元，之後震盪上揚，迄今累漲16.3％。</t>
  </si>
  <si>
    <t>對於中原大學老師招名威上課時，拿毒奶粉、新冠肺炎開對岸玩笑，還挑釁地說，「就是在說你們。」網友痛批，歧視就是歧視，被檢舉的一點也不無辜。
對於中原大學老師招名威上課爭議，中原大學校方表示，中原大學為中華民國之大學，所聘任之老師皆受中華民國之保障，校方從未禁止老師在課堂上提及中華民國。
嗣後招名威的爭議上課內容影片曝光，被指出有以下爭議：
一，招名威教授於講述氨基酸氮含量檢測時，表示檢測有可能作假，並以三聚氰胺的毒奶粉
事件為例，向在座同學表示，「在座的可能吃的很少」，並對透過遠端教學上課的大陸學生表示：「可能透過攝影機的另外一個的一些同學吃得比較多一點，對岸，你知道嗎，就是在講你們」。
二，招名威教授表示：「所以你覺得武漢只死、只死1萬多人，怎麼可能，對，就是在講你們。」
有網友在其臉書粉絲頁《文翔政論》指出，招名威老師被檢舉的一點也不無辜。
《文翔政論》表示，招老師只講了部分事實，卻刻意隱瞞了自己用嘻笑方式調侃對岸，在課堂上公然歧視大陸人，還歧視黑人。
影片中清楚看到，他拿毒奶粉、新冠肺炎開對岸玩笑，嘲笑大陸人吃蝙蝠、吃野味，還挑釁地說，「就是在說你們。」在課堂上不僅調侃大陸人，還嘲笑黑人跟中南美人。
《文翔政論》鏗鏘有力強調，歧視沒有因為對象是誰而有正當性，歧視就是歧視，不會因為中國大陸對我們有敵意，所以歧視就是對的。如果把歧視當成一種愛國行為，那其實就是納粹法西斯。</t>
  </si>
  <si>
    <t xml:space="preserve">台灣本土疫情雖稍微趨緩，連續4天維持2位數確診，但疫苗數量供不應求，不少民眾選擇飛出國打疫苗。在台發展的美籍男星賈斯汀（Justin Caleb Cooper）是節目《請問今晚住誰家》主持人、《2分之一強》班底，他近日透露不回美國、繼續待台灣的主要原因。
賈斯汀最近在節目《單身行不行》被主持人邱沁宜問，怎麼沒有在疫情爆發時回美國避難？他表示2019年底新冠病毒剛擴散時，住在美國的媽媽擔心台灣離大陸很近，恐怕很快就會被波及，希望兒子能趕快回家，賈斯汀左思右想，認為這個時候搭飛機感染風險更高，而且回美國沒有工作也沒有車，更重要的是美國沒有健保制度，賈斯汀直言：「美國的健保貴到要命你知道嗎！超級貴！」綜合三個因素，他決定繼續留在台灣。
賈斯汀表示當時身邊的很多美國友人都選擇搭機回家鄉，想說躲一躲就沒事，想不到疫情擴散得如此嚴重，「後來他們回去，真的有躲了，躲了兩年出不來了，現在才開始解放，可以讓他們回來，真的很誇張。」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 xml:space="preserve">防範新冠肺炎，近來酒精、消毒水、漂白水等又成為搶手貨，連噴罐都供不應求，民眾紛紛拿著家中各式舊瓶自行分裝，醫師提醒，拿舊瓶分裝漂白水暗藏陷阱，勸民眾千萬別鐵齒，真的發生過憾事，尤其是用礦泉水瓶來裝漂白水或酒精，最容易出事！
Icu醫生陳志金在臉書發文指出，看到有熱心的藥局贈送漂白水給民眾分裝，雖然這是好事，但是看著民眾拿各式各樣的舊瓶去裝，讓他非常擔心，因為若直接使用原本裝礦泉水、飲料、酒、醋、醬油的舊瓶，恐發生誤喝風險。在急診或加護病房，經常會遇到誤喝農藥、殺蟲劑、清潔劑、漂白水的病人，有一部分就是因為裝在「飲料瓶」內，被小孩或老人家誤喝。
陳志金提醒，用舊瓶分裝漂白水時必須嚴格遵守下列四個原則：
1.最好用回漂白水的瓶子來裝，儘量不要用飲料瓶！尤其是用礦泉水瓶來裝漂白水或酒精，最容易出事！
2.撕掉原有標籤（無法撕掉的，可用不透明膠帶遮住）
3.重新標示（可用防水貼布遮上後，標示在明顯的地方）
4.安全存放（擺放離原來可飲用的地方越遠越遠好！不要隨便放在小孩可接觸到的地方，漂白水可放在廁所的櫃子裡）
</t>
  </si>
  <si>
    <t>邁入21年的貢寮海洋音樂祭，受新冠病毒影響，新北市府先前已決定將其中的「海洋獨立音樂大賞」停辦，雖國內疫情趨緩，國外疫情仍居高不下，新北市府27日討論後，認為活動在沙灘，難以全面落實社交距離或全程戴口罩，實名制也有執行問題，決定停辦。
每年海祭吸引逾50萬人次，為地方觀光一年一度引頸期盼的重頭戲，不過今年因為新冠肺炎，讓許多樂迷失望了。
新北市長侯友宜27日宣布，只要做好防疫措施，即日起室內活動不再限制100人以內，室外也不再限制500人以下，外界期待海祭能夠如期舉行，無奈仍因為國外疫情未趨緩，最後決定停辦。</t>
  </si>
  <si>
    <t>被寄予厚望的新冠肺炎新藥「瑞德西韋」傳試驗不理想，中央流行疫情指揮中心專家諮詢小組召集人張上淳表示，其為中國初期試驗，試驗已提早結束，資料是否完，還要再檢視，現在原廠有多國、多中心更大規模的臨床試驗，包括了中度及嚴重感染患者，台灣部分持續進行中，個案數雖不多，但仍是少數個案，雖之前有表示有效，但不能據此下結論。
對於WHO意外流出大陸的試驗資料，中央流行疫情指揮中心指揮官陳時中表示，參與臨床藥物的試驗，各國都有保密義務，其中還牽扯到商業機密，至於WHO為何公布，陳時中認為，這做法有點瞎子摸象的狀況，除非是會造成傷害的訊息，才會提早宣布。</t>
  </si>
  <si>
    <t>中央流行疫情指揮中心今公布國內新增299例新冠肺炎確定病例，分別為297例本土個案及2例境外移入個案；另有校正回歸本土個案258例，總計557例。確診個案中新增19例死亡，創下單日新高。
指揮官陳時中說，今新增的297例本土病例，為157例男性、140例女性，年齡介於未滿5歲至90多歲，發病日介於今年4月29日至5月27日；個案分布以新北市136例最多，其次為台北市94例。
校正回歸258例，其中133例男性、125例女性。陳時中坦承「疫情狀況不太好」，因校正回歸後，近期的確診數並沒有往下的趨勢。他憂心，社區內還有潛藏病例，若繼續留在裡面，就有可能再造成傳染，呼籲熱區篩檢的速度要加快。
陳時中說，儘速把這些人找出來是目前很重要的工作，本土疫情沒有突然上升，看得出來三級警戒和社區防疫有一定效果，後續要看哪個效果較好。
外界關心疫情警戒是否有升級可能，陳時中說，社區管理強度是夠的，問題是執行力，需要民眾把執行做好，這個最重要。陳時中說，5月28日以後，本土疫情已過了2周，指揮中心預計下周一整理這2周的趨勢，待資料收集完全後，再和大家報告。
綜合上述個案，其中萬華活動史相關有110例、茶藝館相關9例、某社團相關1例、其他已知感染源181例、關聯不明143例、疫調中111例，相關疫情調查持續進行中。
另外，今日也新增19例死亡個案，創下單日新高，男性14位、女性5位，年齡介於40多歲至80多歲，發病日介於5月10日至5月24日，確診日介於5月17日至5月28日，死亡日期介於5月21日至5月27日。</t>
  </si>
  <si>
    <t>為助推台企復工復產，2020浙江省台資企業創業創新推進會暨台企高品質復工復產座談交流會日前在浙江餘姚市舉行，會上發布針對貫徹浙江省「惠台26條措施」實施指南，介紹5家在浙台企的應對疫情、復工復產經驗做法，並透過說明大陸中央和浙江省的惠台政策措施等，進一步增強台商台企紮根浙江發展的信心。
該會議中指出，實際有不少台企因為看到趨勢、行動快且身段柔軟，及時調整市場佈局和產品結構，表現出更強的抗風險能力，在疫情期間反而獲得逆勢增長。例如寧波安拓實業公司在外貿訂單下滑甚至取消情況下，抓住「一帶一路」與新基建機遇，與大陸三一重工等企業合作，轉向生產內銷建築機械配件，今年第2季產值有望成長50％以上。
此外，浙江三榮塑膠公司原來主營化妝品和食品包材等產品，也根據市場需求在年初轉型生產消毒液包裝等產品，預計今年訂單超過去年。
而參加會議的浙江省副省長朱從玖表示，浙江應對疫情影響和困難的邏輯思路是「信心＋政策＋特別措施」，從政府到企業都要堅定信心，並指出相關政策支持力道會進一步加大，「特別措施」表示的是省內每一項重點工作都將成立工作專班。</t>
  </si>
  <si>
    <t xml:space="preserve">偶像劇男星宥勝日前在臉書感嘆：「突然很感激有水有電有自由的日子。住在台中的我們，今天同時遭遇停水停電，再加上聽說附近有人去過萬華，就突然覺得…如果我們失去一切，那將會是什麼景象？」無心一句話意外引發萬華網友不滿，火大出征其臉書留言：「去過萬華怎麼了？」對此，宥勝稍早也PO文向萬華人致歉，也火速修改文章，盼疫情早日平息。
形象健康陽光的宥勝，近日因為一句「再加上聽說附近有人去過萬華，就突然覺得…」惹來萬華網友不滿，更火大出征其臉書留言「你以為只有萬華有病例嗎？」、「去過萬華怎樣？？」質疑宥勝沒有同理心，宥勝被萬華網友出征一事，更在PTT論壇引發熱議。
稍早宥勝也在臉書PO文致歉，並將「再加上聽說附近有人去過萬華」修改為「聽說附近有人被框列檢測」，表示對於上一篇文章，因為提及了「萬華」而引起萬華朋友的困擾，他感到非常抱歉，「我以後會更謹慎的發言，避免這種缺乏同理心的言論。目前已修改文章，在這裡再次向萬華的朋友深深致歉！願疫情早日平息。」
對於宥勝道歉之舉，不少網友也給予他極大肯定，紛紛留言安慰他「不小心踩到雷，沒事沒事」、「無心的小失誤而已，我個人覺得你沒有什麼特別的意思」、「沒有推辭真心的道歉範例實在舒心，加油團結」。
</t>
  </si>
  <si>
    <t>世貿組織（WTO）於日內瓦時間2月15日任命新任祕書長伊衛拉，中國商務部北京時間15日晚表示，中方對她擔任WTO總幹事充滿信心，並期待她履新後，促進WTO盡快恢復正常功能，推動必要改革。
新華社報導，中國商務部世貿司負責人表示，中方祝賀伊衛拉博士擔任WTO新任祕書長。她長期從事發展中國家減貧和全球疫苗健康領域工作，擁有豐富的國際組織管理經驗。
這位負責人表示，當前，新冠肺炎疫情蔓延態勢尚未緩解，多邊貿易體制面臨重大挑戰。中方對她擔任WTO祕書長充滿信心。期待她履新之後，促進WTO盡快恢復正常功能，推動WTO在抗疫合作、經濟復甦方面發揮更大作用，推動WTO第12屆部長級會議取得積極成果，推進WTO必要改革，維護和增強多邊貿易體制的權威性和有效性。
中國常駐WTO代表李成鋼大使在總理事會上引述伊衛拉的最新文章《新冠肺炎大流行時期的貿易》：「如果右手洗左手，左手洗右手，那麼兩者都會變乾淨。」作為一個穩定、非歧視、以規則為基礎的多邊貿易體系的貢獻者和受益者，中國堅信，貿易，即互利性的貿易，將是幫助我們走出當前困境、盡快實現經濟復甦的關鍵工具。
對中國來說，WTO選出一位奈及利亞籍的新任伊衛拉是個好消息。因為奈及利亞仍然是非洲最大的進口國，也是中國在非洲的第2大貿易夥伴。中奈雙邊貿易額超過大陸與整個非洲大陸貿易額的十分之一。</t>
  </si>
  <si>
    <t xml:space="preserve">新冠肺炎疫情在台灣持續延燒，近日更爆發海軍集體染疫的事件，而國外疫情方面，南韓雖然經歷過疫情大爆發，如今確診人數卻狂降到單日剩下10例左右，消息傳到PTT上後，讓不少網友狂讚。
根據韓媒報導，2月爆發超級傳播事件後，疫情失控爆炸，南韓時隔60多天，在19日僅新增8例確診、20日到昨日更分別僅增13、9、11例。由於近期每日的確診新增人數都在10例上下，這讓台灣網友看到後忍不住讚嘆，「佩服南韓，豬隊友爆炸後還能穩住」、「看到這個數字起雞皮疙瘩」、「壓住了，真得厲害」、「日本最該參考的就是韓國的做法 可是...」、「太猛了！」。
而台灣近日正好出現海軍敦睦艦隊的疫情，讓部分網友紛紛擔心，「唉 韓國結束了台灣正要開始」、「比台灣安全了嗎？」。
</t>
  </si>
  <si>
    <t>離島澎湖縣31日再發現染疫第2例，1名50多歲婦人疑似與第1例個案聚餐染疫，經醫院兩次採檢都呈陽性，後續仍待中央認定。
縣府表示，第2例女個案於24日晚上曾經與第1例聚餐，衛生局隨即匡列送醫，30日下午醫院進行兩次PCR採檢，結果都是陽性，31日上午緊急將檢體寄送台北昆陽實驗室進一步化驗中。
縣府指出，疫調發現22日晚間第2例與第1例同住處的友人餐敘，同桌人數共有5人，相關接觸者都已匡列並進行PCR採檢，目前除了第1例、第2例，其他3人是陰性，現已強制隔離。</t>
  </si>
  <si>
    <t xml:space="preserve">德國迄今新冠肺炎確診超過16萬5千例，死亡僅6千8百多件，和鄰近國家相較，防疫抗疫成功許多。德國也自今天起鬆綁部分限制措施，有條件重新開放博物館、理髮院、教堂和汽車工廠等。不過波昂大學最新研究卻警告，德國已感染新冠病毒的人數，或許是帳面數字的10倍以上，估計約達180萬人。
這篇報告的初步研究結果，尚未經過同儕審查，當然也尚未在科學期刊發表。撰文科學家強調，本研究可視為一種提醒，警告世人新冠病毒未經驗證帶原者的危險性，因為部分感染者沒有症狀。
研究團隊分析德、荷邊境海因斯貝格一處小鎮的919名居民，抽取他們的血液與
鼻腔呼吸道樣本，進行新冠病毒抗體檢驗。當地正是德國新冠肺炎死亡人數最高的區域。團隊發現，約5人當中有1人無症狀，撰文的學者哈特曼在聲明中說，研究成果可提升關於病毒如何傳播的演算模組。
</t>
  </si>
  <si>
    <t>新冠肺炎疫情持續升溫，且已有學校因確診案例而全校停課一周，壽險業者建議，家長可幫孩子檢視當初投保的保單，也可超前部署「醫療險、意外險及重疾或癌症險等」三種保單，完整孩子的保障規劃。
衛福部調查發現，學齡前兒童因身體事故傷害送醫者占所有事故傷害情形約13.9％，其中以跌（墜）落占比最高；而學齡兒童身體事故傷害送醫者占比達23.3％，其中以撞擊、夾傷占9％最多，且高年級身體事故傷害比例最高；而家長們最常遇到的小孩腸病毒，甚至如日前高中生確診須入院隔離與治療等，皆需住院數日診治。
全球人壽表示，在預算有限的情況下，爸媽可優先規劃守護兒童健康的必保清單，首先為「醫療險」，尤其是兒童抵抗力較弱，可用醫療險來轉嫁就醫、住院的相關花費，兒童的最佳醫療險組合首選就是「住院日額終身醫療＋實支實付定期險」。
終身險雖然保費較高，但具有固定年限繳完後便可終身保障的優點。然而，因終身險保費較高，在預算有限的前提下能買到的保額就會相對較低，此時就可搭配保費較低廉的定期險，提高保障額度，充分鞏固孩子健康保障，如遇住院、手術等狀況，有定期險做為輔助，便能替孩子規劃完整且到位的醫療保障。
其次，就是「意外險」。不管是學齡前或學齡兒童，對於外在環境的防禦跟保護知識不足，遇到意外的機率也相對較高，投保意外險，能幫助爸媽減輕孩子意外發生時相關費用的負擔。
第三是「重大疾病險或癌症險」。全球人壽表示，重大疾病、癌症難以預防，惟有預先投保重疾險或癌症險，才能讓「萬一」發生時，足以負擔療程、藥物等昂貴費用，年紀越小時投保，保費相對較低，也能夠及時支應這些重症帶來的龐大醫療開銷。
國泰人壽提醒，新冠肺炎期間，保戶可掌握相關理賠原則，一是衛生福利部已公告「嚴重特殊傳染性肺炎」列屬法定傳染病；凡醫療險保單無除外責任，都可依約理賠，保戶享有完整醫療保障；因「嚴重特殊傳染性肺炎」入住「負壓隔離病房」者，除給付住院日額醫療保險金，比照加護病房住院予以理賠，提供加值保障。</t>
  </si>
  <si>
    <t>新冠肺炎持續擴散蔓延，居家檢疫人數暴增，公司行號與機關團體，為避免群聚感染並為維護企業員工同仁健康與工作環境的安全，亦進一步提高防疫層級，目前國內已有超過百家大型企業啟動「異地辦公」與「居家辦公」機制，全力預防辦公空間群聚感染造成營運中斷，將風險降低至最低，以確保公司在任何情況下都能夠持續運作。
因應企業需求，台北福華飯店、新竹喜來登飯店，老爺酒店集團旗下老爺會館，以及雲朗觀光集團旗下君品酒店、翰品酒店、兆品酒店與品文旅，都分別利用館內客房規畫設計成「日租辦公室」或「個人獨立辦公室」供企業選擇。誠品行旅誠品行旅更集結商務辦公、交誼空間、餐飲美食、旅宿休憩、健身房等多元內容推出「城市綠洲│共享商務空間，爭取企業或商務人士青睞。
eslite hotel誠品行旅即日起推出「城市綠洲│共享商務空間」方案，集結商務辦公、交誼空間、餐飲美食、旅宿休憩、健身房等多元內容，單月租用每日最低僅新台幣1,613元起，亦可依照工作需求選擇單日／單週／雙週及月租型方案，自13坪的雅緻客房至21坪的行政套房，可容納4至8人，享有融合商務機能與人文時尚的工作空間，辦公及休憩設備一應俱全。
誠品行旅客房內除有辦公桌椅外，亦提供無線網路、多功能事務機、電話、白板簡報架等設備滿足各式商務及會議需求，每間客房均有獨立陽台，工作之餘還可自由享用Nespresso咖啡及茶飲點心，免費閱讀書籍或雜誌刊物，或至健身房運動。租用商務客房空間皆可享有住宿洗衣及餐飲最低7折禮遇。
雲朗觀光集團推出「客房辦公室」，提供企業可租用飯店客房讓員工分組異地辦公、分散風險，君品酒店台北、翰品酒店(新莊、桃園、高雄、花蓮)、兆品酒店(嘉義、台中、礁溪)與品文旅礁溪推出以客房作為「獨立辦公室」的短租方案，公司可以每日為單位租用飯店房間作為員工異地辦公的場所，每日可使用10小時，每房自二人起，至多五人共用，君品酒店每房2,100元起。翰品酒店、兆品酒店、品文旅每房收費自1,200元起，可租用1日、5日、10日或22日不等，提供水、咖啡包、茶包與WIFI無線網路、有線網路、商務中心電腦及黑白印表機、交誼廳設施外，還可以使用飯店健身房與自助洗衣等設施，更為企業行號提供一個人員異地防護、分散風險的備援方案。
台北福華飯店即日起至5／31日規劃「Hotel to Office 」遠端辦公室專案，將客房提供商務人士做為日間辦公、小型商談空間，也可以量身打照「個人小型辦公室」。另將客房也機動調整為會議室，提供公司會談的最佳場地，就是要爭取商務客源。「Hotel to Office」遠端辦公室專案提供辦公需求的商務人士可於每日上午8點至下午6點，使用客房做為個人小型辦公室，一人使用1,500元、兩人使用1,800元／每房，並提供紙、筆等會議用品、免費客房WIFI網路、瓶裝水4瓶、咖啡及茶包各2份，並享全館餐飲優惠8折。另外，滿20天即贈送台北福華住宿券1張，下次入住使用。新竹、台中及高雄福華並貼心準備「精選午餐餐盒」1份。
另外，台北福華還有三小時快閃「Office @ Howard」客房會議專案，時段任選3小時，每房每人只要1,000元，提供HDMI／WIFI、礦泉水2瓶，如使用10次再送一間(可使用5小時)並同時享餐飲8折優惠。
因應上班族需要安靜不受干擾且適合辦公的環境，位於台北市中心商業區的老爺會館台北南西、台北林森兩家飯店推出以客房作為「個人獨立辦公室」的短租方案，公司可以10天為單位(不含週末)租用飯店房間作為員工異地辦公的場所，每日可使用12小時，收費1,100元起。
新竹豐邑喜來登大飯店於即日起規劃「日租辦公室專案」，將客房提供商務人士做為日間辦公、小型商談空間，另將會議室機動調整為中餐廳包廂，提供小型親友餐敘的最佳場地，讓民眾便利洽公、安心用餐。有辦公需求的商務人士可於每日上午八點至下午六點租用新竹喜來登客房做為個人小型辦公室，每次 2,500元，提供「會議事務包」內含紙、筆等會議用品、瓶裝水2瓶、咖啡2份、茶包2份，並附贈「精選午餐餐盒」1份，供應輕食、西式、日式或中式餐盒，四選一，日租辦公室使用期間不另提供整房、清潔服務，亦不提供沐浴相關備品。</t>
  </si>
  <si>
    <t>桃園市政府17日召開防疫會議，首度公布確診者足跡，其中位於桃園站前商圈的薄多義桃園店上榜，轄區桃園區文化里里長歐陽瀚不諱言，直到昨天早上接到「匿名電話」才知悉轄內有確診足跡，感嘆：「里長都是最後一個被告知的！」他也趕緊透過社群媒體告知鄰長和里民，並請防疫消毒大隊下午來店內和附近消毒，雖然已事隔1周，但「只能盡量做了！」
薄多義業者則不禁怨嘆，15日曾接獲桃園市衛生局通知，但都說「還在檢驗中」，政府沒有來消毒、也沒告知店鋪需要如何因應，「有問才說！」他們只能自己先請廠商全面大消毒防範，直到17日透過媒體才知悉9日有確診者足跡，緊急宣布停業一日再度大消毒。
薄多義業者不諱言，從有確診足跡到真正獲悉已持續開業一周無間斷，近20名員工只能做好自主健康管理，所幸平時都有落實防疫規範，顧客入內也要量體溫、戴口罩，同仁目前都健康無虞，感嘆政府可能有各種顧慮，業者只能做到國民應該做的事，自我保護。
對此新聞處長詹賀舜不諱言，第一時間大規模清消，恐造成周邊店家緊張，因此多會通知業者自己先消毒，環保局則會在深夜或清晨人少時到周邊消毒，若業者擔憂消毒不確實，也能通知市府幫忙再度消毒。
詹賀舜提到，衛生局同仁在第一時間有告知店家確診情事，讓店家得以因應，由於衛生局同仁連夜疫調，在說明上可能略有不清，造成店家誤會，也請業者見諒，並謝謝業者有良好的防疫措施。</t>
  </si>
  <si>
    <t xml:space="preserve">
衛福部長陳時中今(2)日公布，國內出現第41例COVID-19(新冠肺炎)病例，為「案34」的女兒(20多歲)，近期無旅遊史，除自身有過敏體質外，無任何不適症狀。然而，這位第41例確診者，於2月15～26日間曾多次至病房陪伴她的母親（案34），並且協助盥洗，2月28日經衛生單位安排接觸者採檢及住院隔離，一採陰性，但二採呈現陽性，於今日確診。
指揮中心表示，因應本起群聚，已於2月28日至3月1日陸續完成醫院急診、案34確診前住院病房之清潔消毒，經再次採驗環境檢體結果均為陰性。另針對本起群聚，截至目前已掌握接觸者共289人，並採檢231人，其中5人確診、197人陰性、其餘檢驗中，將密切追蹤這些接觸者之健康情形。
指揮中心統計，國際間累計8,233例確診病例，分布65個國家/地區；病例數以韓國3,736例、義大利1577例、伊朗978例、日本鑽石公主號687例(含本國籍5例)及日本253例為多；病例中126例死亡，其中伊朗54例、義大利34例、韓國18例、鑽石公主號6例、日本6例、香港2例、法國2例、澳洲1例、菲律賓1例、泰國1例、美國1例。</t>
  </si>
  <si>
    <t>疫情打擾籌資進度。新光金控10日公告，其2.22億股乙種特別股發行計畫，因受新冠肺炎疫情影響，國際經濟環境前景未明，牽動國內資本市場波動劇烈，價格波動過大，決定向金管會申請延後三個月，即9月20日前再視市場狀況發行。
另外新光金控現增4.2億股普通股，亦完成訂價，每股7.8元，預計募集32.76億元，增資基本日為5月13日。10日新光金收盤價8.61元，預期原股東及員工仍有一定的繳款意願。
新光金這次的百億元以上籌資計畫，2月下旬董事會通過，原本是規劃4.2億股普通股若面額發行，加上2.22億股特別股以每股40～60元以上發行，最少能募到130億元，若資本市場仍穩健在牛市，則可望募到175～180億元，就有更多資金可用來增資子公司新光人壽與新光銀行。
但3月新冠肺炎疫情加劇，且影響全球造成資本市場大波動，新光金發言人徐順鋆表示，國外特別股價格亦受影響，大多下跌，國內資本市場價格亦波動大，此時不是特別股訂價的好時機，原訂6月20日前要發行完成的乙種特別股，決定再申請延長三個月。即新光金爭取有更大空間，等疫情控制住後再進行特別股訂價及募資。
同時，近期不少大企業、金控亦啟動籌資計畫，新光金表示，投資人可選擇的投資標的近期也比較多，不利訂價，因此決定延長特別股的募集期間。即可能再尋找更佳的訂價時間，再決定特別股的發行時間。
為了要接軌魔王會計IFRS17，及強化資本因應資本市場的波動，壽險金控近二、三年都有增資壽險子公司的動作，如去年國泰金控亦有現增212億元，分別增資國泰人壽與國泰世華銀各100億元。
新光金這次亦是規劃要募資130億元以上，100億元給新光人壽，30億元給新光銀行。5月先現金增資32.76億元，挹注新壽，強化資本結構。</t>
  </si>
  <si>
    <t>目前有6名外籍移工確診的京鼎精密公司，9日也對全棟大樓人員進行快篩，包括了京鼎本身的430名員工，以及同棟大樓承租廠房的廠商有2家鴻躍及葉成，另有180名員工，共快篩610人，將在1天內完成。
京鼎精密科技公司隸屬於鴻海集團旗下，6日先有1名外籍移工身體不適就醫確診後，另有5名外籍移工因擔心群聚感染，但又因苗栗沒有開放外籍移工快篩站，因而結伴前往新竹科學園區接受快篩陽性後，再經PCR檢測確診。
京鼎精密科技財務長陳鎮福接受媒體採訪時表示，公司獲報後，從7日就開始停工，至9日已停工3天，影響營收約在2至3％左右，但訂單並沒掉，將在復工後全力趕回來。
陳鎮福說，公司獲悉外籍員工確診後，就規畫替全體員工進行快篩，9日上午開始，共快篩610人，將在1天內全部完成。公司部分外籍員工在先前就被匡列篩檢，9日是公司自行採檢，針對本身員工430人施檢。而公司的外籍員工與京元電的外籍員工，並非同1個仲介公司，但因都在同1個生活圈內，難免會有交叉重疊的情況。</t>
  </si>
  <si>
    <t xml:space="preserve">市場擔心爆發第二波新冠肺炎疫情，近日股市出現一波修正，但「新興市場教父」墨比爾斯（Mark Mobius）仍對全球股市抱持樂觀態度，認為現在處於新牛市中。
外媒報導，投資機構Mobius Capital Partners創辦人墨比爾斯表示，每當從糟糕的熊市復甦，市場就會出現疑慮，人們擔心可能爆發第二波疫情，但他仍看好市場會繼續上漲。他說，市場已經從底部上漲了20%，這是很大的進展。
墨比爾斯認為，新興市場表現將會更好，其中印度和中國大陸是他的首選。印度今年經濟受到新冠肺炎疫情重創，許多企業因此破產或獲利下滑，但他預計印度經濟很快就會看到復甦，他將在印度繼續尋找投資機會，增加投資比重。
墨比爾斯也補充，印度股市已從底部攀升22%，有趣的是，儘管面對種種對美國市場不利的消息，新興市場仍表現更好。
</t>
  </si>
  <si>
    <t xml:space="preserve">
全國三級警戒持續到7月12日，許多商家苦苦掙扎，尋求各種生存之道。雲林一間連鎖甘草芭樂攤，與農民契作芭樂，2、3天進貨1000斤帝王芭樂，不忍眼睜睜看著芭樂放爛，業者特別請來生計同樣受疫情影響的逆天長腿模特兒，穿著比基尼、高跟鞋在路邊促銷芭樂，希望能刺激買氣。
雲林「翻滾鴉特殊甘草芭樂」是連鎖甘草芭樂店，原經營店面，受疫情影響改到各夜市擺攤，不料全國警戒升至三級，連夜市也不能開，生意大受影響。該店採用與農民契作方式，約2、3天進貨1000斤，業者表示，現在已經不是損失多少的問題，而是深怕芭樂一直放著會爛掉。
於是業者決定聘請逆天長腿美模「妖妖」來擔任「芭樂女郎」，不但在斗六市北祥街翻滾鴉本部當街促銷，滿200可合照、來電預約免下車、滿500以上「妖妖」更親送到府（限斗六市區19：30-20：30）。
穿著紅色比基尼、高跟鞋的「芭樂女郎」當街促銷，果然吸引不少顧客到場欣賞、採購。業者表示，夜市停擺後與外送平台合作，仍消耗不了大量芭樂，除了請來「芭樂女郎」促銷，售價更直接下殺4折，批發價一斤110元的帝王芭樂，下殺一斤50元甩賣。
</t>
  </si>
  <si>
    <t xml:space="preserve">在英國政府擔任科學顧問的傳染病學家弗格森(Neil Ferguson)，在被確診感染新冠病毒後，違反社交隔離規定在家中會見一名與自已有不倫關係的已婚情婦。此事遭英媒爆料曝光後，弗格森被輿論冠以「傲慢的偽君子」封號，不得不主動宣布辭去英國政府防疫顧問的職務。
據英國《每日電訊報》獨家報導，現年51歲的弗格森是帝國理工大學傳染病學教授，一直擔任英國政府科學顧問，為英國的防疫與隔離措施提供意見。英國首相強生宣布封鎖英國的多項防疫措施，就是出自他的建議，因此弗格森亦被外界稱為「封鎖教授」。
報導說，弗格森在確診感染新冠病毒後，在進行了14天強制隔離後，認為自己已擁有抗體，因此違反社交隔離規定2次在家中約見了這名與他有不倫戀情的38歲已婚婦女史塔絲(Antonia Staats)。史塔絲是一名左派的社會運動家，平時與丈夫及2個孩子居住在倫敦南區，過著開放性的婚姻生活。
而就在違反隔離規定私會情婦的3月30日當天，弗格森還接受BBC的採訪表示，社交距離封鎖措施必須保留到6月。至於其情婦史塔絲，4月8日曾向朋友表示懷疑自己的丈夫感染新冠肺炎，且已出現相關症狀，但她依然前往與弗格森約會。
事情曝光後，弗格森表示：「我做了錯誤的決定」，違反了社交隔離的規定，因此辭去英國緊急狀態科學顧問團（SAGE)顧問一職，並對自己的行為傳達了錯誤訊息表示後悔。
《每日郵報》(Daily Mail)報導說，民眾對弗格森的虛偽做法冠之以「傲慢的偽君子」稱號，因為他不斷要求民眾要遵守社交隔離規定，卻自己破壞自己制定的規定。
英媒指出，多年來弗格森以傳染病學專家身份對政府所做的建議，一直飽受爭議。他在口蹄疫流行期大量撲殺農場動物的做法受到許多同行質疑，在瘋牛症傳染期間他曾做出15人病死的預測，但實際只有200人死亡。此外，他在2005年大膽預測會有2億人死於禽流感，其後的豬流感將有6.5萬人死亡，事後都證明全部失準。這次新冠病毒爆發，弗格森也曾預測英國將有25萬人死亡，據說此項研究數據成功說服英國政府改變原有防疫政策。
</t>
  </si>
  <si>
    <t>蘋果公司周一宣布，因新冠肺炎疫情導致iPhone手機生產放緩，並削弱在中國的需求，蘋果將無法達成本季營收目標。
蘋果發布聲明表示，在中國的製造設施已經開始復工，但恢復的速度不如原先預期。由於這些生產據點尚未全面開工，蘋果iPhone手機的全球供應將受限。iPhone供應短缺將暫時影響公司的全球營收。
蘋果今年1月預測第二財季（1~3月）營收將介於630億～670億美元，優於分析師預測均值624億美元。
蘋果並表示，因爆發新冠肺炎疫情而祭出的商店營業限制已影響公司在中國的銷售，大部分零售店不是暫時歇業，就是縮短營業時間。「我們的零售店正逐漸恢復營業，將在盡可能穩定、安全的情況下繼續進行。」蘋果表示，將在下次於4月召開業績電話會議上提供更多相關資訊。
分析師之前估算，新冠肺炎疫情可能導致中國今年首季的智慧手機需求腰斬。
券商Wedbush分析師Daniel Ives在給投資人的報告中指出，到了2月中旬，新冠肺炎疫情對iPhone手機和蘋果業績的影響程度顯然比預期更糟。周二在美國從華盛頓總統誕辰紀念日的周末長假恢復交易後，蘋果的股價料將面臨反射性反應。但Ives也在報告中指出，對蘋果能從疫情衝擊中復原仍然感到樂觀，長期而言仍看好蘋果。</t>
  </si>
  <si>
    <t>台南市發生居家檢疫失聯事件，21歲的花姓女子2月4日透過小三通回到台灣，居家隔離到19日期滿，她卻在17日突然失聯，讓防疫人員遍尋不著，台南市民政局昨日傍晚公布姓名盼全民協尋，並轉介警方協助找人。
警方循線追查，發現花女在16日下午從住處搭計程車前往台南火車站，當晚搭車北上，還用新手機拍下車票傳上網，警方判斷她最後落腳新竹，17日晚間6時許輾轉聯絡上花女，花女還2次謊報落腳處讓警方撲空，第3次才乖乖到當地派出所等候帶回。
新竹警方通報消防隊前來協助，將花女轉送醫院，進行採驗，南市人員驅車北上，在11時左右到達，院方原本準備將花女送往隔離病房，經評估後因無異狀，各項指數均正常，在18日凌晨由南市人員帶回住處。
面對防疫人員詢問，花女對離家過程及去處一一交代，對於惹出這麼大的風波，情緒並沒有太大起伏，在回程車上因為太過疲累，一路睡回台南，若接下來的2天沒有狀況，她將可以解除居家防疫，但趴趴走無視禁令，得面臨重罰。</t>
  </si>
  <si>
    <t>中央流行疫情指揮中心每周五會公布境外移入個案基因定序結果，據指出，本周共定序出2例包括16239、16242例，2例均為DELTA變異株，分別來自菲律賓及宏都拉斯，其中16242例分別在4月及6月接種過2劑AZ疫苗，符合突破性感染。
中央流行疫情指揮中心醫療應變組副組長羅一鈞說，目前國內有151例DELTA確診，包括43例本土、108例境外移入，其中境外移入又是突破性感染有76例，占7月至9月境外移入359人確診個案中達21％。
羅一鈞提及，今天境外移入的7位中，有3位接種過疫苗，但均未達14天因此未符合突破性感染定義。</t>
  </si>
  <si>
    <t xml:space="preserve">因新冠肺炎影響，全球不少國家民眾入境台灣或民眾回台都需要居家隔離14天，各縣市政府也會提供居家隔離包，讓民眾可以安心在家吃東西及消磨時間，網紅阿侖因從韓國回台也收到了桃園市給的隔離包，當中竟然還有超夯的聯名口味零食與14天份的醫療口罩。
阿侖因從韓國回台需要居家隔離14天，他也在隔離期間收到里幹事送來的居家隔離包，滿滿14天份的大型包裝也讓他相當驚訝，他一一開箱當中內容物，除了有一般的糖果餅乾小泡芙外，也有7包沖泡式燕麥，還有聯名的新口味麻辣鍋零食，讓網友大呼新奇。
除了食物外，裡面還有14顆氯錠，讓民眾可以自製消毒水，另外也有泡麵及飲料，讓民眾不至於缺乏糧食，再加上14天份的醫療口罩，網友看完也紛紛表示「各縣市的關懷包都不同好驚奇」、「不用排隊就有14個口罩超棒」、「應該要附上居家減肥手冊14天吃下來會胖吧」。
</t>
  </si>
  <si>
    <t xml:space="preserve">金曲台語歌王洪榮宏將推出全新專輯《腳步慢慢》，有感於新冠肺炎疫情肆虐，洪榮宏反思，在這個鞠躬盡瘁的社會裡面，大家腳步太匆忙，也沒有想得太遠，所以在這個時間點上，剛好是一個可以靜下來沉思的時刻，而新專輯就是反映他現在的內心狀態。
洪榮宏提及了一段他很喜歡的話：「凡事都有定時，進有時，停有時，休息也有時。」他認為每件事情都有時機，不論是前進或是停下來休息，就像每年固定會回饋歌迷的全台巡迴演唱會，今年因為疫情也決定暫緩，再加上發片前身體有點小狀況，更讓他體會到現在應是慢下腳步、沉靜下來的時刻。
洪榮宏也希望台灣人可以穩住自己的步調，更加關心身邊的人以及自身的健康。綜觀全世界的疫情，洪榮宏也轉變人生觀，減少了許多外在追求，慢下平常生活緊湊的步調，更加專注在製作音樂上。而他這次發片洪榮宏除了是歌手外，也身兼製作人一職，不論在挑歌、後製、MV拍攝，甚至專輯造型上他都親力親為，只為呈現最好的作品給一路上疼愛他的歌迷朋友。
</t>
  </si>
  <si>
    <t xml:space="preserve">「鑽石公主」號郵輪因爆發新冠肺炎群聚感染疫情，確診人數已逼近700，如今出現第4名死者。據NHK報導，這名新冠肺炎患者高齡80，送醫治療後不治。
至今「鑽石公主」號上的3711名乘客和工作人員中，已有691人確診。
而據CNN新聞網24日報導，經營「鑽石公主」號的公主郵輪說，經過徹底消毒後，這艘郵輪將從4月29日起復航。
「鑽石公主」因為陸續出現新冠肺炎確診病例，在日本橫濱港停泊了兩星期，進行隔離檢疫。從19日開始讓高齡，慢性病患和艙房內沒有窗戶的乘客優先下船，直到21日。原本船上有2,666名乘客和1,045名工作人員，如今許多乘客都已撤離。據公主郵輪說，等船上所有的人都下船後，郵輪將按照疾病管制與預防中心（CDC），還有世界衛生組織（WHO）的指導方針，進乾船塢進行徹底消毒。
而「鑽石公主」號復航的4月29日當天，也是日本黃金週連假的第一天。
</t>
  </si>
  <si>
    <t>新冠肺炎導致全球金融市場急劇下滑，導致全球500大富豪2在一天之內，總共損失了1390億。比如亞馬遜集團總裁貝佐斯(Jeff Bezos)一天就蒸發了超過48億美元。
俄國衛星網報導，新冠肺炎在中國大陸以外的新病例不斷激增，引發了投資人對全球經濟衰退的擔憂。標準普爾500指數和道瓊工業指數在週一出現了兩年多來最大跌幅，道瓊跌幅3.5％、納斯達克下跌3.7％，歐洲米蘭股市也下跌6％。
投資場上的混亂，當然導致世界富豪2的財富大為縮水。全球首富、亞馬遜總裁傑夫·貝佐斯（Jeff Bezos）就在一天內損失了超過48億美元。法國大亨伯納德·阿諾特（Bernard Arnault），也就是是精品名牌酩悅·軒尼詩－路易·威登集團LVMH的董事長，他虧損了48億美元。西班牙服飾巨頭歐蒂嘉(Amancio Ortega)，他的Inditex時裝虧損40億美元，其他國際前十名富豪們，財富也都至少縮水23億美元。
科技火車頭蘋果集團(APPLE)警告，新冠肺炎已經打擊國際供應鏈，導致產品短缺、市場不振，消費性電子產品可能在今年出現衰退。
世衛組織說，現在還不到「大流行」的程度，但是他們也警告，國際社會必須為最壞的情況做好準備，以防止情況惡化。
世衛表示，目前新冠肺炎出現在大約30個國家、確診1200多例，除中國大陸以外，以韓國和義大利受到的影響最大。該病在防疫工作上較棘手的原因在於，它在不同感染者的症狀差異很大，有些人是無症狀感染者，有些人發病症狀不明顯，但是也有一些人症候嚴重而且惡化很快。</t>
  </si>
  <si>
    <t>南庄鄉長與卓蘭鎮景山里里長補選，將於21日上午8時至下午4時舉行投票。苗栗縣選舉委員會為有效防止疫情，將依中選會規定於投票所外開設簡易檢疫站，並籲請選民配合相關防疫措施。
選委會指出，民眾應依照中央選舉委員會規範，投票時應注意呼吸道衛生、咳嗽禮節，有發燒、咳嗽、呼吸道症狀者應配戴口罩，並與他人保持1公尺以上的距離，若有身體不適應儘速就醫後在家休息，居家隔離者、居家檢疫者請依傳染病防治法規定辦理，不得進入投票所投票及參觀開票。
21日南庄鄉長與卓蘭鎮景山里里長補選投票當天，選委會將於投票所外開設簡易檢疫站，選民配合體溫測量、乾洗手液等進行初步防疫，選委會現場並提供適量口罩，提供投開票所工作人員及發燒、孕婦、有呼吸道症狀選舉人使用。
選委會提醒，觀看開票程序的民眾請配戴口罩，進入前也需先量測體溫，有發燒症狀不得進入，籲請投票民眾配合。</t>
  </si>
  <si>
    <t>世衛組織6日統計，全球新冠肺炎新增病例數連續3天超過20萬。據美國約翰霍普金斯大學數據，美國累計確診人數逾293萬，死亡人數在當天突破13萬人。美國總統川普推文再次使用「中國病毒」，還說「該病毒在美國的致死率幾乎是世界最低」。有南美川普之稱的巴西總統波索納洛正式確診。
川普推文說，「中國病毒」在美國的致死率幾乎是世界最低，而且美國的病歿人數已大幅減少，比疫情高峰期下降了近十倍，而經濟正在強勁地復甦。他還引述一間醫療集團的研究數據，稱抗瘧疾藥物羥氯奎寧可降低新冠肺炎患者約一半的死亡率。
美國疫情嚴峻，喬治亞州首府亞特蘭大市長波托斯（Keisha Lance Bottoms）確診罹患新冠肺炎，但無相關症狀。波托斯是民主黨準總統候選人拜登的副手熱門人選之一。
白宮防疫專家、美國國家過敏與傳染病研究所所長佛奇直言，美國現階段的疫情狀態「確實不妙」，情況很嚴重，必須立即處理，不過他強調美國仍「深陷第一波疫情當中」，「這不算新一波疫情，而是原有疫情升溫或回升，根本還沒降至我們所期望的基準線，就再度升高」。
巴西是全球疫情第二嚴重的國家，僅次於美國。有「巴西川普」之稱的巴西總統波索納洛6日再度接受新冠病毒檢測，結果正式確診。稍早，他戴著口罩告訴總統府外的支持者說：「你們不能靠我太近。」
波索納洛曾形容新冠肺炎只不過是「小感冒」，而且經常不遵守社交距離規定，他之前接受過3次新冠病毒檢測，結果均呈陰性。他6日表示，剛剛去過醫院，接受新型冠狀病毒採檢，又說檢驗報告顯示他的肺部「沒問題」。
在澳洲，維多利亞省首府墨爾本24小時內通報新增191起確診案例，再創新高。由於病例激增，維多利亞省省長安德魯宣布，從8日午夜12時開始對墨爾本超過500萬居民實施封鎖措施，封城時間暫定6周。為了防止疫情擴大，維多利亞與新南威爾斯這兩個澳洲人口最大的省已自7日起無限期關閉省界，為百年以來首見。</t>
  </si>
  <si>
    <t>受惠大陸智慧型手機去美化效應，宏捷科（8086）2月營收達2.72億元，再度刷新紀錄、創49個月新高，不但月增0.82％，年增率亦高達1.9倍，累計前二月營收達5.41億元，年增率亦達161.76％，雙雙出現倍數成長。法人預估，宏捷科一季比一季佳，營運倒吃甘蔗。
大陸新冠肺炎疫情打亂大陸智慧型手機供應鏈，但WiFi 6及VCSEL等新應用需求強勁，宏捷科2月營收未受到工作天數減少的影響持續走高，2月合併營收達2.71億元，月增0.74％，年成長190.58％，再創105年1月以後單月新高，累計前二月合併營收為5.41億元，年增161.76％。
法人表示，宏捷科產能處於滿載，預估首季營運可望優於去年第四季，目前月產能達10,000片，第二季起產能將逐步走高，亦有望優於第一季，在WiFi 6及VCSEL（面射型雷射）等新應用需求強勁下，宏捷科營運持續看俏。
宏捷科在新冠肺炎疫情延燒、中國地區手機銷售情況不佳的雙重利空夾擊下，因受惠大陸智慧型手機品牌廠持續去美化，以及大陸加速5G基礎建設，帶動WiFi 6滲透率提升，2月營收仍見明顯成長，由於三大產品客戶訂單穩定成長，宏捷科對未來營運仍然抱持審慎樂觀的看法。
據悉，宏捷科PA（功率放大器）、WiFi及VCSEL三大產品客戶訂單穩定，尤其是WiFi 6及VCSEL的訂單相當強勁，其中，VCSEL的營收占比已達10～15％，WiFi 6產品比重也逐步攀升中。
宏捷科現有產能仍處滿載，目前產能1萬片，公司力求新廠量產前能將舊廠產能拉高，藉汰換舊機台、改為較有效率的新機台，挪出空間、直接進新機台等方式進行，預期在5月或6月有望提升至1.2萬片。
宏捷科擴增廠房持續按照進度進行中，目前已在進行無塵室的建置，預計第二季末完成後陸續進駐設備，第三季開始試產，第四季進入量產，未來將視客戶需求，以月產能5,000片為單位進行擴產。</t>
  </si>
  <si>
    <t>台北市長柯文哲曾主張打2劑疫苗可以不用戴口罩，中央宣布明天起戶外運動可不戴口罩，但目前第2劑覆蓋率還很低，恐怕成為破口。柯18日表示，台灣境內沒有什麼感染狀況，只要邊境管制好其實是不必管那麼嚴，但要逐步微解封不要突然降太多。
柯文哲過去曾主張打完2劑就可以不用戴口罩，而中央宣布在戶外運動可不戴口罩，但目前疫苗第2劑覆蓋率還很低，外界認為鬆綁後恐造成疫情破口。
柯文哲主持防疫記者會時回應，從實際數字來看，全台灣將近2周沒有不明感染源案例，有確診案例都是境外移入在防疫旅館被攔下來，用數字來做政策決定，只要邊境管制好國內可更鬆綁，但前題是要做好，不要出現「3＋11破口」。
他表示，既然台灣境內沒有什麼感染狀況，其實是不必管那麼嚴，但主張參考其他國家經驗，逐步微解封不要突然降太多，否則可能造成疫情反撲。
此外，衛福部長陳時中透漏最快11月有望降到1級，柯文哲說，台灣降級從過去幾個月當中很清楚，日本4次宣布緊急事態宣言，每次病例太多就提高警戒，一陣子經濟受不了就放開，一放開就反撲。
柯文哲認為，過去幾個月台灣降級是連續性微解封，政策是對的，表面上叫二級，但室外運動或室內拍照都不用戴口罩，代表二級也不是二級，過去幾個月都相當成功，就維持這樣政策，連續性微解封也比較好控制。
至於下月可能開放疫苗混打，柯文哲說，開放混打疫苗要講清楚，你讓老百姓預期要開放混打，一開始讓民眾在不同疫苗當中有不同喜好，若要開放，想打AZ的民眾百分比就會下降，要買什麼疫苗，中央政策想好就好。</t>
  </si>
  <si>
    <t>政院即將推出振興抵用券，但行政院長蘇貞昌日前表示，不要限制異地消費比較好，經濟部長沈榮津今天又說，只要民眾住宿就會發放，外界愈聽愈花，不知道是否要異地消費。行政院發言人Kolas Yotaka表示，主要是抵用券有不同設計，不是每種抵用券都要異地使用。
政院推出紓困振興上限600億的方案，但民眾最關心的就是切身使用的振興抵用券。但對於目前政府官員的說明，外界還是難以理解，是不是要透過國民旅遊住宿，才能獲得抵用券。Kolas下午釋疑，強調抵用券確定是結合國民旅遊，但因抵用券的使用有不同的設計，且涉及不同產業，所以有不同的抵用方式。
她表示，不是每一種抵用券，都一定要異地使用。因為這次產業別比較多，所以抵用券的使用也比較多元，不是只有一種使用方法。</t>
  </si>
  <si>
    <t>敦睦艦隊爆發新冠肺炎群聚感染，目前累計24人確診，海軍緊急召回7百多人，為何放人下船趴趴走、是否隱匿病情，明明已知疫情蔓延，為何還要出航？引法諸多猜疑，隨著事件發展，相關時程也一一曝光。
敦睦艦隊官兵爆發群聚感染，軍方多次強調無隱匿疫情，不過，國防部軍政副部長張哲平接受質詢時，竟表示航行過程中確有5人發燒。
先前軍方稱離開帛琉後，在海上航行約30天，4月9日停靠左營港進行6天隔離，15日才解除管制開放人員離艦，但昨又改口說，14日完成檢疫後，非輪值人員已先行休假下船，17日因疫情需要才緊急召回所有官兵。
另外也傳出航行過程中，已有人員出現不適症狀，據國防部消息指出，目前已知有70人、就診71次，其中5人有發燒症狀。20日深夜國防部再次聲明澄清，已確認就診人數148人、226人次，有上呼吸道症狀、頭痛、腸胃不適等就診紀錄。
疫情中心也公布5位發燒官兵採檢結果，其中3人身上有抗體，可能曾感染新冠肺炎，中央流行疫情指揮中心專家小組召集人張上淳指出，根據5人就醫紀錄，發燒時間點應落在3月21日～3月26日，但沒辦法確定是不是在上船前就感染，感染源待釐清。</t>
  </si>
  <si>
    <t>國內疫情嚴峻，這周被視為防疫關鍵期。近日高市爆發「串門子」餐廳群聚感染，已有7人確診，高市府針對餐飲業祭出限令，今（22）日起至28日一率禁止內用，否則最高可罰1.5萬元。今早經發局前往哈瑪星商圈稽查，商家皆配合遵守。
經發局長廖泰翔今早率隊到哈瑪星商圈了解店家配合情形，除了跟商家說聲抱歉，也感謝大家配合防疫，強調這個周末很關建、是轉折點。他指出，即日起至28日包含百貨公司、宴席餐廳、量販店、便利商店、連鎖加盟店、夜市、傳統市場、商圈等餐飲業者全面禁止內用。
廖泰翔表示，今起也會陸續展開稽查，內容包括有無實際禁止內用、邊走邊吃、未戴口罩等，請業者、民眾務必齊心配合防疫，違反規定者將依《傳染病防治法》處以3000至1.5萬元，屢勸不聽者最重則將勒令停止營業。
高市哈瑪星風華再現促進協會理事長陳慧玟指出，昨晚收到市府通知後已主動聯繫120家會員，絕大部分店家都願意配合市府防疫政策改採外帶，但也有1、2成店家乾脆先暫停營業。
哈瑪星商圈弘爺漢堡早餐店業者表示，19日起已禁止內用，電話訂單成長2至3成，備貨量充足。「幸福豆漿」則調整備貨與人力，如預做三明治、蛋餅、飯糰等都比平常多1倍，方便顧客快速取餐外帶。</t>
  </si>
  <si>
    <t xml:space="preserve">鮮少在全國性電視台亮相的美國聯準會主席鮑爾，26日罕見登上國家廣播公司（NBC）節目「今天」。他表示，美國經濟「極可能陷入衰退」；不過鮑爾認為，控制新冠疫情擴散的進度，將是決定經濟何時重新開啟的關鍵。
鮑爾說，聯準會仍有許多可支撐美國經濟的辦法，「我們不會彈盡援絕。」
</t>
  </si>
  <si>
    <t>網傳「蔡總統確診」消息，民進黨今表示，是假的，不要轉傳。刑事局偵二大隊追查，發現IP位址來自境外，不排除是中國網軍所為。
民進黨今表示，有網友在網路直播聊天室，留下「蔡英文已經確診還沒有宣布」的不實訊息。刑事局偵二大隊立即追查，發現IP位址來自境外，其用字遣詞多為中國用語且均為簡體，不排除是中國網軍所為。
民進黨呼籲，疫情嚴峻，更要提防各式假訊息流竄，接獲來源不明或未經證實的疫情資訊時，先查證內容是否屬實，請不要任意傳播、轉傳，以免觸法。</t>
  </si>
  <si>
    <t xml:space="preserve">新冠肺炎（COVID-19）疫情在國際強勢升溫，目前日本境內確診人數達242例，死亡5例；韓國每日確診數更是瘋狂竄升，至今已累計3,500人確診，死亡17例。看似2國的疫情都相當嚴重，但不少民眾仍對指揮中心定調的疫情旅遊建議「霧煞煞」，到底從疫區回來要居家檢疫，還是自主健康管理？《網路溫度計》一張圖看了秒懂如何分辨。
目前疾管署公布的地區疫情資訊有2種，一種為「旅遊警示地區」，一種為「流行地區分級」。流行地區主要是提供給醫護人員作為辨別法定傳染病是否要通報的依據。目前新冠肺炎一級流行區有「大陸湖北省、廣東省、浙江省、河南省」「二級流行地區則是「大陸全境及香港、澳門。」
旅遊警示則是提供給欲出國民眾的安排行程的參考，旅遊警示分為三級，級數越高代表風險越高。三級地區警告（Warning），目前有大陸、香港、澳門、韓國、義大利、伊朗，民眾避免至當地所有非必要旅遊；二級地區警示（Alert）有日本、新加坡，民眾至當地應採取加強防護措施；一級地區注意（Watch）則有泰國，民眾應遵守當地的一般預防措施。
至於從旅遊疫情建議地區返台，要做居家檢疫、居家隔離、或自主健康管理？疾管署最新（3月1日）規定如下：「三級地區警告」返國民眾必須做「居家檢疫14日」（自3月2日起伊朗也需開始實施）；「二級及三級地區」返台民眾則需「自主健康管理14天」。
所以目前日本屬於「二級警示」，赴日民眾反台需「自主健康管理14天」；南韓屬於「三級警告」，赴韓返台民眾需「居家檢疫14日」。依旅遊疫情建議來判斷最準確！
</t>
  </si>
  <si>
    <t xml:space="preserve">越南衛生部門今天表示，境內2019年冠狀病毒疾病截至目前的最後一例確診患者上午出院。至今16起病例已全數治癒，13日以來未出現新增病例，初步成功控制疫情。
越南快訊新聞網站報導，北部永福省（Vinh Phuc）平川縣（Binh Xuyen）光河醫療中心（Quang Ha）上午允許肺炎最後確診病例出院。患者為當地的50歲男性，他是被從疫情源頭中國湖北省武漢市返國的女兒感染，還有另外3名家人也被傳染。至今所有家人都已治癒出院，包括女兒在內。
報導指出，這名男性病患2次檢體對冠狀病毒疾病呈現陰性，健康情況穩定，獲准出院。
越南衛生部看治病管理局副局長阮仲科（Nguyen Trong Khoa）表示，至今全國16起確診病例都已治癒出院，對此感到很高興，但是醫療部門將繼續關切疑似病例。
越南境內13日之後未再出現確診病例。越南副總理武德丹（Vu Duc Dam）25日表示，越方初步成功控制COVID-19疾病，「越南在對抗COVID-19疾病之戰取得第一場勝利」，但是警告「此戰將進入難以預料的新階段」。
越南衛生部指出，今天全國新增30起疑似病例，主要是剛從韓國疫區入境的人員，至今累計有31起疑似病例；另有5675名因與疑似病例接觸過或剛從各國疫區返國而被隔離觀察的人員。
由於韓國疫情持續延燒，越南政府昨天宣布，來自韓國大邱市和慶尚北道或從兩地過境的國際旅客暫時禁止入境；以公務為由的入境者必須接受14天隔離檢疫；同時勸告國民不要前往韓國等國疫區。
</t>
  </si>
  <si>
    <t xml:space="preserve">台灣自購加上美國贈送的莫德納疫苗共有855萬劑，扣掉已打第一劑的333.5萬人，之後能夠打滿兩劑莫德納的人數剩不到100萬人，不過根據統計，目前全台仍有約390萬人非莫德納不打，有醫師呼籲這390萬莫德納鐵粉別再等了，建議先打AZ，之後再等混打。
今天又有9.96萬劑莫德納疫苗抵台，包含美國捐贈的250萬劑，加上台灣自購的605萬劑，總共有855萬劑莫德納疫苗，換算下來目前全台有427萬人可以完整接種兩劑莫德納，扣除已經打第一劑的333.5萬人，目前也只剩約不到百萬劑可供第二劑接種。
不過根據公費疫苗預約平台，目前只勾選莫德納疫苗的人，仍有396萬8843人，但之後能夠打滿第二劑疫苗人數不到100萬人，也就是說全台恐怕會有296萬人要失望了。
對於有290多萬的莫德納鐵粉可能等不到了，中國醫藥大學附設醫院副院長黃高彬接媒體訪問時則呼籲別再等了，認為他們可以先打AZ，之後再等第二劑混打莫德納或BNT疫苗，而且日前有研究指出，混打AZ加mRNA疫苗效果可能更好，有鑑於目前疫苗不足的情況下，建議能打的時候就先打。
</t>
  </si>
  <si>
    <t>元樟生技7月21日公布其所研發的新型抗生素YUAN-03，委託台灣大學醫學檢驗暨生物技術學系張淑媛教授團隊進行新型冠狀病毒（SARS-CoV-2）體外抗病毒試驗，結果證實YUAN-03可有效抑制新冠病毒感染率幾近100％，令人驚豔。
元樟生技董事長蔡宜儒表示，YUAN-03是由本土藥用食用真菌萃取製成的新型抗生素，也是台灣自行研發的第一支抗生素。今年4月YUAN-03已經在國衛院進行的抗人類流感冠狀病毒hCoV-OC43試驗中，取得幾近100％抑制病毒的效果。現在又在台大實驗團隊的新冠病毒SARS-CoV-2體外抗病毒試驗中，抑制50％病毒感染的劑量濃度51.63微克/毫升、濃度達75微克/毫升的劑量下獲得幾乎100％病毒抑制率的肯定，讓團隊感到非常振奮，象徵著對元樟生技以獨特、創新、領先技術開發新藥的策略的肯定。
以研發新型抗生素對抗超級病菌為目標的元樟生技公司，成立3年以來，已陸續研發出數支新型抗生素，包括YUAN-03。蔡宜儒說，透過這兩個國際級實驗室的試驗顯示，YUAN-03能對不同冠狀病毒產生一樣高效的病毒抑制率，證實這支由台灣人自己研發的第一支抗生素，不但是治療新冠肺炎新藥的希望，也可能對其他冠狀病毒引起的疾病，產生相當療效。
蔡宜儒表示，YUAN-03將持續進行抑制Alpha、Delta變種病毒有效性的測試；如果測試成功的話，將再進行動物試驗，並預計將與國外知名藥廠結盟，希望在今年底前能夠在新冠肺炎新藥研發上獲致具體進展。</t>
  </si>
  <si>
    <t>澎湃新聞網報導，中共中央紀委國家監委網站微信公眾號16日消息，北京市15日公布36例新增新冠肺炎確診病例，已完成流調34例，均與新發地市場有關。大陸疾控中心流行病學首席專家吳尊友、國家衛生健康委高級別專家組成員李蘭娟等流行病學專家受訪指出，新發地檢出病毒更接近歐洲流行的毒株。應當重視汙染物品經冷鏈遠距離運輸可能帶來的傳播風險。此外，新發地病毒溯源或為破解新冠病毒傳播之謎提供可能。
據報導，北京突然發生新疫情。吳尊友介紹，研究人員在新確診病例的身體裡面分離出病毒，又在新發地市場物體的表面採樣分離出病毒，兩者完全一致。透過世衛組織共用平台在全球公開的新冠病毒基因序列，關鍵位點的比對發現，它最有可能是來自歐洲流行的主要毒株，但並不代表它一定來自歐洲國家。他解釋，它可能來自歐洲或美洲，因為這種病毒最開始主要在歐洲流行，後來也傳到了南美等地，涵蓋面很廣。
吳尊友說：「只有綜合運用流行病學的調查和大資料技術，才能把歐洲流行毒株怎麼跑到北京來的這個問題搞清楚。」
未來3天北京報告的病例數將決定疫情走向，形勢嚴峻，吳尊友解釋，北京在6月11日出現新的疫情，12日、13日很快回應，及時落實控制疫情擴散的各項措施。對於已經感染的病人，要發病就在這兩天，報告數不太增長的話，可以說，基本就穩定在這個規模了。
北京突然爆發疫情，專家分析，存在兩種可能性：被汙染的海產品或肉食品通過冷鏈運輸到市場造成傳播，或者來自疫區的感染者造成了傳播。因此，應當重視汙染物品經冷鏈遠距離運輸可能帶來的傳播風險。
吳尊友介紹，對於呼吸道傳染病，通常都是人帶著病毒跑，造成遠距離傳播擴散。但是死的樣品--除了生物樣本以外，其他物品長時間帶毒、長距離運輸這種情況，以前沒有發生過。
如果冷鏈傳播被證實，吳尊友建議，一是要加強檢疫，二是在購買這些物品的時候，一定要注意冰凍食物產地是不是來自新冠病毒的流行地區，三是人們在處理這些物品的時候，要注意手衛生、器皿衛生，不要造成交叉汙染。
李蘭娟在接受採訪時也建議，「大家盡量吃熟食，平時要勤洗手，注意手衛生」。
此外，新發地病毒溯源，或為破解新冠病毒傳播之謎提供可能。李蘭娟認為，做好疫情防控，一方面是做好物的溯源，對物品採樣檢測；另一方面要做好人的溯源，感染者就是感染源，要進一步了解人員的動向，把密切接觸者全部找出來檢測，檢測出來的就治療。「不怕多，就怕漏，這是發現傳染源、控制傳染源的重要環節，武漢的疫情防控工作在這方面取得了豐富經驗。」
「此前疫情在武漢爆發，由於在華南海鮮市場檢出大量新冠病毒，人們高度懷疑疫情與野生動物有關。這次疫情在北京反彈，同樣在批發市場集中爆發，但北京出現野生動物導致疫情的可能性很小。」吳尊友說，這就給我們兩個提示：除了武漢和北京以外，全大陸還有不少類似的批發市場，如何切實加強防範，防止出現第三個、第四個這樣爆發疫情的市場？如果能夠在新發地找到病毒溯源的突破口，也許能回答武漢想回答卻還沒有能夠回答的科學問題。如果能破解北京之謎，也許給破解武漢之謎提供新的機會。</t>
  </si>
  <si>
    <t>中央流行疫情指揮中心今天公布5例境外感染，其中1例又是國籍航空（副）機師，她已經完成接種2劑莫德納疫苗，5天居家檢疫期間住在諾富特飯店，接著返家進行9天加強版自主健康管理，並在最後一天採檢確診。由於加強版自主健康管理並未禁止與家人接觸，外界質疑機組員「5+9」是否有檢討空間？不過指揮中心發言人莊人祥表示，目前沒看出任何的問題在當中。
指揮中心今天公布的一名國籍航空副機師，個案10月初採檢陰性，結束5天檢疫後，於加強版自主健康管理期間確診，一採Ct值33、二採又變為22。指揮中心發言人莊人祥表示，根據這名機組員的抗體可以發現，是剛發病，而她在八月初已經完整接種完兩劑莫德納疫苗，是國內第四例突破性感染機師個案，前三例都是接種AZ疫苗。
莊人祥，目前該副機師同住家屬4人都在居家隔離中，目前採檢為陰性，職場部分也匡列2名接處者，採檢也是陰性，其他職場接觸者持續在匡列。其兩名子女的學校目前是自主性預防停課一天，後續接觸與處理方式還在討論。
媒體今天質疑，是否「5+9」有檢討空間？莊人祥表示，目前對於機師管理，只要是接種完整2劑疫苗，長程飛航就是五天居家檢疫＋九天加強版自主健康管理，第5、第9、第14天，都會進行PCR採檢，這個個案剛發病的時候剛好在第九天採檢出來，表示目前政策還算是有效的監測。
莊人祥說，機師因為要飛航國外航線，本身就是具有風險。像這樣的部分民眾也需要理解，工作上需要跨國際航線來工作，他們也犧牲自己的生活很多，希望不用用負面來看待。
莊人祥也表示，這名個案居家檢疫期間是住在華航諾富特飯店，至於加強版自主健康管理，並沒禁止和家人接觸，看她很遵守加強版自主健康管理的規則，所以目前沒有看出有任何的問題在當中。
至於是否讓機組員接種第三劑疫苗？莊人祥表示，目前國籍航空機組員都已經完整接種，僅剩下少部分的人無法接種，是否打第三劑，目前國際上針對第二、第三劑至少要間隔六個月，若縮短可能反而降低免疫力生成，後續要看文件與各國實施狀況來決定。</t>
  </si>
  <si>
    <t>台灣昨天新增第19、20例新冠肺炎確診個案，其中一例疑似為社區感染，震驚國人，但國內專家對這起個案是否為社區感染有不同意見，認為目前還很難定義台灣進入社區感染階段，但仍不可掉以輕心，國人出門在外還是應維持戴口罩的習慣。
台灣動物疫病防治專家、台大獸醫名譽教授賴秀穗指出，社區感染有項很重要的定義為找不到感染源，但昨天這例死亡的61歲個案曾頻繁接觸陸港澳顧客，顯示他很可能有感染源，因此還不到社區感染的程度。
賴秀穗說，台灣與大陸交往頻繁，每天有上千人從陸港澳地區入境，還有近千名的滯留台商待接回，隨著鑽石公主號郵輪的20多名國人即將返台，未來情況只會越來越危險，因此沒有人能斷定國內不會爆發社區感染。
他指出，現階段政府不能因口罩數量不足就要求國人在外不須配戴口罩，畢竟唯有人人戴上口罩自保，才能將病毒的傳染力降至最低，民眾也需配合政府的防疫措施，透過全民配合防疫，台灣才能降低社區感染擴大的機率。
近日大陸有多項研究指出，新冠病毒可能攻擊腎臟與睪丸，進而影響男性生殖功能，但賴秀穗分析，這種狀況應不太可能，必須要有ACE2（血管收縮素轉化酶2）作為冠狀病毒的受體，而人體內ACE2最多的地方就是肺部深處，因此症狀以引發肺炎的狀況居多。
他強調，至今的大部分死亡個案都是本身擁有慢性疾病的患者，因此可能是患者本身免疫力較差，引起併發症而死，雖然人類對於新冠病毒的了解仍相當有限，但一般民眾保持勤洗手、戴口罩、維持良好衛生習慣就不必過度恐慌。</t>
  </si>
  <si>
    <t xml:space="preserve">
新冠疫情肆虐全球，東京疫情也持續嚴峻，近7天的每日新增確診數平均3千多例，尤其最近在東奧選手村又爆發希臘水上芭蕾隊5人確診。媒體指出，東京確診3千人中，有近3成確診者為20多歲年輕人。對此，中央流行疫情指揮中心專家諮詢小組召集人張上淳認為，這和疫苗覆蓋率有關。
今指揮中心記者會上，有媒體詢問，東京確診3千多人，其中有3成都是年約20歲左右的年輕人，以輕症居多。張上淳認為，有關這波大流行，現在都以Delta印度變異株為主，它的傳播力較強，這大家都清楚，至於怎麼傳播的，背後包含很多因素。
張上淳指出，包括當地活動、各年齡層族群有沒有特殊活動、有沒有聚集機會，都是重要因素。當然，年輕人確診，或許跟當地也是從年紀較大的族群開始施打疫苗有關。當年輕人施打疫苗比例、疫苗覆蓋率偏低，就容易造成感染。
張上淳表示，要釐清感染原因，還是得看更詳細的資料比較清楚，若從表面上推測，不外乎就以上幾個因素，造成年輕人在這波大流行中，確診數佔比偏高。
</t>
  </si>
  <si>
    <t>新冠肺炎疫情衝擊旅遊業與運輸業，交通部從4月至9月，每月補貼計程車2千元油錢，原本要以加油前500公升、每公升補助4元的方式，昨日宣布改為每月初直接匯入加油卡內，讓司機能更實質運用補助。中油則送出加碼，司機只要在4月15日前辦卡核卡後，即送1千元加油金。
民眾害怕感染新冠肺炎，不願待在密閉空間，計程車生意銳減，汽車駕駛員工會理事范阿水說，以前一天可以有3千元左右的收入，現在只剩600至800元，更明顯的是機場排班，以前他在松山機場約40分鐘就會有客人，現在班機一直取消且旅客不願搭計程車，竟然要等到5小時才出現客人。
交通部長林佳龍昨日前往中油公司中崙加油站，視察計程車油料補貼措施辦理並聽取簡報。他強調，計程車為公共運輸最後一哩路，受新冠肺炎疫情衝擊影響營運，交通部已訂定相關作業要點，計程車業者可持行車執照影本，向中油或台塑公司指定的處所申請加油卡，自今年4月1日起至9月30日止，每輛每月可領補貼2千元，6個月最高補貼1萬2千元。
林佳龍表示，交通部在這次疫情，已協助計程車業者做好防疫工作，例如每周發放7片口罩、給予酒精及消毒水等，呼籲國人仍可以多搭計程車。
交通部指出，每月2千元的額度，原本是每公升補貼4元、補貼500公升，但計程車業界反映，就算每次加50公升的油，也要加10次才能領完補貼，一是麻煩，二是現在根本沒有那麼多客人，不如讓駕駛人於加油時可自由選擇使用額度，不再限制加油每公升定額折減補貼。交通部考量後，決定改為每月儲值千元至加油卡，若該月未使用完畢，可以持續累積，但必須在今年年底前使用完畢，額度會在明年元旦歸零。</t>
  </si>
  <si>
    <t>二崙鄉幼兒園為預防小朋友突如其來打鬧口水噴濺或咳嗽，確保幼童用餐安全，日前以五顏六色的PP板作隔板，小朋友都乖乖配合。
二崙鄉立幼兒園表示，從新聞報導看到中鋼餐廳以隔板防疫，決定用PP板做用餐隔板，上月25日開學前做了92組，五顏六色很活潑，每一個都貼上小朋友的名字，放在固定位置，用完就殺菌消毒。
園方說，早上點心、午餐、下午點心用餐三次，雖然要花時間組裝，但非常實用，有效防阻打噴嚏、咳嗽、噴口水，小朋友健康安全，家長更安心。</t>
  </si>
  <si>
    <t>美國國務卿蓬佩奧（Mike Pompeo）於美東時間14日表示，美國譴責中國相關「網路行為體及其下屬的非傳統情報收集者」企圖竊取與新冠病毒研究有關的美國智慧財產權及數據。
路透報導，蓬佩奧在一份聲明中指出，「中國在網路空間的行為是其在新冠肺炎疫情大流行期間事與願違行動的延續」。
5月13日，美國聯邦調查局（FBI）與國土安全部下屬的網路安全和基礎設施安全局（CISA）發表聯合聲明指，與中方有關聯的駭客可能發動網路攻擊，目標對準美國研究新冠肺炎疫苗、醫療及測試部門，並警告這些部門採取必要保護措施。</t>
  </si>
  <si>
    <t>新冠肺炎疫情持續延燒，不少民眾出國行程受到影響，「台灣最美麗的歐巴桑」陳美鳳日前也透露取消和藍心湄的國外旅遊，近日更分享防疫妙招，卻是曬出光溜溜的火辣畫面。
原來是陳美鳳有泡澡習慣，她16日於臉書PO出坐在浴缸裡泡澡的照片，寫下：「吃優質蛋白質增強免疫力，泡泡熱水澡，鳯鳯最愛泡澡了」，向粉絲分享自己的防疫方式。
針對嚴重疫情，陳美鳳曾讚台灣衛生很進步，不需要過度恐慌，養成勤洗手的習慣也很重要，呼籲個人衛生一定要做好。</t>
  </si>
  <si>
    <t>新冠肺炎延燒，蔡政府為了控管口罩的販售，實施口罩實名制，卻造成台灣各地都出現藥局外排隊買口罩的現象，而近來政府更表示，國內口罩的生產線已經完備，日產口罩將達到千萬。
但是，自由作家洛杉基卻注意到，民進黨政府在控管口罩販售、出口之餘，不僅與美達成協議，每周將提供10萬片口罩的相關防疫合作，更在近日將大量醫療物資送往烏拉圭，這讓他相當傻眼，如今台灣民眾想要將口罩寄給國外的親友都困難重重，政府卻相當大器的一口氣送給他國大量物資，真的是「只許州官放火、不准百姓點燈」！
洛杉基表示，如今國內的需求量還沒有滿足，蔡政府卻忙著要給國外口罩，忙做防疫外交！卻不顧國內百姓，現在在路上排隊買口罩的民眾，一個禮拜還只能買到少少的3片！不知該笑，還是當哭？</t>
  </si>
  <si>
    <t xml:space="preserve">新冠肺炎持續肆虐全球，目前確診數已高達98,047，隨著全球各地病例增加，確診數恐突破十萬大關。對此，世界衛生組織秘書長譚德賽表示，只要世界上所有的政府共同行動、齊心協力，疫情在全球仍可防可控，但也有可能更糟，只要有科學與證據之下，世衛將會使用「大規模流行」這一詞。
據路透社報導，譚德賽（Tedros Adhanom Ghebreyesus）表示對於確診數字上升持續關注、特別是醫療體系較薄弱的國家，並呼籲政府協調所有部門對抗病毒。他並表示，現階段情況仍未到達「大規模流行」，但也同意情況可能變得比現在更糟，甚至到達大規模流行程度，只要基於科學與證據之下，到時WHO將會使用此一詞彙，「毫無疑問」。
譚德賽也說，現在有的國家的做法顯示疫情是可防可控，「我們不應該放棄」，但也有的國家沒把疫情當一回事，或者乾脆認定什麼也做不了。譚德賽並未直接點名那些國家。
報導也指出，WHO曾在1月30日時發布針對新冠病毒的國際緊急狀態，但除了流感之外，對於疾病的「大規模流行」並未有正式歸類，而新冠肺炎是出於新冠病毒，而非流感。
此外，疫情在中東的重災區伊朗目前有3,513確診、103人病逝。2日赴伊朗調查的WHO緊急救護專家雷恩（Mike Ryan）也5日表示，認為現在伊朗表現良好，「他們開始認為疫情很嚴重，並強調此一問題」。但由於伊朗目前仍在國際制裁之下，讓人道援助物資輸入出現困難。
</t>
  </si>
  <si>
    <t>新冠疫苗第12輪第1階22日開打，針對莫德納疫苗第二劑預約接種，中市傳出造冊接種的65歲到67歲長者也上網搶預約，造成55歲到64歲符合資格市民有3千多人預約不到，市府19日晚間緊急宣布可免預約在指定時間逕往快打站接種，但20日政策再修正由市府造冊發單知單，衛生局說已掌握名單，預約成功市民如圖方便逕往快打站是無法接種的。
即將在22日開打的新冠疫苗第12輪三大國際疫苗同步預約接種，被稱為是台灣公衛史上最複雜的疫苗接種；其中第一階段莫德納疫苗開放給7月16日以前接種第一劑的市民預約，含65歲到67歲由市府造冊施打、55歲到64歲民眾則需在19日下午2時上網預約。
台中市疑因接種通知單發放太慢，有1萬多名造冊施打長者也上網預約，因而排擠到真正需預約接種的市民，不但有3千多人預約不到，還有市民被迫遠到彰化員林、和美等地接種；市府19日晚間緊急宣布開放快打站讓符合第12期第1階段55至64歲市民免預約、攜帶黃卡、健保卡及身分證22、27日下午到打站接種。唯20日政策再修正為由衛生局造冊接種。
據悉，市長盧秀燕憂心，部分快打站恐擠入過多人潮，要求仍需採造冊施打，而中央也已提供中市未預約成功3千多人的名單利於地方造冊發放通知單，衛生局長曾梓展稱這是政策再優化，他也呼籲民眾依通知單時間、地點接種，而已預約成功者則需依預約時間地點接種。</t>
  </si>
  <si>
    <t xml:space="preserve">對抗新冠病毒藥物相關研究有重大突破！據澳洲聯合新聞社報導，蒙納許大學（Monash University）研究團隊發現，主要用來治療頭蝨的「伊維菌素」（Ivermectin）可在2日之內殺死新冠病毒核糖核酸（RNA）。雖然此一藥物已普遍使用，但最快1個月才會進入人體實驗階段。該結論已發表在《抗病毒研究》（Antiviral Research）雜誌上。
報導指出，蒙納許大學生物成像研究所的瓦格斯塔夫（Kylie Wagstaff）博士3日指出，使用單劑量的抗頭蝨的藥物「伊維菌素」，可以在48小時內阻止新冠病毒在細胞培養中生長。
瓦格斯塔夫指出，單劑量的伊維菌素注射，本也能在48小時內清除病毒所有的核糖核酸（RNA），在24小時內能夠顯著減少其RNA。
報導指出，目前仍不清楚伊維菌素是如何殺死新冠病毒，但該藥物很明顯阻止了病毒的抑制能力，讓此病毒無法抑制宿主細胞對其進行清理。科學家們下一階段將確定合適人體使用的劑量，以確保實驗室外的劑量對人體安全。
瓦格斯塔夫表示，在全球新冠疫情仍在大流行、且當前仍未有治療藥物及正式獲准生產的方案情況下，這種現成的合成藥若證實有效，可能提早對患者有幫助。此外他也強調，要廣泛使用疫苗仍需一段時間，該團隊也需要資金進行臨床實驗與測試。
</t>
  </si>
  <si>
    <t>新北市14日新增確診數為2人，新北市侯友宜14日表示，這兩人都是居家隔離轉陽的案件，可說新北今天沒有新增個案，新北市從5月22日的384例，用了54天走到今天，這是用民眾低度活動與嚴重經濟衝擊換來的，但他強調一天的零不是永遠的零，要更努力、更務實，全力以赴抱著戒慎恐懼小心翼翼一步一腳印把防疫做好，期待清零，讓民眾恢復正常生活。
侯友宜說，今天新增0，這2例是居家隔離陰轉陽，1例是新店在醫院陪病，被居家隔離居隔離陰轉陽，另一個是板橋上次汽車場陰轉陽，沒有傳播鏈，穩穩控制住；今天整個居家隔離也從最高6000多人降到今天963人。
侯友宜說，從5月9日以後，整整兩個半月，66天每天都有市民確診，第一次看到這樣數據，他還記得5月22日有384人，感謝所有市民朋友用犧牲所有活動，與嚴重經濟衝擊換來的，感謝所有夥伴跟市民並肩作戰，才守住疫情。
侯友宜說，面對疫情變化雖然看到零，也期待能夠清零，因為走到社區感染，他必須要誠實報告社區多少還有隱形傳播鏈存在，面對病毒隨時有反撲，要更謙卑、更努力、更務實。
侯友宜說，他常說一天的零，不會代表現在以後天天都是零，一天數字高也不會代表永遠數字高，目前中和已經不再是熱區，剩下板橋、新莊、三重各有1個高風險里。
★《中時新聞網》提醒您：因應新冠肺炎疫情，疾管署持續加強疫情監測與邊境管制措施， 如有疑似症狀，請撥打：1922專線，或 0800-001922， 並依指示配戴口罩儘速就醫，同時主動告知醫師旅遊史及接觸史，以利及時診斷及通報。</t>
  </si>
  <si>
    <t>新型冠狀病毒又出現新變異株Omicron，目前歐洲已有多個國家遭到攻破。胸腔暨重症專科醫師黃軒表示，南非已有88例確診Omicron變異株，經過觀察發現，感染者以輕症表現為主，症狀為肌肉痠痛、疲憊及輕微咳嗽，常見的失去嗅味覺並非病徵之一。
黃軒今（28）日於個人臉書粉專《黃軒醫師 Dr. Ooi Hean》分析，南非目前已有88例Omicron確診病例，後續還有990位疑似病例，經南非醫療協會初步判斷，感染Omicron變異株，皆以輕微症狀為主。
黃軒根據南非專家的說法表示，Omicron主要症狀有3種，包括肌肉痠痛、疲憊及輕微咳嗽，目前確診的病例中，並沒有病患失去嗅味覺，再加上是輕症，因此重症入院的人很少，年齡大多是40歲以下的年輕人，由於南非第二劑疫苗接種完成率只有24.1%，所以確診的人大多沒有打疫苗，「但以上收到的消息，仍須更多研究報告證實」。
黃軒說，Omicron變異株是高傳染性的病毒，與Delta變異株相比更毒、更多突變的地方，更容易傳播，不過他也說，Omicron變異株是否有辦法取代Delta變異株，還是需要觀察一下，「畢竟之前大家講得很恐怖的Ｍu變異株，也一下子又被Delta變異株蓋過去了」，因此Omicron變異株後續發展仍值得關注。</t>
  </si>
  <si>
    <t>台中市連續2日「嘉玲」，24日傳出4起疑施打疫苗後死亡案例，迄今累計34人；台中市衛生局長曾梓展指出，3案例將通報中央釐清死亡與疫苗的相關性。另公布南投埔里1確診個案在台中的疫調足跡，包括，4家旅館及逢甲1間鞋店，請環保局派員前往清消。
台中市衛生局長曾梓展說，第1例為新社區1名85歲女性，有失智症、高血壓病史，6月16日接種疫苗後，家人發現個案健康狀況較為虛弱，持續至22日因劇烈嘔吐送急診後住院，23日因低血壓及胃腸道出血急救無效。
第2例為南區1名63歲男性，有洗腎、3高、曾因心肌梗塞心臟有裝支架病史，6月17日接種疫苗後出現身體不適及抽筋現象，23日家屬下班回家發現個案已過世，通報119及警察，因個案已明顯死亡，故未送醫救治。
第3例為龍井區1名61歲男性，為護理之家住民，有糖尿病、失智症病史，6月16日接種疫苗，24日機構人員發現個案吃早餐時失去知覺緊急送醫，PCR檢驗為陰性，急救插管時發現口腔有食物殘留，急救無效死亡。
第4例為沙鹿區1名90歲女性，有糖尿病、高血壓、中風病史，6月17日接種疫苗後無異樣，今日照服員中午送餐時，發現其倒臥在廁所已無生命跡象。衛生局指出，將協助家屬提出預防接種受害救濟申請，協助收集相關病歷資料，送中央審議，若確定因預防接種致死，最高將給付600萬元救濟金。</t>
  </si>
  <si>
    <t xml:space="preserve">敦睦艦隊傳出同寢室3人確診新冠肺炎，海軍緊急召回3艘軍艦官兵及學生700多人，進行採檢。其中15人已回到澎湖馬公，今（19）日一採結果出爐，這15人皆為陰性。
澎湖縣流行疫情指揮中心表示，縣府衛生局18日晚間接獲中央疫情指揮中心通知，馬公海軍基地有15位官兵為海軍敦睦艦隊3位確診者的接觸對象，三總澎湖醫院立即至軍中採檢，衛生局配合展開疫調。檢體在18日晚間10時送至衛福部台北昆陽實驗室，19日早上檢驗報告出爐，15人皆為陰性。
</t>
  </si>
  <si>
    <t xml:space="preserve">身為NBA球員工會主席的雷霆明星後衛保羅，日前在播客節目當中透露，他打算籌拍一部關於新冠疫情對於美國體育造成巨大影響的紀錄片，除了找來知名運動員訪談，曾在現場經歷NBA突然宣布無限期停賽的保羅，當屬最佳的受訪對象。
「兄弟！這真的太瘋狂了，」保羅在播客節目表示，「我打算拍攝一部紀錄片，像是一部談論美國體育因為新冠疫情停擺的電影，除了找來導演安東尼法奎與製片布萊恩葛瑟，我們也會找來一些知名運動員，好好談一下這次疫情衝擊。」
「聽著，我從未經歷過這種事情，我們可以討論我所碰過所有誇張的事情，比如說尼克交易案、卡崔娜颶風、史特林(前快艇老闆)種族歧視事件，」保羅說，「然後我被要求回到休息室，完全不知道發生什麼事，也不知何時開打，這很不同。」
保羅口中被要求回到休息室的事件，就是3月12日雷霆與爵士之戰開打前夕，驚傳爵士中鋒戈貝爾成為首位感染新冠球員，NBA緊急宣布停賽，更把兩隊球員隔離在球場內一段時間，當時保羅還跑去爵士板凳席詢問狀況，隨即被工作人員趕回休息室。
</t>
  </si>
  <si>
    <t xml:space="preserve">一名外籍移工3月18日自高雄小港機場入境後，未依防疫規定進行居家檢疫14天，入境當天即失聯，於4月16日尋獲後隨即送至收容處所收容，屏縣衛生局依規定開罰100萬元，該移工逾期未繳，4月30日已移送行政執行署屏東分署執行。
屏東分署表示，目前該名外籍移工被收容於收容所，暫無逃匿之虞，分署將密切注意其收容期間並積極追查財產狀況，如發現有可供執行財產，將強力執行。
屏縣府衛生局指出，縣內居家檢疫累計至今共2479人，現仍有143人在檢疫中；至於居家隔離累計154人，22人仍在隔離中。
截至目前，共有11人因違反居家檢疫規定遭開罰，總計罰款共273萬。其中有人外出買魚，有人不放心田區作物、外出巡田，還有民眾因記錯出關時間，皆分別遭開罰10萬元。
</t>
  </si>
  <si>
    <t>工業電腦廠安勤（3479）受美國投票機訂單出貨遞延衝擊，2020年第二季營運轉淡，全年展望趨守。不過，隨著歐洲及中國大陸需求恢復、以及醫療產品急單挹注，可望填補些許缺口。法人預期6月營收與5月相當，第二季營運估落底，力拚下半年起緩步回升。
安勤2020年5月自結合併營收3.42億元，較4月3.13億元成長9.28％、但較去年同期5.65億元減少39.36％，為近5年同期低點。不過，累計1～5月合併營收21.9億元，較去年同期21.7億元微增0.92％，為僅次於2016年的同期次高。
安勤受惠專案遞延出貨效益、美國投票機換機潮顯現帶動出貨量爆發，使美國營收貢獻顯著增加，成為帶動去年營收、獲利同步創高的主動能。今年再取得多州新投票機標案，原定3月起出貨，持續挹注營運成長動能。
然而，由於新冠肺炎疫情在歐美爆發，美國各地紛紛祭出封城管制措施防疫，在人員活動受限、物流運輸卡關狀況下，投票機出貨已遞延停擺，使第二季單月營收下滑至3億元左右的近2年低檔水位，營運成長動能急凍。
不過，由於安勤生產狀況未受影響，隨著歐洲及中國大陸需求狀況恢復，其他產品訂單需求持穩。加上耕耘醫療領域效益顯現，美國既有客戶急追數千台醫療用觸控平板，歐洲ODM大廠的超音波顯示儀既有訂單也追單，對彌補投票機缺口不無小補。
展望後市，由於美國投票機何時恢復出貨尚無明確進度，安勤對今年營運展望轉趨保守。不過，醫療產品進展順利，歐洲ODM大廠的醫療伺服器專案大單均按進度進行，預計下半年試產驗證，目標明年起量產出貨，挹注營運成長動能。
此外，安勤亦接獲歐系ODM大廠手持平板新單，規模達數千台，預期今年需求約2～3千台，後續亦有機會爭取新醫療設備訂單。除了歐洲之外，亦爭取到日本既有客戶醫療訂單，預期明年醫療產品營收貢獻可望顯著增加。
法人預期，安勤6月營收估維持5月水準，預期第二季營運將是全年低點，第三季起可望緩步回升。由於美國投票機出貨遞延，今年營運預期將較去年衰退，但仍可望優於2018年表現，明年在醫療產品訂單陸續放量出貨挹注下，營運動能有望顯著躍升。</t>
  </si>
  <si>
    <t xml:space="preserve">據《美聯社》報導，過去2個月以來，印度被第2波新冠肺炎疫情所吞噬，迄今已有逾2,600萬起確診案例、死亡人數更超過30萬。然而，對活著的人來說，生活也不容易。儘管政府積極推廣疫苗施打，但這過程卻意外彰顯出各種社會不平等，不平等所形成的鴻溝恐吞噬底層人民，進而讓新德里防疫更為困難，甚至加深向外擴散的隱憂。
隨著新冠病毒蹂躪全印，值夜班的庫瑪(Sagar Kumar)持續思考去哪弄疫苗給自己與一家五口施打。雖然印度是疫苗外交大國，但諷刺的是如今卻異常短缺疫苗。即便如此，庫瑪知道就算有地方可以取得疫苗，過程也會艱辛萬分。
目前印度政府取得疫苗的主要管道，為透過政府網站登記；然而，全部介面都使用英文，而25歲的庫瑪、甚至是近90%的印度國民不會說、不會讀也不會寫英文。此外，全家只有1支智慧型手機，且網路通訊時有時無，根本難以登記疫苗。
雖然北方省為45歲以下的民眾免費注射疫苗，不過他所處的村莊卻沒有接種點，最近的醫院也要1小時路程。他悲觀地表示，「我現在唯一能做的事就是期待好事會發生」。
大流行將印度各階層的鴻溝暴露的一覽無遺。在該國，醫療服務與社會上各階層一樣，被級級分層且充斥著不平等。如今，財富與科技正進一步加劇鴻溝，成千上萬的人在跳躍此一鴻溝時失足而墜落深淵。
醫療人員憂心，疫苗顯露出的不平等讓因疫情而左支右絀的印度，短期內難以在一波波感染擴散下站直身體。目前新冠病毒每天奪去於4,000條印度人命。北卡羅來納杜克大學全球健康創新中心主任烏達庫瑪(Krishna Udayakumar)表示，疫苗接種的不平等恐延長印度大流行的時間，新德里應優先拆除圍繞在最弱勢族群周遭的壁壘。
2021年1月，印度開始推動疫苗接種計畫，目標是在8月時為14億人口中的3億，完成疫苗的接種；然而，迄今印度僅為4,200萬人接種疫苗，占其總人口約3%。
背後原因之一為政府沒有預留足夠的疫苗，以及擴大疫苗生產的速度緩慢。隨著每天確診數達10萬，該國於5月1日起向所有成年人開放疫苗接種，但這卻讓已經嚴重的疫苗短缺，更顯嚴峻。
隨著挑戰接踵而來，新德里調整先前購買資格與強制施打的政策。目前該國一半的疫苗將免費為一線工人、45歲以上的工人施打。各省與私立醫院也能跟印度疫苗生產商接洽，補足不足的另一半疫苗。這又凸顯出第二個問題，省與民間單位到哪籌錢，為45歲以下的民眾接種疫苗。何況，地方政府與民間單位正為替大眾注射疫苗而生出的每劑20美元的費用大傷腦筋中。
隨著有錢人湧入私人醫院接受疫苗，印度貧富懸殊產生的不平等，已在富裕省逐步展現出來。據統計，新德里約20%的民眾接受疫苗接種，而最窮的比哈省只有7.6%的民眾接種疫苗。提供免費接種的省分疫苗庫存嚴重不足，除了本來疫苗就已經短缺外，私立機構的競爭也是元凶之一。
印度政府的政策無疑讓最窮困的百姓成為最大的受害人。印度公共衛生基金會指出，國家有義務為全民施打免費疫苗，不應該有民眾無法負擔或無法上網登記，而遭排擠無法接種疫苗。
經濟學家德雷(Jean Dreze)表示，印度不僅疫苗不平等，還有效益選擇的問題。例如人們如果生病，將無法工作而陷入更貧困的境地；犧牲工作、放棄工資並長途跋涉接種疫苗，或是因生病無法工作，成為窮人兩害相衡取其輕的選擇。政府不應只提供免費疫苗，還需增加誘因讓人願意施打疫苗。
目前中央政府已在登記疫苗的網站增加印度語言與其他區域語言選項。但專家指出，印度還是有一半人口無法使用網路，根本之道還是提供更簡單的即時登記模式。雖然政府信誓旦旦疫苗的短缺會紓解，6月至12月間會提供20億劑疫苗；但專家都認為這過度樂觀。
29歲的辛格在一戶富裕人家幫傭，每月收入約250美元。隨著疫情於4月拉緊報，該戶害怕她傳染病毒，要求她回家直到接種疫苗後再返回。但是她付不起疫苗費，只好和3個女兒回到比哈爾邦的鄉村。附近沒有疫苗接種中心，手頭的錢只夠日常餬口，如果拿錢買了疫苗馬上就會斷炊。這樣的衡量，每天在印度大街小巷上演。
</t>
  </si>
  <si>
    <t xml:space="preserve">國內兩天暴增386本土個案，雙北今天早上宣布高中以下包括幼兒園、補習班全部停課2周，多所大學也開始遠距教學，既然不用到校，學生也整理行李準備返鄉，但醫護粉專「美的好朋友」疾呼，拜託遠端工作及停課者，這兩種人請停止返鄉移動，萬一染疫，把病毒帶回去給爸爸媽媽、阿公阿媽，可不是開玩笑的。
「學校停課不是要讓你放大假回老家休息的！」，粉專「美好朋友」昨天在臉書表示，看到新聞報導，不少年輕人因停課搭高鐵回到高雄，或者搭乘其他大眾運輸回到中南部，當下的感覺就是這下麻煩了，根本搞錯停課的意義，之所以宣布遠端工作或停班停課，目的是「降低通勤風險以及工作或學習場域的近距離接觸風險」，不是讓你放假回家。
美好朋友解釋，現在疫情正延燒，此時移動除了在大眾運輸染疫風險高以外，萬一已經染疫，把病毒帶回去給老家的爸爸媽媽、阿公阿媽就完蛋了，「老人家萬一感染，重症或死亡率是比你高出很多很多的」。
美好朋友勸大家打消返鄉念頭，如果已經回家了，請先不要跟家人共餐，這風險最大，最好比照居家隔離，自己用獨立的浴室，儘量不要外出，外出時全程戴口罩，保持社交距離。
對此，網友紛紛留言：「這時期返鄉增加移動風險的人到底在想什麼啊」、「台灣人的防疫觀念亟待加強」、「雙北已成災區，在家不要移動，才不會把中南部一起拖成災區」，但也有人緩頰「如果學校叫學生離開宿舍回家，住宿的學生不回家鄉也沒地方去，也不一定是這些學生願意的」。
</t>
  </si>
  <si>
    <t>新冠肺炎境外移入案例持續增加中，造成民眾恐慌再現口罩搶購潮，台中市長盧秀燕上午在后里受訪時建議中央，境外旅客入境，除目前14天隔離外，應一律再加上普篩，雙管齊下才能確保台灣2300萬人的安全。
盧秀燕提到，大家看到比利時工程師案例，他也居家檢疫14天，可是入境以後有染病，這兩個月當中在台灣趴趴走，像日本學生也都有這種情形。換句話說，光是居家檢疫隔離14天，對於入境者或從國外入境的台灣人來講，她覺得可能不夠。
盧秀燕強調，為了維護2300萬人的安全，並確保過去半年防疫成果，是不是對入境者、從國外進到台灣者，應該要雙管齊下，除了要求隔離檢疫14天外，應該要一律篩檢，讓國人安心。
盧秀燕說，這段時間看到大家都戴起口罩，又在搶購口罩，造成人心不安，她也拜託中央能夠再想想。</t>
  </si>
  <si>
    <t>疫情指揮中心日前宣布可開放混打，不少人仍猶豫第二劑該選輝瑞／BNT或莫德納。衛福部草屯療養院醫師沈政男表示，若擔心心肌炎副作用，混打就選BNT；如果是追求保護力，就選莫德納。
沈政男昨（22）日於個人臉書分析，台大醫院公布混打研究時，許多人不相信打兩劑AZ疫苗，遇到Delta變異株時，保護力會「趴在地上」，甚至還有人說「英國人打那麼多AZ，都沒有趴在地上」，對此他反駁，「歹勢，英國打最多的不是AZ，而是BNT」。
沈政男指出，若不是mRNA疫苗擋著，英國的疫情絕對不只現在這樣，英國官方每周統計疫苗保護力，施打AZ疫苗5個月後，保護力就降到5成不到，但該數據是連同Alpha變異株一起看，如果只單看Delta變異株，數據會更難看。
沈政男說，反觀mRNA疫苗，尤其是莫德納，保護力依然高高在上，挺立在病毒間，整體的保護力及預防重症都有極佳效果，且目前已知道AZ混打默德納的保護力，不會比兩劑莫德納差。
至有人問20幾歲年輕人該混打BNT或莫德納？沈政男建議，如果擔心心肌炎副作用，就選BNT；若追求保護力，就選莫德納作為第二劑。至於第三劑，根據英國官方說，第三劑不是打BNT就是莫德納，「除非你沒有mRNA疫苗」。</t>
  </si>
  <si>
    <t>受新冠狀病毒疫情與相關封鎖措施影響，德國第一季資本投資、民間消費與出口急凍，經濟創下金融危機以來的最大跌幅，並宣告陷入衰退。
德國統計廳周一公布，繼2019年第四季國內生產毛額（GDP）萎縮0.1%後，德國第一季實質GDP季減2.2%，與先前公布的初值相符，為東西德統一以來創下的第二大跌幅，僅次於2009年第一季的季減4.7%。
與去年同期相比，首季GDP下滑2.3%。
此外，第一季德國民間消費終值季減3.2%，機械與設備資本支出銳減6.9%，出口季減3.1%。
首季營建投資增加4.1%，為德國首季GDP帶來些許支撐。營建業是德國最大的雇主，其投資額貢獻德國全國總產值將近10%。
政府支出提高0.2%，成為慘淡數據中的另一個亮點。政府支出與營建投資的增長，使德國首季GDP免於跌得更深。
德國從3月中旬起實施防疫封鎖措施，亦即其首季經濟數據僅反映該國封鎖兩周的衝擊，以及亞洲實施封鎖措施導致的供應斷鏈，經濟學家預期德國第二季GDP將加速下跌。</t>
  </si>
  <si>
    <t>雖然復賽在即，但並非所有球員都站在支持的立場，七六人當家中鋒恩比德在受訪時就明白表示，個人立場是討厭復賽，但仍會參加，而且會全力以赴。
恩比德說，今年發生了太多事情，所以選擇在此時復賽不是一件正確的決定，尤其是新冠肺炎在美國沒有趨緩的態勢，因此，現在必須保每個參賽球員的身體健康狀況，甚至球員周遭的人也得安全無虞才行。
恩比德表示，儘管不同意聯盟的復賽計劃，但還是會努力參賽，不能讓球隊、球迷失望，更何況本季是我們想要奪冠的最佳機會，所以我們要好好把握才對。</t>
  </si>
  <si>
    <t>香港文匯網報導，珠海市新型冠狀病毒肺炎疫情防控指揮部今天（4日）凌晨發布「關於進一步調整珠澳口岸疫情防控措施的通告」，根據當前新冠肺炎疫情防控需要，經珠澳聯防聯控機制協商決定：自8月4日6時起，除保障珠澳兩地正常生產生活的跨境貨車司機外，經珠澳口岸出入境人員需持12小時內核酸檢測陰性結果證明。其他防控措施維持不變。
珠海市新型冠狀病毒肺炎疫情防控指揮部辦公室在3日19時50分許曾發布「關於調整珠澳口岸疫情防控措施的通告」，自8月3日20時起，經珠澳口岸出入境人員由需持有7天內核酸檢測陰性證明調整為需持有24小時內核酸檢測陰性證明。自7月31日21時至8月7日21時從澳門入境珠海且不再返回澳門的人員，須進行「三天兩檢」核酸檢測。
據悉，8月3日珠海市在對珠海通關人員核酸採樣檢測中發現2名澳門居民新冠病毒初篩陽性，經珠海市疾控中心及澳門複核陽性。</t>
  </si>
  <si>
    <t>新冠肺炎對觀光業營運造成嚴峻考驗，續旅遊業者雄獅開出第一槍後，晶華（2707）國際酒店集團亦啟動自救方案，董事會決議董監事將不領取2019年酬勞，高階主管主動減薪30％，人事部則積極規畫「觀光業轉型培訓」課程，以保障全體同仁工作權益為首要目標。
在短、中期資金無虞狀況下，晶華為維護股東長期投資權益，董事會仍通過2019年下半年股利分派案，擬配息3.9206元，盈餘配發率約82.54％，以23日收盤價94.8元計算，現金殖利率約4.14％。合計2019年共配息10.0454元，盈餘配發率達94.95％。
新冠肺炎疫情延燒全球，不只傷害世人健康，對經濟產業破壞力更為強大。面對住房率雪崩及市場消費信心動搖，觀光飯店業受傷慘重。晶華對此除採取一系列積極自救方案外，也呼籲政府正視觀光產業面臨困境，盼立刻有效率且準確的給予業界必要協助。
晶華董事長潘思亮表示，員工、股東、消費者與社會大眾的權益必須兼顧，雄獅做出令人欽佩的表率決定，感謝晶華董監事們支持跟進，並感念主管願意共體時艱。集團將持續優化產品面與服務面競爭力，善盡企業社會責任，讓晶華維持最好的戰力來迎接未來挑戰。</t>
  </si>
  <si>
    <t>台灣、中國大陸等半導體大廠為迎戰2021年5G、車用電子需求，目前正進行製程升級，其中台積電、日月光正邁向先進製程及強化封裝產能。法人看好，在這波效應下，通吃兩岸半導體及面板大廠廠務設備的漢唐（2404）接單將有望水漲船高。
雖然新冠肺炎仍持續肆虐全球，但5G、人工智慧（AI）及車用電子發展趨勢相當明確，且技術研發及產品應用也並未停下腳步，目前各大半導體廠都開始布局相關技術。
其中台積電、日月光為搶攻先進製程市場，不斷進行產能擴增，特別是台積電在台南的Fab 18廠超大型晶圓廠（GigaFab）興建中的第四期至第六期，正是未來要投產的3奈米先進製程。
力晶集團在中國設立的晶圓代工廠合肥晶合，目前產能也受惠於驅動IC需求暢旺，產能呈現滿載，為因應未來市場需求，晶合正計畫啟動新廠建設計畫，最快N2新廠有機會2021年底前投片量產，後續更有數座新廠將逐步興建及量產。
除了半導體市場之外，面板市場也呈現熱絡狀態，原因在於未來車用電子將可望擴大面板應用，其中TCL華星光電就吃下三星蘇州面板廠，京東方也將併購中電熊貓，未來將有於業者進行資源整合及技術升級等需求。
法人指出，漢唐當前已經卡位進入台積電、日月光、TCL華星光電等半導體及面板廠供應鏈，隨著各大廠進行擴產及設備更新等需求，將有利於漢唐接單力道更加暢旺。
此外，漢唐公告9月合併營收達38.97億元、年成長195.8％，創下單月歷史第三高，累計第三季合併營收達119.67億元、季增19.7％，繳出單季新高的優異成績單。累計2020年前9月合併營收288.08億元、年增72.5％。
法人指出，漢唐下半年受惠於客戶新廠工程款逐步開始認列，推動業績逐步攀向高峰，預期後續隨著台積電、日月光及中國大陸等大廠擴產及新廠落成，漢唐業績將有機會再度創高。</t>
  </si>
  <si>
    <t xml:space="preserve">新冠肺炎在全球持續肆虐，台灣人最愛旅遊的國家日本、韓國確診人數急速上升，疫情也延燒到演藝圈，不少藝人怕疫情擴散，紛紛取消演唱會、簽唱會等大型活動。不過仍有活動單位出奇招，祭出「機械手」與粉絲握手，但引來部分網友批評「創意用錯地方」。
網友在推特貼出，日本東北偶像女團「 いぎなり東北産」（英文名：MADE IN TOHOKU）的握手會現場狀況；照片中可以看到，大家處在密閉式空間，每個人都戴上口罩，而女團成員拿著長長的機械手與粉絲間接握手，畫面相當逗趣。
其他網友看完照片後，紛紛留言「握不到偶像的手，是在握心酸的」、「不知道假手有沒有消毒，每個人都摸一下，倒楣的都是粉絲」、「不如停辦吧，密閉式空間耶」、「創意用錯地方，防疫敏感階段，大家先不辦活動不行嗎」。
更多 CTWANT 報導
</t>
  </si>
  <si>
    <t>本土疫情嚴峻，新北市長侯友宜昨宣布啟動第2階段病房清空計畫，預計增加至1043間專責病房，專門收治新冠肺炎患者，外界詢問該計畫何時達標。新北市衛生局長陳潤秋表示，第2階段計畫徵用1043間專責病房，這幾日已在逐步清空，陸續進行中。
陳潤秋補充，在第二階段尚未完全清空的情況下，新北市目前剩177間專責病房，3間ICU、9間負壓隔離病房，暫時量能還夠，但確實非常緊繃。
不過新北市確診數全台最多，若持續攀增，醫療量能無法負荷，是否期盼中央協助或統一調配？對此新北市副市長劉和然表示，目前先用第2階段的徵用床位為主，中央也已經啟動調度計畫，一切尊重中央彈性安排。</t>
  </si>
  <si>
    <t xml:space="preserve">我國球類陪練員昨確診新冠肺炎，成為國內體壇染疫首例，但中央流行疫情指揮中心、體育署都不願意透露患者的運動項目。社區防疫組副組長莊人祥表示，這位患者目前狀況穩定，屬於輕症。
這名國家隊陪練員在2月16日到24日前往西班牙，隨後2月25日到3月7日轉往德國，3月8日到15日換去英國隨隊比賽，3月16到17日到法國轉機，17日返台過後，跟著國家隊接受體育署安排前往北部防疫基地，卻在18日因為頭痛、鼻塞與眼睛痛就醫。目前這位患者狀況穩定，屬於輕症。
</t>
  </si>
  <si>
    <t>紐約州新冠肺炎（ COVID-19 ）確診病例數突破1萬人，成為美國疫情最慘重的地區，對此就有網友好奇「紐約為何比其他城市還多好幾倍？」貼文一出隨即掀起熱議，更有知情人士點破一致命關鍵，直言「紐約完全大染缸！」
原PO今（22日）凌晨2時許在PTT「八卦板」PO文指出，「太誇張了！現在美東才幾點，紐約就即將單日破2k，其他比較嚴重的地方像是加州跟華盛頓州也才一百多，為何紐約如此嚴重啊？是最認真驗？有沒有八卦？」
貼文一出隨即掀起網友熱議，眾人直指「人口密度高」是其致命關鍵，「密集度其實有差」、「差不多香港那種擁擠程度」、「紐約是美國裡最像亞洲的城市，難停車、擁擠、高密度」、「人口太密集，所以台灣沒炸也真的很神了」、「你去過就知道那邊的擁擠跟髒亂不是美國其他城市能比的」、「紐約去哪裡都擠，又倚靠老舊通風不良的地鐵，一出門風險就很大」、「人口密度太高，完全大染缸、大雜燴」。
也有不少人認為，「醫療資源相對多且認真驗」、「認真驗的原因啊！不像亞洲某國蓋牌」、「全球金融中心，每天很多歐洲人來，歐洲爆，紐約一定爆」、「咳嗽不戴口罩＋密集地鐵空間」、「美國恐怖的是窮人和遊民應該到死都不會去驗，死不了的就到處散布病毒，偏偏現在是大右派執政」。</t>
  </si>
  <si>
    <t>美國北卡羅萊納州2周前出現民眾上街示威「反封城、反居家令」。不過，諷刺的是，抗議活動領袖惠特洛克（Audrey Whitlock）稍後也被確診感染新冠肺炎，必須隔離14天。之後，她向支持者宣稱隔離期已結束，將繼續投入街頭抗爭，此舉引來美國網民炮轟，痛批她根本是「殺人犯」。
據報導，反封城團體「重啟北卡」（REOPEN NC）固定每周二在州長庫柏（Roy Cooper）的官邸旁集會抗議，要求州長撤銷封城令，讓他們恢復原有的生活，並認為強制隔離政策違反憲法。這場街頭抗議已持續3周。發起人之一的惠特洛克缺席前2次抗議活動後，遭人踢爆她已確診，需強制隔離14天。另1位發起人史密斯（Ashley Smith）亦證實此事，但強調惠特洛克3周前就已確診，隔離期間皆未外出。
惠特洛克於26日晚間，透過社群媒體表示隔離期已過，期間她並沒有出現任何症狀，因此將出席28日的抗議活動。最終，抗議活動發起人史密斯等共4名示威者遭到警方逮捕。
美國網民認為，此事相當諷刺，也呼籲其他參加示威的民眾應該趕快接受病毒檢測。網有認為，示威民眾根本不了解疫情的嚴重性，發起人惠特洛克和史密斯的舉動造成其他人陷入風險，若免疫力較差的人感染，甚至可能失去生命，怒斥他們如同「殺人犯」。</t>
  </si>
  <si>
    <t>雲林縣政府30日公布新增境外移入確診個案1例，案16101為本國籍19歲男性，長年居住在印尼，本月27日返台就學入境，持有3日內PCR檢驗陰性報告，入境時無症狀，於外縣市集中檢疫所居家檢疫，期間無不適症狀，29日採檢結果PCR陽性，目前在外縣市醫院治療。
雲林縣長張麗善表示，案16101並未回到雲林縣，所以沒有相關足跡，也沒有進行匡列，請縣民不要過於擔心，但平日還是要做好個人防疫措施。
張麗善說，因應大專院校將於9月陸續開學，目前雲林縣配合中央規範滾動式調整，訂定雲林縣9月1日開學防疫指引，包括學校教職員工及工作人員，應符合完成疫苗第1劑接種且滿14日的入校條件。
疫苗第1劑接種未滿14日或未接種者，首次進入校園前應提供3日內抗原快篩或PCR檢測陰性證明，之後每7日進行1次抗原快篩或PCR檢驗為原則。
張麗善說，考量縣內教職員快篩需求，縣府30日啟動「110學年高中職以下教職員工開學快篩專案」，30、31日於各醫院提供縣教育處造冊的教職員快篩服務，請務必依學校通知時間及地點前往。</t>
  </si>
  <si>
    <t>新冠肺炎肆虐，民眾恐慌搶購口罩，引爆「口罩之亂」，政府也開始宣導「口罩不必隨時戴」觀念，口罩彷彿當前最珍貴物資。一位正妹痛批，行政院長蘇貞昌的口罩實名制政策，讓大家一個口罩平均要用三天半，如今大家的問候語都是「你有買到口罩嗎？」「你這口罩用幾天了？」
網友在臉書社團「韓家軍 市政宣揚」發文，寫道：「輸怨長（蘇院長）的7天領二個口罩，真是罩不住大家，換言之一個口罩要用3天半，那現在大家見面的問候語……要改了……『你有買到口罩嗎？』『你這口罩用幾天了？』」文末更特別標註了「全民森七七，有苦難言」關鍵字。
文章一出，迴響熱烈，獲得超過1500個讚。其他網友紛紛回應：「出去戴一個，順利的領兩個，是否只剩一個，不是折騰是什麼？」「腦殘的政府，怎麼不直接發給每一區的里長，由里民統一拿身份證去領，即省事又省時，也不用排隊，真是無能到可以了」、「都買不到」、「奇怪，以前SARS時候也沒欠缺口罩，時代越進步，生活水準卻越退步」。</t>
  </si>
  <si>
    <t>中央流行疫情指揮中心日前宣布將開始針對12歲至18歲的青少年施打疫苗，而學生如接種疫苗可有3天的「疫苗假」、必要時得延長，勞動部表示，如在疫苗假期間，家長有照顧學生需求，其中1人可以申請防疫照顧假，但不強迫雇主給薪。
為因新冠肺炎疫情、降低感染風險，並讓整體防疫更加完善，衛生福利部及教育部規劃共同為年滿12歲至未滿18歲的青少年，進行疫苗接種服務；依教育部通函指出，此次接種疫苗對象為全國國中、高中、五專前三年及110年9月1日前滿12歲國小學生，包含特教學校、實驗教育、矯正學校及少年觀護所、境外台校、外僑學校、中正預校、大學附設七年一貫學制，針對接種疫苗的青少年，自接種當日起算3日如發生不良反應可以申請疫苗假。
勞動部條件司司長黃維琛表示，在疫苗假期間，家長如有親自照顧學生需求，其中一人得申請防疫照顧假，而疫苗假必要時可以延長、防疫照顧假也可以跟著延長。
勞動部提醒，受僱家長其中1人得請防疫照顧假，雇主應予准假，且不得視為曠工、強迫勞工以事假或其他假別處理，亦不得扣發全勤獎金、解僱或予不利之處分。家長除得請防疫照顧假外，也可以選擇請家庭照顧假、特別休假或事假以為運用。雇主尚不得要求先請畢家庭照顧假或其他假別，始得請防疫照顧假。</t>
  </si>
  <si>
    <t>新冠肺炎疫情升溫，不只衝擊觀光業，北市雙層觀光巴士也成為重災區，從原本的一天25班減為一天12班，甚至平均一天至少有3、4班一整天載不到客人，因此，業者將祭出優惠搶救載客量，推出銅板價就可搭雙層巴士外，還有壽星攜帶朋友，只要799元有24小時票券外，還包含台北當天住宿，相關優惠最快本周上路。
北市雙層觀光巴士由紅、藍兩條路線組成，主打一次遊覽熱門景點，包含西門町、台北101、士林夜市、故宮博物院等，高度仰賴外國觀光客，台北市雙層觀光巴士執行長徐浩源表示，現在境外旅客不能進入，常常一整天大概3至4班出現「0人」的狀態，創下通車3年來新低紀錄。
徐浩源表示，新冠肺炎疫情升溫，但因為雙層觀光巴士是露天開放的，因此感染風險不如一般的密閉大眾運輸工具，未來陸續祭優惠搶救載客量。
徐浩源指出，近日將推3周年紀念票，除了50元銅板便可搭乘雙層觀光巴士外，而這次疫情也衝擊到商圈，因此這次也配合100家商圈，只要憑紀念票去消費，最低可以享5折的優惠。
另外，針對壽星攜伴，在生日當天、生日的前後各3天，共計7天內，可享有2人同行、200元的24時票券，再加599元還能入住北市四星級旅館，包含享用早餐，等於兩人只要799元，相當優惠划算。</t>
  </si>
  <si>
    <t>台灣新冠肺炎疫情本土確診數最近不斷增加，今(22日)指揮官陳時中宣布新增321例本土病例，校正回歸400例，從5月16日到21日病例數皆有調整，其中「校正回歸」四字引來網友討論，前主播蕭彤雯稍早發文，用記帳的例子解釋此事，希望淺顯易懂讓粉絲了解。
今中央流行疫情指揮中心指揮官陳時中照往常在下午2時舉行記者會，公布每天本土及境外移入的確診案例，稍早傳出今日確診數可能會增加不少，陳時中說，今本土確診案例為321例，境外移入2例，其餘有400例本土個案校正回歸到先前每日個案數。
從校正回歸後的病例數看來，從5月16日起本土案例為為245例（5/16）、406例（5/17）、325例（5/18）、359例（5/19）、360例（5/20）、349例（5/21），今則為321例，高峰落在5月17日。而陳時中也解釋，這400例是先前採檢完但還沒檢驗的個體，今清理完畢，需分配回到原本的採檢日，才能研判疫情趨勢。
對此，蕭彤雯發文解釋「校正回歸」，「跟我一樣沒學過會計的人，或聽不懂一大堆術語的人，我來推一個彤粉給的通俗解釋：每天都記帳，但是今天才發現皮包裡有一張上星期三的發票沒記到帳。這張發票該算在上星期三的，還是今天的帳呢？差不多就是這樣的概念。好淺顯易懂啊！」並補充：「底下有人說也可以解釋成5/18刷卡，5/22入帳的概念」。
然而蕭彤雯發文不久後刪文，稍早她解釋刪文主因，生氣說：「這社會最可怕的不是政治凌駕一切，而是民眾自己爭先恐後的讓政治凌駕一切」，她只是想用比喻讓她大家方便理解，「但更多人跑出來罵這些問問題的人，我對這點真的感到莫名其妙！這些人是要表示你們很厲害嗎？到底是在兇什麼？看不懂的人是有犯法嗎？」，最後無奈說：「不想看到那些自以為了不起的留言，只好刪文」。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
新冠肺炎疫情持續延燒，所有第一線醫療人員都傾盡全力在抗疫，不過有網友PO出醫療人員的便當，和之前台商在隔離所的菜色相比遜色許多，並透露以男生的食量，這樣的便當已經「漲了10元還吃不飽」，希望大家可以稍微體諒吃不飽還要上戰場抗疫的各界人士，引起網友熱議。
一名女網友在Dcard分享了男友前陣子在醫院的員工便當照片，一塊肉及三格配菜，再加上一顆像丸子的東西，裝飯的格子還有留白。當時台商住在隔離所的便當菜色，不僅有雙主菜，還搭配了4、5樣配菜，整個便當盒裝得滿滿，2個便當相比起來，讓原PO相當疑惑「是醫院便當太可憐，還是隔離所便當太豐盛？」
原PO表示醫院便當原本是一個70元，後來漲了10元，但這樣的份量以男生的食量來說還是吃不飽，他們還得抽空到樓下超商買東西果腹。原PO最後也表示，「希望大家能夠稍微體諒吃不飽還要上戰場抗疫的各界人士。」
網友看完後紛紛在貼文下留言，有護理系網友馬上認出這是「台大便當無誤」，同業網友也無奈留言「這就是為什麼我們都叫外送」，還有其他網友表示同情，「這個80元不合理」、「怎麼有力氣繼續照顧病人。」
更多 CTWANT 報導
</t>
  </si>
  <si>
    <t xml:space="preserve">在NBA無限期停賽期間，仍在社群媒體相當活躍的湖人「小皇帝」詹姆斯，9日接受視訊訪問時再次放話，「我很樂意迎接本季的正式回歸，我們的狀態能在復賽後開始為了總冠軍而戰，我更希望能有球迷在觀眾席上的比賽，但我不知道能否成真。」
詹姆斯在這次美國新冠疫情爆發期間，態度始終一變再變，從一開始放話拒絕打沒觀眾比賽，到了後來變成呼籲大眾努力防疫，就算停賽也沒關係，但他卻是本季假如剩餘賽季不打，損失最大的NBA球星之一，因為只要少打1場，他約損失40萬美元。
只是隨著NBA找不到真正可行的復賽方案，詹姆斯強調自己無論如何都會珍惜一些本季的特殊時刻，「假如我們沒有機會可以打完本季，我不覺得自己可以找到任何寬慰。追根究底我們必須同意，健康平安是最重要的，當我們控制好這點，才可處理其他事情。
畢竟湖人本季奪冠呼聲很高，詹姆斯當然很想趕緊復賽，「我現在每周至少訓練4到5次，儘量保持最佳狀態，不管本季何時恢復，我都讓身體與頭腦做好準備。不過最重要的還是美國本土與全世界人們的安全，要控制好疫情，努力達到我們可以復賽的階段。」
</t>
  </si>
  <si>
    <t>台北市今日新增9例確診個案，其中案15426曾去過全聯西門町店，足跡顯示她連續3天都待在全聯長達10多小時，北市副市長黃珊珊證實，該婦人為全聯女員工，由於先生11日確診，因此被匡為居家隔離對象，但因過去的確有接觸消費者，因此公布足跡讓民眾警惕。
北市衛生局下午公布確診個案公共場域活動史，案15426為一名婦人，15日採檢確診，曾於6日、7日的中午12時50分到下午1時10分出入萬華廣州街機車行，6日到8日時也曾到全聯西門町店工作，時間為6日到8日的下午1點到深夜11點半，時長達10多小時，共匡列接觸者5人。
黃珊珊證實該婦人為全聯店員，並說她先生已在11日確診，因此她有幾天都在居家隔離，目前匡列都是曾經有接觸過的人，包括機車行老闆和一起聊天的人，因為她當時是在居家隔離階段，所以狀況應該沒有發散出去，但她的確有接觸消費者，所以才會公布足跡。
外界關心另名案15424明明在13日確診，為何去過的好市多、IKEA沒有立即停業清消？黃則解釋，因為該案於晚間9點多才被通報，市府第一時間通知業者，告知有些地方待得久，危險性較高，也說該案匡列對象皆為家人與親密接觸者，並沒有職場或公共場域的人。
至於好市多收銀員為何至今尚未接種疫苗，北市副市長蔡炳坤則解釋，大賣場收銀員屬第7類施打對象，是由中央主管機關、也就是經濟部負責造冊，再媒合醫院通知接種。</t>
  </si>
  <si>
    <t>新冠肺炎疫情嚴峻，全國防疫升為三級警戒，為避免群聚疑慮，東吳大學今(19)日宣布，全校遠距教學由原預定的兩周延長為全學期，至6月26日止，期末考原則上採線上考試，或繳交書面報告取代。
至於實驗課、音樂展演等其他課程，學生必須到校考試者，東吳大學表示，得先向教務處申請，並拉大考試座位間距，注意教室通風，符合防疫規定。
東吳大學提到，6月即將登場的畢業季，因疫情關係，決議取消全校性的畢業典禮，改為線上舉行。至於各系的畢業或撥穗活動，校方也決定全面取消。
為了防堵病毒入侵、守護師生健康，東吳大學指出，也已在5月15日以及5月16日分別完成城中校區和外雙溪校區的大規模消毒工作。學校鼓勵住宿同學返家進行遠距學習，宿舍內同學避免在校外活動。有關教務、學務、國際交流的詳細配套，請參考東吳大學官方網站。
另外，東吳大學並指出，推廣部部份課程已採遠距教學，其他課程順延或停課等公告，請以推廣部官方網站、手機簡訊或Email通知為主。</t>
  </si>
  <si>
    <t xml:space="preserve">日前有民眾反映「口罩變薄」，但疫情指揮中心已經解釋過，其實這類口罩一樣具有防疫功能，只是差了一層可防血液潑濺。有一名網友在臉書上貼出一張口罩照片，並發文表示，女友在新竹的藥局排隊領了口罩，但口罩卻非常薄，讓他有不小的疑慮。
原PO在臉書社團《爆怨公社》貼出一張口罩照片，內文提到，他沒有要怪藥局或政府，單純抒發，且上網查過新聞，有人也跟他一樣拿到輕薄透光的口罩。同時原PO也秀出藥局號碼牌證明自己是在藥局購入，絕非造假。
照片一出引來網友熱議，部分網友在底下秀出自己買到的口罩，並認為原PO的口罩是瑕疵品。對此，一名網友就跳出來解釋，疫情指揮中心之前已在記者會上清楚說明過，有分「一般醫用」與「外科手術用」口罩，兩種都有阻絕病毒的效果，外科用的多了防血液潑濺效果。
同時，這位網友也PO出友人剪開輕薄口罩的照片，他說明，其實裡面依然是三層口罩，在防護使用上並沒有疑慮。
</t>
  </si>
  <si>
    <t>本土疫情嚴峻，各縣市近日已陸續對轄內85歲以上長者施打疫苗，未料全台卻傳出10多位長者施打疫苗後猝死的案例。新北市長侯友宜今表示，前2天施打率接近6成，但今日施打率只有47％左右，不到5成，相信許多長者看了新聞報導後有受影響，但仍要持續觀察，將研究分析原因。
侯友宜表示，昨天跟前天施打率將近6成，今天施打率下來只有47％左右，不到5成，長者施打後新聞媒體報導猝死案例，相信很多長者看了新聞後受到影響，但仍要持續觀察、研究分析，但施打率確實比前2天低，從6成掉到剩不到5成，事後原因仍要好好分析。</t>
  </si>
  <si>
    <t xml:space="preserve">新型冠狀病毒未見趨緩，民眾出外用餐總是擔憂，有鑒於此，遠傳(4904)今日宣布，推出智慧餐飲工具「一指點」，餐飲業者免建置系統，僅須前往遠傳直營門市申辦，客人掃描就能用自己的手機完成零接觸的點餐、結帳。
遠傳表示，防疫期間儘管人人戴口罩，但進入餐廳不免取下，點餐交談仍有風險，遠傳「一指點」可讓客人免下載App，只要掃描桌邊QR-Code點餐，店家前台就能收到品項並憑單出餐，避免點餐交談可能的飛沫傳染；「一指點」也提供客人選擇現金、信用卡、LINE Pay等支付方式，選擇信用卡或LINE Pay則可連同結帳也避免交談。
對於餐飲業者，遠傳「一指點」不但能使客人更加安心，也可趁防疫期間化危機為轉機完成數位轉型，不但一舉導入刷卡、行動支付等工具，也節省前台點餐端的人力，而點餐數位化也便於店家盤點。「一指點」支援內用與外帶接單分流，店家也能透過「自行外送」選項免去平台抽成費用，內建「營業報表」功能更讓店家可透過後台檢視銷售數據。
遠傳企業暨國際事業群執行副總經理曾詩淵表示，數位經濟大幅改變全球產業樣貌，遠傳致力成為中小企業最佳數位夥伴，能快速滿足不同產業類型企業多樣化需求，遠傳憑藉著電信專長自行開發軟體，推出「一指點」協助店家提高效率、拓展客源，落實以科技應用。
餐飲業導入「一指點」不須增購設備，即日起遠傳全台340間直營門市開放申辦，月租費688元，防疫期間遠傳額外提供店家「點餐美食廣告平台」加值服務，透過電信大數據暨演算法，藉由導客增加流量的平台經濟模式，幫助業者精準行銷目標族群。
</t>
  </si>
  <si>
    <t>台南市新增1例疑似疫苗不良反應的死亡案例。台南麻豆區一名89歲老翁，16日上午返回戶籍地大內衛生所接種AZ疫苗，隨後回麻豆區住所，當晚出現食慾不振、身體不適，深夜送醫急診，19日不治，醫院診斷為慢性阻塞性肺部疾病及心肺衰竭。台南市衛生局獲報，今天通報中央研判是否與疫苗有關，也會協助申請預防接種受害就濟。
台南市目前累計3起疑似接種疫苗後死亡的案例。首例是中西區90歲老翁，無慢性病史，15日施打疫苗後，16日猝死家中；第2例是安南區護理之家的86歲老婦，有阿茲海默、心衰竭、C型肝炎等多重慢性疾病，15日接種疫苗，17日因心跳加速送醫急救，宣告不治；麻豆區89老翁為第3例。
但衛生局也強調，目前中央流行疫情指揮中心根據各縣市回報不良反應，並沒有因疫苗引起的直接反應。</t>
  </si>
  <si>
    <t>北市防疫旅館爆出篩檢後隔天又出現症狀，而沒有再次篩檢，引發質疑。市長柯文哲今早表示，已下令更改SOP，所有防疫旅館都發放快篩劑，出現症狀就篩檢，衛生局下午進一步表示，SOP再稍微調整，只要有疑似症狀，就建議直接送醫做PCR採檢。
對於防疫旅館加強措施，北市衛生局專委歐佳齡表示，所有民眾都可以打第三劑，也要求防疫旅館務必接種，中央今天宣布增加家公費家用快篩頻率，入境後三、七、十天快篩，最多會做三次篩檢。
歐佳齡表示，會確認是否在民眾在入境地方領取使用，防疫旅館會做全面性查核，如果有相關防疫措施，會去了解防疫管理部分有沒有落實，其他部分，如有疑似症狀還是要做PCR採檢，這部分會稍微調整，只要有疑似症狀就建議直接送醫做PCR採檢。</t>
  </si>
  <si>
    <t>2020年天災人禍肆虐，全球籠罩在新冠肺炎疫情的陰影之下。台南市議員蔡筱薇、李啟維在今日協助台南基督長老教會台南中會舉辦「七月平安暝，台灣好萬年－2020 心靈重建平安音樂會」記者會，希望透過音樂撫平大家心靈的哀痛。
「七月平安暝，台灣好萬年－2020 心靈重建平安音樂會」將於9月6號於台南市南島路及建平路口舉行，主辦單位邀請台南在地嘻哈歌手大支參與演出，除此之外，更找立法委員陳柏惟上台演講。
台南市議員蔡筱薇指出，2020年是一個很特別年份，無論是新冠肺炎、東京奧運延期、李前總統逝世等情況，都讓許多人陷入哀痛之中，期盼藉由世界語言「音樂」一起為台南市民祝福祈禱。市議員李啟維也表示透過平安音樂會，可以傳遞耶穌基督的福音給台南市民，帶給鄉親更多祥和。
台南市基督長老教會台南中會議長黃偉力則在記者會中帶領議員及與會貴賓進行禱告儀式，除了期許台灣疫情穩定之外，也將更多的愛與祝福傳遞給其他國家。</t>
  </si>
  <si>
    <t>雖然世界衛生組織WHO還沒把新冠肺炎列為全球流行疾病，但疫情已擴散至73國，確診案例超過10萬例，2.9億學生停課。醫界權威雜誌《柳葉刀》3月7日發表社論《COVID-19：太少，太晚？》（COVID-19: too little, too late?），直接批評各國政要對疫情的防控遲緩而無效，強調：「病毒沒有『價值觀』」。
該文援引WHO大陸聯合行動小組的報告，稱大陸針對新冠肺炎疫情的公共衛生防控措施，可能是「歷史上最野心勃勃的、最靈活的、最積極的疾病控制行動（ambitious, agile and aggressive disease containment effort in history）」，雖然封城、停班、停課等措施對大陸的經濟及產業造成嚴重影響，但這些防控措施卻拯救了成千上萬人的性命。
官民全員動起來抗疫
《柳葉刀》認為，新型冠狀病毒對已開發、開發中等國家有不同的挑戰，醫界憂心的是各國公共衛生體系如何應付疫情的擴散。大陸可以成功防疫，很大程度上取決於大陸擁有的強大行政體系，可以在受到新冠病毒疫情威脅時動員起來，再加上大陸民眾遵守嚴格的公共衛生程式，例如監控患者、詳盡的疫調追蹤、社交疏散、旅行限制、教育公眾手部衛生，以及延後不必要的活動與服務。
時至今日，證據表明大陸官方在公共衛生方面投注的巨大努力，已挽救數千人的生命，《柳葉刀》社論認為：「各國領袖可從這些重要的大陸經驗中學習。」目前各國正面臨自家疫情擴散的問題，儘管各國醫界和科學界一再警示新冠肺炎防疫的重要性，但防疫可能導致的經濟放緩和停擺，讓各國領袖不敢放手一搏；而在非洲、拉丁美洲、中東的許多國家的公衛體系都還沒有為已發生或可能的疫情做好準備。
拒絕握手成全球運動
由於新冠病毒是透過飛沬傳染，且傳染性極強，最可怕的是有3成患者是沒有症狀或症狀輕微，但具高度傳染性的帶原者，防不勝防。
為此，全球人們「打招呼」的方式也開始改變，握手、親吻臉頰、擊掌、碰鼻、擁抱等近距離接觸的友好方式，因為具有傳染高風險，已不能使用，歐美各國出現許多不同的打招呼方式，例如正在英國舉行的歐洲青年聯賽的足球場上，年輕球員、裁判以互相擊肘表達運動員風度；石油輸出國組織多位官員在維也納參加會議，用碰腳代替握手、擁抱；如佛教徒般雙手合十或中國傳統的抱拳作揖，也成為歐美人彼此問候的流行手勢。
雖然問候方式改變，但人們的慣性難改，例如德國總理梅克爾參加內閣會議時，習慣性向內政部長傑霍夫伸出右手，想禮貌性握手，卻遭對方婉拒，梅克爾也只能尷尬一笑，趕緊入座。正在卡達多哈舉行的2020桌球公開賽，在一場雙打比賽前，裁判也拒絕和女選手握手，女選手楞了幾秒，才回身站好。
小靈通 擊肘問候
以肘碰肘的方式示意友好的動作。一說來自夏威夷，莫洛凱島上的卡勞帕帕半島是流放麻瘋病人區域，1969年隔離政策取消，許多人開始在卡勞帕帕以外的地方參加教堂禮拜；由於麻瘋病是透過接觸病患而傳染，教堂的會眾、牧師對近距離接觸保持警惕，採碰肘方式打招呼，表示誠意，1970年代初期開始由夏威夷教堂外傳；另一種說法，是來自拳擊場上2位選手拳頭碰拳頭互表尊重的變化。（廖慧娟）</t>
  </si>
  <si>
    <t>Rudy Gobert is donating more than $500,000 to support both the employee relief fund at Vivint Smart Home Arena and COVID-related social services relief in Utah, Oklahoma City and within the French health care system.» https://t.co/dxy82zTqp3
爵士中鋒戈貝爾(Rudy Gobert)在公開道歉之後正式對大眾做出補償，他15日宣布捐出50萬美元(約台幣1500萬)來幫助防疫，包括支援那些因為停賽而生計受影響的時薪工作人員。他慷慨的行為讓球迷也不好意思再罵他了。
戈貝爾透過球團聲明：「我明白有些人可能因疫情陷入各種困境，這些捐款聊表我對他們的感恩與支持，也是我試圖發揮正面影響力而邁出的第一步，同時我繼續了解並普及新冠病毒(COVID-19)的知識給大眾。」
美媒ESPN報導，捐款的其中20萬美元拿來補貼爵士球場的時薪工作人員，10萬美元幫助猶他州的染病家庭，10萬美元幫助奧克拉荷馬市的染病家庭(因為他染病時跑去客場作戰)，最後10萬美元捐給法國健保系統(戈貝爾是法國人)。
爵士球迷稱讚戈貝爾知過能改，「他一時糊塗犯了錯，但他實際上是個好人，請媒體不要再攻擊他了。」</t>
  </si>
  <si>
    <t xml:space="preserve">日本新冠疫情突然降溫，連當地人都無法確定原因，不過最新研究發現，日本疫情突然降溫可能是Delta變異株自我毀滅的結果。
日本第5波新冠疫情在9月之後突然降溫，連當地人都相當困惑，外媒大致統整出幾個原因，包括日本疫苗接種率衝高、日本人的戴口罩習慣、日本人減少出遊等。
不過最新研究發現，主要原因可能是Delta變異株自爆。綜合共同社、《中日新聞》報導，日本國立遺傳研究所及新潟大學的研究團隊於30日得出結論，指出第5波疫情降溫可能是因為負責修復Delta基因組突變的酵素「nsp14」出現變化，導致病毒活性喪失。
According to the National Institute of Genetics in Japan #Coronavirus #Delta are self-destructed in lack of self-recovery of genome 🧬 due to change of enzyme “nsp14”.That may be on of the factors that decreasing the new positive cases in Japan.#nsp14 https://t.co/DaCYtynIwx
研究指出，病毒在傳播時會複製基因組，但有時會發生錯誤及突變，這類突變累計過多的話將導致病毒無法繼續繁殖，但是如果nsp14及時修復基因組的話，無法繁殖的狀況將可以預防。
The termination of covid-19 infection in Japan may have been influenced by the death of the Delta strain which failed to repair the genomic mutation. It is speculated that an enzyme called "APOBEC" that mutates and destroys the virus in the human body changed nsp14. pic.twitter.com/ZAQUS2ksHe
研究團隊分析日本國立傳染病研究所公開的日本新冠基因組數據，發現第5波疫情中，隨著感染蔓延，nsp14酵素已經發生變化的病毒佔比也愈來愈多，到8月下旬日本疫情進入高峰之前，大部份病毒幾乎已被這類酵素發生變化的病毒所取代。
國立遺傳研究所教授井上逸朗表示，病毒的基因組都突變了，「修復跟不上，所以就死了。」指出病毒來不及自我修復而滅絕。
研究還發現，2020年秋天至今年3月的第3波疫情也有類似趨勢。
這份研究已在10月於日本人類遺傳學會上公開。
</t>
  </si>
  <si>
    <t>七六人跨年夜在客場痛宰魔術，現場開放4000位球迷進場，七六人總教練瑞弗斯(Doc Rivers)對當地人防疫的鬆散感到不可思議。瑞弗斯說：「我實在怕得要命，我很訝異大家對疫情毫不在乎，我明白球場裡只開放3000多人(滿座2萬)，但好多人沒戴口罩還是令我吃驚。」
魔術主場在佛州奧蘭多，也就是去年聯盟復賽的地點。佛州是限制比較少的州，最近全面解禁，這裡的人可能跟其他地方過著不一樣的防疫生活。瑞弗斯說：「我無意講任何州的壞話，我只是覺得這裡怎麼如此開放。」費城七六人主場在賓州，那裡是防疫比較嚴格的地方。
2020年結束後，佛州累積132萬新冠肺炎病例是全美第3，有2.1萬人死亡。賓州累積65萬病例、1.6萬人死亡。
七六人先前在客場打騎士隊，現場只開放300人，可見每個州的把關力道不一。瑞弗斯肯定NBA的防疫規定，「他們讓我在球場裡覺得很安全，即使必須跨州移動，聯盟的規矩也是一直跟著我們。像是奧蘭多的餐廳已經開放，但是聯盟一律不許我們進入，我認為這是很棒的防疫政策。」</t>
  </si>
  <si>
    <t>西洋流行樂壇天后瑪丹娜（Madonna）日前才自爆體內驗出新冠肺炎抗體，還口出狂言會外出呼吸新冠病毒空氣，更去參加攝影師好友史蒂文卡萊恩的生日派對，完全無視病毒，今(7日)她發文承認的確有感染病毒，同台表演者也生病，但現在大家都很健康已經痊癒了。
 Im Grateful that I can be a part of supporting Research to Find the cure for Covid -19!! 🙏🏼 And just to clear things up for people who would rather believe sensationalist headlines than do their own research about the nature of this virus— I am not currently sick. When you test positive for anti-bodies it means you HAD the virus which I. clearly did as I was sick at the end of my tour in Paris over 7 weeks ago along with many other artists in my show but at the time We all thought we had a very bad flu. Thank God we are all healthy and well now. Hope that clears things up for the band wagon jumpers!! Knowledge is Power! #covid19
A post shared by  Madonna (@madonna) on May 6, 2020 at 10:18am PDT
新冠肺炎疫情重創世界各國，流行天后瑪丹娜（Madonna）日前才在網上自曝，她日前接受檢測，結果驗出體內有抗體，引發外界一片熱議，而她在台灣時間7日再發文表示，約在2個月前在巴黎舉行巡迴演唱會時，她的表演者都掛病號，而瑪丹娜自己也出現症狀。
瑪丹娜起初以為他們只是一般流感，因此沒放在心上，而瑪丹娜也感性嘆，所幸他們都已康復痊癒，強調他們都很好、很健康。她也強調不是最近生病的，大約2個月前到巴黎展開巡迴演唱會，活動快結束時她出現症狀，合作同台的人也都有生病。
瑪丹娜日前雖檢驗出新冠肺炎抗體，但她無視社交禁令，自行解除隔離，表示要開車去兜風，之後又去攝影師好友史蒂文卡萊恩的生日派對，引起爭議，因為世界衛生組織(WHO)之前才發聲明，表示目前還沒證據表明，具有新冠病毒抗體、染疫康復者可以躲過二次感染，因此就算有抗體，也有感染風險。</t>
  </si>
  <si>
    <t>前衛生署長楊志良日前參與聯亞疫苗的二期臨床試驗，但他昨天自爆6月7日抽血檢測體內抗體（ANA）僅有40且為陰性，質疑國產疫苗效力，然而醫師林靜儀在臉書指出，ANA是抗核抗體，是風濕免疫相關疾病的其中一個血清指標，COVID-19疫苗誘發的則是中和抗體；媒體問到楊志良的說法，是否會誤導民眾去驗ANA而造成醫護人員困擾？
中央流行疫情指揮中心指揮官陳時中表示，楊前署長應該要和醫師請教，一般來說如果不懂，就要和專業人士請教，對資訊的了解也會更透徹。</t>
  </si>
  <si>
    <t>衛福部開放新冠肺炎家用型檢測試劑，興櫃股萊鎂醫（6633）、達亞國際（6762）搶搭利多，宣布引進新冠肺炎檢測套組，激勵萊鎂醫股價15日開盤10分鐘「漲到熔斷」，衝上21.05元；達亞一開盤也隨即漲停鎖死。
國內疫情嚴峻，中央流行疫情指揮中心宣布開放新冠肺炎家用型檢測試劑，2檔興櫃生技股萊鎂醫、達亞國際喜迎利多。萊美醫宣布引進「萊析樂新冠病毒核酸檢測套組（Lucira Check It COVID-19Test Kit）」；達亞則引進盧西拉確可易（Lucira Health）新冠肺炎家用型核酸檢測套組。而兩家公司均證實，只要三步驟，就能於30分鐘得知篩檢結果，激勵兩檔興櫃股股價表現勇猛。
萊鎂醫15日受惠利多激勵，開盤10分鐘股價狂飆74.54％，觸動熔斷機制，股價衝上21.05元，較11日均價12.06元大漲8.99元；此外，去年年底上櫃的專業醫材廠達亞，股價亦於早盤跳空漲停鎖死，攻上漲停價333元，創兩個月來新高價位。</t>
  </si>
  <si>
    <t>國內自主研發疫苗再傳新進度，上周甫通過食藥署核准進行人體試驗的國光生技，今天宣布已進行第一波受試者施打，過程一切平順，可望按計畫於十一月底進入第二期臨床試驗，最快年底開始量產。
國光生技今天召開說明會指出，第一期臨床收案人數共約七十人，目的在於測試疫苗安全性，本周已有第一波受試者進行施打，過程相當平順。
國光生技董事長詹啟賢表示，第一期疫苗人體試驗與台大醫院合作，計畫由台大醫學院教授張上淳主持，對象為二十至六十歲的健康成年人，目前仍在持續收案中。
若第一期試驗順利通過，詹啟賢說接下來將與食藥署討論，但按規劃十一月進行的第二期臨床試驗，收案人數將達三千人，合作對象將不再僅限台大醫院，估計全台醫學中心都會參與。
進入臨床試驗第一期後，國光生技也表示台灣在全球的疫苗競賽中擠進前20％，詹啟賢指出，這一切關鍵在於國光生技早在二零一五年就建立重組蛋白技術平台，並於去年完成量產H7N9重組蛋白疫苗的準備，才有辦法迎頭趕上國際。
詹啟賢說，若順利明年農曆年前就可以生產一批一百五十萬劑的疫苗，優先供國內第一線醫護人員施打。</t>
  </si>
  <si>
    <t>新冠肺炎防疫期間，亞馬遜的電商、雲端運算與視訊串流業務需求強勁，該公司繼3月宣布增聘10萬人後，打算再招募7.5萬名員工，業務前景亮眼帶動股價改寫新高紀錄。
亞馬遜股價繼13日收在2,168.87美元後，14日盤中揚升至2,217.02美元，升幅為2.22％，突破2月19日的收盤紀錄2,170.22美元。
過去三個月來亞馬遜股價勁揚13.4％，同期道瓊工業指數大跌19.5％。
防疫期間民眾被迫待在家中，透過亞馬遜配送生活必需品，視訊串流成為宅在家的娛樂選擇之一，進而推升亞馬遜的雲端業務需求。
因應業務量激增，亞馬遜在抗疫期間為零售業務增聘17.5萬名全職和兼職員工，來處理爆量的訂單。該公司在全球聘雇約80萬人。
Upwork執長布朗（Hayden Brown）指出，新冠肺炎「加速企業數位轉型」，零售、雲端運算與視訊串流是最有贏面的市場。
在華爾街券商傑富瑞（Jefferies）追蹤的電商業者中，亞馬遜是唯一自新冠肺炎爆發以來，客戶支出增加的零售商，相較之下，eBay、Chewy和Etsy等零售商的客戶支出減少。
此外，根據影片與電視串流搜尋引擎服務公司Reelgood在3月16日至4月5日之間的統計，　亞馬遜視訊服務Prime Video在美國市場的受歡迎程度，僅次於串流龍頭網飛（Netflix）。
儘管亞馬遜的業務深具成長潛能，但依據過去經驗，該公司的成本仍可能輕鬆超越營收。亞馬遜為零售部門增聘大量人手，預料將壓縮獲利。
亞馬遜表示，公司計劃將員工時薪調高2美元，並將加班的時薪調高一倍，預估薪資成本將增加逾5億美元，高於先前預估的3.5億美元。
亞馬遜將於4月23日公布會計年度第一季（1至3月）業績。</t>
  </si>
  <si>
    <t>新冠肺炎〈NCP〉持續在全球升溫，不少民眾為了自保，紛紛搶購口罩、酒精等防疫商品，一名在藥局工作的網友近日在臉書上敘述一名客人口誤鬧出的笑話，讓不少網友聽了都笑到噴飯。
一名在藥局上班的網友日前在臉書社團「爆怨公社」發文，表示日前客人想要購買防疫的商品口罩和酒精，沒想到因為一時情急，口誤說成「請問有75%的口罩嗎??」讓原本因為回答超多次而超不耐煩的原PO忍不住笑回「雖然今天我已經回答1百多次這類問題，但是看在你這麼有創意的提問，我想你應該是想要一次問兩種商品吧，我還是認真回答你：攏某啦啦啦啦」。
文章曝光之後笑翻一票網友，不少人紛紛留言表示「客人累了」、「已經問了千百回，終於悟道了融會貫通的問法了」、「請問有醫療用酒精嗎？」、「親戚開藥局 聽過....75號酒精？95元酒精？95%口罩〈n95？〉....」、「我剛去吃飯服務人員拿額溫槍要噴手拿酒精對我額頭...」、「他問到累了」、「沒有，但有87%的，要嗎？」。</t>
  </si>
  <si>
    <t>對抗新冠肺炎，除勤洗手外，也要注意眼睛部位的預防。岡山秀傳醫院近來接獲1名女士使用乾洗手消毒雙手後，不慎揉了眼睛，以及1名工人進入正在整修的開刀房油漆，不慎誤按紫消燈開關，導致皮膚發紅和眼睛劇痛、流淚張不開眼睛。眼科醫師蘇娟儀呼籲，出外須戴口罩，並避免用手觸摸眼部，以保健康。
莊女士12日出席秀傳醫院的記者會，她說，平日在醫院擔任志工，因為用乾洗手消毒雙手後，不慎揉了眼睛，導致眼睛刺痛不舒服，趕緊沖水、就醫。經醫師檢查發現，患者的角膜輕微點狀破皮發炎，開立消炎藥水與人工淚液治療，兩天後痊癒。
另一例是1名工人要進入正在整修的開刀房油漆，不慎按了紫消燈開關，工作結束後，他的皮膚發紅、眼睛劇痛，淚流不止，趕緊就醫。經醫師檢查，他的雙眼角膜點狀灼傷，皮膚也有灼傷情形，醫師認為這是長時間暴露在紫外光線下，造成眼部灼傷、光害性角膜炎等，有灼熱、眼睛劇痛、視力減退等問題，治療後恢復正常。
岡山秀傳眼科醫師蘇娟儀說，新冠肺炎疫情持續延燒，在防疫期間，民眾要勤洗手、戴口罩，就算眼睛不舒服，也不要用手觸摸雙眼，避免感染。
新冠肺炎,台灣,岡山秀傳,眼科,口罩,勤洗手</t>
  </si>
  <si>
    <t>彰化員林秀妃養生館感染再擴大，今天下午新竹市長林智堅證實新竹1名50歲男子，21日曾到秀妃消費，昨天採檢今確診，目前已匡列4人隔離，但明明15日就三級警戒八大行業停業，卻能在21日消費確診令人不解，轄區警方表示每日都有派員查察，但這下臉被打腫，明顯有疏失。
彰化秀妃養生會館爆出員工確診，縣府積極查察匡列相關接觸者，掌握帳本40多名接觸者，現在又爆出新竹男子21日消費，店家偷偷營業的證據就擺在眼前，有民眾質疑，偷營業轄區警方是否都有掌握，還是知情不報，但有也民眾說，警方很辛苦不可能24小時盯著，可惡的店家才對。
彰化縣議員曹嘉豪就表示，15日3級警戒就宣布八大行業停業，但這種惡質店家依然偷偷營業，強烈譴責這種行為，而警方、醫護替人民守在第一線，加上這陣子值勤時時暴露在危險下，加上這麼多有心搗亂秩序的民眾，在督導查察上確實難免有疏失。
曹嘉豪說，這種養生會館多半在半夜偷偷營業，但警方人力有限，業務繁重，希望民眾能主動舉報，一發現有非法情事，就立即通報警方前往取締，非常時期希望大家能夠主動協助警方，別讓疫情持續擴散，共同防堵疫情擴散；而警方督導不周也將請相關單位嚴查。
而秀妃養生會館現在也傳出有分店，如果２家分店有互調支援，恐怕疫情擴散程度比想像中還要大，加上養生會館客人隱私問題疫調困難，病毒究竟來自員工、客人還是其他接觸者，目前縣府衛生局積極調查中。</t>
  </si>
  <si>
    <t xml:space="preserve">熱火「英雄哥」希洛最近運氣也太差了吧！先前才因頸部受傷缺席7場例行賽，才剛傷癒復出打了兩場的希洛，1日卻又遭逢噩耗，因為跟他同住的室友突然傳出新冠檢測呈現陽性反應，直接觸發聯盟健康與安全守則，至少面臨1周隔離。
根據希洛自己透露，其實在前役熱火與國王比賽打完上半場，他在休息室內接獲室友感染新冠消息，並不確定自己在下半場該不該出賽，但最後他選擇繼續上場，結果打了40分鐘，拿下15分、4籃板及3助攻，幫助熱火1分氣走國王。
假如希洛至少面臨7天隔離時間，對於熱火來說，算是相當大的壞消息，畢竟他在上季季後賽打出信心，本季逐漸變成熱火不動先發，場均可拿17.5分、3.8助攻，接下來少了他的外線火力，熱火勢必要有更多其他球員跳出來幫忙得分。
其實熱火本季始終受到新冠疫情嚴重影響，先前已有8名球員因為觸發聯盟健康與安全守則接受隔離，總共缺席30場比賽，如今希洛將變第9名將被隔離球員，缺席場次繼續累積當中，熱火只能期望這波疫情趕緊過去，尤其是主力千萬別再被隔離了。
</t>
  </si>
  <si>
    <t xml:space="preserve">「上知天文、下知地理」中天新聞氣象團隊王牌氣象主播戴立綱，因播報專業、預測精準、解說氣象接地氣，廣受觀眾喜愛，優質表現獲「財團法人氣象應用推廣基金會」評選為「2019年度最佳氣象主播」，該協會自2015年起每年舉辦評選活動迄今6年，這已是戴立綱主播第二次獲獎，實至名歸。戴立綱奪下獎盃後謙虛地說，「一個氣象播報的成功，不是靠我一個氣象主播，這個獎當然不只是我個人的，也是我們整個團隊的榮耀，謝謝大家的肯定。」
該基金會每年舉辦民間業者優質氣象播報評選，吸引各家電視媒體氣象主播角逐，競爭激烈，在經過專業的評審委員評選及網路投票後，戴立綱眾望所歸拿下獎項。戴立綱為文化大學大氣科學系學士、政治學研究所碩士、地學研究所博士，學經歷完整，投入氣象播報十餘年，談起「氣象」始終充滿熱情，「我對氣象一直有種狂熱，16年來這種狂熱的興趣不減，所以每當遇上重大天氣變化，梅雨、颱風、地震等，一定會保持最高的專業度，第一時間掌握訊息。對我來說，這個獎就像是『氣象界的金鐘獎』，是非常大的肯定。」
過去16年來，戴立綱幾乎是中天新聞的資優全勤生，平常就鮮少休假的他，只要一發生重大新聞事件便即刻回到工作崗位，2年前花蓮強震發生，接近午夜12點的時間，戴立綱剛錄影完換下西裝、準備下班，一陣天搖地動，他立即衝進棚內播報地震訊息；2011年日本311大地震引發海嘯，當時人正在文化大學開會的戴立綱，也是馬上驅車趕回公司，還不忘先聯繫動畫室做氣象圖，一進公司就直接進攝影棚，「那是一種熱忱，身體會快速地做出這樣的投入與反射動作。」
戴立綱不僅是專業氣象主播，擁有超高人氣的他同時也是中天《新聞龍捲風》、《新神秘52區》節目主持人，昨（1）日播出的《新神秘52區》創下近一年來最高收視佳績，4歲以上平均收視率1.41（總收視人口91.9萬人），最高收視達2.14，該集探討觀眾喜愛的神祕話題，如防疫關鍵時刻蝗蟲大舉逼入雲南地區、南韓釜山一對夫妻回家後離奇消失只留監視器最後身影等議題。
而近來新型冠狀病毒肆虐，家中有兩個學齡孩童的戴立綱也是繃緊神經防疫，除了盡量不帶孩子去人多的室內空間，更鼓勵孩子多從事戶外活動、運動增強抵抗力，「我上禮拜要到保養廠領車子，我就帶著兩個小孩從家裡出發，走路走了5公里，當然搭公車也到得了，但這個時候就是盡量少坐大眾運輸工具，小朋友走著走著就到了，也不嫌遠，運動一下很好！」
</t>
  </si>
  <si>
    <t>民進黨立委邱泰源今與多個醫師公會舉行「全球疫情期間全民配合政府 共同合作阻疫情，維護健康好生活」記者會。台大兒醫院長黃立民指出，疫情期間，民眾的免疫長期未被病毒激發，形成免疫負債。因此呼籲高風險民眾盡快施打COVID-19、流感及肺炎鏈球菌疫苗。
邱泰源表示，全球COVID-19疫情未解除，而季節性流感流行期將至，侵襲性肺炎鏈球菌感染症也伺機而動。提醒全民，在全球疫情期間要配合政府，主動接種疫苗，共同合作阻疫情，維護健康好生活，全面提升保護力。
邱泰源表示，流感流行有明顯季節性特徵。在臺灣，流感一般約於11月開始，疫情就會上升，至隔年農曆春節前後達到高峰。由於流感疫苗大約要2週才能發揮效果，因此歷年來多在10月開打，今年度公費流感疫苗已開打，提醒符合資格和有需要的民眾盡速與家庭醫師討論接種疫苗規劃。
黃立民引述國外知名期刊訪問，全球各地有2／3的感染科專家預估，今年冬天流感恐反撲。因為受COVID-19疫情影響，全球已連續2年流感與肺炎人數降低，民眾的免疫長期未被病毒激發，形成免疫負債。因此呼籲高風險民眾盡快施打COVID-19、流感及肺炎鏈球菌疫苗。
黃立民對於台灣近期COVID-19疫苗的緩打潮也表示，台灣疫情相對平靜確實是一大因素，口服抗病毒藥的研發、疫苗副作用、其他疫苗的接種和預約系統等也有影響。不過整體而言，接種疫苗還是利大於弊，可降低重症及死亡率，建議民眾還是要主動接種疫苗。</t>
  </si>
  <si>
    <t>裕融企業公司新臺幣60億元聯貸6月28日簽約，由華南銀行擔任統籌主辦暨額度管理銀行，臺灣銀行為文件管理銀行。裕融企業聯貸金額原本僅新臺幣50億元，但因各銀行參貸踴躍，超額認購達2.1倍，最終以新臺幣60億元結案，顯見各銀行對於裕融企業過去營運績效與未來發展給予高度認同與肯定。
裕融企業成立至今已超過30年，以新車與中古車分期付款為主要業務，同時整合格上租車、行冠企業等事業體提供汽車周邊服務，近年亦積極跨入綠色能源領域，透過旗下裕電能源發展電動汽機車充電樁，並參與太陽能電廠投資。除了深耕台灣市場外，也積極於中國大陸、東南亞地區擴展業務，今年第一季營收以及獲利均創歷年同期新高，表現十分亮眼。
統籌主辦行華南銀行長期耕耘聯貸市場，具備豐富主辦聯貸經驗，了解企業需求並客製化融資架構，協助客戶取得穩定資金來源，更積極配合政府「綠色金融行動方案2.0」政策，將ESG的精神深化納入授信機制中，與產官學各界協力推動永續金融，引導資金投入相關產業，近年來統籌主辦相關指標案件包括天衝能源（中興電工集團）、城市發展電業（寶晶能源子公司）、正隆紙業、榮鼎綠能（長榮鋼鐵及中鼎集團合資子公司）等企業，落實透過授信融資業務實踐對ESG的承諾。
此外，近來國內新冠肺炎疫情嚴峻，華南銀行為提供受影響企業最即時的資金協助，除積極配合政府各項紓困專案貸款外，另推出「齊心抗疫，華銀挺你」專案貸款，對於未能符合政府紓困資格者，也能提供自辦優惠貸款，協助受疫情影響的企業取得營運資金。</t>
  </si>
  <si>
    <t>萬金石馬拉松昨宣布停辦，各地盛事跟著拉警報；據了解，即將在4月登場的新北市潑水節，確定取消實體活動，改採線上舉辦；4月的鐵道馬拉松雖已報名收費，觀旅局考量同為馬拉松性質，正研議是否停辦，緊接著7月新北市河海音樂季恐跟著延後。</t>
  </si>
  <si>
    <t>國內疫情延燒不斷，第一線醫護人員首當其衝成為高風險族群，像是日前台南安平一名50幾歲男子，因桃園旅遊史確診，18日前往牙醫診所植牙時，一口氣就傳染新冠肺炎給7人，男牙醫師和女護理人員全遭感染，更讓人訝異的是，牙醫師當下替他診療時全副武裝，口罩、手套、護目鏡一樣都沒少，甚至還打過疫苗，究竟為何會感染，引發各界關切。
台南安平區某牙醫診所5月24日起休診2周，因牙醫師和女護理人員遭一名有桃園旅遊史的50多歲男子傳染新冠肺炎。據悉這位5旬男性案號4926，從板橋接觸案3033後，返回台南傳給妻子、4名部屬都確診，就連幫他植牙的5旬牙醫跟護士也也中標，1人傳7人。
值得一提的是，案5308的牙醫2周前才打過AZ疫苗，看診也戴N95口罩、穿防護衣、面罩、手套等全副武裝卻仍染疫，讓診所人員都感到錯愕。
案4926於18日到牙醫診所植牙，造成案5308的50多歲男醫師及案5455的40多歲女護理師雙雙確診，衛生局匡列18到22日曾到診所看診的患者及醫護相關接觸者並採檢，22人居家隔離、自我健康監測1人。
衛生局長許以霖表示，打疫苗可降低得到新冠肺炎的機率，也能降低確診後變重症的機率，不過，即使做了全副武裝的防護，在高風險的醫療行為中，風險仍是相對較高，所以不斷呼籲，防疫期間暫停「非必要的醫療行為」。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衛福部今（11）日晚間最新表示，民眾因為新冠肺炎受隔離、檢疫者及其照顧者，依法可發給每人每日防疫補償金1,000元，將於23日、31日分兩階段開放「臨櫃或線上」申請。
衛福部表示，已經依「嚴重特殊傳染性肺炎防治及紓困振興特別條例」第3條，於3月10日發布防疫補償辦法，針對受隔離或檢疫者及照顧者，發給每人每日防疫補償金1,000元。
究竟哪些人可以申請？衛福部說，有5類，包含：居家隔離者、居家檢疫者、集中隔離者、集中檢疫者，以及「為照顧生活不能自理之受隔離或檢疫者」而請假或無法從事工作的家屬，但該期間若有領取公司發的薪資或依其他法令規定性質相同的補助的話，不得重複申請。
什麼是「生活不能自理」？衛福部「社會救助及社工司」副司長蘇昭如解釋，例如失能等級第2～8級者之失能者、持有診斷證明書之失智者、國小學童或未滿12歲之兒童、就讀五專前3年級之身心障礙者、所聘外籍看護工經醫師確診罹患嚴重特殊傳染性肺炎或其他因素不能提供服務，需由家屬照顧者等5種情形。
對於申請時程與方式，衛福部說，防疫補償申請作業分二階段，第一階段將於3月23日，提供「受隔離檢疫者」申請，31日則是開放「受理照顧者」申請，為方便民眾申請並簡化所需檢附之證明文件，衛福部也正建置線上申辦系統中，民眾無須出門即可在家完成操作，同時也開放臨櫃申請窗口，近期將公告申請相關細部規定及受理窗口。
蘇昭如也提醒，受隔離或檢疫者務必要遵守隔離或檢疫通知書上明列的應遵行事項，若未遵守防疫相關規（如：應居家檢疫者卻到處趴趴走），就不能申請防疫補償。
另外，蘇昭如說，隔離或檢疫期間若領有薪資，也不能申請；如果上班日雇主未給薪，則可發給補償，但依據勞基法規定一週2天的休息、例假日及國定假日，依法由雇主給薪，則將會予以自動扣除。
蘇昭如也提到，申請之民眾，可於受隔離或檢疫結束日之次日起，向受隔離或檢疫結束時之所在地直轄市、縣（市）政府提出申請，若2年間不行使（申請）而自動消滅。
若民眾有疑問，蘇昭如說，可於每日上午8時至下午10時，撥打1957福利諮詢專線（免付費）。另外，衛福部所建置之1925安心專線亦設有24小時免費心理諮詢服務，供民眾使用。</t>
  </si>
  <si>
    <t>台灣本土疫情爆發，連日確診個案破百，總和已超過千人，尤其雙北更淪為嚴重疫區，各大醫院的醫療量能備受挑戰，面對負壓隔離病床數吃緊，外界擔憂如果接下來重症患者爆量恐怕無病床可用。對此中華民國防疫學會理事長王任賢喊話指揮中心「台灣需要方艙醫院」，並表示醫院是用來收治病患提供診療服務，現在將確診病例安置在集中檢疫所於法不合，痛批衛福部長陳時中到現在都還沒有搞清楚方艙醫院的用途。
王任賢強調，建構方艙醫院不僅能夠收治輕症與無症狀患者，還具備集中隔離的功能，也是一個提升醫療量能最佳的選擇。王更進一步指出，新冠肺炎感染者有5到8成是無症狀或輕症感染，在確診病例不斷增加的情況下，如果按照過去的處置模式，將輕症患者也都收治在負壓隔離病房，會導致重症需要住院的病例以及新住院需要評估的病例，沒有辦法得到妥善的醫療照護。
因應疫情新北市長侯友宜本來考慮籌設方艙醫院，但台北市長柯文哲認為現在蓋也來不及，要直接徵用大型旅館來收治新冠輕症患者。王任賢則提醒，倘若縣市政府想用大型收容場所或是防疫旅館替代，最好要先通過衛生局醫事課的審核，因為這些地方都不是醫院，病患住在裡面要是有個三長兩短，他可以立刻向衛生局檢舉，因為不在醫院裡的醫生都叫做密醫，從事醫療行為也是不合法的，如果出現問題恐怕造成中央跟地方之間的衝突。</t>
  </si>
  <si>
    <t>為防堵北農群聚傳染，日前桃園針對5大果菜市場進行快篩，桃園市長鄭文燦指出，目前採檢1139人次中，全部呈陰性，並表示24日下午還有800人次要進行快篩，桃園新聞處表示預計24日可完成市場人員全部的篩檢。
日前北農爆發群聚感染，桃園更針對市內5大果菜市場進行快篩，鄭文燦指出，目前採檢的1139人中全程陰性，並表示24日下午還有800人次，新聞處補充預計24日應可完成市場人員全部的篩檢，鄭進一步說明，北農群聚感染會影響到附近縣市的果菜市場，所以桃園五大果菜需進行全面篩檢。
鄭指出，這次市場篩檢的範圍包括承銷商、從業人員等全部進行篩檢，並且造冊紀錄，待農委會提出批發市場疫苗施打專案後，便依照專案進行施打，並強調，這是民生物資的重要環節，因此應該納為優先的施打範圍。
鄭表示，未來批發市場的施打疫苗專案，必須要採檢陰性才能施打疫苗，並鼓勵北農專案，能把桃園果菜批發市場全面完成篩檢，鄭補充，其他產銷班包括水果供應商以及貨運司機都希望能夠完成篩檢，持有陰性報告才能進入包括北農在內的批發市場。
關於群聚感染，鄭文燦強調，現在疫情已進入到100個上下，應該要把精準疫調落實，且需要跨縣市來合作，並進一步解釋，過去雙北確診人數非常多如要做精準疫調的匡列確實有難度，但現在疫情趨緩，破口需要中央來協調，跨縣市來合作，更呼籲中央以及地方「防疫要同心、防疫要一致」</t>
  </si>
  <si>
    <t>衛福部昨日宣布與高端簽訂500萬劑疫苗採購合約，遭不少朝野立委質疑有炒股嫌疑。綠委陳亭妃今日表示，這都是傳言，炒股的說法也太狹隘，我自己也沒有買。
陳亭妃指出，在野黨從AZ疫苗進口就開始唱衰，到現在又說高端疫苗不好，又宣稱這是在炒股票，這些說法都在刻意扭曲事實。高端是台美合作的第一支疫苗，連前副總統陳建仁都親自參與施打試驗，代表對疫苗肯定。
陳亭妃說，陳建仁在自己的專欄也說明過，疫苗在二期試驗時，就已經有緊急授權，應該不致於發生無法解盲的狀況，現在應該關注二期試驗的不良率，陳建仁的了解是沒有很嚴重，外界應該要對國產疫苗有信心。
外傳有綠營立委買高端股票，陳亭妃回應，這些都是傳言，如果要說有人趁機炒股，這樣的說法實在太狹隘，自己也沒有買高端的股票，現在應該要看那些唱衰的人，到底有什麼用意。</t>
  </si>
  <si>
    <t>桃園市宣布美容美髮業6月4日至14日停止營業，新北市副市長劉和然說，美容美髮屬民生需求行業，也有很多人靠這份工作生活，必須審慎小心，目前經發局已訂定營業規則，市府會嚴加稽查管制，防疫若做好，不會要求停業。
經發局長何怡明表示，市府26日即公告美容美髮營業守則，包括須採預約制避免久候造成群聚，另外服務人員須全程戴口罩，另外健康管理與酒精消毒都有規定。
何怡明也說，美容美髮顧客口罩規範脫下口罩，希望能立即戴上，另外服務時間不要拖，相關器械剪刀、工具使用前後都要消毒，因為是民生服務需求，希望能夠維持營業。
侯友宜也說，各行業要把防疫做到落實，無法落實會更嚴格管理。</t>
  </si>
  <si>
    <t>新北某幼兒園爆發新冠肺炎群聚，今增8位幼童、1名成人確診，衛福部長陳時中更坦言未來陽性個案可能更多。國外也有研究指出，幼童傳播新冠肺炎的機率高於青少年，成人須更小心防範，避免家戶感染、社區感染擴大。
中時新聞網曾報導「幼童易傳播新冠肺炎 醫揭研究示警：0至3歲機率最高」，林口長庚兒科醫師吳昌騰引用加拿大公共衛生機構研究結果，指27.3%的家庭會發生兒童造成家戶感染的情形，其中0至3歲幼童造成家戶感染的機率，比14至17歲的青少年高出約40%。
研究推論指出，因幼童需要家長們密切接觸的照顧，但一旦幼兒被感染，會有更高機率將病毒傳播給家中成員，因此家長或照顧者應該意識到病毒傳播風險，避免造成家庭成員感染擴大。
毒物專家招名威今也在臉書發文寫道，雖然小朋友染疫重症或死亡的機率偏低，但萬一把病毒帶回家感染阿公阿嬤，後果不堪設想。他也疾呼就算打過疫苗的大人，有症狀就該篩檢，「悶不吭聲病毒不會消失，狀況只會更糟」。
陳時中今在記者會上表示，新北幼兒園新增9例確診，其中一位為幼兒的母親，其他8名都是幼兒，感染源應為幼兒園老師案16129，幼兒園老師從8月27日就有症狀，8月30日就有嗅味覺的問題，9月4日做篩檢才確診。
★《中時新聞網》提醒您：因應新冠肺炎疫情，疾管署持續加強疫情監測與邊境管制措施， 如有疑似症狀，請撥打：1922專線，或0800-001922，並依指示配戴口罩儘速就醫，同時主動告知醫師旅遊史及接觸史，以利及時診斷及通報。</t>
  </si>
  <si>
    <t>國內上月爆發一波新冠肺炎本土感染，除國人關注疫苗何時能取得全面施打，也有國內企業、團體自行向國外藥廠接觸採購。行政院長蘇貞昌今日表示，疫苗將會陸續抵達，也感謝熱心的企業團體幫忙。
有關日本打算捐贈AZ疫苗給台灣，蘇貞昌表示，有任何國家願意援助，都非常感謝，有的國家硬要阻饒，就可以看清，誰是朋友，近期日本政府的發言，非常溫暖，也期待能夠早日取得疫苗。
蘇貞昌指出，政府會全力與企業、民間團體合作，嘗試從多元管道獲取額外疫苗。而世界各國的疫情發展經驗告訴我們，除了疫苗，還要做好防疫，對抗病毒，才能早日恢復正常生活。
衛福部疾管署長周志浩指出，國際疫苗非常搶手，掮客、騙子很多，能否買到適當疫苗，會就政府經驗來協助，民間單位對申請文件不清楚的地方，也會來幫忙。
周志浩說，為確保疫苗取得來源可靠，讓國人安心接種，讓這些善意能達到，所以嚴格把關，以疫苗有效為重，若已確定疫苗進口時程，一定用最快速度向國人報告。</t>
  </si>
  <si>
    <t>新冠肺炎改變人類生活，更徹底翻轉產業趨勢，2020年疫情催生數位轉型，造就那斯達克指數狂飆，法人觀察，2020年全球股市在新冠疫情拖累下，唯獨與科技相關指數能脫穎而出，根據恒生指數公司2020年總結報告資料顯示，大中華股市表現參差，香港的恒生指數及恒生中國企業指數分別下滑3.4％及3.8％，但以科技股掛帥，尤其聚焦新經濟的恒生科技指數，依回溯資料統計，則飆升78.7％，在香港資本市場表現一枝獨秀，可用相關基金搶搭商機！
看準疫後新經濟商機的香港資本市場，恒生指數公司於2020年7月27日率先推出「恒生科技指數」，新光投信指出，為鎖定東方新經濟商機，將搶先推出首檔新光恒生科技指數基金預計1月11日募集。
新光恒生科技指數基金經理人牟宗堯表示，香港過去為國際金融重鎮之一，更是大陸對外的門戶及外資進入中國的橋頭堡，作為亞洲金融樞紐地位無可取代，加上港交所，在2018年改革上市制度後，近年來更加速發展「立足中國」、「連接全」及「擁抱科技」三大戰略，推出一系列優化措施，進一步提升香港作交易及金融投資中心的競爭力和吸引力，2020年11月更宣布推出全新的線上服務平台「FINI」，簡化企業在香港首次公開招股的結算程序，未來新股從定價到上市，縮短至最短1個營業日，結算週期減省高達8成，投資者可更快的進行交易，降低市場風險，提升整體效率。
牟宗堯預估，FINI是港交所《戰略規劃2019~2021》中的重要計劃，擁抱科技又是港交所的核心戰略之一，FINI這項創新計劃，凸顯香港新股募資市場進入數位化時代，同時，港交所在2018年改革上市制度後，更多元化的香港資本市場，吸引不少新股來港作為主要上市及第二上市的離岸掛牌首選，2020年香港資本市場更是火熱，港股迎來一批批新科技企業掛牌上市，包括阿里巴巴、網易、京東等相繼回港上市，對港股帶來質變與量變。
更值得注意的是，牟宗堯認為，近來大陸對平台企業反壟斷等政治紛擾，但在大陸追求科技自主的背景下，加上十四五計劃的推波助瀾下，現在香港正式定位為亞洲最蓬勃的科技及新經濟公司的金融生態系統，香港恒生指數公司更於去年7月推出「恒生科技指數」，看出「新港股」的政策意義與「港科技股」的長線發展重要性不言可喻。</t>
  </si>
  <si>
    <t>世界衛生組織（WHO）26日會議後宣布，將近期在南非傳播的新變異株「B.1.1.529」命名為Omicron，且列為「高關注變異株（VOC）」。德國BionNTech公司表示，正著手研究現有疫苗對Omicron的防護力，2周內將有結果，若有必要，可在6周內調整疫苗，調整後100天內開始交貨。對此，中央流行疫情指揮中心指揮官陳時中說，若該疫苗有效，會繼續爭取進口。
外電報導指出，BioNTech表示，已立即在實驗室進行調查，測試原有疫苗對Omicron的防護力，預計2周內會有結果。BNT幾個月前就已與合作夥伴美國輝瑞（Pfizer）藥廠做準備，若實驗結果顯示新病毒株是「逃逸變異株」，並在全世界散播，導致疫苗有必要調整，預計6周內可完成，調整過的疫苗在100天內就可以開始交貨。
對於BionNTech可能調整疫苗，陳時中表示，大家知道，不管是疫苗或藥物，EUA都很嚴格。外電報導的100天，可能是在實驗室裡面發展出相對抗的疫苗，但是距離生產和EUA還有一點時間，當然若有效的話，會繼續爭取。
至於美國藥廠默克（Merck &amp; Co.）26日公布最新口服藥分析，發現對抗重症、死亡的保護力剩3成，低於10月公布期中報告的5成，外界也關注是否影響採購計畫。對此，陳時中僅回應「我們已經簽約了」。</t>
  </si>
  <si>
    <t>中央流行疫情指揮中心今(27)日表示，國內今日無新增病例，昨(26)日新增310例新型冠狀病毒肺炎相關通報，截至目前累計通報71,405例(含70,330例排除)，其中441例確診，分別為350例境外移入，55例本土病例及36例敦睦艦隊。確診個案中7人死亡，419人解除隔離，其餘持續住院隔離中。
指揮中心指出，全球累計5,612,601例確診，分布於187個國家/地區；病例數以美國1,708,378例、巴西374,898例、俄羅斯362,342例、英國265,227例及西班牙236,259例為多；病例中349,060例死亡，以美國100,116例、英國37,048例、義大利32,955例、法國28,531例及西班牙27,117例為多。
指揮中心再次提醒，民眾應做好手部衛生與咳嗽禮節；出門若無法保持社交距離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新冠肺炎的疫情延燒全球，我國在中南美洲的邦交國海地，總統朱特(Joseph Jouthe)星期日在他的推特上發文，考慮封鎖機場和海港，以及關閉與鄰國多明尼加共和國的陸路邊界，形同封鎖全國，就為了防堵新冠肺炎的疫情，即使該國目前並未傳出任何案例。
根據路透社報導，總統朱特封鎖邊境，是為了防止新冠肺炎帶原者進入海地，所以貨物和貨櫃應不在禁止的範圍內。
海地的衛生條件低落，在歷史上有許多流行病的傳染紀錄，而這一次的新冠肺炎，至今該國都還未曾確診任何案例。而唯一陸地相連的鄰國多明尼加，累計共有11個感染案例。</t>
  </si>
  <si>
    <t xml:space="preserve">2020年新冠肺炎的衝擊，宅經濟發酵，兩大遊戲大廠營收表現強勁，智冠(5478)公布全年營收72.64億元，年增達27％；橘子(6180)營收106億元，年增9％。
智冠去年12月營收5.93億元，月增3％，年增24％，全年在點數經銷服務穩健成長，加上子公司遊戲新幹線兩款遊戲新作上市熱銷，營收年增幅達27％。其中，子公司遊戲新幹線與宇峻(3546)聯合發行手遊《三國群英傳M》貢獻不小，今年將於1月28日參展「2021台北國際電玩展」，帶來多項周邊好禮及回饋活動，當周也預計推出全新版本內容與玩家同樂。
遊戲新幹線於2020年11月底代理登場的HTML 5遊戲《流火之詩2：燃》日前改版開放「天空競技場」、「戰魂系統」等玩法；線上遊戲《古劍奇譚網路版》亦於上周推出新版本，《三國群英傳Online》則會在1月25日帶來更新，加入全新地圖「樓蘭國」及BOSS，吸引玩家回流。
金融科技子公司藍新集團線上代收付業務穩健成長，今年持續強化線下通路布局，推動實體商店《ezAIO簡單收》多元支付合作據點及《ezPay簡單付》電子錢包使用通路，去年底已擴展至交通領域應用，與台灣大車隊合作《ezPay簡單付》電子錢包支付車資，滿足商家與消費者多元支付需求，以雙向並行的發展策略建立橫跨線上至線下的金流應用平台。
橘子去年12月營收8億元，年減8％，因部分《天堂M》活動延後至今年推出；累計全年營收106億元，年增9％，主要《新楓之谷》業績亮麗、且《天堂M》表現持穩所致。
展望1月，手遊新作《龍之谷: 新世界》將於1月14日上市，為寒假旺季暖身，多款遊戲亦將陸續推出行銷活動。另外，橘子集團將於月底、在三創生活園區舉行首次融合O2O場景的「橘子線上嘉年華」，將擷取2020年所累積的線上直播互動經驗，串連線下各種消費及服務，提供玩家超越以往的豐富活動。
</t>
  </si>
  <si>
    <t>中央流行疫情指揮中心今(30)日表示，國內今日無新增確診病例；昨(29)日新增486例新型冠狀病毒肺炎相關通報，截至目前累計通報62,844例(含61,354例排除)，其中429例確診，分別為343例境外移入，55例本土病例及31例敦睦艦隊。確診個案中6人死亡，322人解除隔離，其餘持續住院隔離中。
指揮中心進一步指出，4月20日及21日定點返台專案航班共460名湖北返台民眾，截至目前2人就醫治療中、2人陪同就醫，其餘持續於集中檢疫所密切健康監測。有關敦睦艦隊(磐石艦)群聚事件，截至目前掌握接觸者共1,996人，其中585人為居家隔離對象，已採檢480人，465人為陰性，其餘檢驗中；1,411人為自主健康管理對象。
指揮中心表示，全球累計3,204,232例確診，分布於184個國家/地區；病例數以美國1,053,963例、西班牙212,917例、義大利203,591例、法國198,215例及英國165,221例為多；病例中226,771例死亡，以美國61,392例、義大利27,682例、英國26,097例、西班牙24,275例及法國24,087例為多。
指揮中心再次提醒，民眾平時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 xml:space="preserve">台北市某間牙醫診所2日傳出一名植牙手術患者突然暴斃。這名植牙患者為53歲劉姓男子，是廣州台商，返台隔離14天後去牙醫。在倒下之前男子出現不停咳嗽、呼吸不順等狀況，與新冠肺炎病徵相符，引發感染疑慮。目前一採結果為陰性，真正死因待驗屍報告出爐。
大陸新冠肺炎疫情蔓延全境，廣州也不例外。據《三立新聞網》報導，這名男子為廣州台商，返台後已完成14天的隔離，3月2日到牙醫診所植牙，手術過程突然不適，不停咳嗽、呼吸不順，最後倒在廁所，送醫不治。
檢驗人員穿戴全套防護裝於負壓解剖室檢驗死因，家屬在殯儀館也穿著防護裝備。目前一採陰性，死因為何還不清楚，待一周後解剖結果。疫情中心應變官莊人祥表示，不是所有死亡都是新冠肺炎，需根據法醫的死亡診斷。
</t>
  </si>
  <si>
    <t xml:space="preserve">新北板橋幼兒園6日爆群聚感染，且預期確診數還會再增加，加上長榮3名機師及機師兒也都確診感染力極強的Delta變異株，使得台灣疫情再度拉警報。對此，資深媒體人李艷秋直言，這波疫情有3個問題讓人感到憂心，對於民進黨現在疫苗政策，她5點現實提醒當權者。
對於台灣現在的疫情發展，李艷秋今（7日）在臉書發文表示，有3個關鍵問題讓人憂心，首先是桃園3名機師確診Delta，機師兒子被傳染，是否已造成學校及社區破口；其次為新北幼兒園群聚已有15人確診，感染源不明，由於陽性率偏高，是否是Delta？幼兒感染會對成長造成什麼影響；最後則是機師打了兩劑AZ，老師接種過一劑莫德納都被突破感染，現在一劑都沒打，以及等不到第二劑的人，如何面對下一波病毒攻勢。
李艷秋直言，蔡政府最近因為疫苗到貨，以及疫情趨緩，民調滿意度回升，有一半以上的民眾給總統蔡英文及衛福部長陳時中按讚，誠然可喜可賀，但仍要點出幾項現實提醒掌權者：一是目前有很多民眾一劑都沒輪到，還有許多人都在等第二劑；其次為第二劑的整體施打率偏低，她憂心75歲以上長者如何因應變種病毒來襲。
再者，李艷秋指出，第一劑打莫德納的民眾正在等待第二劑，但政府已經將第二劑從四周延到十周，最近都陸續到期，這些民眾不能混打其他品牌，再延下去防護力還剩多少，且莫德納遲不到貨，政府的因應政策是什麼？
李艷秋指出，第四，政府日前曾宣佈，目前疫苗到貨超過1200萬劑，但是若無他國送、企業捐，她很難想像現在台灣會是怎樣；第五則為政府買了500萬劑貴森森的國產高端，但BNT一來，8月31日單日只剩504人接種高端，政府有沒有好好檢討一下，到底為什麼？
最後，李艷秋感嘆，800多條人命警惕台灣，如果提早接種疫苗，他們或許不必犧牲；現在的突破感染警告大家，變種病毒已經侵門踏戶了，疫苗至少可降低重症及住院率，大國在準備打第三劑，她請問，「我們的政府為大家備好最基本的防護罩了嗎？台灣人民對民進黨非常寬厚，請掌權者謙卑、珍惜」！
</t>
  </si>
  <si>
    <t>新冠肺炎(COVID-19)全球疫情爆發，台灣反應速度快、加上控制得宜，許多大陸、香港民眾都希望可以來台「避難」，部落客艾兒莎在臉書PO文，表示日前在機場收到很久沒聯絡、來自香港的約會對象傳訊息，她一句話霸氣回嗆，網友一面倒讚爆。
艾兒莎日前在機場等待行李，聽到一名男子在講電話，口氣不佳似乎發生爭執，男子拿著手機說「口罩現在寄不出去，且自己也不夠用了」，電話另一頭則是一名女子，央求「拜託你了，我們真的需要幫忙，看之後能不能用你公司什麼名義把我們接去台灣」，男子爆氣嗆「當時在交往，不是嫌我們台灣封閉、發展很差，笑我只願意待在南部發展，跟台灣一樣沒有未來，怎麼要躲就非得要找我來這躲」？
原本想與朋友分享遇到的經歷，拿起手機卻收到香港小開傳來訊息問候，問她「台灣房地產，現在能不能買」？艾兒莎透露4年前與對方在台灣約會時，順便考察房市，曾酸「台灣太封閉，政治上選擇太笨了，民主換來一堆房子，破舊成那樣根本無法成長，我才不願意投資」。
如今卻傳訊問「聽說你們那邊物資夠、路上也很安穩，台灣好像在處理的狀況下很不錯，可能帶上我家人過去台灣一陣子」？看完訊息艾兒莎氣到翻白眼，霸氣嗆對方「台灣的好現在知道也不晚，但真的不用你們這些人現在來一面倒」，最後艾兒莎吐心聲，台灣就是我們的國家，就算有缺點、弱勢也應當包容，「是個可以給我們庇蔭與保護的地方」。</t>
  </si>
  <si>
    <t>本土疫情肆虐，全台進入三級警戒，為避免八大行業成為防疫破口，高雄警方祭鐵腕斷開「人與人的連結」，無奈依舊有色情業提供「外送茶」、「行動茶車」 服務，而且車上準備近百個保險套供客人挑選，讓警方直搖頭，大嘆「要錢不要命」。
根據高市刑大指出，近日又有色情業者在網路上招攬尋芳客，並透過LINE聯繫援交相關資訊，因此員警特地喬裝成嫖客，順利於鳳山某旅館將28歲曾姓女子現場逮捕，其他員警則埋伏在旅館外，同步逮捕人在車上的53歲黃姓馬伕。
不過讓警方最訝異的是，車上還有一位在車上待命31歲王姓應召妹，她好比機動小組，凡客人CALL IN便可立即上工，「行動茶車」上甚至備有近百個保險套給客人挑選。
另新興警分局也於大同路某出租套房裡，查獲41歲施姓賣淫女子，當場扣押44枚保險套及1瓶KY潤滑液，訊後施女坦承疫情期間，在出租套房處從事全套性交易，每次2500元，因此全案依違反社會秩序維護法偵辦，並函送衛生局裁罰。
★中時新聞網提醒您：
尊重身體自主權！請撥打113、110！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 xml:space="preserve">萬芳出道30週年，18日舉辦記者會宣布三喜，將在6月13日2度登上台北小巨蛋舉行「萬芳30 你的30 ____，你今天有沒有來」演唱會、近來加盟新東家「何樂音樂」及5月將推新專輯，讓粉絲十分期待。不過現新冠肺炎肆虐，她昨表示要放寬心，不要太恐懼。
她說：「在這非常時期，今天也是平凡的一天，能夠在這裡相聚，非常謝謝在第一線防疫的醫護人員。」她近期有些活動、工作受到疫情關係取消、延期，也減少去人多場所、戴口罩，並呼籲大眾一起用餐時，養成「公筷母匙」習慣，避免口沫傳染。
她維持約1週1次的健身、在家運動等，增加體抗力，及起床、睡前都會伸展肢體，「讓氣流暢，會在家唱跳、律動。」昨在現場，她獻唱〈自己照顧自己〉，透露新作現努力製作中，此次小巨蛋舞台是類四面台，演唱會導演為好友郭蘅祈（郭子），她憶起郭子在她首場小巨蛋時，穿上她的舞台服，化身成「萬大芳」上台，她打趣：「應該要找人把他綁在椅子上。」
郭子這次向她提出希望可以站上高空開唱，不過已被她婉拒，她笑說：「演唱會安全第一。」她分享每次開唱前，都會替每位觀眾祈求來現場路上平安順利。此外，萬芳台北小巨蛋演唱會門票，將22日在ibon售票系統開賣，被問及會擔心疫情影響票房？她直言：「就順著走。」
</t>
  </si>
  <si>
    <t>新冠肺炎病徵詭譎多變、無法捉摸，近期更有部分患者出現嗅覺喪失；除法定傳染病相關保單能予以保險理賠給付外，若新冠肺炎確診患者不幸發生鼻子失能導致嗅覺喪失的情況，亦視為11級失能，此時「失能扶助險」將啟動及時保障，讓民眾無後顧之憂接受診治。
富邦人壽財務精算處執行副總董采苓表示，除了失能險能予以保障外，若民眾患有慢性病，罹患法定傳染病更可能引起併發症，因此建議民眾補強醫療險保障時，必須格外留意「法定傳染病」和「重大傷病」兩大保障範圍是否充足，才能從容應對疾病突如其來的治療需求，減輕家庭經濟負擔。
今年1月1日以前所銷售的失能險，針對鼻部失能條款規定僅有「鼻部缺損，致其機能永久遺存顯著障害者」才能申請理賠，不過自今年起新增另一失能等級，即「鼻未缺損，而鼻機能永久遺存顯著障害者」，並視為11級失能。因應新冠肺炎疫情，且基於從新從優原則，今年1月1日以前投保失能險之保戶，若事故發生日是在今年1月1日之後，且經過治療6個月後症狀固定，均得申領失能保險金。
除了失能險新增訂失能程度、擴大保障範圍外，富邦人壽建議，大型公衛事件突如其來，民眾在規劃或補強自身和家人的醫療險保障時，必須也將「法定傳染病」一併思考，然無論是法定傳染病，或常見的流感皆可能引起併發重症，因此「重大傷病」保險保障亦不容忽視。
富邦人壽率先同業推出「一般住院醫療」和「法定傳染病」雙重保障的定期健康險「富邦人壽金放心法定傳染病一年定期健康保險」，不僅能提供保戶住院醫療保險金、加護病房住院醫療保險金、出院療養保險金，若因法定傳染病住院接受診療並身故（保險年齡到達16歲後身故），住院醫療保險金日額和身故保險金分別給付為住院日額2倍和投保之身故保險金額1.5倍，同時給付法定傳染病保險金，讓民眾無後顧之憂。</t>
  </si>
  <si>
    <t xml:space="preserve">新冠肺炎疫情全球蔓延，至今約已導致超過1.71億宗確診病例，其中有近370萬人死亡。
而據《浮華世界》（Vanity Fair）與《紐約郵報》（New York Post）3日報導，在解放軍人員參與下，中方似乎利用名為CRISPR的基因編輯技術，培養出具有「人類化」肺臟的老鼠，以測試不同病毒的感染力。
當美國國家安全委員會在調查新冠病毒的起源時，政府病毒學家在2020年4月的一份研究報告中，標記了相關事件。這份研究報告有23人共同執筆，其中11人是為解放軍旗下的軍事醫學科學院工作，而相關專案所研究的，涉及測定老鼠對新冠病毒的感染性。
然而，當美國國安會調查人員回溯相關研究，以製作時間表時，卻了解到這些基因改造鼠是在2019年夏季的某個時間，也就是在爆發新冠肺炎疫情大流行前培養的。而這發現據說促使美國國安會官員懷疑，解放軍利用這些老鼠，測試不同的病毒是否能感染人。同時他們也懷疑，發現了支持新冠疫情大流行是實驗室外洩的證據。
然而，美國國安會反擴散和生物防禦高級主管魯吉洛（Anthony Ruggiero）說，當他們和其他擁有相關情資的機構接觸時，卻沒被理會。他說，他們獲得的反應很消極。
從科學期刊上的評論，還有中方政府資料庫中的資訊顯示，也就在同時，武漢病毒研究所新發傳染病研究中心主任石正麗似乎已在這些老鼠身上測試過兩種新發現，但並未透露的冠狀病毒，以評估它們的感染力。由於石正麗以研究蝙蝠聞名，因此有「蝙蝠女」（bat woman）的綽號。
不過，石正麗堅決否認，新冠肺炎病毒是從武漢實驗室外洩。然而，美國國務院1月公布的資料簡報顯示，至少從2017年開始，武漢病毒研究所人員就合作進行了秘密專案，其中包括實驗室動物試驗。此外，一名看過機密情資的美國前國安官員也說，中方軍事和民間研究人員一起在武漢病毒研究所進行動物研究。
相關文件是在美國總統拜登就職前5天公布，但新政府並沒有推翻這種說法。不過，北京公開譴責，說美國國務院的資料充滿謬論，也是「謊言先生」（Mr. Lies）前國務卿蓬佩奧（Mike Pompeo）「最後的瘋狂」。
</t>
  </si>
  <si>
    <t>新冠肺炎疫情仍未受控，各地民眾仍需部分防疫物資，鄭秀文（Sammi）自2月中開始，多次與社福機構親赴落後地區分派物資，她心有所感地說：「疫情令很多人的工作都停了，但在生命裡，我們依然可以做到老、學到老。」此外，楊千嬅日前陸續取消多場巡演，索性邀陳小春一家人前往澳洲墨爾本度假，不受湯姆漢克（Tom Hanks）在當地確診患病影響。
肺炎疫情持續擴大，娛樂圈大部分活動都已暫停，鄭秀文近期隨社福機構義工隊赴落後地區分派物資，累積幾次經驗後，Sammi發現許多原本就過著貧困生活的人，因這次疫情更陷困苦，令她非常揪心，「很多人失業、甚至一家人三餐不繼、豆丁大小的房子裡住著5個大人、90多歲的獨居老人因疫情暫停送飯服務而餓著肚子。」
人多室內必戴口罩
她表示近期非常缺乏口罩，身旁有好朋友得知，二話不說立刻送來1.5萬個口罩給機構，及時雨的善行令她感動；當義工的這段期間，也讓她感受深刻：「因為不是舞台上的自己，而是一起出隊同工，忽然想起自己在非常年輕時，曾希望當上社會工作者，如今了解他們的工作一點都不容易，而且都帶著謙卑的心去服務社區。」
受疫情影響日前取消多場演唱會的楊千嬅，本月初和老公、兒子，以及陳小春一家人同遊澳洲墨爾本，陳小春懷孕6個月的老婆應采兒一身黑、身材零孕味。由於湯姆漢克夫婦日前在澳洲確診罹患新冠肺炎，令人擔心當地情形，好在楊千嬅透過經紀人老公表示：「目前還OK，沒有感覺人心惶惶，但我們很少出去，在人多的室內也一定戴口罩。」</t>
  </si>
  <si>
    <t>(15:00更正)繼爵士中鋒戈貝爾之後，美媒報導爵士替補後衛穆迪埃在經過檢驗之後也確診新冠肺炎，成為NBA第2位染病的球員。不過相關消息並未獲得證實，恐為誤傳。爵士在戈貝爾確診後，將替所有球員做新冠病毒檢測，最終結果尚未出爐。
爵士中鋒戈貝爾在今天雷霆迎戰爵士賽前被驗出得到新冠肺炎，雷霆和爵士之戰迅速喊停，NBA聯盟也隨即宣布全面停賽。</t>
  </si>
  <si>
    <t xml:space="preserve">新冠肺炎疫情入侵NBA！繼爵士戈貝爾、米契爾與活塞伍德之後，籃網宣布隊中4名球員確診新冠肺炎，雖然沒有公布球員名字，但超級巨星杜蘭特對外宣告自己中標，希望大家能夠保護好自己的健康。
現年31歲的杜蘭特，2104年獲選年度最有價值球員，4度摘下得分王，10次入選全明星賽，幫助勇士2度奪得總冠軍，去年總決賽受傷，夏天脫離合約加盟籃網，缺賽至今，沒想到卻因為隨隊到客場出賽而感染了新冠肺炎，可說是無妄之災。
籃網在聲明中表示，全隊目前正在隔離檢驗，目前有4位球員確診，已告知曾經與染疫球員接觸的人士。
杜蘭特表示，目前感覺很好，每個人都要小心，照顧好自己，並且做好防範措施，我們會度過難關的。
</t>
  </si>
  <si>
    <t xml:space="preserve">全球興起新冠疫苗混打風潮，為什麼許多國家採取混打策略？混打有什麼優缺點？《康健》20日邀請振興醫院感染科主任級醫師顏慕庸直播開講，從全球疫苗混打經驗，分析台灣應有的作為，並釋疑臉書粉絲提出的疑問。以下為顏慕庸直播內容QA重點摘要：
顏慕庸的疫苗混打面面觀Q&amp;A
●Q：全球已有不少國家鼓勵混打疫苗混打，為什麼會興起這股風潮？
→A：混打興起的原因，最開始是因為AZ疫苗罕見的副作用令人疑慮，讓歐洲多國對第2劑是否仍續打AZ持保留態度，同時也展開第1劑打AZ、第2劑打mRNA疫苗（輝瑞BNT或莫德納）的研究，來避開第2劑也打AZ潛藏的風險。
二是全球疫苗供不應求，自然就產生混打的需求；三是全球針對方興未艾的Delta變種病毒，必須盡速完成兩劑接種的需求。混打可說是自然而然發展出來的趨勢。
●Q：目前已有的混打研究，獲得什麼樣的結果？
→A：牛津大學進行的AZ＋輝瑞BNT疫苗的混打研究，將受試者分成4組：AZ＋AZ、 BNT＋BNT、AZ＋BNT、BNT＋AZ。結果發現，在棘蛋白抗體表現（IgG）方面，表現最好的是2劑都打BNT；其次是先打AZ再打BNT，第3是先打BNT再打AZ，最後是兩劑都打AZ。在T細胞免疫效價方面，混打組合都比單打同一種疫苗效果佳，不過AZ混BNT疫苗的表現，又比BNT混AZ更優。
此外，瑞典一項先打AZ再打莫德納疫苗的小型研究也顯示，2劑都打AZ疫苗，體內棘蛋白抗體表現（IgG）上升5倍、血清中和抗體效價增加2倍；但如果第1劑打AZ第2劑打莫德納，棘蛋白抗體表現上升115倍、血清中和抗體效價上升20倍。
●Q：疫苗混打可以對抗變種病毒嗎？
→A：研究發現，面臨變種病毒，施打單一品牌疫苗中和保護力有下降現象時，混打疫苗可能有機會再刺激人體免疫細胞，將抗體再往上提升。
研究顯示無論AZ混輝瑞BNT還是AZ混莫德納，都比單打2劑AZ效果好，這是因為AZ疫苗是腺病毒載體的DNA疫苗，當經過基因重組不再具備致傳染力的腺病毒DNA進到人體細胞裡，能夠利用人體細胞工廠所提供的原物料製造S蛋白的抗原，同時有效啟動細胞免疫刺激，所以當第2劑施打同樣針對S蛋白的抗原抗體表現的mRNA疫苗，馬上發揮非常好的效果，對於現在要嚴加防範的Detla變種病毒都有幫助。
●Q：混打一定要拿AZ當第1劑？莫德納不行嗎？
→A：用莫德納或同屬mRNA疫苗的輝瑞BNT當第1劑沒有不行，只是如果先打莫德納再打AZ，效果不如2劑都打莫德納好。
因為學理及研究結果都顯示，先打AZ對細胞免疫力的刺激比較有效，之後再以mRNA做為第2劑，能讓抗體躍升很快。每種疫苗引發免疫反應的機轉不同，原則上AZ適合當第1劑把底子打好。
●Q：混打沒有缺點嗎？
→A：混打的缺點就是目前欠缺長期大型研究，疫苗需要長期觀察，我們對流感疫苗有把握，是因為我們已經打了幾十年，但新冠疫苗問世時間短，目前只有施打疫苗3～6個月的短期研究，需要長期觀察成效。
●Q：目前全球混打疫苗的國家有哪些？
→A：目前全球已實施混打的國家，在美洲有加拿大，在歐洲有挪威、丹麥、瑞典、芬蘭、德國、荷蘭、法國、西班牙、義大利，以及中東地區的阿拉伯聯合大公國、巴林，還有亞洲地區的南韓、越南、泰國以及不丹。混打方式多是第1劑AZ疫苗，第2劑mRNA疫苗。
●Q：混打會成為各國普遍採行的做法嗎？
→A：國外陸續完成的疫苗混打研究顯示，混打不但可行，效果還更好，可相當程度解決單一疫苗副作用及供貨不穩定問題，而依疫情發展，人類至少還要跟COVID-19奮戰好幾年，因此混打是疫苗缺貨國家必須考慮的做法。
面對COVID-19這個百年大疫，只有全球疫苗的群體免疫達到70％，才能有效壓制病毒讓它不繼續產生變種，但現在全球疫苗覆蓋率只有將近25％，離全球群體免疫還遠，可以預期病毒會繼續變種橫行。
全球疫苗覆蓋率低與疫苗供貨有關，大家都在搶疫苗，當單一廠牌疫苗供貨不穩定，必須靠混打趕快把全球疫苗覆蓋率拉高到70％，建構全球防疫力。
●Q：台灣需要跟隨國際腳步開放疫苗混打嗎？
→A：疫苗混打在台灣其實是更重要的議題，因為我們正面臨無法有充分疫苗供應的窘境，已採購的疫苗到貨時間也難掌握，因此混打是台灣一定要討論的議題。
不過雖然我們可以拿國外的數據做參考，但畢竟亞洲人跟西方人體質不一樣，台灣還是要有自己本土的混打研究資料才好。據了解，台大醫院已展開AZ混打莫德納疫苗的研究，結果預計3個月出爐，將可做為我國研訂疫苗混打政策參考。
●Q：疫苗混打副作用會比較強嗎？
→A：從現在的已經發表的研究來看，混打的副作用都是輕微而且可以忍受的。2種疫苗的副作用都可能發生，但強度會減半，比如2劑都打莫德納疫苗，有人形容打第2劑後的副作用好像撞上火車這麼強，但如果第1劑打AZ，第2劑再打莫德納，嚴重副作用就少一點，也就是撞火車的力道會減輕很多。
●Q：國產高端疫苗與其他疫苗混打也可以提升保護力嗎？
→A：雖然目前全球都還沒有混打蛋白疫苗的研究，不過從學理上看，蛋白疫苗將來也可望以第2劑加入混打行列。不過因為次單位蛋白疫苗並不是從一般細胞內啟動免疫反應，它刺激細胞免疫的效能沒有AZ疫苗那麼好，所以不適合打先鋒，混打時建議仍以AZ做為第1劑打底，蛋白疫苗適合做為第2劑施打。
但像如同AZ＋莫德納也要經過人體實驗才曉得混打的效益，如果政府能夠就這方面預作研究，會更適切。
</t>
  </si>
  <si>
    <t>法國財政部長勒梅爾（Bruno Le Maire）周二表示，受新冠病毒危機影響，今年法國經濟恐將萎縮11%，且直到明年一切恢復之前，經濟情勢恐將更為艱難。
法國在3月中旬起實施嚴格的封鎖措施，以防止新冠狀病毒疫情持續擴散，直到5月11日才開始逐步放寬限制令。
法國財長勒梅爾接受法國電台訪問時表示，法國經濟已遭到新冠肺炎疫情重創，我們採取了有效的措施保護法國人民的健康，但經濟幾乎陷入三個月的停滯，法國以經濟成長做為代價，他並表示正在準備的新版預算案，將把2020年法國經濟成長預測由負8%下修至負11%。</t>
  </si>
  <si>
    <t>2021年世界棒球經典賽(WBC)取消了？根據美媒ESPN報導，這場明年3月的比賽受到新冠疫情衝擊，西語記者羅哈斯(Enrique Rojas)引述他的消息來源說：「這比賽不是我們優先度最高的事，官方遲早會正式宣布取消。」
明年經典賽預計擴充到空前的20支球隊，地主國為日本、台灣、美國。除了台灣(使用台中、桃園的球場)疫情明顯減緩，日本、美國還有其餘的參賽國恐怕無法處理跨國移動的問題。原本的決賽地點在美國邁阿密馬林魚的球場。
經典賽是由MLB美職大聯盟與世界棒總共同主辦，但主導者是大聯盟，他們目前「優先度」最高的就是設法重啟例行賽。此外經典賽還受到大聯盟和球員工會的協議影響，勞資協議將在明年12月到期，讓大聯盟無暇他顧。
《紐約郵報》記者估計經典賽最快要到2023年才有機會開打。</t>
  </si>
  <si>
    <t xml:space="preserve">中央流行疫情指揮中心日前宣布，開放桃園機場過境轉機，首2批轉機旅客26日先後搭乘長榮班機抵台轉機，這也是3月24日實施轉機禁令後，桃園機場首度出現轉機客。
第1批7名轉機旅客下午搭乘長榮BR272班機，從馬尼拉出發，下午3時20分左右抵達桃園機場，當機上其他旅客下機後，轉機客隨即由地勤人員引導，前往出境管制區的C4候機室休息。
據了解，轉機客中有4名搭乘長榮BR52班機前往休士頓，2名搭乘長榮BR32班機前往紐約，1名搭乘長榮BR56班機前往芝加哥。
第2批13名轉機旅客搭乘長榮BR266班機，傍晚從金邊抵台，其中有11人將轉搭BR87班機前往巴黎，2人搭乘BR10班機前往福岡，合計兩批共有20名旅客過境轉機。
中央流行疫情指揮中心表示，由於鄰近的香港及新加坡等樞紐機場已陸續開放轉機，因此依「邊境風險嚴管、國內鬆綁」原則，決定開放桃園機場轉機，不過所有轉機旅客必須轉搭同一航空公司的班機，且在機場停留時間不得超過8小時，目前僅開放華航、長榮及國泰3家航空公司提供轉機服務。
為降低防疫風險，交通部也嚴格限制轉機旅客的動線，規定只能待在指定的候機室，避免與其他旅客混流，如有飲食或是購物需求，也有專人服務並全程監控。
</t>
  </si>
  <si>
    <t>天成飯店集團旗下台北花園大酒店因應新冠肺炎疫情衝擊，今年提前啟動改裝計畫，首波已完成大廳改裝，將原六國點心坊、六國酒吧改裝為「花園thai thai」泰式餐酒館，後續將陸續展開241間客房分批裝修，預計將斥資上億元、為開業12年來最大規模改裝計畫。
台北花園酒店為6家飯店業者聯盟，向交通部觀光局競標取得的平價旅館BOT案，合計斥資15億元打造、於2009年於7月23日正式開幕。隨著六福、陽明山中國麗緻陸續售股退出，目前為天成、麒麟、豪景、慶泰4大股東，其中以天成持股達48％為最大股東。
台北花園酒店設有241間客房，以及PRIME ONE牛排館、翠庭、饗聚廚房、六國麵包坊等多間餐廳及宴會廳，自2010年以來，飯店每年平均住房率落於88～93％高檔水準、均位居全台星級評鑑旅館前3名。
據觀光局統計資訊揭露，台北花園酒店2019年營收5.04億元、年增2.77％，住房率自88.47％提升至92.49％、平均房價自2332元略增至2352元，合算客房平均產值（Rev PAR）約2175元、年增5.44％。
台北花園酒店以國際觀光及商務客為主要客群，由於今年新冠肺炎疫情在春節爆發、並延燒全球，邊境管制及疫情使酒店營運遭受衝擊。2020年首季營收0.82億元、年減37.56％，平均房價雖達2407元、年增3.93％，但住房率驟降至46.18％，較去年同期92.4％腰斬。
對此，台北花園酒店順勢提前啟動改裝計畫，首波裝修先從1樓展開，歷時2個月將六國點心坊及六國酒吧改裝為泰式餐酒館，並與同步裝修的大廳打通，7月起以新品牌「花園thai thai」重新開幕亮相，加計大廳改裝計畫合計斥資達千萬元。
台北花園酒店表示，開業12年來，客房及餐廳等空間設備僅進行局部小幅裝修，原已預訂展開較大幅改裝翻新計畫，此次因疫情而提前啟動。目前客房裝修計畫已在規畫中，最遲年底前將正式啟動，預期整體改裝投資將達上億元，為開業12年來最大改裝計畫。
此外，天成飯店集團攜手中華郵政，取得位於台中七期的新據點開發案，目前已送件審查中，目前暫定2023年開幕，將掛上定位跨界精品的「天成丰閣COSMOS BOUTIQUE」品牌，將生活相關業態中的精品品牌合作，使飯店成為平台載體、創造新旅行體驗。</t>
  </si>
  <si>
    <t xml:space="preserve">洋基隊新王牌寇爾(Gerrit Cole)的第一個小孩在7月3日出世了，是個健康的男嬰，取名為Caden。寇爾說：「母子都很平安。他很強壯，頭髮有點淡，非常可愛有藍色的大眼睛，讓我捨不得移開視線。」
現年29歲的寇爾在2016年結婚，妻子Amy曾是UCLA的壘球投手。父母都是投手，這個男孩有機會繼承老爸的時速100英里的火球。寇爾日前已在春訓2.0練投，現在速球回復到95-99英里(時速)，將擔任洋基開幕戰投手。
從敵人(太空人)轉為隊友，再次見識洋基打者之後，寇爾對本季頗具信心。他說：「60場或162場，球員們仍然只想贏球。這季與往常不同，但這是獨一無二的新冠病毒世界大賽冠軍，誰不想要抱回這獨特的獎盃呢。」
寇爾早年在海盜隊成績普通，只有2015年投出王牌水準。2018年轉隊到太空人之後，球團修正他的配球，減少了二縫線速球，並提高他四縫線速球的進壘高度，讓他的三振功力破繭而出，去年達到美聯最多的326K(他在海盜最多的一季為202K)。
</t>
  </si>
  <si>
    <t>經濟部日前斥資2億元，購置60台口罩機委託業者生產。中央流行疫情指揮中心指揮官陳時中表示，本周將有9條生產線上線，預計可增加72萬片口罩。3月中以後，所有生產線將全開。
經濟部所購置的口罩機，每個機台每周約可生產70萬片口罩，總量超過500萬片，其中120萬片無償提供，剩下380萬則以公告價格提供給政府。
陳時中表示，本周將有9條生產線上線，一條線每日約可生產10萬片，初估每週可增加72萬片。3月中以後，所有產險將全開，產能將進一步提升。</t>
  </si>
  <si>
    <t>背光模組廠元月營收出爐，因為淡季以及工作天數減少等影響，瑞儀（6176）、中光電（5371）元月營收相比去年同期都衰退了近兩成。受到新冠肺炎影響疫情影響，瑞儀、中光電大陸各廠區延至2月10日才陸續復工，預期2月營收還會下探低點，第一季營運展望保守。
由於進入傳統淡季，農曆年假、工作天數較少，瑞儀1月合併營收約34.82億元，月減7.83％、年減37.89％。各產品出貨來看，行動裝置（平板電腦、智慧型手機）出貨量約499.3萬片、月減16.3％，IT（NB、監視器）產品出貨約260.3萬片，月減率12.9％，電視產品則減至5,000片，總計單月出貨量降至781.5萬片。
瑞儀在農曆年後只有吳江廠生產，其他包括南京廠和廣州廠均停產，廣州廠自10日起復工，南京廠隨後在11日復工。不過在員工陸續回廠後還須檢疫，2月營收將受到衝擊。
中光電1月份自結合併營收約33.28億元，較上一個月減少20％，與去年同期相較也減少19％。其中影像產品元月份整體出貨量約6.4萬台，合併營收則約8.27億元，受到去年12月份基期較高以及淡季和年假影響，出貨量及合併營收分別月減29％及40％。
節能產品元月份合併營收17.39億元，較12月減少14％，其中EMS生意營收約10.43億元，月減6％，ODM產品則由於TV機種受淡季效應影響出貨衰退，營收約6.22億元，較12月份下滑29％。元月份節能產品整體出貨量約347萬片，較12月略減0.7％。
中光電大陸廠區遍布昆山、蘇州、吳江、廣州、寧波等地，近期陸續復工。由於淡季及農曆年假影響工作天數減少，而且肺炎疫情影響工作天數驟減，預估2月份整體出貨量將較元月份明顯衰退。</t>
  </si>
  <si>
    <t>台南傳出接種疫苗個資疑似外洩風波，市府27日偕同台南市診所協會代表醫師張富全、台南市醫師公會共同發表聲明，強調衛生局、各區衛生所及各醫療院所，對於個人資料的蒐集、處理或利用，將秉持最嚴謹態度，除依法律規定，也尊重當事人的權益，絕不逾越特定目的的必要範圍，還簽署個資保護聲明書。
市議員洪玉鳳、陳怡珍27日於定期會衛生局工作報告時，也再度爆料指涉及個資外洩者，竟然拿著某議員服務處助理的名片，向打第2劑的長者聲稱「服務處幫你爭取到疫苗」，讓疫苗染上政治色彩，實在太不應該；衛生局長許以霖答詢說，疫苗都是中央配發，應該是診所聯繫上的錯誤，將加強要求管制。
衛生局指出，該局除落實疫苗注射的行政流程，加強衛生局、所同仁的法治觀念外，還將透過醫師公會對醫療院所宣導個資保護及教育訓練，藉由強化行政監督及與各醫療院所共同努力，以最嚴謹的方式，保護疫苗注射名冊內所有的個人資料。
衛生局還說，今年度公費流感疫苗將於10月1日起開始第1階段接種，對象包括醫事及衛生防疫相關人員、65歲以上長者、安養、養護、長期照顧（服務）等機構的受照顧者及所屬工作人員、滿6個月以上至國小入學前幼兒、孕婦、具有潛在疾病之高風險慢性病人、BMI≧30者與罕見疾病及重大傷病患者、國小至高中職／五專一至三年級學生、6個月內嬰兒的父母、幼兒園托育人員及托育機構專業人員、禽畜業及動物防疫相關人員；第2階段自11月15日開始，接種對象為50至64歲無高風險慢性病成人。
市長黃偉哲呼籲符合公費接種資格的民眾盡快預約接種，並需注意「與COVID-19疫苗接種時間間隔7天以上」，在前往合約院所預約或接種前，應主動告知疫苗接種史。
市長黃偉哲說，針對符合資格的長者，將會由衛生所統一造冊安排施打莫德納第2劑，並由各區公所統一印製通知單告知安排施打的日期及地點，再由里長或里幹事親自發送至長者家中。針對行動不便的長者，市府也持續提供「安心接送」服務，只需施打前1天向區公所申請長照車或復康巴士前往接送；如長者因身體情況無法移動前往施打地點，也可向衛生局申請，經評估後可安排到府施打服務。
至於台南市從開始COVID-19疫苗接種作業後，直到26日止，共接種107萬5399劑次，人口涵蓋率48.5％；第2劑涵蓋率9.0％；劑次涵蓋率57.5％。</t>
  </si>
  <si>
    <t xml:space="preserve">Delta（印度變種病毒株）正在世界蔓延中，大陸廣州市疫調時發現，Delta在無任何接觸的情況下就能傳播，且傳播速度只要14秒。對此，一名網友認為，去年政府準備一年也未看到實質的超前部署，不該只想著要防守邊境，應該要思考若有天Delta進入台灣的應對方式。
該名網友今（24）日於PTT表示，Delta已讓以色列、英國解封計畫暫緩，大陸的朋友也透露，雖然新聞沒有特別報導廣州市相關疫情消息，但因為Delta關係，目前仍處於局部封閉狀態。
他認為，有不少國家正受到Delta病毒肆虐，去年中央準備了一年的時間防疫，也沒看到實質超前部署規劃，「這次不應該只想著守住邊境，Delta就不會進來」，應該要一邊嚴守邊境，一邊為未來Delta進來做超前準備。
貼文曝光後，不少鄉民加入討論，「別說台灣，這是世界各國都扛不住的未來」、「看到中央機組員0+7，真的覺得會進來都不意外」、「機組隔離這麼寬鬆，再破一次也很正常」、「你也沒辦法為變種準備什麼，因為持續都在變異，只能做好心理準備」、「連醫療設備都要藝人掏腰包，CDC淪落到只會走秀」。
★《中時新聞網》提醒您：因應新冠肺炎疫情，疾管署持續加強疫情監測與邊境管制措施， 如有疑似症狀，請撥打：1922專線，或 0800-001922， 並依指示配戴口罩儘速就醫，同時主動告知醫師旅遊史及接觸史，以利及時診斷及通報。
</t>
  </si>
  <si>
    <t>台灣新冠肺炎疫情嚴峻，嘉義市是全國人口密度第二高的城市，市長黃敏惠市長今天下午召開緊急會議，市宣布嘉義市以準三級規格備戰，黃敏惠表示嘉市除配合行政院防疫四大措施外，5月28日前還有各項措施，包括夜市攤販暫停營業等。
嘉義市政府宣布，5月28日前進入準三級警戒，市有教育、文化、社會、運動等場館暫時關閉；國中小戶外教學、參訪及畢業旅行等一律停辦；轄區內夜市攤販暫停營業；公務人員及市民不鼓勵到三級警戒區洽公旅遊；即時全面進行清消，由重點區域開始。
嘉義市政府表示，15日上午已與夜市自治會溝通，下午宣布停止設攤營業，店面商家則不在此限。文化路夜市自治會總幹事顏秀蓮說，宣布後開始通知設攤的攤商，請大家勿再來擺攤，配合政府防疫。
黃敏惠也在「中央地方防疫視訊會議」中，向行政院長蘇貞昌提出三點要求，希望中央給予因防疫而停止營運的行業、攤商補償或紓困；趁疫情升溫，人民施打疫苗意願高漲，中央應速調度疫苗全力供應，速達成群體免疫目標；地方防疫經費不足，請中央大力協助，以利疫情控管。</t>
  </si>
  <si>
    <t>基隆成功市場豬肉攤商日前確診，市場緊急封閉，市府昨天針對所有攤商186人進行PCR檢測，有6人呈現陽性，陽性率達3.2％，市長林右昌表示，其中有1確診攤商也在仁愛市場營業，因此，下令仁愛市場今天晚上6點關閉至6月24日零時，成功市場則延長休市至6月23日零時。
林右昌指出，6個確診案例中，有2豬肉攤商、2雞肉攤商、1水產攤商，另外1案則是與攤商有接觸的小吃業者，被列為新北個案，其中有1豬肉攤商也在仁愛市場營業，為預防擴大傳播，團隊決議仁愛市場今晚6點起休市到6月24日零時，並要求所有攤商下午自主用消毒藥水清潔攤位，休市後，環保局將進入全面清消，另外，衛生單位也會安排所有仁愛市場攤商進行PCR採檢。
林右昌說，成功市場新確診案例中，有5例皆為生鮮肉品攤商，生鮮攤販比例相當高，他認為，這是一個警示，決定採取更積極作為，包括市場延休至6月23日零時、只要有攤商染疫立即休市並進行清潔，待防疫到位後再復市。
林右昌進一步說明，這次新冠肺炎疫情是從生鮮市場開始，許多專家學者寫的文章也提到，傳統市場是病毒最容易滋生的場所，只要場域通風加上人流，就會具有傳播風險，他提及，台灣許多民眾在採買生鮮食品時，都會用手觸摸確定新鮮度，但無形之中可能會形成新的傳播方式。
林右昌強調，昨天已下令所有傳統式市場一律比照崁仔頂漁市採取「雙罩一套」，需戴上口罩、面罩及拋棄式矽膠手套，但也呼籲民眾在採購時，盡量不要用手觸摸食品。</t>
  </si>
  <si>
    <t>指揮中心今宣布，新增2例境外移入，我國目前累計有523例確診，因此下午2時指揮官陳時中將召開記者會說明個案相關事宜。
中央流行疫情指揮中心（7日）宣布，新增兩例境外移入，國內截至目前累計523例確診，分別為431例境外移入病例，55例本土病例，36例敦睦艦隊及1例不明（比利時工程師）。確診個案中7人死亡、485人解除隔離、29人住院隔離中。
另牛耳藝術邀請知名俄羅斯鋼琴家丹尼爾‧特里福諾夫（Daniil Trifonov）來台演出，且還提早兩天到台灣，因此遭質疑為何免隔離14天？文化部是否已偷偷開放「藝文泡泡」？對此，發言人莊人祥昨晚回應，指揮中心事前知情審核，但不是開放「藝文泡泡」，而是比照短期商務人士來台有條件縮短隔離天數作法，而提早來台一事，文化部也有口頭先告知，只是公文還沒完備。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TOCC)，以供及時診斷通報。</t>
  </si>
  <si>
    <t>Delta變種病毒造成英國新冠肺炎確診人數再次上揚，英國首相強生可能延後數周放寬防疫措施。英國政府原先計劃在6月21日解封，不過鑑於近日確診人數飆高，外界預測英國可能延長封城至多1個月，而強生並未否認媒體臆測。</t>
  </si>
  <si>
    <t>世界衛生組織正式宣布，新型冠狀肺炎疫情定性為全球大流行，西班牙，法國和德國確診人數均逾2千，義大利政府更擴大封城措施至全國。此外，美國新冠肺炎確診個案亦破千，加上川普並不積極採取預防措施，未來確診病例將有進一步急劇上升的風險。由於歐美疫情似乎仍未到頂，預計將會有更多隔離以及減少人流的措施推出，短期將明顯拖累經濟增長。
七國集團會議聲明已承諾使用所有適當的政策工具，包括財政手段以及貨幣政策，避免經濟受新型冠狀病毒影響。繼3月初突然降息50個基點後，美國聯準會加大市場注資力度，上周四公佈將推出1.5兆美元回購操作及購入不同期限美國國債，以提高市場流動性。歐洲央行亦宣布為銀行提供額外長期貸款。
雖然歐洲央行和聯準會進一步注入流動性，但全球股市繼續出現恐慌性拋售。實際上，歐美政府未能採取有效措施應對疫情，損害投資者的信心。目前的美股波動已經升至過去30年（除2009年金融危機外）的最高水平。標普500指數現價跌至預期本益比15倍，而英國和德國股市更跌至11倍。市場極度超賣。投資者正期待歐洲和美國政府推出大規模的財政刺激計畫，以穩定經濟增長。
板塊方面，建議投資者趁目前調整買入龍頭科技股。其中，阿里巴巴（09988-HK）表示，集團旗下的快遞和外賣業務已經恢復到新冠肺炎爆發前的人員配置水平，菜鳥受疫情影響數周後已回復運作，而外賣業務「餓了麼」及生活用品「盒馬」亦回復全面營運。預計阿里就疫情方面的負面影響將會逐步消化，主要業務正步向復甦，預計利潤將在第二季度回復高增長。</t>
  </si>
  <si>
    <t>比爾及梅琳達．蓋茲基金會、惠康基金會和萬事達卡10日共同宣布啟動新冠肺炎治療加速器（COVID-19 Therapeutics Accelerator），承諾投入最高1.25億美元種子基金，透過篩選、評估、開發和擴大推廣新冠肺炎的治療方法，加速疫情應對工作。
上述3家合作夥伴承諾，將為資源匱乏的國家和地區提供公平可及、價格可負擔的產品。新冠肺炎治療加速器的短期目標是透過加快新藥研發、評估老藥新用以及生物製劑，讓新冠肺炎患者儘快得到治療；長期目標則是為其他病毒性疾病找到治療方法。目前，還沒有找到可用在對抗新型病原體的廣效抗病毒用藥或免疫療法的新冠肺炎批准用藥。
蓋茲基金會和惠康基金會各自承諾投入最高5,000萬美元，萬事達卡則承諾投入最高2,500萬美元，用於該計劃並啟動初期的工作。蓋茲基金會此次宣佈的投入金額，是其在2月宣佈，將為支持抗擊新冠肺炎疫情投入最高1億美元捐款的一部分。
蓋茲基金會首席執行官馬克．蘇茲曼（Mark Suzman）表示：「新冠病毒及類似病毒的傳播速度很快，然而相關疫苗和藥物的開發進展緩慢。面對這樣的疫情，如果想要保護全世界、特別是弱勢群體，我們就必須設法加快研發工作，同時需要政府、民間企業和慈善機構快速行動，為研發工作提供資金。」
新冠肺炎治療加速器將與世界衛生組織、各國政府、民間企業資助和相關機構、全球監管和政策制定部門通力合作。吸取2014年伊波拉疫情中所獲得的經驗，此合作機制將包含從藥物篩選、生產到擴大推廣的全部環節，並透過共同研究成果、協調投資和彙聚資源來加快藥物研發進程。該合作機制將針對研發過程的關鍵環節進行快速、靈活的資金投放，降低開發對抗新冠肺炎和未來可能出現其他疫情的新型藥物和生物製劑的風險，並保障資源匱乏國家的藥品普及性。
新冠肺炎治療加速器將由出資方聯合營運，並充分利用各機構和外部專家的專長。該合作機制將關注藥物研發週期的多個環節，以簡化從候選藥物的臨床評估到使用和生產。該機制將採用三種方法識別候選化合物：測試已批准藥物對新冠肺炎的活性、對數千種已有確定安全資料的化合物進行篩選，以及考慮處於探索階段的化合物和單細胞抗體，通過初步篩選的藥物或單細胞抗體將交由行業夥伴進一步研發。
生物科技和醫藥產業的關鍵夥伴將為本次合作提供化合物庫和臨床資料，並利用他們的商業化運作能力及其他專長將選中的藥物和單細胞抗體投入規模化生產。在篩選新冠肺炎藥物的同時，該機制還將與監管部門合作，統一行業標準並擴大生產能力。目前已獲監管部門批准的產品或具備臨床資料的候選藥品，大約需要一年時間才能進入市場。臨床資料有限且處於篩選初期的化合物則需要更長的時間。
惠康基金會主席傑瑞米．法拉博士（Dr. Jeremy Farrar）指出：「新冠病毒造成了前所未有的全球威脅，我們必須透過國際合作來開發治療方法、快速診斷方法和疫苗。雖然科學在對抗新冠肺炎方面取得驚人進展，但為了跑在疫情前面，我們需要投入更多資源，並協調各方研究。我們將透過此次合作為潛在的治療方法提供研究、開發、評估和生產方面的支持。雖然新冠病毒極具威脅性，但我們已經證明，透過國際合作，我們能夠戰勝新型傳染病。我們必須盡全力對抗新冠肺炎，並繼續確保研究成果能以可負擔的價格普及所有人。如果我們想要扭轉疫情發展趨勢，全球必須齊心協力，立即大規模投資，並承擔相對的風險。歡迎大家加入我們的行列。」
雖然已有獲批的抗病毒藥物可用於緩解季節性流感或治療愛滋病等病毒性疾病，但目前還沒有一種針對新冠肺炎的有效藥物。其中一個原因是，這些藥物在短期內看不到市場回報，導致研究和商業推廣緩慢甚至停滯。新冠肺炎治療加速器將整合各方資源與專長，幫助學界、生物科技公司和醫藥公司降低財務和技術風險，並確保這些產品能夠以可負擔的價格提供給資源匱乏國家和地區的人們。醫藥公司的專業能力對藥物的篩選、研發和商業化至關重要。
萬事達卡副董事長邁克．弗羅曼（Mike Froman）表示：「我們很榮幸能加入對抗新冠肺炎的行列，以進一步實現我們對兼容並緒的承諾。這一全球挑戰不僅威脅了世界各地人民的健康和安全，也可能破壞全球數百萬民眾、企業和組織的經濟活力。我們在實踐普惠金融方面的經驗告訴我們，建立一個資本共用、資源和技能互補的合作網絡十分重要。歡迎其他關注包容性增長的夥伴加入我們。」</t>
  </si>
  <si>
    <t>新冠肺炎疫情衝擊全球，連帶的牽動企業主租賃辦公室的決策過程和需求，商業用不動產市場首當其衝，不過反觀台北市，受惠企業重新加碼布局台灣所賜，辦公租金漲好兇！漲幅叫我亞太第一！以2％的單季漲幅、3.8％的年漲幅居亞太區之冠。
高力國際8日公布最新調查，針對此波新冠肺炎（COVID-19）對於亞太A級辦公市場的影響，追蹤19個城市的結果，發現2020年第二季的A級辦公室租賃需求較第一季大幅衰退逾5成，甚至較去年同期大幅減少逾7成。
不過，台北市因疫情控制得當，市場又是最小，第二季租金季漲幅、年漲幅竟雙雙成為亞太區之最。
調查指出，台北是以2％的單季漲幅、3.8％的年漲幅，居亞太區之冠。
另外，印度德里、韓國首爾，辦公平均租金也不畏疫情，租金較上季走揚。
高力國際董事總經理劉學龍表示，台北市辦公室租約一般為期五年，受制於市場新增供給有限，續約已是當務之急，租金勢必調漲。
展望下半年，高力國際預期，在肺炎疫情未解以及許多城市有大量供給的衝擊下，至今年年底亞太區整體租金跌幅可能會達到5%，而台北則將逆勢上漲2.3%。
另外，調查顯示，亞太19個主要城市，今年第二季辦公室新增租賃需求，普遍比上季萎縮，實際去化面積為48萬平方公尺(約14.52萬坪)，相較第一季去化面積109萬平方公尺（約32.97萬坪），大幅萎縮56％，若對照比去年第二季去化面積164萬平方公尺（約49.61萬坪），年減幅更高達71％。
展望下半年，高力國際認為中國大陸一線城市、印度、東京等地方，需求將明顯復甦；但上海及香港等處有較高跨國企業占比的城市，租賃需求仍偏弱。</t>
  </si>
  <si>
    <t>新冠肺炎疫情導致死亡人數攀高，民眾懼怕之餘多數在家中抗疫情，連帶激勵電商、網購平台、防疫物資、貨運公司、宅經濟的手遊公司、零售通路及食品業者等業績長紅，如鈊象（3293）、富邦媒（8454）等。
台灣的新冠肺炎疫情從過年到目前已經超過兩個多月，已有5人死亡，因尚未控制住，民眾也多數留在家裡減少外出，創造了宅經濟的市場，包括透過網路採購民生必需品，momo購物的富邦媒、遠百旗下愛買以及貨運公司如嘉里大榮、宅配通的業績走強。
其中富邦媒2月營收49.5億元，創歷史同期新高，年增39.9％，今年前兩個月營收98.8億元，年增26.3％，旗下momo網路購物今年2月業績占比繼去年11月後，再次突破九成，其中行動購物業績占比約達70％，年增62％，成長率創近一年新高。
同時，宅經濟相關的的手遊公司如鈊象、智冠等業績也從今年新冠肺炎疫情爆發開始的1月開始至今，每月業績持續成長。鈊象今年2月營收6.27億元，月增1.82％，年增97％，連兩個月改寫單月營收新高。</t>
  </si>
  <si>
    <t xml:space="preserve">(20:12更新)中秋連假將屆，而中秋相聚民眾最愛烤肉賞月，但受到國籍航空3名機師發生突破性感染，且還是傳染力最高的Delta變異病毒，加上新北板橋幼兒園爆發15人大規模群聚，讓各地方政府神經緊繃，目前新北巿、桃園市、台中市等16縣巿已宣布禁止戶外烤肉活動，只允民眾在家烤肉。
《中時新聞網》整理全台各地針對中秋烤肉的相關規定，其中禁止戶外烤肉的有16縣巿，5縣巿暫不停辧或視疫情滾動調整，台北巿則預定下周一（13日）公布中秋節活動防疫指引。以下為全台各地規定。
【台北市】：下周一（13日）公布中秋節活動防疫指引。
【新北市】：不開放新北市河濱公園烤肉，與烤肉相關公共活動一律禁止，自行在家烤肉則不限制。
【基隆市】：7日起所有戶外公共場域禁止烤肉，家裡烤肉則以同住家人為限。
【桃園市】：中秋節所有活動一律取消，市府所屬虎頭山風景區、公園、河濱公園，不開放烤肉。民眾可居家烤肉，但應避免大規模群聚。
【新竹縣】：中秋節不開放包括任何戶外、公共場所、社區烤肉以及相關活動，僅同住家人可居家烤肉。
【新竹市】：中秋節不開放包括任何公共場所烤肉以及相關活動，僅同住家人可居家烤肉。
【苗栗縣-中秋活動暫無影響】：中秋活動暫無影響。停辦銅鑼鄉五福廟普度法會、苑裡鬼門關夜市。
【台中市】：7日起所有戶外公共場域禁止烤肉。包含公園、河濱、社區中庭、自家門前騎樓、公寓社區頂樓等場域皆禁止烤肉；家裡烤肉則以同住家人為限
【彰化縣】：不建議、不鼓勵、不補助辦理社區烤肉活動，禁止於社區活動中心、宮廟廣場、公園、風景區、停車場等公共場所或政府機關場所辦理烤肉活動。烤肉對象以同住家人於家戶進行為宜。
【南投縣】：戶外公共場域一律禁止烤肉活動，不鼓勵辦理家戶烤肉活動。
【雲林縣】：中秋連假僅開放「同住家人」在自家庭院或空地進行烤肉、賞月活動，並請社區、社團停辦非家人的群聚活動。
【嘉義縣】：9月18日到9月21日期間不開放戶外公共場域烤肉，僅開放同住家人自家烤肉。
【嘉義市】：9月18日至9月21日社團社區中秋活動禁止，例如：烤肉，集會，唱歌聯歡等，家人烤肉不限制。
【台南市】：針對中秋活動，市長黃偉哲表示，原則上禁止大型戶外社區烤肉，能不辦就不要辦，如果要辦的話一定要拉開安全距離，疫情更嚴峻的話，我們會採取斷然措施。另外停辦2021台南古都國際半程馬拉松。
【高雄市】：中秋節禁止各類團體在各類公共場所及騎樓烤肉，民眾只能在家中烤肉，但僅限同住家人，另外高雄市鳳山區誠義里千人中秋烤肉活動停辦。
【屏東縣】：中秋活動暫無影響，將視疫情發展情況調整。
【宜蘭縣】：風景區、河濱公園、中山公園與市民之森，中秋連假期間全面禁止烤肉，違者將依照傳染病防治法處理。
【花蓮縣】：即起到中秋連假為止，停辦社團及社區中秋活動，禁止戶外公共場域烤肉，同住家人可烤肉。
【台東縣】：不開放公共場所烤肉，禁止大型集中烤肉活動，民眾可於自家烤肉。
【澎湖縣】：不禁止中秋烤肉。
【金門縣】：依中央疫情指揮中心規範，後續視疫情變化隨時滾動式調整。
【連江縣】：中秋活動暫無影響。
</t>
  </si>
  <si>
    <t>高市掀長輩搶打莫德納疫苗潮，2日來接種率高達101.16％、2日晚間緊急宣布3日起暫停不在籍施打，引發民怨。市長陳其邁多次致歉，強調5日新一波疫苗就會到，這禮拜沒打到，下禮拜保證一定打得到。
陳其邁表示，高市疫苗覆蓋率已達10％，統計至2日，72至74歲長輩已接種27799人，75歲以上長者已接種5034人。1日就打到99％，2日更高達101.16％。
陳其邁表示，之前有很多孝順的子女從外縣市開車載爸媽來打疫苗，但疫苗控管上還是要考慮原來高市設籍的市民優先。週末沒時間配合施打的民眾，下週也可以補打，不用急。
針對各容量針具抽取導致殘劑量不同的問題，陳其邁表示，高市多半採用1cc的注射針頭，抽取方便，也能提高施打速度。
高市開放莫德納注射以來，目前只有一起現場休克的個案，但目前尚無法確定與疫苗接種有關。至於疫苗衍生的副作用、猝死疑慮，衛生局表示，若民眾有藥害救濟相關程序，但都須經評估認定。造成當事人的影響，民政局區公所、社會局都會一併整合協助，提供民眾協助。
針對網傳高市疫苗注射年齡排程表，陳其邁警告是假消息，他強調，高市打疫苗很簡單，一切依里長、里幹事通知書為主。
★《中時新聞網》提醒您：因應新冠肺炎疫情，疾管署持續加強疫情監測與邊境管制措施， 如有疑似症狀，請撥打：1922專線，或 0800-001922， 並依指示配戴口罩儘速就醫，同時主動告知醫師旅遊史及接觸史，以利及時診斷及通報。</t>
  </si>
  <si>
    <t>中秋連假將至，新北將在連假結束後安排學生施打BNT疫苗。新北市長侯友宜說，目前可接種的疫苗有AZ、莫德納、BNT校園和非校園專案、高端，相關接種時間、對象都會公布在市政府、衛生局網站，本月15日至下月2日都會有疫苗接種。
針對校園BNT接種，侯友宜也叮嚀接種學生，少奔波睡眠充足不熬夜、不空腹多喝水放輕鬆、有狀況立即回報師長，老師將會每節課定時關心，另外各校園體育課接種後2周內也會改成靜態課程。
另外，若接種學生出現，連續發燒超過48小時、嚴重過敏反應、胸痛心悸、呼吸急促、運動耐受不良等反應時務必立即就醫。</t>
  </si>
  <si>
    <t>台股短線報復性反彈1,200餘點，跌深且營運績優的個股短線反彈快速，PCB周邊的個股有銅箔基板（CCL）聯茂（6213）、華通（2313）等。
聯茂26日股價上漲3元，漲幅2.36％，收在130元，收復年線。華通26日股價上漲1.9元，漲幅6.46％，收在31.3元，已經收復5日、10日。
聯茂去年第四季因5G基地台建置庫存調整影響，今年前兩月又因新冠肺炎疫情衝擊，股價大幅度回落，不過3月起受惠今年大陸5G基地台建置，在基地台與核心網路訂單需求顯著成長，使高速材料出貨量快速攀升。
此外，疫情使在家工作與遠距教學需求大增，使電商、雲端業者反而加快資料中心建置，使伺服器需求續強。
不論是電信設備抑或是網路通訊設備材料，皆屬於中高皆規格產品，此有助聯茂產品結構持續優化，法人估聯茂今年獲利將優於去年EPS為8.13元的水準。
雖然遇上新冠肺炎不過大陸工信部加大力道促使5G網路建設加速，以促進5G終端消費攀升下，大陸三大電信運營商喊出2020年5G用戶數目標7,000萬戶，相關5G資本支出達1,800億元人民幣。
大陸電信設備商已於2019年底至今年初陸續開標，聯茂5G相關應用訂單將明顯成長。
華通已公布去年財報，去年EPS為3.21元，主要受惠於蘋果iPhone 11系列智慧手機主板，以及AirPods軟硬結合板等需求推升，董事會並宣布每股配發1.2元現金股利。
華通今年2月營收約32.35億元，雖月減二成，但年成增17.9％。華通表示，大陸廠區3月已恢復正常。
法人認為，華通今年第一季因受新冠肺炎疫情影響，營運受到衝擊，不過美系5G手機仍將如期於9月中下旬推出，及產品結構優化有助ASP、毛利率與獲利再攀升，今年獲利仍有機會超越去年。</t>
  </si>
  <si>
    <t>北農83例確診染疫，北市議員黃郁芬28日踢爆，其中竟有10例接觸的匡列人數是「0」，基隆、嘉義等外縣市都做得到發出細胞簡訊通知確診個案的周遭人，北市竟沒有；議員苗博雅也質疑，83例中有36例是這次北農2.0專案篩出，但其他卻都是自己去快篩或醫療院所發現，居然沒有1例是台北市長柯文哲之前說的「同心圓」篩檢篩出。
黃郁芬質詢，北農第一、第二果菜批發市場居然有10例確診的職場接觸人是「0」，這麼多雇員、送貨員、蔬菜攤，這樣疫調的匡列非常不確實，難道都沒有接觸任何人嗎？
黃郁芬說，其中3人是台北市民，分別是1名第一市場雇員、2名是第二市場攤商級雇員，但北市衛生局卻都沒根據實聯制，發送細胞簡訊給接觸人通知自主健康管理，先前基隆市燒烤店家族5人確診，都做得到發送細胞簡訊匡列，嘉義也做得到，北農這麼嚴重，北市卻做不到，怎麼可能是0？
北市衛生局疾管科長余燦華坦承，疫調匡列在實務上有困難，個案在回答時有所保留，有人指說不太跟其他人來往，北市也還沒用細胞簡訊匡列，但透過這樣的電話足跡方式，會研議辦理。
苗博雅則說，北農83例中，北農2.0專案篩出是36名PCR陽性，其他都不是柯文哲之前說的同心圓篩檢篩出來的，且北農一市被封的攤商，看到被封時就直接在旁邊繼續擺攤，攤商根本不該出來，北市卻沒有作為；針對北農案，不可能要求新北、基隆到北市做疫調吧？
余燦華說，36人是專案篩出，其他則是自己去醫療院所、快篩，被院所發現，北市6月12日前後都有疫調，但之前因與新北疫調溝通整合有困難，但在柯市長去指揮中心提出來後，有開始整合。
議員林亮君追問，但柯文哲跟中央討論後，衛生局卻遲遲未發公文，所以柯文哲要請醫福會執行長王必勝來協助北農做PCR，都只透過記者會講，沒事先跟衛生局溝通？余則說，之前會議市長有提過2次。</t>
  </si>
  <si>
    <t>南韓電子大廠三星(Samsung)在 2 月中旬正式發表了三款 Galaxy S20 系列以及 Galaxy Z Flip 可折疊螢幕手機，其中後者已經率先在台限量開賣。根據台灣三星官方公布的資訊，Galaxy S20 系列在台上市計畫的記者會將罕見改以線上直播方式進行，恐是受到今年初爆發的新冠肺炎(COVID-19)疫情影響所致。
台灣三星電子稍早前宣布，將與 3 月 4 日下午 1:00~1:30 期間透過直播舉行 Galaxy S20系列上市線上記者會。或許是為了分散流量跟便於使用者選擇，官方宣布將於 Samsung Taiwan 臉書粉絲團、Samsung Taiwan YouTube 官方頻道以及台灣三星新聞中心等三處提供線上直播。
三星日前發表的 Galaxy S20 系列，共有 Galaxy S20、Galaxy S20+ 以及 Galaxy S20 Ultra 三款，其中 Galaxy S20 Ultra 的相機支援 100X 超高倍變焦，蔚為話題。這三款手機皆有 4G 以及 5G 版本，在台第一階段 5G 釋照五家電信業者得標頻寬以及頻譜位置都已經在本月 21 日確定後，三星今年度會不會直接選擇在台推出 Galaxy S20 系列的 5G 版本，引人好奇。而手機價格會否因此比 2019 年僅推 4G 版本的 Galaxy S10 系列更高，也值得關注。</t>
  </si>
  <si>
    <t>小編今天(29日)精選5件不可不知的國內外財經大事。非洲出現新冠肺炎新變異株Omicron，此病毒傳染率高，利空消息傳來，全球股市全倒，台股26日一度重挫超過300餘點，終場下跌284.80點，收在17,369.39點，跌幅1.61％，日K連六黑，跌破月線，不過八大公股行庫進場護盤買超60.5億元，連兩日買超，合計買超93.24億元，企圖穩住行情。
【1】公股護盤 點火16檔高殖利率股
歐洲疫情升溫、美國恐提前升息等預期，恐慌性殺盤湧現，台股26日長黑K棒跌破月線，八大公股行庫買超26日大手筆護盤台股60.5億元，創10月13日以來買超金額最大，買超新光金（2888）、富邦金（2881）及亞泥（1102）等16檔高現金殖利率，兼具抗通膨及抗跌雙題材，將成股市中流砥柱。
【2】Omicron來襲 台股今備戰 政府基金480億上膛
美股26日遭遇聯準會（Fed）可能提前升息及新冠肺炎變種病毒侵襲，四大指數全面重挫逾2％，連帶使台股期貨夜盤續重挫至17,070點，機構法人直指新制勞退480億元委外代操上膛、將伺機進場，「萬七」可望是短線鐵板，加權指數有機會在半年線與季線間尋求止穩空間，萬一市場出現不理性殺盤，不排除政府基金擴大進場力道。
【3】黑天鵝群襲 海運漲價聲起
全球海運供應鏈面臨五隻黑天鵝罩頂，包括Omicron變種病毒來襲、大陸新規限制航運追蹤、大陸能耗雙控影響、塞港等，再度升高市場對疫情和供應鏈的憂慮，在船舶艙位供給緊張下，搶艙大戰一觸即發。貨代業者透露，12月歐美線運價蠢動，開始有航商收附加費，並傳出月中將上調運價，是否挑戰目前天花板價，業界關注。
【4】外資唱旺PCB 瑞銀喊買五虎將
PCB產業大循環登場，瑞銀證券看好，高效能運算（HPC）、人工智慧（AI）與自動駕駛提供PCB產業內含價值提升催化劑，一口氣給予南電、臻鼎-KY等指標五虎將「買進」投資評等，主要外資券商至此幾乎全數投入PCB產業基本面研究。
【5】網民強忍剁手衝動 美國黑五線上支出首見下滑
今年美國零售商自10月起陸續推出年終折扣，令精打細算的消費者提前採購搶優惠，相對分散黑色星期五網購人潮，使今年黑色星期五線上支出較去年同日下滑，是史上首例。</t>
  </si>
  <si>
    <t xml:space="preserve">新冠肺炎衝擊商家生意，創世基金會12日說，與去年1至3月相比，高雄地區的發票數量減少3至4成。由於12日是國際護士節，在創世基金會也有一群辛苦的護理人員，其中，高雄院的到宅護理師34歲許心怡擔任護理師已有14年，她把個案家屬當成家人，覺得照顧植物人的工作意義非凡。
新冠肺炎令許多商家苦不堪言，就有一些商家告訴創世基金會，因為生意差，生意做不下去了。也就是說，商家沒法拿客人捐的發票給創世基金會了。疫情也連帶影響創世基金會原本要舉辦的募款餐會與公益路跑活動。
12日是國際護士節，護理師許心怡表示，她本來對安養院的印象很差，因為去曾在醫院加護病房工作，照顧過私人安養院轉來的病患，這些病患纖瘦、皮膚可能還有傷，因此，她對這類工作很排斥，但後來同事推薦她去創世看看，還強調：「跟妳想的不一樣。」
經過實地走訪，以及參與志工服務，許心怡改變了觀念，也決定要到創世服務。她表示，擔任宅護理師，必須走入社區，每天都可能到不一樣的個案家中，聽到每個人的家庭故事。雖然服務僅有30分鐘到1個小時，但感受到個案家屬把自己當家人、朋友對待，真的很有成就感。
</t>
  </si>
  <si>
    <t>中央流行疫情指揮中心昨白天先公布新增確診1例，為白牌車司機的妹妹；深夜則再公布一新確診個案，國內第24例新冠肺炎（COVID-19）確定病例，為北部一名60多歲退休女性，近2年無出國史，且作息單純，平常活動範圍僅在住家附近公園運動、在家看電視或與朋友唱卡拉OK。
指揮中心應變官莊人祥說，因感染源還在調查，還不能說是社區傳播。
2月10日送加護 擴大採檢發現
莊人祥指出，這名女性在1月22日出現發燒、咳嗽等症狀，22日至29日四度至診所就醫，因症狀加劇且出現呼吸急促，29日晚間前往醫院急診，經檢查診斷為肺炎，30日收治住院，因病情惡化，2月10日轉入加護病房。
莊人祥說，指揮中心在2月17日開始，針對流感併發重症檢體檢驗結果為陰性者，擴大進行通報採檢後發現，並由醫院通報，轉收至負壓隔離病房，於昨晚確診；個案目前持續住在加護病房隔離治療，狀況較嚴重。
指揮中心表示，這名個案密切接觸者共360人，包括家人、朋友及診所醫院人員，目前正安排接觸者採檢。將持續調查是否有其他接觸者，會再進一步匡列、追蹤、採檢及隔離。
公園運動或唱卡拉OK 接觸360人
至於感染源為何，莊人祥表示，其女兒同學曾有中港澳旅遊史，婦人與自杭州返台的女兒同學曾於上月6日碰面，但由於接觸時間與發病時間間隔過長，研判可能性低。加上已退休，平常都在住家附近公園運動，多半都在家看電視或與朋友唱歌。
莊人祥強調，目前還需要近行疫情調查才能知道是否為社區傳播。另將針對個案發病14天前的活動史與可能暴露者，進行回溯追蹤調查，以找出可能感染源。
中央流行疫情指揮中心指出，截至昨天下午4點，全台新增14例嚴重特殊傳染性肺炎通報個案，目前累計通報1927例，檢驗結果為24名確診（含8例本土病例）、1822例排除、餘檢驗中（37例初驗陰性）。</t>
  </si>
  <si>
    <t xml:space="preserve">北部知名夜店30歲女公關確診新冠肺炎，中央流行疫情指揮中心9日宣布，酒店和舞廳即日起停業，台中市政府更加碼針對其他八大行業再祭出「實名制」登記，太平警分局9日晚上由分局長高誌良親率員警前往轄區內數家電子遊藝場稽查，並勸導2家小吃歌唱業者自主停業。
中市實施八大實名制首夜，雖然太平地區轄區雖無大型酒店或舞廳，太平警分局長高誌良仍親自主持擴大臨檢勤前教育並帶隊率同仁前往轄區內數家電子遊藝場稽查，針對業者及店內消費者進行相關防疫約制及勸導，籲業者也應持續加強環境衛生與人員健康管理，對於如有業者未配合「實名制」登錄業者，予以勸導並通報主管權責單位經發局列入優先實施稽查名單。
此行也全面清查過濾有無「居家檢疫」及「居家隔離」者，避免違規民眾對象趴趴走，防堵疫情破口。
臨檢過程中，業者們均表示已從新聞報導或同業間得知「實名制」之措施，雖有些不便，但均願意配合政府政策且已落實實施，以確保員工及顧客之健康安全。高誌良也強調，未來仍將配合市政府經發、衛生、民政等主要防疫單位，針對轄內小吃部、電子遊藝場等場所展開聯合稽查臨檢，宣導業者防疫及衛教觀念，以保障市民健康安全。
</t>
  </si>
  <si>
    <t xml:space="preserve">因應新冠肺炎疫情，台中市政府以高標準實施防疫作為，原本長青學苑課程延期至4月6日開學，即日起將直接暫停上學期課程。社區照顧關懷據點方面，自3月23日暫停健康促進活動及老人共餐；將以提供便當、送餐等方式進行關懷服務，讓長輩及家屬安心。
社會局長彭懷真說，台中社區照顧關懷據點提供健康促進、餐飲服務、關懷訪視和電話問安等服務，受到社區長輩熱烈歡迎。因應疫情考量據點健康促進活動場域多為封閉室內空間，為降低近距離傳染風險，將暫停健康促進活動課程。
彭懷真指出，社會局也將暫停原本集中用餐方式，如長輩有用餐需求，改以便當盒讓長輩帶回家食用，社區並將持續提供電話問安及關懷訪視，服務不中斷。
社會局表示，依據疾病管制署公布的流行病學資訊，嚴重特殊傳染性肺炎可藉由近距離飛沫、直接或間接接觸病人的口鼻分泌物或體液，而增加人傳人的感染風險。
社會局強調，考量65歲以上者為嚴重特殊傳染性肺炎重症高風險族群，應避免參與各類型活動，因此社會局實施高規格防疫措施，照顧長輩與志工的健康安全。
</t>
  </si>
  <si>
    <t xml:space="preserve">今（5）日傳出一名孕婦要施打第二劑莫德納時，卻被預約的醫院告知，第二劑疫苗已被完成登錄，且是混打高端，令她心急地直奔疾管署尋求協助。對此，北市衛生局表示，該名孕婦打第一劑莫德納時，院方接種名冊上傳異常，目前已更正該筆錯誤登錄資料。
衛生局表示，查該孕婦9月6月於北巿某醫院接種第一劑莫德納疫苗，但院方接種名冊資料上傳異常，造成民眾疫苗接種紀錄錯誤，目前已更正該筆錯誤登錄資料，後續會請該醫療院所檢視新冠疫苗接種紀錄上傳作業，避免再發生類似事件。
同時衛生局也提醒，個人疫苗接種紀錄可使用健保快易通App查詢，若發現疫苗接種資料有錯誤記載，可向北市12區健康服務中心洽詢，留下相關資料，以便查明後進行修正。衛生局也補充說，該名孕婦今日已於聯合醫院和平院區，完成第二劑莫德納接種。
★《中時新聞網》提醒您：因應新冠肺炎疫情，疾管署持續加強疫情監測與邊境管制措施， 如有疑似症狀，請撥打：1922專線，或 0800-001922， 並依指示配戴口罩儘速就醫，同時主動告知醫師旅遊史及接觸史，以利及時診斷及通報。
</t>
  </si>
  <si>
    <t xml:space="preserve">美國總統川普不斷鼓吹使用抗瘧疾藥物「奎寧」治療新冠肺炎，引發專家撻伐科學證據太薄弱，質疑療效，美國疾病管制暨預防中心（CDC）昨（7）日也悄悄移除了官網上原先建議醫師使用奎寧的治療指南。
路透社報導，美國CDC昨日悄悄移除了官網上建議醫生使用抗瘧疾藥物「氯奎寧」（Chloroquine）及「羥氯奎寧」（hydroxychloroquine）的建議指南。
CDC官網上一篇「給臨床醫師治療新冠患者的療法選項資訊」（Information for Clinicians on Therapeutic Options for Patients with COVID-19）的頁面原先指出，「儘管目前還不清楚使用羥氯奎寧治療新冠肺炎的最佳劑量及使用期間，不過『據傳』部分美國醫生已經使用奎寧開出不同處方醫治新冠肺炎。」
喬治華盛頓大學（George Washington University）梅肯研究院公共衛生學院（Milken Institute School of Public Health）院長高曼博士（Dr. Lynn Goldman）不可置信地表示，「為何CDC會公告『傳聞』（anecdotes）？這沒道理，很不尋常。」
CDC官網上原先的這則公告引起醫生及專家撻伐，批評奎寧的治療方式還沒有被證實有效或是有害，就建議醫生使用。
路透社先前報導，CDC會放上奎寧的治療建議指南，是因為川普本人親自施壓聯邦主管機關及衛生官員，在奎寧尚未受到嚴謹的科學證據證實能有效治療新冠肺炎的情況下，擴大開放奎寧來治療。CDC隨後也向路透社證實，因應白宮冠狀病毒小組要求，才會在官網放上奎寧的治療指南。
目前CDC官網同一個頁面上仍有氯奎寧及羥氯奎寧的介紹，不過移除了原先的說明。新增的內容指出，「目前美國食品暨藥物管理局（FDA）尚未認可任何療法及藥物來預防或治療新冠病毒」；在奎寧的條目下，則補充羥氯奎寧及氯奎寧仍在進行治療新冠肺炎的「臨床試驗」。
</t>
  </si>
  <si>
    <t>大遠百櫃姐出現確診個案，新北市長侯友宜表示，業者今天自主停業1天，今天啟動企業快篩，預計篩檢1500人，並全棟清消。侯再次強調，如果因為疏失造成疫情擴散，就會勒令停業、停工。
侯友宜說， 防疫是每個人的責任，不管大小企業、營業場所，都要定期快篩，未來企業會是快篩主力，社區篩檢站作為搭配，企業都要密切自主健康監測員工身體，不要因為疏失造成疫情擴大，若得歸咎企業主，會勒令提業、停工。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從昨晚傳出北部某醫院出現緊急事件，到指揮中心公布今（12）日有本土2確診，台灣民眾一直關注此消息，現在得知發生首例醫生感染，大家都很緊張。對此，精神科醫師沈政男認為，醫師照顧病患時被感染，沒人會怪罪他們，反該審視哪個環節出錯，必須補強院內感控。他還特別指出，桃園市長鄭文燦也露臉，宣布相關防疫措施，應是想角逐大位，告訴大家自己有在做事，在防疫上不能失分。
沈政男今在臉書上評論首例醫生染疫事件表示，官員今天急著說「不要責難醫療人員」，事實上台灣人大都能體諒他們的辛勞，根本沒人怪罪，只是，如果是照顧病患時被感染，尤其是台灣首例醫生被感染，當然應該審視到底哪個環節出了問題，才能減少類似情形發生。
至於醫師是否在插管時被感染？指揮中心已經講得很清楚，插管是由麻醉科醫師執行，那位被感染的主治醫師只是站在旁邊。沈政男認為事情是這樣，主治醫師當時站在旁邊，也不意味就是那時被感染，而是必須回想可能是什麼時候疏忽了，給了病毒機會。第一個可以改進的是：新冠插管準則，國外都已編定，但台灣呢？只有個別醫學會的建議。指揮中心應結合專家意見，整理出新冠插管準則，給醫療人員參考。新冠插管的醫療人員感染率，已有研究數據，大約是一成左右，台灣因為重症個案相對較少，目前問題不大，但仍須訂出準則。
沈政男指出，雖然不是插管時被感染，但國外插管準則有說，「插管時其他非必要醫療人員儘量不要在場」，這就讓人納悶，被感染的醫生為什麼當時要待在旁邊了。至於一般照顧新冠病患的醫療人員感染風險，根據國外大規模研究，約是一般人的3倍，而醫療人員的家屬，注意了，約是1.7倍，因此，醫療人員的家屬必須比一般人更注意感控，避免被傳染。
再來的問題是，病毒有沒有傳給其他院內人員？以疫情初期那起北部醫學中心的院內感染來說，只傳給直接照顧的護理人員或清潔工，並沒有繼續傳播下去，因此，如果此次這家發生院內感染的醫院，也能做到類似的感控水準，就不用太擔心。但，如果不是呢？那就必須等看看後續的病毒檢測結果。雖然如此，目前住院中的患者與家屬，以及前往就診的民眾也不必太擔心，因為只要大家戴好外科口罩，傳染率極低。
「至於封院，那是對病毒不了解，或者醫療資源崩潰之下，才可能有的決策，台灣感控早已脫離了那個時代。」沈政男指出，現在要加強的是，有沒有注意到醫生的女友有在念書，而且到學校考試？試問，當時教室內的師生都有戴口罩嗎？秋冬防疫專案對於教室上課，並沒有強制戴口罩，但還是戴上比較好。
對於指揮中心隔了一晚才公布這起疫情，沈政男頗不以為然，社會上早就傳得沸沸揚揚，其實可以在昨晚說，「北部傳出有限度院內與社區感染，狀況已在掌握中，大家不要驚慌，但必須加強自我防護。」這樣一來，那些潛在接觸者是不是可以提早把口罩戴好，把社交距離拉出來，多少降低後續感染的風險？
觀察這起本土醫護雙染疫案例，沈政男特別點出鄭文燦的出場意義。他說，鄭文燦出來開記者會，他有講到什麼嗎？不過是露露臉，讓大家知道我有在做事。鄭文燦想要角逐大位，當然在防疫上不能失分。事實上元旦前傳出社區感染後，如果不是總統府先取消元旦升旗聚會，桃園恐怕也還是會辦。事實證明，減少不必要的大型聚會，利多於弊，因為，當你沉醉於歡樂氛圍，就會鬆懈防疫，給了病毒可乘之機。
</t>
  </si>
  <si>
    <t>「功夫皇帝」李連杰26日迎接57歲生日，因新冠肺炎疫情關係，眾人居家隔離，他也不例外，在家中與結婚21年的老婆利智和2個女兒Jane及Jada簡單慶生。他在IG上貼上日常生活照，感謝影迷獻上的祝福，也許下生日願望：「希望世界能恢復元氣，也希望在疫情之中大家能夠團結在一起」，李連杰同時慶幸自己能平安地與家人一起在家隔離，最後祝福粉絲快樂健康。
他的17歲小女兒Jada日前雖因新冠肺炎疫情憂鬱症復發，不過她仍在IG上貼出3張與父親的合照，並寫下祝福：「爸爸生日快樂！不論遇到什麼事，都感謝你的耐心與不變的支持，即使我總沒表達出來。謝謝您為了讓我快樂所付出的一切，以及始終如一的愛。」
而哈佛高材生的大女兒Jane，日前則居家隔離，與家人一起度過20歲生日，雖然沒有特別外出慶祝，但回顧過去7年的少女時期的成長歷程，更特別感謝多年愛護她的家人和朋友，「過去七年來，我生命中對我最好的人，幫助了我很多，才可以成就了今天的我。永遠愛你們。」</t>
  </si>
  <si>
    <t>科技大廠適逢5G起飛期，今年相繼啟動大型募資計畫，但卻遭逢新冠肺炎的疫情亂流，包括聯茂、牧德等有驚無險，可望完成募資；被動廠國巨、華新科也備有腹案，9月底以前可望完成相關計畫，科技業募資可望在驚險中達陣。
聯茂的現金增資在風雨中，順利收足33億元款項，新股已經上市交易，對照聯茂10日收盤價141元，參與認購的投資人，現賺28％價差，而大股東穩懋參與認購，更成為漂亮的業績之外，另一個投資人持股的定心丸。
牧德為PCB產業的獲利績優生，預計發行2,120張現金增資，現增價為250元，以10日收盤價291元來看，價差約16％，隨著歐美股市暫時趨穩，加上第二季營運可望優於首季，應可拉高原股東的認購意願，牧德距離收足款項已勝券在握。
接下來募資的重頭戲則由MLCC雙雄國巨、華新科擔綱，尤其國巨3月營收睽違14個月，重返年增趨勢，點燃市場信心，第一季營收守住百億大關，優於市場預期，法人推估，國巨第一季每股盈餘挑戰半個股本，4月營收也不看淡。
國巨、華新科在今年9月底之前，均屬募資有效期，然歐美疫情作梗，雖然國巨規劃的募資規模為8,000萬股，分別為7,000萬股GDR以及1,000萬股ECB。</t>
  </si>
  <si>
    <t xml:space="preserve">英國政府祭出全民居家隔離以防疫，除了少數行業外，全國幾乎陷入停擺。但新措施上路2天以來亂象不斷，地鐵車廂依舊塞爆人潮，而大家幾乎都沒有戴口罩。
由於營建類工作並未名列在首相強森的停工範圍內，強森政府面臨的壓力日增，來自工會、勞工和朝野政治人物認為，應停止不重要的工地工作，以免病毒散播。
但衛生大臣漢考克昨天聲稱，那些無法在家工作者，就應該出門上班，「以維持國家持續運作」，「只要工人之間保持2公尺距離，在工地的工作就可照常進行。」
但反對者強調，公眾健康應該擺在經濟之上。保守黨前內閣官員史密斯認為，大部分的營建工人都不該出門工作，只要留下緊急需求就可。大曼徹斯特市的工黨籍市長伯恩翰認為，政府的決定顯然是基於「經濟理由」。
</t>
  </si>
  <si>
    <t xml:space="preserve">本周起封鎖76天的武漢正式解除聯外交通，大量被封在外省的武漢人陸續返回，困在武漢的外地人也趕緊安排返鄉。面對這一來一往的數百萬人潮，大陸官方繃緊神經，要求武漢市民盡量不要外出，做好社區防疫管理，外地返回武漢的不要著急，避免把病毒帶回武漢引發二度疫情。
《美國之音》指出，武漢解除封鎖後的狀況很像錢鍾書作品《圍城》情境──城裡人想出去，城外人想進來。解封當天就有6萬多人出城，返城的大軍也在陸續抵達。互聯網上傳播的視頻顯示，通往武漢的高速公路收費站大排長龍。
全家在江西丈母娘家困了2個多月的武漢市民吳志起在網上發佈返回武漢的視頻，被一些網民罵「頭殼壞了」，「幹嘛往武漢死路走呢？第二波疫情大爆發，小心為上」。一名返回武漢復工的市民則被查出是無症狀感染者，被要求隔離14天。
報導說，解封當天武漢還在江邊舉行燈火秀慶祝，但是當地人很清楚，現在還遠不是慶祝的時候，他們擔心病毒可能會捲土重來。治癒後復陽的、無症狀感染，每個都是疫情二度爆發的隱患。昨日新增無症狀感染47例，境外輸入14例，在醫學觀察有1097例，很多人認為其中還有不少瞞報的成分，主要是擔心影響復工。
一位要求匿名的武漢市民說，周圍的社區傳出無症狀感染病例，社區管控比以前更嚴。沒有復工證明的話，原則上一個人只能出去2小時，有的社區沒有復工證明乾脆不讓出門。武漢一位網民說，「沒復工證明不讓出門，全面解封還不知道要等到什麼時候，繼續家裡蹲」。
大陸官方認為，無症狀感染者也可能成為傳染源，但「可能不是主要的傳播來源」，專家認為大陸不會出現第二波疫情爆發，但某些地可能會有小規模疫情。武漢大學中南醫院副院長章軍建還說，隨著患者減少，他主持的武漢客廳方艙醫院已經關閉，但是短期內不會被拆除，顯示短期內武漢疫情仍有隱憂。
報導指出，現在更令人擔心的是廣州三元里的外籍人士聚集區，以及中俄邊界的綏芬河輸入性疫情告急，當地搶建的方艙醫院即將啟用。
</t>
  </si>
  <si>
    <t>疫情逐漸趨緩之際，國民黨團關注下階段振興經濟作為，上午舉行記者會指出高達87.7％民眾支持直接發放現金，主張修訂紓困條例，為全面刺激消費，政府應撥用1420億元預算，直接發給每人6千元現金，可省除印製消費券成本，加強力道為振興經濟注入強心劑。
立法院日前通過紓困條例修正案，除追加特別預算1500億元，也授權行政院視疫情情況，可再追加2100億元。國民黨團書記長蔣萬安說，為刺激消費，政府在提振經濟也要超前部署，因此正式提出紓困條例修正草案，主張給予民眾每人6千元現金補助，總經費1420億元，為振興力道注入一股強心劑，獎勵國人配合政府防疫措施。
蔣萬安說，接下來振興經濟必須做到「公平」、「簡單」、「親民」、「容易」和「日常」，發現金最符合民眾日常消費習慣，不像「酷碰券」需綁國旅、住宿、電子支付等限制。
蔣萬安指出，目前政府共編列133億元用來振興整體消費，只佔108年度GDP18.9兆元的0.07％，以此達到效果無異是緣木求魚；蔡政府宣稱振興抵用券適用於全台35萬家業者，平均每家僅能分到6千餘元，根本是杯水車薪。
國民黨團首席副書記長林奕華表示，現在國內是「防疫一級棒、紓困一團亂」，不是「紓困2.0」，而是「紓困之亂2.0」，包含「對象不明確」、「發放不公平」、「行政負擔大」。根據最新民調指出，有87.7％民眾贊成發現金，發現金不但可以節省印製與作業成本，更能夠直接刺激消費。
藍委陳玉珍說，政府萬元紓困之亂，肇因於蔡政府始終不願沿用馬政府時期當年全民發放消費券的方式振興經濟；蔡政府現在的作法非但沒有幫助到需要幫助的民眾，還造成相對剝奪感。</t>
  </si>
  <si>
    <t xml:space="preserve">TrendForce記憶體儲存研究(DRAMeXchange)表示，雖然大陸疫情看似趨緩，然中東、歐洲與美國疫情急速擴散，世界衛生組織(WHO)已正式宣佈新冠肺炎成為全球大流行傳染病，將讓全球經濟陷入系統性風險，記憶體市場恐怕提前反轉進入不景氣週期。
從需求來看，新冠肺炎的大流行將嚴重衝擊經濟與社會活動，進一步影響個人消費力道；而終端產品的出貨下滑，勢必將造成記憶體需求同步下修。2020年第一季與第二季DRAM與NAND Flash均價仍維持上漲，主要是因為年初客戶端庫存水位偏低，雖在價格走勢持續上揚的前提下，採購備貨意願強烈，然TrendForce認為真正的挑戰會從第三季開始，隨著需求萎縮導致庫存去化不易，將大幅削弱客戶端採購力道，使得價格漲幅受到抑制，在NAND Flash領域更可能由漲轉跌。
隨著疫情蔓延使得全球經濟降溫，對於消費性電子產品的衝擊包括有個人所得可分配支出轉為保守，導致需求遞延，平均消費金額將下降；再者，受疫情影響，產業供應鏈物流及人事成本增加，營收減少，產業更可能面臨洗牌。
目前影響DRAM與NAND Flash的三大終端產品為筆記型電腦、伺服器以及智慧型手機，其中智慧型手機將面臨最大幅度的下修。雖然近期出現自農曆過年以來較明顯的通路銷售回溫，但這股動能可能無法延續，實際上智慧型手機生產量仍持續下修。
在伺服器方面，目前因為遠距辦公與教學的需求帶動而有增溫，且雲端建置的動能未有熄火，因此整體而言目前未有明顯衝擊；但在企業方面，因應疫情所以多轉趨保守經營，將收斂資本支出，未來企業級(enterprise)伺服器需求可能將轉趨疲弱。
2020年DRAM及NAND Flash的供給增加有限，年成長幅度分別僅13%及32%，加上客戶庫存水位大多處於低檔，因此TrendForce原先預估，價格漲勢可延續至今年年底，然隨著需求出現結構性改變，從第二季末開始，採購端拉高庫存的力道將萎縮，進而影響下半年價格走勢。在DRAM領域，由於原本供需差距就大，所以就算需求面臨下修，供需依舊會有缺口，因此最悲觀預估是下半年漲幅收斂，但不至於由漲轉跌。反觀NAND Flash領域，供需缺口並不顯著，而且已經觀察到第二季客戶端需求轉弱的狀況，若需求持續下修，下半年價格可能快速反轉。
</t>
  </si>
  <si>
    <t>新冠肺炎疫情擴散，造成人流物流急凍，行政院日前拍板600億紓困計畫要搶救觀光、餐飲與製造業。中華採購與供應管理協會對此認為，短期救急政策雖是需要，但是政府更應該此時藉由降稅去引導企業引進風險管理機制，以應付未來重大危機，才是長久之道。
政府拿600億銀彈提振經濟，效益各界看法不一。但中華採購與供應管理協會執行長賴樹鑫肯定，短期措施是必要，可助企業暫度難關。但長期而言，企業能否學到教訓，建立風險應變機制才是重點。
美國911恐怖攻擊後，國際再保公司提高保費與自負比例，加深企業經營困難。賴樹鑫說，像是美國思科系統（Cisco System）之後就製作一個三顏色地圖，把供應鏈標示出來，建立一個風險控管機制，此後20年沒有再遇到無法解決難關。
他認為，紓困金額只能救窮，有些像是振興抵用券只有20億，更是杯水車薪，效用不大。與其如此，還不如藉由租稅優惠、免稅措施，給企業在軟體、硬體上引進風險管理機制給予獎勵，這才是長久之計。
賴樹鑫強調，如此可導引企業建立像是災難恢復計畫、營運持續計畫，讓以後再遇到類似疫情或是其他高風險的危機，都能夠因此降低營運的風險。
至於肺炎疫情後續衝擊，賴樹鑫認為，如果延到3月，甚至更久，對大陸與全世界都有影響，目前雖然企業可沿用春節前庫存，但對台灣第一季的GDP難免造成減少，希望疫情最好不要拖過4月，才不會進一步對第二季造成衝擊。</t>
  </si>
  <si>
    <t>陸軍十軍團昨（22日）證實，1名國軍同仁的配偶日前因身體不適就醫後確診，國軍同仁後赴醫院篩檢也確診。對此，時代力量立委王婉諭表示，自己接獲許多國軍弟兄陳情爆料，說雖然睡覺有戴口罩，但是竟然用保鮮膜當隔板在床中間；還有維持超過千人以上在外集合唱國歌，增加飛沫傳染危險，但就算她已持續跟國防部討論多日，卻總是只得到敷衍、徒具形式的回覆，這樣只會讓弟兄們陷入危險，更讓無數的眷屬們擔心不已。
陸軍十軍團傳出一名士官長的確診案例，十軍團表示，這名國軍同仁赴醫院採檢後，即未再返回部隊，部隊獲悉後，除配合中市衛生局疫調，也啟動應變程序，進行營區消毒、疫調、分流、區隔管理等作業，並持續監測人員健康狀況，目前相關密切接觸者的狀況都正常。
對此，王婉諭今（23日）在臉書發文表示，根據自己所掌握的消息，目前疫調出來的三位密切接觸者狀況均正常，快篩皆為陰性。不過，令她擔心的是，這名士官長在確診前是否都在營區內？從17號到21號篩檢之前，該名士官長在空間狹小、高度擁擠的軍營中，所有的接觸者都有匡列採檢嗎？
在得知此消息後，王婉諭直言，自己團隊隨即聯絡了相關單位，想要了解相關情形和後續配套措施，然而，從國防部、陸軍司令部到軍醫局，都僅表示會遵守防疫規範，卻未有具體的緊急應變措施。更令人擔憂的是，近萬名國軍弟兄們即將又要收假返回營隊了，國防部真的準備好了嗎？爆發確診事件後，國防部若沒有完善防疫措施，數以萬計的弟兄們，恐怕就暴露在染疫的風險之中。
王婉諭稱，上週她揭露國軍防疫的問題後，國防部雖然大動作否認她的說法，然而她的粉專至今，仍每天湧入非常多役男、家屬的陳情，每一則訊息她和團隊都看過了，結果不僅令人擔憂，更讓人氣憤！集合移動方式沒改善，還要役男拉下窗簾以免被媒體拍到？再三要求國軍弟兄不得受訪爆料，難道是國防布再現？
王婉諭進一步表示，有非常多的役男們私訊揭露目前軍中的各種荒唐防疫措施，包括「吃飯的時候要我們全部人排好隊間隔距離，只為了拍一張照片應付軍中有做好安全距離，拍完才能吃飯」、「百人在大餐廳共同用餐，但打菜的餐具餐盤都是共用的，雖然有隔板，但是挺身以碗就口之後，大家的頭都超出了隔板...」、「隔離的人都在同一間隔離寢室，睡不下去就跟無症狀的人睡同間大寢室」、「用跟塑膠袋一樣薄的塑膠布把床左右隔離起來」、「確實要求他們戴口罩睡覺，還要用保鮮膜當隔板在床中間」、「每天早上，仍維持超過千人以上在外集合唱國歌、基本操練、跳軍操，唱國歌還要大聲唱，增加飛沫傳染風險」只有一則私訊的話，可能還算是個別情況，但面對海量的陳情，恐怕就不是零星個案了。國防部面對這些鐵錚錚的事實，還要睜眼說瞎話嗎？
除此之外，最令王婉諭擔心的是，疫情指揮中心一再強調，目前全國都處於3級警戒的狀況，「不要做任意移動，這是最高原則」。在這樣艱困的時刻，應該要避免役男進行跨區域的大量移動，還是要避免役男們留在顯然有防疫缺失的營區內群聚，這兩者間的權衡，顯然需要專業意見評估。到底，國防部有沒有跟指揮中心討論過這件事？還是要繼續埋頭苦幹，執意讓常備役們先回家後，再集體回到充滿防疫漏洞的營區？以上的種種情況，她已持續跟國防部討論多日，卻總是只得到敷衍、徒具形式的回覆。王不禁要再問一次，面對全台3級警戒的嚴峻疫情，已經出現確診案例的國軍，真的準備好了嗎？</t>
  </si>
  <si>
    <t>美國總統川普確診感染新冠肺炎，住院4天就出院；對此，感染症專家、中華民國防疫協會理事長王任賢表示，川普染疫應該不假，但這也突顯美國社區感染真的很嚴重，才會連總統都染疫，他痛批，川普「疫」Q零蛋，不管是染疫前或確診後，都未要求民眾戴口罩、保持社交距離；且比較另人憂心的是做為國際社會霸權國家，美國極可能成為病毒輸出國。
王任賢表示，由於美國大選在即，川普確診新冠肺炎，一度被認為是做秀，但他認為真的假不了，尤其不只川普感染，白宮也多人確診，甚至連習進平都致電關懷；而該事件也讓新冠肺炎疫情成為大選重要議題。
王任賢強調，新冠肺炎病毒出現不到一年，在世界各地都陸續造成嚴重死亡，不管從台灣、大陸，或是日、韓、英、德等地回顧疫情發展，都可以證實，新冠肺炎就是個社區病毒，只要社區未徹底清零，疫情就會捲土重來，而只要政府開始做為，加強篩檢、隔離感染者，並要求民眾戴口罩、保持社交距離，感染人數就會慢慢趨緩，但在美國即使國內甚少報導，但連總統都染疫，突顯的就是政府無作為、社區感染嚴重。
「川普就是不開口叫民眾戴口罩！不做一個上行下效的好榜樣。」王任賢憤憤表示，美國更是全球疫情主要輸出國，做為國際社會霸權國家，美軍到各地都以事涉機密拒絕接受入境國的篩查，未來全球疫情要清零，美國政府的動作相當具關鍵性。</t>
  </si>
  <si>
    <t xml:space="preserve">
新冠肺炎存在無症狀感染，一直都是民眾關心的重點，在今（11日）中央流行疫情指揮中心記者會上有媒體端出國外研究指出，無症狀感染恐早已大量存在社區裡。對此，陳時中表示，未來不排除對社區人口做血液抽樣，但目前仍朝對疫情影響較大的個案去做圍堵。
指揮中心發言人莊人祥昨透露，台灣目前無症狀感染確診者目前累計21人，約佔確診者的5％。媒體引述德國研究結果指出，全球大約有千萬人次的新冠肺炎感染者尚未被發現，目前驗出的確診者僅佔6%，對於這份資料指揮中心怎麼看？
指揮官陳時中認為，民眾都很擔心無症狀感染者，也相信公衛專家推斷這群人佔有一部份比例。他表示不排除未來會對社區做出抽樣來檢驗是否存在無症狀感染者，不過目前更重視那些對疫情有影響的個案，針對他們去做圍堵，避免疫情擴大，抽樣調查可能要等到疫情較穩定時才會進行。
莊人祥也指出，陳指揮官所說的社區抽樣並不是疫情普查，而是根據全國職業別或人口所做的抽樣調查。莊人祥舉例，在2009年流感大流行時就曾經做過類似研究，當時獲得了1000多筆的血液樣本，透過觀察受驗者的血液是否存在病毒抗體，藉此可測出有多少比例人口受到感染。
因為很多人都不相信目前疾管署公布的疫情，莊人祥表示「那就做做看抽樣」。不過他指出，因為要從各地方縣市抽樣，加上抽血的動作，整體也要花上很長一段時間，至少要花好幾個月。
</t>
  </si>
  <si>
    <t>新冠疫情爆發至今近2年，不少民眾搶打疫苗，盼能早日出國旅遊，對此，台大前感染科醫師林氏璧表示，日本東京昨僅9人確診、大阪也只有7人染疫，全日本單日的確診數降至雙位數，顯示疫情趨緩，如果能這樣一路控制，不知道有無可能與台灣來個帛琉模式的旅遊泡泡呢？引發網友熱議，不少人激動直呼，好想去日本。
林氏璧昨在臉書發文表示，日本疫情逐漸趨緩，確診數下降至兩位數86例，上次有這樣的成績須回溯至2020年6月27日。而東京與大阪同一天的確診數也都降到個位數，東京七日平均檢查陽性率降到0.4％，日本各都道府縣都已掉到1.2%以下。
林氏璧指出，日本至少接種一劑者達到全人口的77%，兩劑完整接種則是72%。65歲以上高齢者至少接種一劑者達到全人口的91.6%，兩劑完整接種則是90.7%。
林氏璧接著說，若疫情真的一路控制下去，不知道有無可能和台灣來個帛琉模式的旅遊泡泡？雖不敢從東京大阪北海道開始，起碼可以從沖繩或一些鄉下地方，比方說四國、北陸和東北等地開始，但文末林氏璧也自嘲「好啦，我知道我在做夢。人總可以有夢吧？」
貼文引發網友討論，「日本旅遊泡泡絕對不是夢！大家一起加油，希望今年可以去日本跨年」、「等到可以回日本旅遊的那天，我一下飛機一定會落淚」、「可以去日本賞楓是個美夢」、「真的好想去日本玩喔」。
後來，林氏璧也留言補充說，日本宣布邊境鬆綁，縮短已打疫苗的商務客的居檢時間，從原本的10天縮短為3天，最快在11月8日開始實施。</t>
  </si>
  <si>
    <t>摩爾投顧分析師鐘崑禎表示，美股7日雖開高走低，終場收黑，台股8日卻不受影響，逆勢上漲，終場漲幅達1.41％，但遭遇前方跳空缺口反壓，短線不容易直接上攻，加上成交量稍嫌不足，預計大盤短線將進入區間震盪格局。
類股方面，日本被動元件大廠TDK員工確診新冠肺炎，山形縣鶴岡工廠為了安全起見，已經暫時停工，國內大廠國巨、華新科轉單效應加上3月營收加持，8日股價雙雙漲停，帶動被動元件類股全面走揚。
個股方面，本周納入投資組合的世紀鋼，離岸風電利多持續發酵，在國家政策加持下，營運相對不受國際情勢影響，股價8日再度向上續攻，成功站上壓力區83元價位。
操作方面，現階段大盤強彈仍屬於消息面的推升，整體格局尚未回穩，建議投資人如有獲利可逢高了結，待股價稍做修正再重新進場。</t>
  </si>
  <si>
    <t>大陸武漢市為對個體工商戶復工復產復市增加政策支持力道，18日推出《關於積極應對疫情影響加大對個體工商戶扶持力度的政策措施》，設立200億元（人民幣，下同）貸款額度的定向紓困資金，對在今年底之前的金融機構向個體工商戶發放優惠貸款給予貼息，並鼓勵比照小微企業信貸支持政策延伸至個體工商，用真金白銀替企業商戶輸血。
據第一財經報導，在減免租金方面，該《政策措施》規定，對承租國有資產類經營用房的個體工商戶，3個月房租免收、6個月房租減半，並鼓勵非國有資產出租人為個體工商戶減免租金。
而社保費用減免和緩繳部分，免徵以單位方式參保的個體工商戶今年2至6月的基本養老保險、失業保險、工傷保險單位元繳費；減半徵收2至6月的醫療保險單位繳費。此外個體工商戶可在年內緩繳社保，緩繳期限原則上不超過6個月並免收滯納金。</t>
  </si>
  <si>
    <t>根據聯合國統計，受到新冠肺炎影響，全球近8億高中以下學子無法上學，這還不計大學以上的停課情況。這個數字幾乎是3天前的一倍。
聯合國教科文組織16日指出，因為新冠肺炎的傳播，無法上學的兒童和青少年人數達到空前水準，截至3月16日，已經有100國宣布或實施了學校停課措施以減緩疫情蔓延。教科文組織正為各國提供包容性遠端學習解決方案等緊急支持。
聯合國教科文組織表示，迄今為止已有85國全國停課，導致從學前到高中階段的7.767億兒童和青少年無法繼續學業。此外，還有15國局部停課，以預防或遏制新冠肺炎疫情。若這些國家也全國停課，無法上學的兒童和青年人數還將增加數億。
全球停課情況急速攀升，短短3天幾乎翻倍。根據3月13日聯合國教科文組織官網數據，全球39個國家地區有4.21億兒童和青少年受疫情影響而停課，當時計入了大學以上學生是6688萬人，學前到高中是3.545億。</t>
  </si>
  <si>
    <t xml:space="preserve">BNT疫苗抵達台灣即將開打，藍委洪孟楷今在臉書表示，再次感謝民間企業、宗教團體及醫護、第一線公務人員的努力，並提醒民眾，若施打BNT疫苗有三件事情需要注意。
洪孟楷今（5日）表示，接種BNT疫苗，除了一般常見疼痛、發燒等不良反應，有下列狀況，請務必留意，首先是有急性或持續性胸痛、呼吸急促和心悸反應。
其次，洪孟楷指出，新冠疫苗保護力比較，在delta病毒防護力還未有足夠數據前，BNT以92.6%最高、其次是莫德納的92.1%、AZ則有76%居三。
洪孟楷文末直言：美國FDA食藥局在8月底正式批准BNT疫苗獲得藥證，可供16歲以上人口接種，這也是目前全球第一支獲美國正式批准的新冠肺炎疫苗。洪認為，打國際合格認證的疫苗，是全民的權益！大家要求政府購買到位、早日施打形成集體保護力，才能脫離疫情、恢復正常生活！
</t>
  </si>
  <si>
    <t xml:space="preserve">台灣因應新冠肺炎疫情全球延燒，日前限制外籍人士入境，但針對外籍配偶釋出「簽證自動展延30天」的政策，不過仍有在台停留總天數不得逾180天的規定，而此讓不少人質疑為「防疫破口」，潮州邱姓越婿就怕已2度延簽的新婚妻子，為回母國換簽證而暴露在感染高風險中。
邱姓越婿指出，他的妻子在去年11月2日嫁到台灣，領的是觀察期間不得改辦居留的停留簽、可停留60天，但得以延簽2次、1次2個月，所以太太的簽證實際到期日是4月30日，總共可在台停留180天，不料遇上肺炎疫情擴散，而政府雖祭出簽證自動展延，但仍有總留天數限制，太太根本受惠不到。
「非常時期還有天數限制，非常不合理！」他說，此時到底是安全重要還是換簽證重要？難道真的要讓太太為了1張紙本簽證，冒風險飛回母國？他無奈地說，其實先前已訂好回越南的機票，但後來都停飛，加上疫情愈趨嚴重，真的不敢讓太太上飛機。
．
他苦嘆，這段時間他積極尋求管道協助，打遍外交部、移民署的電話，甚至寫衛福部部長信箱向陳時中求救，但得到的回應都是「我們只能遵守法規」。他無助表示，台灣絕對不只有他太太面臨2度延簽的問題，因為與他同日面試通過的越婿就有5、6個，所以希望政府正視該問題。
他強調，連防疫指揮中心都說現階段搭飛機很危險，那為何還要「強迫」外配返國，且還是為了1張紙本簽證，政府若真的無視該問題，這絕對是台灣的防疫破口。
對此，移民署屏東站指出，一切以防疫指揮中心調度為主，若中心釋出新政策，他們絕對跟進處理，但目前也只能依法辦理，不過外配若是因無班機回母國而造成簽證逾期者，凡持停飛證明都不予簽證逾期處分。
</t>
  </si>
  <si>
    <t>時力立委邱顯智今日表示，2003年SARS期間，前總統陳水扁親自調動軍醫體系，補上醫療缺口，美國總統川普、拜登、英國首相強森在疫情期間也都是親自指揮作戰，也請蔡總統站上第一線，指揮抗疫戰爭，讓人力、物力盡速到位。
邱顯智指出，從去年到現在，台灣在疫苗採購上一直受到政治因素干預，如果再繼續堅持與原廠簽約的原則，只會重蹈覆轍，蔡總統應該廣納民間力量，協助我國突破政治阻礙，取得疫苗。
邱顯智說，前線醫護人力吃緊，不斷告急，現有醫療體系已日漸無法擔負抗疫作戰的指揮重責。日前衛福部想徵用國軍英雄館作為隔離場所，卻被國防部否決，如今蔡總統應該學習當年的陳水扁，親上前線指揮調動，補上醫療缺口。
邱顯智表示，現在如果還有部會態度消極，有法律規定阻礙調動，就該發布緊急命令打通關節。蔡總統是否能夠展現威望和政治領導能力，就看此時。</t>
  </si>
  <si>
    <t xml:space="preserve">
高林（2906）實業19日宣佈，轉投資事業高昌生醫，針對新冠肺炎新研發出呼吸輔助系統，將與原有雙階陽壓呼吸器交由台灣廠商製造生產銷售，且今年年底前將申請美國FDA- EUA(緊急使用授權)認證，如通過該緊急使用授權認證則可於美國上市銷售。
高林實業早在2016年跨足生醫領域，除了取得杏昌生技（1788）控制權，並於同年11月主導高昌生醫設立，從事醫療與醫美設備的開發與設計，持股占比61.34%。高昌生醫成立於竹科園區，股本7000萬元，以台灣設計台灣製造為成立宗旨，主要從事雙階型陽壓呼吸器及高強度聚焦超音波拉提設備等設計。目前高強度聚焦超音波拉提機已在東南亞販賣，申請台灣FDA認證中，並已簽定台灣、東南亞與俄羅斯等地區代理合約或合作備忘錄，技術優勢在於能夠輸出穩定的超音波能量，可提升穩定度及可靠度。
至於雙階型陽壓呼吸器則已提供小量試產，並可配合居家照護等衛福政策，根據高昌指出，除重症患者以外，多數新冠狀肺炎患者使用非侵入性呼吸輔助器即可舒緩呼吸不適問題，因此適用睡眠呼吸中止症的陽壓呼吸器已在國際間廣泛被認可運用於協助新冠肺炎確診病患。
為克服陽壓呼吸器的傳染風險，高昌生醫已設計完成新冠肺炎患者使用的GT Anti-19 Bilevel NIV（非侵入性呼吸系統），將交由台灣廠商製造生產並於台灣銷售。此外並計畫於今年年底前申請美國FDA-EUA(緊急使用授權)認證，如通過該緊急使用授權認證則可於美國上市銷售。</t>
  </si>
  <si>
    <t>美國股市連續三天下跌，全球股市也多受波及，根據摩根士丹利資本國際(MSCI)全球股指表現，全球股市市值在過去四個交易日內蒸發3.3兆美元。但也有分析師表示，新冠肺炎只是個藉口，為已經漲過頭股市，冷卻下來的出口。
Freedom Asset Management投資長芬瑟·弗萊徹(Simon Fentham-Fletcher)在周四在接受CNBC訪問時說：「許多投資者都已經準備好了，他們其實在擔心，股市不會永遠漲下去，他們心理其實想著，我們是不要退一步。」
弗萊徹說：「新冠肺炎似乎是一個藉口，其實『熊』 已經徘徊了一段時間。」他補充說：「這(新冠肺炎)是一個完美的藉口。」，但他也認為，目前市場反應有些過分誇大。
這也呼應的川普的看法，他在美國時間周三晚上宣布副總統彭斯將是負責對抗新冠肺炎的發展，而川普也特別強調，新冠肺炎對美國來說，「風險非常低」。但美國疾病控制與預防中心(CDC)還是在周三證實了，新冠肺炎在美國的已具有潛在的「社區傳播」。</t>
  </si>
  <si>
    <t>中央流行疫情指揮中心為了避免醫療量能潰堤，昨天開始輕症患者不再進入醫院，而是改前往「加強版集中檢疫所」，指揮中心統計，昨天已有133位確診病患已經入住。目前還有235間「加強版集中檢疫所」可用。
指揮中心醫療應變組副組長羅一鈞表示，目前已經啟用「加強版集中檢疫所」，與原本不同的是，會有24小時護理人員進駐，也會有氧氣瓶等醫療設備與常備藥物，同時只要有症狀，就會有負責的醫師以視訊方式做遠距的診聊評估是否再送醫院，隨時因應突發疾病變化。
由於有醫師提到，有醫師提出，現在集中檢疫所規畫用來收治輕症病患，但違反醫療法，因為非醫療院所不能收治病人。另外包含前疾管局漲蘇益仁與其他醫師能等呼籲，若連集中檢疫所都不夠用，台灣有很多蚊子館可以拿來當隔離場所，必要時可動用軍營、廢棄學校，建立類似中國大陸的方艙醫院，以臨時醫院隔離病患的做法，目前會有這樣的考量嗎？
羅一鈞表示，昨天入住的病患中，包含128名，已經確診但還沒進到醫院的輕症者、5個住院中並符合標準住院發病超過10天以上，病毒已經改善不具有感染力者，因此下轉到集中檢疫所。而目前還有235間的加強版集中檢疫所來可以來收治病患。
指揮官陳時中表示，集中檢疫所相關醫療有產生任何症狀情況，用這樣來做緩衝區，對醫療量能對社會的保護可能是比較好的做法。目前沒有建置方倉醫院的考慮，還是以互相區隔為重要原則。
羅一鈞也表示，目前根據第五類法定傳染病防治法規定，病人處置措施定為，必要時得與指定機構施行隔離治療，由於集中檢疫所只是場所，不是機構，因此現在要重新把集中檢疫所加進去，成為「可施行隔離治療的場所」，修改辦法完成法制程序後再公告補刊。
而昨天新北市傳出有確診者不願意進入集中檢疫所入住，陳時中表示，新北市有跟我們反應，希望我們幫他們呼籲，前兩天他們安置的處所不足，我們緊急調動很多集中檢疫所，已經被確診的清正或是無症狀病人，次長說會請權利把他們載到集中檢疫所，目前還收到很少，新北衛生局說大家覺得那裡不是醫院不願意去，我們呼籲相關的人要趕快到集中檢疫所，在家中待久了，不管怎麼防護，在家中傳染的機率高，在集中檢疫所雖說沒有很好的設備，但就是一人一室，也有護理人力和醫師定期診療還有遠距醫療，有症狀呼籲現在在家中，還不願意去的，可以趕快送過去。</t>
  </si>
  <si>
    <t>1名52歲女性在3月確診新冠肺炎後，因為病情急轉直下，衛福部桃園醫院決定採用「血液淨化療法」，讓患者從病危到可以回家過母親節。院方形容，就好像跟人家打架，直接移除過多的敵人，就有機會贏，此舉也獲國際期刊發表肯定。
院方表示，該個案在3月15日確診後，24日病情急轉直下，有肺浸潤，並插管治療。26日轉移至桃園醫院後，院方查詢國內外文獻，發現不少新冠肺炎患者，是因為體內免疫風暴持續惡化，不見得是病毒影響，因此在無有效藥物的狀況下，決定採用「血液淨化療法」。
桃醫副院長王偉傑指出，患者轉院來時，狀況相當不佳，根據臨床判斷，可能半天、1天就會不治。院方與家屬討論後，採用血液淨化療法，3月30日開始，連續3天進行血漿置換術合併持續性腎臟替代療法，後續4天進行持續性腎臟替代療法。
他說，較淺白的說法就是，把含有過多免疫物質的血漿洗掉，留下血球，再混合乾淨的血漿注回患者體內，之後再用重度患者洗腎的方式治療。這種方式就好比打架，1個打30個，一定打不贏。但是透過療法，可以移除28名敵人，就有勝算。他補充，過程約使用1萬毫升血漿，患者狀況也越來越好，4月15日移除氣管內管，17日開始可以用練習床邊支撐坐立，並可用紙筆、LINE等與家屬溝通。現在已經痊癒，可回家過母親節。
桃醫院長徐永年補充，為了治療該個案，此次有腎臟、胸腔、加護病房、一般護理等醫護投入。經過治療成功後，也讓醫院未來很有信心，面對類似的患者。該治療方法經投稿國際期刊後，也被其接受發表。相對於藥物治療，血液淨化治療沒有藥物副作用帶來的不良影響。
患者兒子也透過影片說明心聲，他說，一開始覺得確診就是進醫院，隔離一段時間就好了，沒想到媽媽狀況急轉直下，還一度插管、使用呼吸器，差點要用葉克膜。所幸經過醫院治療後，每天都一點一點進步。他也說，這段時間心情真的是起起伏伏，所幸媽媽已經從昏迷的狀態甦醒，也希望其他確診病患盡快好起來。</t>
  </si>
  <si>
    <t>從前年底起新冠肺炎在全球肆虐，最近各國藥廠終於紛紛推出疫苗，盼有效減低疫情，66歲女神林青霞今(5日)凌晨透露本周三已經接種第一劑科興疫苗，她的心得是：「沒什麼反應，心情愉快」。
由大陸科興控股生物技術有限公司（Sinovac）生產的滅活疫苗「克爾來福」，早先在印度進行測試，印尼國營生物藥劑公司Bio Farma表示，臨床試驗後，科興疫苗的防護力約為97%，科興公司則解釋97%應為「血清抗體陽轉率」。昨(4日)土耳其哈杰太佩大學又公布另一波臨床試驗成果，認為疫苗保護率約為83.5%，而去年底土耳其衛生部公布的保護效率為91.25%。
2月26日起，香港針對60歲以上的民眾開放施打科興控股生物技術有限公司所製的滅活疫苗，據知港府總共購買100萬劑，1月19日抵達香港，第一階段只安排7萬人接種，原本沒有嚴重不良案例，僅有一名老人反應接種後心跳變快。本月3日媒體報導，出現第一起死亡案例，死者為63歲男子，首日施打疫苗後，28日發生呼吸困難情況，到伊利沙伯醫院醫治後，當天不治。
當局衛生署第一時間表示，該事件與疫苗的因果關係仍無法確認，香港臨床事件評估專家委員會則說，專家研判該個案死亡與疫苗無直接關係，病人有慢性病、「三高」、缺血性心臟病等，解剖後死因可能是冠心病、急性心肌梗塞及肺水腫，之後會公開解剖報告詳細說明。
在開放民眾施打前，22日香港特首林鄭月娥便身體力行，施打了在香港的第一針科興疫苗，香港食物及衛生局長陳肇始受訪回應：「愈多人打、愈早打愈好」，希望早日達到群體免疫。今林青霞表示周三(3/3)已接種科興疫苗，感覺不錯，沒什麼後遺症反應，心情也很好，引來網友回應：「我昨天打的疫苗，除了胳膊有點痛也沒什麼反應，姐姐也是啊」、「我正在考慮打不打疫苗，本來有一絲絲害怕，看到姐姐這樣說不害怕了」、「姐姐，我今天要去打第二針了，此刻在單位通宵加班」、「姐姐我也打過，沒有什麼感覺」。</t>
  </si>
  <si>
    <t>金門尚義機場防疫再升級，入境旅客今（22）日起均以紅外線監測儀量體溫，發燒者立即送醫就診。縣府也加開居家檢疫報到站，入境就開始列管追蹤。楊鎮浯縣長強調，在「超前部署、全面防堵」的大戰略下，只有一個目標：做到「滴水不漏！」
縣府在機場設置的紅外線監測儀，只要旅客體溫過高發出警示聲，即由防疫人員2次複測，若耳溫均高於攝氏38度或額溫均高於攝氏37.5度，一律留置於體溫監測站，由救護車直送金門醫院就診。
另航空公司也配合向入境旅客廣播，凡持有居家檢疫通知書者，均需至入口「居家檢疫報到站」登記，核對居住地、電話後，縣府就會立即通知里長、村里幹事啟動健康關懷。居家檢疫者返家後，限制外出至檢疫解除。
縣府說明，旅客應配合檢疫措施，如有拒絕、規避妨礙者，將依傳染病防治法第37條第1項第6款及同法第70條第1項第3款處新臺幣3000元以上1萬5000元以下罰鍰。
楊鎮浯縣長今率員視察作業現況，強調系列防疫新措施，在「超前部署、全面防堵」的大戰略下，特別針對如有旅客是「大三通」進來，或有中港澳的旅遊史，若等候中央在2、3天後才通知，可能出現防疫漏洞的狀況，主動強化居家檢疫新措施，將這個漏洞補起來，從旅客入境就開始列管追蹤，沒有任何時間差和空窗期，目標就是要做到「1個不漏!」
楊鎮浯並指出，從台灣很多確診病例，可以看出交通工具變成移動傳染源，縣府因此也採取針對性辦法，即居家檢疫者可以事先撥打金門縣政府的1999，由縣府安排交通工具接送，避免讓交通工具淪為移動傳染源的可能性。
連日來，經由「大三通」返回金門者有10餘人，均由相關單位切實管制追蹤。楊鎮浯也說明，他們在台灣各大機場入境時，即已被登錄為居家檢疫追蹤對象，縣府在金門機場又可再攔截1次，目的就是建立複式的追蹤機制，確保金門不會出現防疫缺口。</t>
  </si>
  <si>
    <t xml:space="preserve">因「護國舞小姐」而聲名大噪的高雄金芭黎舞廳昨晚突然遭到臨檢，原來是基隆確診婦曾隨進香團到高雄活動，為防止疫情延燒，經方特別針對密閉式空間的八大特種場所加強臨檢、宣導，避免成為防疫破口。
去年初一名台商確診新冠肺炎，卻隱匿行蹤沒有交代「趴趴走」的行程，而是金芭黎舞廳一名舞小姐，出現喉嚨不適、呼吸不順症狀，向該名台商詢問，得知對方確診，嚇得立刻就醫通報，消息曝光後，該小姐獲網友盛讚是「護國舞小姐」。
中央流行疫情指揮中心12日證實，基隆確診的50多歲婦人5月初曾隨進香團到高雄活動，鑑於金芭黎舞廳去年曾發生台商染疫確診案例，轄內苓雅分局特別在12日晚間特別規畫臨檢勤務加強防疫，高市警察局長黃明昭更親自到場參與臨檢勤務，宣導店家、員工及客人應遵守防疫相關規定，並指示執勤同仁務必落實防疫工作。
苓雅分局長梁東山特別提醒警員們務必將密錄器開啟，並全程錄影蒐證，大批警力進入舞廳內，先是將客人與小姐分別帶開，一一核對相關資料，除了臨檢大廳的開放式座位區以外，店內各樓層的獨間式包廂也都進行嚴格檢查。
由於疫情升溫，店內小姐及工作人員都相當配合，而消費者突遭臨檢雖然錯愕，大多也都配合警方查驗身分。苓雅警方表示，此次在金巴黎舞廳的臨檢行動均符合規定，並無違規之處。
黃明昭表示，這次配合衛生局進行臨檢，主要是檢查店家及消費者是否都有落實相關的防疫規定，若發現違規者，會立即勸導並要求改善，除了防疫以外，也防範治安事件發生。
</t>
  </si>
  <si>
    <t>台北市萬華區西園醫院昨日晚間發布緊急通知，表示無法如期收到疫苗，原訂16日上午接種疫苗被迫暫停，請該時段預約的長者在家等通知，再來醫院施打疫苗，沒想到西園醫院今早突然又在官網發出公告，指疫苗已於早上到院，開放原先預約的長者施打，打不打疫苗連三變。
西園醫院昨（15）日晚間於臉書公告指出，今（16）日原排定萬華區忠德里、和德里85歲長者的接種疫苗，因疫苗未能配送到院，16日上午暫停施打，下午需待疫苗派送到貨，再由里長廣播通知接種。請兩里長者先在家靜候通知。
沒想到今早，西園醫院又再度於官網表示，疫苗已於早上到院，開放萬華區忠德里、和德里85歲長者如期施打，上午場報到時間至11時30分；下午場報到時間為14時至16時30分。
對此，台北市政府發言人陳智菡澄清，針對台北市西園醫院張貼公告，指出因臺北市衛生局疫苗配送不及，故需取消今日上午的接種服務，絕無此事；北市府會於昨晚或今日上午開始配送疫苗，且全台北28家醫院做法一致。
陳智菡說，昨日下午在會議上，西園醫院代表表示希望提前，巿府現場即已明確告知，全市做法應一致，衛生局將統一配送疫苗，以避免混亂，西園醫院當時即已清楚此訊息。西園醫院逕自更改時程，向里民廣宣，準備不及，卻又卸責於北市府的說法，已嚴重誤導視聽，北市府深表遺憾，特此聲明向各界釋疑。
至於尚未預約接種的85歲以上長者仍請依通知單時間，赴醫院依序施打疫苗即可，各院疫苗皆已分配完成，本市85歲以上長者皆可接種，無須擔心疫苗不足，影響權益。</t>
  </si>
  <si>
    <t xml:space="preserve">「等等會送疫苗過去」。台北市立聯合醫院中興院區的藥劑科主任翁紹恩表示，從下午1點等到晚間8點仍等不到疫苗，再次接到電話只換來對方一句「今日不送了」，讓他氣得直接衝到台北市衛生局，沒想到卻看到科員各個忙進忙出，搬著一箱又一箱的疫苗，他感嘆說「不只前線的醫護，所有為了這次疫情努力堅守崗位的每個人，都值得一聲辛苦了」。
翁紹恩昨（13）日於個人臉書分享這段故事，星期六中午1時許接獲衛生局來電說「等等會送疫苗過去」，豈知他這一等就是7個小時，晚間8時再次接到電話通知，說「今天不配送了」，令他不滿地說「我這是被分手？」由於隔天院裡要施打疫苗，所有動線、人力都備妥，只差疫苗，「是要叫民眾來參加大型施打疫苗活動採排？」
翁紹恩只好翻出過去待在藥庫時所有的聯絡電話，問其他醫院或甚至可能有疫苗的單位，是否能先借疫苗，但每通電話都被發「好人卡」，直到晚間10時45分電話再次響起，衛生局表示「等等要配送疫苗，是否有人能收？」並表示無法確認確切送達時間，「若你能自己來拿，會幫我一個大忙」。
深夜11時15分翁紹恩氣沖沖地抵達衛生局，本來想要破口大罵，但看到眼前的狀況，卻什麼也說不出口，科員各個忙進忙出，趕著處理台北市的疫苗，每天工作到凌晨3時才回家。不僅如此，她們必須一個人搬著又大又重的包裹，一次就是5至6箱，一趟又一趟地將其送往各大醫療院所。
翁紹恩好奇地問「沒人支援嗎？」一名科員苦笑回應「到處都沒有人力了」，他才恍然大悟，原來大家的歲月靜好是一群無法下班的人負重前行。
翁紹恩一個人搬了兩大車的表單及疫苗，順利將疫苗送回醫院，他感嘆地說，這個時期的藥品、酒精、小氧鋼瓶、口罩等物資安排，甚至是藥師、總務、社工、行政人員等都在全力燃燒自己，不只前線的醫護，所有為了這次疫情堅守崗位的每個人，都值得一聲「辛苦了！謝謝你！」
★《中時新聞網》提醒您：因應新冠肺炎疫情，疾管署持續加強疫情監測與邊境管制措施， 如有疑似症狀，請撥打：1922專線，或 0800-001922， 並依指示配戴口罩儘速就醫，同時主動告知醫師旅遊史及接觸史，以利及時診斷及通報。
</t>
  </si>
  <si>
    <t>新冠肺炎疫情亮紅燈，63歲奧斯卡影帝湯姆漢克（Tom Hanks）12日在臉書宣布自己與同齡演員妻子麗塔威爾遜（Rita Wilson）在澳洲因出現感冒症狀，在篩檢後2人確診，成為首例感染新冠肺炎病毒的影壇名人。
湯姆漢克在聲明指出，自己與妻子先是感到疲倦，類似感冒症狀，並伴隨頭痛，麗塔有時則會畏寒，並有輕微發燒，「經過新冠肺炎病毒篩檢後發現我們皆呈現陽性反應。」他更表示接下來會定時更新狀況給所有關心他的影迷。
夫妻正隔離治療
湯姆漢克與麗塔目前正在澳洲黃金海岸大學醫院接受隔離治療，他們29歲的兒子查特（Chet Hanks）隨後也在IG發影片回應：「我和他們通過電話，感覺他們都很好，沒有病得那麼嚴重，並不因此太過擔憂。」他也感謝全球影迷的關心，並認為一切都會沒事的，希望所有人保持安全。
湯姆漢克這次赴澳洲是為了拍攝《大亨小傳》、《紅磨坊》編導巴茲魯曼（Baz Luhrmann）的貓王傳記電影，該片由新生代男星奧斯汀巴特勒（Austin Butler）飾演貓王本尊，湯姆漢克則演出貓王的傳奇經紀人科洛內爾湯姆帕克（Colonel Tom Parker），美國女演員瑪姬吉倫荷（Maggie Gyllenhaal）也參與該片，劇組皆有感染風險。
電影公司華納兄弟則在聲明指出：「目前正密切與澳洲有關當局合作，調查並聯繫可能與確診病例接觸過的人，以員工的健康安全為首要處理的事項，對全球片場的所有人將採取防疫措施。」貓王傳記電影目前在澳洲黃金海岸前置準備，尚未啟動拍攝，成本未公開，預計明年10月上映。
湯姆漢克夫妻倆發病前的行蹤也成焦點，據《每日郵報》報導，湯姆漢克上月29日被目擊在黃金海岸的布羅德海灘，還大方和民眾近距離靠臉合照；本月7日和妻子被拍到在雪梨街頭逛街，沒戴口罩神情輕鬆，24歲的小兒子杜魯門（Truman Hanks）則跟在一旁。此外，妻子麗塔在澳洲也有公開活動，3月初受邀到布里斯本的飯店以及雪梨歌劇院的小型表演廳演出，她與觀眾距離近，恐增加傳染機會。
上映檔期成變數
湯姆漢克從影超過40年，演出超過90部影視作品，連拿2座奧斯卡影帝，獲4座金球獎影帝肯定，他在今年初的第77屆金球獎獲頒電影類終身成就獎，他發表感言談到家人時頻頻哽咽，「我的妻子和4個孩子都比我勇敢聰明，沒有他們我不可能站在這。」一展鐵漢柔情的一面。
湯姆漢克的代表作包括《費城》、《阿甘正傳》、《西雅圖夜未眠》、《搶救雷恩大兵》及《玩具總動員》系列警長胡迪的配音等作。最新電影《怒海戰艦》預計6月12日在台灣上映，如今確診，電影上映檔期及相關宣傳極可能產生變數。</t>
  </si>
  <si>
    <t>二二八連假這幾天，網路上關於武漢肺炎討論最熱的話題，不是韓國增加多少例，也不是台灣疫情如何如何，而是爭論：到底病毒是不是來自美國？
這個話題最早是日本朝日電視台報導，但很快就被美國疾病管制暨預防中心(CDC)否認，大陸《環球時報》還批評朝日電視台過度解讀了。接著新黨台北市議員潘懷宗在台灣東森電視的「這不是新聞」節目中，自稱以最簡單、科學的方式，解說為何病毒是來自美國。潘懷宗的說法引起中國媒體的注意，一下子就在網上火爆了起來。
為此，中國媒體特別找了蘭州大學研究員趙序茅進行研判。潘懷宗在節目上展示的基因分析論文，作者其實來自中國科學院，就是前不久中國科學院西雙版納熱帶植物園、華南農業大學和北京腦科中心在ChinaXiv論文預印本網站上聯合發佈的一篇論文。大陸專家解讀論文後發現，那篇論文並沒有「直指美國是源頭」只能說「祖父級」病毒有出現在中國深圳和美國，根本無法得出病毒源自美國，他還說「根據目前的相關研究，（源頭）應該還在武漢。」</t>
  </si>
  <si>
    <t>中央流行疫情指揮中心今(25)日說明，國內疫情近期趨緩，並將自110年7月27日後降級、部分項目解封，若在汽車旅館及相關旅宿群聚開趴或歡唱，提高疫情傳染風險，將由各主管機關依情節輕重，分別依「發展觀光條例」、「毒品危害防制條例」裁罰；最重者將視為「損害國家利益、妨害善良風俗」，由地方主管機關依發展觀光條例「定期停止其營業之一部或全部，或廢止其營業執照或登記證」裁處。
中央流行疫情指揮中心表示，汽車旅館及相關旅宿違反限制規定且未通報時，將依情節輕重，可裁罰的相關法規依據如下：
一、依發展觀光條例裁處
旅宿業有損害國家利益、妨害善良風俗等行為者，依「發展觀光條例第53條」規定裁處新台幣3-15萬元罰鍰；情節重大者，定期停止其營業之一部或全部，或廢止其營業執照或登記證。經受停止營業一部或全部之處分，仍繼續營業者，廢止其營業執照或登記證。
觀光旅館業、旅館業之受僱人員如有前述行為，則處新台幣1-5萬元罰鍰。旅宿業若違反觀光旅館業管理規則或旅館業管理規則所定相關通報義務，由主管機關依發展觀光條例第55條第3項規定裁處1-5萬元罰鍰。
二、依毒品危害防制條例裁處
依「毒品危害防制條例」查獲有人在內施用或持有毒品(開毒趴)之場所，該場所將依「特定營業場所執行毒品防制措施辦法」自查獲之翌日起列為特定營業場所；依毒品危害防制條例第31-1條，指定的業者有通報義務，特定營業場所人員知悉有人在內施用或持有毒品，未通報警察機關處理者，除依該條例罰鍰，其情節重大者，該管目的事業主管機關得令其停止營業6個月以上、1年6個月以下或勒令歇業。
陳時中說，業者不是開罰單位，只是在疫情下要求他們通報，以他們經驗來說非常豐富，但應通報未通報就會被處分，開罰將由主管單位來認定。
他說，防疫有兩種，一是被動防疫，也就是靠監督辦法處分，而主動防疫就是知道有群聚風險後要主動避免。
★中時新聞網關心您：保護自己、遠離毒品！
★《中時新聞網》提醒您：因應新冠肺炎疫情，疾管署持續加強疫情監測與邊境管制措施， 如有疑似症狀，請撥打：1922專線，或0800-001922，並依指示配戴口罩儘速就醫，同時主動告知醫師旅遊史及接觸史，以利及時診斷及通報。</t>
  </si>
  <si>
    <t xml:space="preserve">
新冠肺炎疫情嚴峻，雙北尤為重災區，第一線警消暴露在染疫風險中，北市府29日緊急釋出3千多支疫苗給暴露風險較高且未曾接種者，優先提供接種，不過卻有基層警爆料，2名三線一星的督察也跑去施打；對此，台北市警局回應，督察人員也屬高風險對象之一，不過不在此次名單中，2名督察誤以為符合資格遂前往接種，已通報各單位要確實依照提報衛生局名單施打，避免誤接種狀況。
北市府在29日下午13時許突公布「防疫專案」，提供3200支疫苗給北市警，指定時間內持服務證、健保卡，可到仁愛醫院、和平醫院進行施打疫苗，但是主要提供派出所、交通分隊等外勤單位。
不過有基層警在臉書《靠北警察》爆料，指2名三線一星的督察人員也跑去搶接種疫苗；對此，台北市警局發佈新聞稿回應，表示本次發放COVID-19疫苗數量有限，針對暴露風險較高且未曾接種者，優先提供接種服務，包括實際執行居家檢疫、居家隔離、確診個案及自主健康管理對象違規事件第一線人員，以及檢疫所、快篩站值勤之第一線警務人員等，造冊送衛生局轉各相關責任醫院辦理施打。
市警局督察室督察人員同屬高風險對象之一，本在優先施打之列，但疫苗數量有限，不在本次專案施打名單中。經查有督察2人誤以為符合本次施打資格，遂前往醫院接種疫苗。
市警局已再通報各單位，重申要求確實依照提報市府衛生局名單，安排員警儘速前往施打；並於30日派員於各施打點，協同衛生局人員管制核對施打人員身分，避免有誤接種情事發生，另要求員警排隊時保持社交距離，避免群聚。
</t>
  </si>
  <si>
    <t xml:space="preserve">昨天(3/28)台灣新增了2個本土病例，其中一位案269是一名北部30多歲男性，3次就醫後沒好轉被通報採檢，最後確診新冠肺炎。最新消息指出，他的工作是在桃園機場接待貴賓，上周曾接待一名菲律賓返台的某部會官員兒子，此人也在今日確診，同時該官員也正在居家隔離中。
指揮中心表示，案269於3月23日、24日出現肌肉痠痛、腹瀉、發燒，3次前往就醫都沒改善，25日被醫院採檢通報、28日確診。
案269是觀光局在桃園機場的派駐人員，於旅客服務中心任職，上周曾接待一名菲律賓返台人士，為某部會官員的兒子，回台後也染疫。得知兒子確診後，該官員也開始居家隔離。
</t>
  </si>
  <si>
    <t>新冠肺炎有數起確診個案沒有特別症狀，但出現低血氧快速惡化後猝死情形，及時掌握生理數據已成防疫重要課題。經濟部技術處支持工研院聯合跨域業者，與新竹台大分院共同合作開發「生理訊號即時監測整合平台」，可望成為醫護人員防疫照護的利器。
工研院生醫所所長林啟萬表示，「生理訊號即時監測整合平台」是將體溫、脈搏次數、呼吸頻率、血壓數值、血氧濃度等五大生理數據蒐集置平台上，所有數據都要求須去個資化，並且符合醫院規範，目前已導入新竹台大分院進行臨床應用合作。
林啟萬說，初期目標是依據臨床醫護人員的使用需求，評估平台中蒐集生理資訊的適用性與穩定性，希望能快速導入使用，讓醫療照護生理數據監控更即時化、自動化、非接觸化，能降低醫護人員接觸感染的機會。
新竹台大分院副院長譚慶鼎副表示，疫情期間更突顯遠距即時監測的重要性，透過與工研院合作的「生理訊號即時監測整合平台」，可跨越空間與時間限制，自動蒐集生理數據並持續監控，解決醫護人力不足問題，同時也能提升醫療品質。
目前各醫院每個護理師平時約照顧7到10個病人，未來該平台運用後，可望提供醫院專責病房、集中檢疫所、防疫旅館甚至居家，進行遠端即時掌握患者生理狀況，減少醫護人員與確診患者接觸感染風險，更能時時守護生命跡 象，提升病人安全。
工研院同時會持續透過開放平台，銜接進入國內重要防疫單位，如新北雙和醫院、北市聯醫、深坑集中檢疫所、蘭陽集中檢疫所等，擴大場域連接應用，加強國內防疫照護能量。</t>
  </si>
  <si>
    <t>因新冠狀病毒全球大流行的衝擊持續擴大，推特（Twitter）與半導體設備大廠應用材料（Applied Materials）周一宣布撤回業績預測。
周一應材股價收漲5.74%，收在40.17美元，盤後漲2.32%，報41.10美元。推特周一收漲3.05%，為24.69美元，盤後目前漲0.85%，稍早前一度跌逾2%。
推特表示，這波疫情導致近幾周來廣告業務縮水，首季營收將較前一年同期略為下滑，且GAAP營業損益將出現紅字。但另一方面，由於人們湧進該社群平台獲取新冠肺炎疫情的最新發展，用戶數仍持續增加。該公司先前預期第一季營收將介於8.25億～8.85億美元。
加入其他晶片製造商與半導體設備廠不是調降、就是撤回營運展望的行例，應材周一宣布，因供應鏈與製造業務受新冠肺炎疫情影響，將撤銷第二財季業績預測。該公司表示，美國與世界各地相繼祭出的封城鎖國措施，以及全世界飛機航班大減，已嚴重打亂供應鏈。</t>
  </si>
  <si>
    <t xml:space="preserve">北京在連續兩天出現3例「來源不明」的本土新冠肺炎確診案例後，今(13)日又傳出新增6例本土病例。由於北京疫情有擴大趨勢，目前北京已關閉多處市場和社區，並採取多項措施避免感染繼續擴大。
《新京報》報導，大陸國家衛健委發布消息稱，6月12日0-24時，全國31個省(自治區、直轄市)和新疆生產建設兵團報告新增確診病例11例。其中，境外輸入病例5例，本土病例6例，而本土確診病例均在北京。
《ETtoday新聞雲》報導，這兩天北京也已通報3起確診病例，分別分佈在豐台區以及西城區。不過，這3人都稱，他們沒有接觸過外來人員，甚至長時間未離開北京，引起外界討論與關注。
此外，為了避免感染擴大，北京市政府關閉包括豐台區「新發地批發市場」在內的多處市場，並另設蔬菜、水果交易專區保障市場供應，同時暫停小學生復課，呼籲民眾不要群聚性用餐，並停止體育賽事舉辦。
</t>
  </si>
  <si>
    <t>新冠肺炎疫情擴散，世界各國紛紛「鎖國」應對，也讓觀光業遭受嚴重衝擊。一名網友就貼出長榮空服員班表，表示這個在長榮上班的朋友一路休到月底，這名空服員還在照片下方苦中作樂說「哪裡缺打工小妹嗎」。
一名網友在PTT八卦版PO出圖片，表示自己在長榮上班的空服員朋友直接一路放到月底。透過圖片可以看到，這位空服員自從3月9日之後就沒有任何航班可飛，直接放到31日，該空服員還在圖片下方說「一路放到31日我也是呵呵，哪裡有缺打工小妹嗎？」
網友紛紛表示：「來當熊貓吧」、「UberEats是妳的好選擇」、「星宇不就更慘...」、「這樣還有底薪三萬可以領耶」、「這個假只是沒有日支費跟服勤獎勵而已吧」。
受到疫情影響，觀光業苦哈哈，航空業更是首當其衝，長榮17日也宣布跟進華航，開放無薪專案事假，希望減低成本，不過長榮強調年資照計，也不影響考評。</t>
  </si>
  <si>
    <t>新冠肺炎疫情延燒，最新一例確診病例，是27例老翁的印尼籍看護，不料她昨日竟在個人臉書直播，還貼出藥袋曝光自己所在的醫院。新北市衛生局副局長許朝程指出，看護行為有違法之虞，同仁得知消息已緊急要求該名個案將影片跟貼文下架，她也已配合。
許朝程指出，《傳染病防治法》規定他人不得洩漏相關傳染病患者訊息，但病患自行洩漏，確實非常特殊，目前仍要研究病患「本人」是否也適用法條，要再去研究當初立法原意，仍要再行研議。</t>
  </si>
  <si>
    <t>全球新冠確診人數突破80萬人大關！世界衛生組織對亞洲發出預警，指亞太各國各項防疫措施只是在「為大規模社區傳播爭取時間」，亞洲新冠疫情離結束還很遠，呼籲各國做好準備。WHO並警告病例數開始下降的國家，千萬不要鬆懈，以免疫情再度席捲而來。
病例趨緩國家 切勿鬆懈
路透社報導，WHO西太平洋區域主任葛西健昨在視訊會議上表示，亞太地區新冠肺炎疫情「現在還看不到終點」，亞洲各國進行的防疫措施只是在為準備大規模社區傳播爭取時間。
日本新冠肺炎疫情持續擴大，境內感染人數31日單日達206人，總數已突破2千人，達2193人。東京的總感染人數超過500人，其中有16人死亡。
日年輕人返國 疫情擴散
近來日本年輕人感染的病例也大增，京都產業大學7名赴西班牙、法國等國畢業旅行返國學生，春假期間趴趴走，還返鄉探親，結果引起京都府、和歌山、滋賀、石川、富山、岡山、愛媛、香川等9個府縣都有學生感染，加上3名京都府井手町（鄉）公所的3名男職員，共有24人感染。許多疑似帶源但沒有症狀的學生去和歌山縣參加研討會，使住德島縣的其他學校的大學生也遭到感染。
日本2月以前的感染病例大多是與大陸武漢市有關的人，鑽石公主號郵輪感染者占712人。進入2月以後開始出現群聚感染、社區感染等案例，隨著人員流動，疫情也逐漸擴大到日本全國。
南韓較前一天新增125例感染新冠病毒的確診病例，累計確診9786例。大邱市一家醫院和首爾一家教會出現集體感染，境外輸入性病例也持續增加。新增的125例中，60例出現在大邱市，其餘分別是首爾市24例、京畿道13例、仁川市6例、大田市和廣尚北道各2例，釜山市、忠清南道、廣尚南道各1例，在入境檢疫過程中確診15例。
日韓星3國 出現群聚感染
在新加坡，新增47起新冠肺炎病例，其中31起屬本土感染，病例總數達926起。而隨著從英美返國的人數自上周的每天1200人減至目前的300人，輸入型病例也有下滑趨勢，星國防疫措施的重心將轉向控制本土病例的傳播。新加坡傳染病專家表示，新加坡還不算疫情爆發，但未來兩個星期是關鍵。
印度印尼 恐似海嘯爆發
而在印度，隨著印度總理宣布封國21天，暫停所有活動。意外激起了一些原來在大城市打工的數以千萬計的農民工回鄉，專家警示，這反而有可能將新冠從大都市帶到廣大的鄉村。在東南亞最大國印尼，專家發出警告表示，印尼可能爆發疫情死亡人數將超過14萬人，嚴重性堪比2004年印尼大海嘯。印尼正準備封鎖首都雅加達，阻止疫情進一步擴散。目前印尼確證病例達到1414例，半數在雅加達（698），已經奪走了122人的生命。
WHO葛西健特別強調，只要此區域新冠肺炎持續大流行，亞洲的疫情傳播風險仍不會消失。</t>
  </si>
  <si>
    <t>高雄市6日新增3名肺炎確診案例，兩例為小港家庭群聚感染再擴大，祖母、女婿疑似因母親節聚餐接觸雙雙確診，造成該家族共5人染疫。另一例為北部軍人，開車回到高雄發病，但無接觸連結史，風險不大。市長陳其邁再度呼籲端午節宅在家，高雄高鐵、火車、客運站都將採實聯制，詳細方案預計7日再公告。
衛生局說明，案11253為小港染疫家庭的60多歲祖母，5月22、23日中午曾去小港區買中餐，有志工服務足跡，疑母親節時與北部親戚接觸被感染，該案也暫時被定為小港家庭群聚感染源，源頭仍不明，須仰賴溯源疫調。
案11254、40多歲男子為案11253的女婿，也是因為母親節聚餐談話被感染，該男3至4日在林園區有4處消費記錄。該案相關接觸者仍在採檢中，部分結果尚未出爐，目前已造成5人感染。
另一名染疫者為30多歲、在北部服役的軍人，據了解，他在台北的同居室友先被確診，但台北市匡列不及，他1日已先開車回到高雄，4日北市府才轉知高市府緊急開出居家隔離通知書，當時他已有感染症狀，5日確診，目前匡列他5名同住家人，由於沒有其他接觸史，所以判定風險不大。
陳其邁分析，高市疫情發展迄今，57％為家庭群聚，43％為南北移動。端午連假將至，呼籲民眾盡量不要移動，返鄉民眾務必做自主健康管理，高市也將在高鐵、火車、客運站設置實聯制QRCODE，上下車都要落實。
陳其邁強調，除非在房間、在家也要戴口罩，避免到公共場所或搭乘大眾運輸工具。
高市企業風險控管也升級，企業雇用移工300人以上宿舍每房住宿降載，不同公司移工不得混住；分艙分流管理，若公司無法符合標準則入住媒合的防疫旅館；移工依風險等級擴大篩檢；科技產業園區與科學園區3天內設置篩檢站；限制移動，嚴格管理，每日至少做一次環境清潔消毒並記錄。</t>
  </si>
  <si>
    <t xml:space="preserve">
桃園地區規模最大的金沙酒店有小姐確診，引發酒客恐慌，今天（20日）與金沙酒店相關確診案例增加2名，包括一名酒店女員工（案2705），以及一名自述住附近的女性（案2604），因經常在該區域附近出沒，且出現咳嗽、發燒等症狀，安排採檢後確診。
桃園新增17起確診案例，其中金沙酒店增加2起確診案例，新聞處長詹賀舜指出，，其中一位是30幾歲的女工作人員（案2705），本來就已匡列確診。另一位40幾歲的女性（案2604），非金沙的員工，也不在匡列名單，但她自述常在熱區附近出沒，且出現咳嗽、發燒等症狀，安排採檢後確診。
一名在金沙酒店上班的20多歲小姐（案2344）昨確診，消息傳出引發酒客恐慌，外界擔憂成為超級傳播者。
對此，桃園市長鄭文燦表示，去年一名住在桃園、在台北工作的酒店女公關確診，總共匡列達160人，這次金沙酒店小姐確診，「匡列的人數應該沒有上一次那麼多！」。
桃園衛生局經過一輪疫調，匡列50人，苗栗的足跡和疫調則由苗栗負責，會盡快完成採檢跟隔離作業，市府還會持續進行，只要有風險就會納入匡列，也會視實際的醫療情況來擴大。
★中時新聞網關心您：飲酒過量，有礙健康！
★中時新聞網關心您：開車不喝酒、喝酒不開車！</t>
  </si>
  <si>
    <t>台積電（2330）12日在美股崩跌拖累台股情況中，跌破300大關、收294元，外資近期輪番出來信心喊話，美銀證券最新疾呼：當新冠肺炎疫情塵埃落定，手上一定要擁有台積電，且台積電過去20年遭逢任何危機，最終都能急速收復失土。外資護航艦隊聯手出擊，力圖遏制不理性砍殺權值王賣壓。
自2月14日以來，外資開啟波段對台積電大賣超，期間僅一個交易日站在買方，累計拋售37萬張籌碼，股價波段回檔約13％。所幸，花旗環球、美銀、摩根士丹利證券與凱基投顧聯手出擊，「台積電護航艦隊」成軍。
美系外資分析師解釋，全球現在遭遇新冠肺炎疫情與油價崩塌雙重系統性風險，台積電基本面並無轉壞跡象，但台積電身為最大權值股、流動性極佳，無論是對被動式基金，或是想從波動風險中抽身變現的投資機構而言，出脫台積電都是最迅速有效的方式，這也是台積電自2月中起遭國際資金連續賣超的主因。
花旗環球證券台灣區研究部主管徐振志認為，考量需求不振與物流中斷因素，不排除供應鏈第二季出現部分削減訂單狀況。不過，台積電在7、16奈米製程與8吋晶圓業務上，握有超量（excess）訂單，因此，不會受到任何單一客戶砍單的衝擊；萬一有客戶取消訂單，也可以馬上由其他超量訂單補上，無放接軌貢獻營收。
美銀證券指出，儘管新冠肺炎疫情影響似乎愈來愈大，但基於下列三點，持續看好台積電中長線前景：
一、5G、雲端、物聯網（IoT）趨勢中，半導體內含價值增加；二、台積電在科技創新環境中，是絕不可缺少的角色；三、人工智慧（AI）與高效能運算（HPC）市場規模加大，台積電於此領域市占率不斷提高。
放眼下半年，花旗環球證券預期，要是新冠肺炎疫情獲得妥善控制，台積電的產能將持續滿載，假設新冠肺炎下半年還是到處肆虐，台積電雖也難逃需求減弱影響，然受創幅度將顯著小於其他同業。</t>
  </si>
  <si>
    <t xml:space="preserve">有「末日博士」之稱的知名經濟學家魯比尼（Nouriel Roubini）近日警告，新冠肺炎疫情將撼動大陸經濟，使該國今年GDP無法超過4%，而全球經貿都會受到波及。
外媒報導，由於中美貿易戰的關係，大陸商品已經變得更貴，導致大陸去年GDP降至6.1%，創下1990年以來最低；而新冠肺炎疫情爆發，已使得這個全球第二大經濟體陷入停頓。魯比尼警告，大陸今年GDP恐不到4%，這將會影響全球經濟貿易。
他分析，如果大陸GDP從6%降至4%，代表經濟成長率將減少3分之1，而大陸佔全球經濟成長比重約3分之2，對於全球貿易、信心、企業的溢出效應將會很可觀。
魯比尼警告，儘管疫情不會讓美國經濟陷入衰退，但美國GDP可能會從2%降至1.7%，甚至更多。而目前已經出現一些警訊，像是公司債務激增以及影子銀行等，未來幾年恐會出現一波金融危機。
受新冠肺炎疫情影響，大陸原本疲弱的經濟動能再度蒙上陰影。國際貨幣基金組織（IMF）表示，將下修大陸2020年GDP增長預測至5.6%，而全球GDP增長估為3.2%，兩者較1月預測時，分別下修了0.4個百分點和0.1個百分點。
此外，國際投行如瑞銀、星展、渣打等近期亦陸續下調降對大陸經濟增長預測。其中，渣打最新報告指出，該銀行將大陸2020年全年經濟增長預測從5.8%下調至5.5%。
</t>
  </si>
  <si>
    <t>台北車站K區誠品地下街4店5人染疫，台北市副市長黃珊珊表示，這應該是職場上的群聚。對此，精神科醫師沈政男昨發文表示，台北地下街K區的群聚，最有可能是在「公廁」被感染的，未來如果成功解封，大家會特別注意用餐保持距離，但不少人可能進廁所以後就鬆懈，所以應要特別注意這個部分。
沈政男昨天在臉書發文表示，現在的新增個案主要仍在雙北，多數其實都是篩檢而來的，像是陪病前的篩檢就有好幾例，也有些是從雙北的社區篩檢撈出來的。不過，台北市的報告只有選擇性疫調公布，並沒有辦法看出新增案例到底是怎麼被感染的。
沈政男指出，台北地下街K區累計5人確診，最有可能是在「公廁」被感染的，除此之外，真想不到其他可能性了，但這是個重要的經驗，如果未來解封，大家必須注意公廁傳染的可能性，尤其是餐廳的部分，很多人以為吃飯保持距離就可以，但跑到廁所裡面就鬆懈了。
台北車站K區誠品地下街爆群聚，目前累計5人染疫，櫃位包含3C用品店員、手搖飲店、超商和速食店。台北市副市長黃珊珊昨在記者會上表示，是職場上的群聚，人員關係有交錯，而店家開業前會再次消毒，K區所有同仁都在篩檢，篩檢陰性會先打疫苗。
黃珊珊昨日表示，新增兩名確診店員都是女性，所以女性廁所和這區塊共用的場域都已封閉，但能否排除廁所的傳染性，還要跟專家討論。</t>
  </si>
  <si>
    <t>受到新冠肺炎持續未歇的影響，預定在 2/24-2/27 舉辦的 MWC 2020(全球行動通訊大會)已經宣布停辦，是 33 年來首例，對於全球行動通訊相關產業而言，影響幅度不小。而原定在 MWC 期間發表新品的廠商，因應措施不一。OPPO 方面原訂在 MWC 期間在中國大陸海外舉行的 Find X2 新機發表會，確定延到三月舉行，但確切日期與地點沒有公布。
在多家廠商紛紛宣布提前退出 MWC 2020 展會之際，OPPO 與華為(Huawei)是少數表達仍舊將如期前往參展的廠商。不過既然主辦單位 GSMA (全球行動通訊系統協會)已正式宣布停辦本屆展會，OPPO 方面表示尊重並理解 GSMA 的決定。而因此受到影響的原訂發表計畫，OPPO 則是指出將會將原本的 Find X2 發表會延後到三月。
OPPO Find X2 的前一代機種 Find X，是他們在 2018 年 6 月份推出的新機，運用了不少目前沒有普遍使用在 OPPO 手機中的技術，包含採用雙軌潛望結構，將前後鏡頭跟3D結構光相關元件都整合在其中，有需要使用時才會升起，在當時許多手機還有「瀏海」的環境下，因為雙軌潛望結構而展現的全螢幕設計更引人注目。
根據 OPPO 副總裁沈義人的 Twitter 發文，Find X 繼任者 Find X2 預期搭載 120Hz 螢幕更新率、240Hz 螢幕採樣率、2K 螢幕解析度、SDR 轉 HDR 技術，以及 HDR 模式下峰值亮度達到 1200nits 等特性。此外也可能搭載 65W SuperVOOC 超級閃充技術。
This is my kind of ‘Flagship’ 🤓🎞️ 120Hz Refresh rate📺 2k Resolution😋 240Hz Sampling🔁 SDR to HDR conversion🔆 HDR up to 1200nits brightness📊 100% DCI-P3
此前，Android 旗艦陣列中，三星、小米都各自推出了旗下新兵(Galaxy S20系列、小米10系列)，在此之後將會迎來一波安卓 OEM 廠發表年度新機的浪潮，OPPO Find X2 當然也名列其中。據了解將會有 Find X2 以及 Find X2 Pro 兩個機種，預計有機會用上 Snapdragon 865 處理器、支援 Wi-Fi 6，搭載最新的 Android 10 作業系統。</t>
  </si>
  <si>
    <t>外傳台塑六輕廠區有員工新冠肺炎確診，不過中央流行疫情指揮中心今天（4日）公布的確診名單並無此例，雲林縣府未承認也不否認，消息頗為混亂，可以確定的是麥寮六輕廠區今下午確實在宿舍區的活動中心做快篩。
外傳六輕有一名在上月31日離職的約聘環保巡查人員確診感染新冠肺炎，因只有上下班回管理部打卡，台塑讓10多名員工在家自主健康管理，雲林縣衛生局4日下午也於宿舍區的活動中心布置快篩站。
雲林縣衛生局長曾春美表示，有確診者的足跡「經過」，為慎重起見設快篩站，由廠區提供快篩名單。
不過，外界也流傳一封LINE訊息指六輕廠區有一名正式員工的太太快篩是陽性，該員工被通知居家隔離，他回台中前先去醫院快篩，結果似乎不妙。
台塑六輕廠區今日（4日）早上7點多大清消，相關接觸人員已造冊並實施自主健康管理。</t>
  </si>
  <si>
    <t>行政院長蘇貞昌與經濟部長沈榮津金在立院總質詢，對於新冠肺炎快篩試劑研發議題，沈表示預計半年之後可以完成上市。
沈榮津6日在立法院總質詢中，回答國民黨立委林奕華質詢新冠肺炎快篩試劑研發時程時表示，新冠肺炎快篩試劑預計半年之後可以完成上市。</t>
  </si>
  <si>
    <t>「日本放送協會」（NHK）報導，日本專家使用最新型的超級電腦「富岳」，模擬新冠肺炎（COVID-19）的飛沫傳染狀況，結果發現若未配戴口罩，行人在邊走邊說話時的飛沫會飄散在自身後方，距離可達3公尺之遠。
日本的理化學研究所研究團隊，利用3月9日才正式開始運作的「富岳」進行模擬，發現在無風且未戴口罩下，站立不動說話時的飛沫散布距離為面前1.5公尺，而若邊走邊說話，飛沫則可能向後飄散2至3公尺。
行走速度對飛沫飄散的影響也十分明顯，模擬顯示，以時速2.3公里散步時，大顆粒飛沫會迅速落地，僅有小顆粒的氣膠會飄浮在空中；但若時速達到4.6公里，風勢便會讓飛沫持續飄浮在空中，難以落下；而在以時速9.2公里慢跑時，氣膠更會一口氣擴散，並且持續飄浮在空中。
因此研究團隊建議，最好與未配戴口罩且在步行間交談者保持3公尺以上的距離，並避免在慢跑時跟跑前方跑者。
另外，該團隊也模擬了口罩的防飛沫效果，結果顯示，在配戴單層不織布口罩、但鼻樑片未貼合面部的情況下，飛沫防護效果僅有69%；若有調整鼻樑片，但口罩與面部仍有空隙時，飛沫防護效果為81%。單層口罩在配戴完好下能有85%的防護效果；而若外面再戴一層聚酯海綿製的口罩，防護效果則為89%。
因此研究團隊認為，戴雙層口罩對提升飛沫防護能力並無太大助益，只要把不織布口罩戴好、不要露出空隙，就能有效防止飛沫傳染。</t>
  </si>
  <si>
    <t xml:space="preserve">
受到新冠肺炎疫情影響，新加坡航空子公司酷航23日宣布停飛，為廉價航空界丟下一顆震撼彈。酷航聲明指出，新冠肺炎疫情造成各國加強邊境控管、旅行需求下降，故自即日起至4月中下旬，暫時停飛幾近所有航線，「一個沒有旅行、沒有飛機起降、邊境關閉的世界」。
酷航以15架波音787投入營運，舒適性打趴一票廉航，故成為許多民眾心中飛行首選，沒想到受新冠肺炎波及，才會做出停飛決定。酷航直言：「一個沒有旅行、沒有飛機起降、邊境關閉的世界，都是我們曾難以想像的，但這正是世界的現況。」
酷航接下來會對已訂票旅客逐一通知，並以酷航旅行代圈券方式退費，預計在30天內完成；由於配合菲律賓政府防疫措施，也已關閉位於馬尼拉的電話客服中心，並設置臨時英文客服專線（+65-66815410）。
酷航最後感性提到，世界還是充滿無限精采的風景、令人驚豔的文化及難忘的體驗，「即使在此刻遇到種種困難，旅行的精神、世界上人與人乃至文化間的緊密連結，都能美好延續。」
更多 CTWANT 報導
</t>
  </si>
  <si>
    <t>新北市今對85歲以上在籍長者全面施打疫苗，新北市長侯友宜今表示，今日接種率約為58％，接近預估的施打率，目前已規劃非在籍85歲以上長者在18日接受施打，即日起至17日下午5時可向里辦公室或區公所填寫意願調查表。
侯友宜說，今疫苗數量有9922劑，實際接種量為5790劑，在看到疫苗施打率後市府就開始做規劃，已計畫18日提供非在籍施打，從今天開始至17日下午5時，非在籍長者可向里辦公室或區公所填寫意願調查表，將由區公所公布、通知時間及地點前往接種，而這3天沒有施打的在籍長者也可以直接前往施打。
侯友宜補充，原本預估的施打率是6成，因此沒有差太多，今日疫苗施打的秩序也相當良好，目前沒有接到長者施打反應不良的狀況，今天還會做細節檢討，但明天還是會照這個方式。</t>
  </si>
  <si>
    <t>新冠肺炎疫情肆虐全球，儘管各國救市措施相繼出爐，然隨著世界衛生組織宣布全球疫情進入大流行階段，加劇投資人恐慌情緒，市場賣壓沉重。投信法人表示，資產價格震盪加劇，投資上更需要有風險控管意識，特別是近期金融市場易呈現急漲急跌、資金輪動快速的環境下，輔以市況前景的不確定性，建議投資人採取多重資產方式因應。
群益潛力收益多重資產基金經理人徐煒庠表示，各國相繼推出救市政策或採取降息手段，加上全球流動性無虞，景氣邁入衰退的機會仍相對低，不過短期在市場波動放大下，仍建議投資人採取多重資產策略來因應，以平衡投資組合波動，並掌握不同資產投資契機、廣納收益來源，以滿足風險控管、收益追求以及成長潛力兼顧的投資需求。
野村核心配置多重資產基金經理人白杰洛（Jerome Barkate）表示，新冠肺炎病毒衝擊投資人信心，然而目前全球經濟增速預期仍保持相對強勢，尤其是美國企業獲利持續穩定成長，雖然短線之內受到疫情影響震盪較大，但美股基本面佳，待疫情過後，將恢復正軌，因此長線仍看好美股。
短期債券市場將會有較高的防禦性，高評級和存續期間較長之債券將直接從貨幣政策中受益。
台新全球多元資產組合基金經理人謝夢蘭表示，疫情不確定性仍高，基本面轉弱、風險升高下，股市及債市波動度皆將大幅度提高，建議採多元資產配置策略，降低風險性資產比重，提升抗波動及高息收產品比重，如優先擔保高收債、美國REITs等。
第一金全球AI人工智慧基金經理人陳世杰表示，今年挾著5G開台商轉，將讓AI如虎添翼。因為「AI+5G」技術結合，能夠幫助AI更完整、巧妙結合軟、硬體資源，預期各種智慧工廠、精準醫療、金融科技、智慧家庭、物聯網等應用將遍地開花，為全球各行各業驅動出數十兆美元的商業產值。
安本標準投信投資長彭炫通指出，在當前環境下，投資者應採取審慎而多元化的策略，擺脫傳統股債配置的框架。舉例來說，新興市場當地貨幣主權債，長期前景亮麗。除此之外，也建議增持美國抗通膨債券TIPS、澳洲債券及日圓，有助在市場波動升溫之際分散風險。</t>
  </si>
  <si>
    <t>新冠肺炎疫情肆虐全球，國內外醫護人員身處在第一線抗疫，見證不少令人心碎的畫面，馬來西亞醫師提摩西（Timothy Lau）就透露，一名重症老婦人在插管前打電話向兒子「道別」，並叮囑「如果媽媽最後沒有醒來，不要自責。」短短一句話惹哭數萬網友。
提摩西日前在IG上分享第一線的抗疫日常，由於新冠病毒傳染力高，因此他堅持在實施插管前，會留一點時間讓病患與親友告別，或是要求患者致電給某人說說話。
其中一名即將接受插管的重症婦人則選擇打電話給兒子，她在電話中說道「媽媽不怪你把病毒帶回家」，更溫柔叮囑，「如果媽媽最後沒有醒來，不要自責」，比起悲傷，更要堅強振作。
短短的通話內容讓提摩西相當震撼，決定將此事透過IG記錄下來，並貼出自己身穿防護衣，累趴在桌上的黑白照片，向眾人分享身為抗疫第一線的醫護人員，所看到的日常景象，文末更加註「#protectourelderly」標籤，呼籲民眾在防疫之餘，別忘了保護較為脆弱的長輩。
貼文一出感動無數網友，至今累計3萬多人按讚，貼文也不斷瘋傳，許多網友紛紛湧入原文，祈禱病患早日康復，並感謝前線醫護人員的辛苦付出。
Timothy Lau（@timothylau_qs）分享的貼文</t>
  </si>
  <si>
    <t xml:space="preserve">晶心科(6533)耕耘RISC-V多年，預計明年RISC-V授權金、權利金將會開始貢獻，總經理林志明表示，2021年晶心科會做更多的研發投資，新產品會陸續出來，且隨著大陸全力衝刺半導體自製比重，晶心科也看到了很多機會，會積極推廣，另外，和大股東聯發科(2454)的合作，看好雙方是多層次的合作，很持續有密切的交流。
晶心科累計前3季累計營業收入3.12億元，年減少13.6%，累計營業毛利3.11億，累計營業淨損8820萬元，累計稅前淨損8237萬元，累計每股損失1.99元，前三季最大營收占比最大來自於台灣、占比42%。
晶心科近年來積極發展RISC-V，所謂的RISC-V是一種免費開放原始碼指令集架構(ISA)，透過開放標準協作來開發處理器新，晶心科朝向RISC-V市場領先者努力，林志明表示，今年前3季RISC-V產品營收比重達56%，預計明年RISC-V授權金、權利金將會開始貢獻，在新品穩健成長下，法人也樂觀預估，明年RISC-V業績將年增三成以上。
林志明指出，大陸近兩年全力衝刺半導體自製化，林志明表示，目前在大陸有高達3000家IC設計公司，相對台灣約300家，整體產業機會很大，故有很多機會，加上大陸廠敢投資、手筆大，晶心科10月在大陸就有一個相對比較大的案子Design Win，對於大陸市場晶心科很積極推廣，另外，今年是5G元年，2021年晶心科會做更多的研發投資，新產品會陸續出來，投資金額一定也會加大。
除此之外，對於和聯發科的合作，林志明表示，雙方是多層次的合作，彼此是關係人，聯發科也是晶心科的大股東，兩家董事長更是同一位，即蔡明介，兩家公司在產品上的合作從晶心科第一代V1就開始，已經有很多進入產出狀況，目前合作集中在V3。
林志明表示，目前大陸市場的疫情控制看來還可以，同仁也開始恢復出差，目前評估狀況不錯，惟美國、日本等目前對疫情的管控還是比較差，故依舊不讓同仁到當地出差。
受到疫情影響，晶心科第3季營收1.04億元，年減18.1%，惟目前已經慢慢讓營運恢復正軌，逐漸從疫情中回神，10月單月營收已經回升至6667萬元，年增加29.7%。
</t>
  </si>
  <si>
    <t>旅遊業者五福（2745）2019年獲利動能回升，稅後淨利0.26億元，年增達1.26倍，每股盈餘（EPS）0.89元。面對新冠肺炎疫情對營運嚴峻衝擊，董事會決議跟進自救，董事自3月起不支領薪酬及2019年酬勞，高階主管支持自主減薪至疫情結束。
五福董事會通過2019年股利分派案，擬配發每股現金股利0.3元、持平去年，盈餘配發率降至33.71％低點，以24日收盤價12.1元計算，現金殖利率約2.48％。公司將於6月22日召開股東常會，補選1席董事。
五福昨（24）日股價下探11.9元，創上櫃以來新低，以1月中高點計算，2個月股價已腰斬。隨著大盤今（25）日再度強勁反彈，五福股價跟進開高後走揚，早盤上漲2.07％至12.35元。
五福2019年營收63.03億元，年減2.33％，仍創歷史第3高。毛利率10.28、營益率0.7％，優於前年10.15％、0.2％，營益率創歷史次高。稅後淨利0.26億元，年增達1.26倍，每股盈餘（EPS）0.89元，優於前年0.41元。
不過，五福2019年第四季營運轉弱，營收13.34億元，季減18.91％、年增4.16％，毛利率9.68％、營益率負2.01％，均為近1年低點。加上業外轉虧，稅後虧損0.26億元、每股虧損0.92元，雙創單季新低。
新冠肺炎疫情使觀光旅遊業營運首當其衝，五福2020年2月自結合併營收3.21億元，月減37.23％、年減49.54％，創歷史第3低紀錄。累計1～2月合併營收8.34億元，年減21％，創同期新低。
面對營運遭逢嚴重影響，為降低對股東影響、考量員工權益，五福董事會決議董事自3月起不支領薪酬及2019年酬勞，高階主管在疫情期間支持自主減薪，直至疫情結束後恢復正常。目前持續進行教育訓練課程，提升員工技能、優化各項流程作業，做好各項準備。</t>
  </si>
  <si>
    <t xml:space="preserve">國內新冠疫情爆炸，許多民眾跑到各地快篩站、急診篩檢，但檢驗量能不足，醫檢師工作量大增，連三天校正回歸826例，前立委、婦產科醫師林靜儀昨天呼籲，擔心被感染但是沒症狀又排不到篩檢的民眾，可先自我隔離、斷絕與他人接觸2周，有症狀再打1922。
「醫檢師辛苦了！」林靜儀昨天(24日)在臉書表示，由於太多民眾做PCR採檢，檢體已經塞爆了檢查單位，最可能導致的結果，就是讓該被確診的感染者更晚被找到，在這段時間又把病毒傳染給別人，呼籲有接觸史、有症狀的個案儘速篩檢，沒有接觸史、沒有症狀的民眾不要跑去篩看看，做安心。
若擔心被確診者感染，但是沒症狀又排不到篩檢怎麼辦？林靜儀向大家分享一個關鍵解法，就是先斷絕與他人接觸2周、自我隔離，如果出現症狀再隨時撥打1922安排採檢。
同時，台北市長柯文哲今天一早也在臉書發文，指出台北市23日快篩992人，陽性率為5.95％，從北市快篩陽性率來看，第二波高峰已經過去，預計第三波高峰會出現在5月28日前後，如果高峰值的陽性率一次比一次低，疫情就有機會獲得控制。並指出快篩不是做心安的，有症狀才來篩，否則去醫院堅持篩檢的人就必須自費，希望大家把資源留給有需要的人。
</t>
  </si>
  <si>
    <t xml:space="preserve">防新冠肺炎病毒，消毒相關商品瞬間變搶手貨，許多人好奇，洗完手到底要不要再噴一下酒精消毒？皮膚科醫師表示，多數人對於酒精的認知存在錯誤迷思，過度使用反而適得其反，甚至恐讓防疫破功！
為了徹底消毒，不少人會在洗手完後馬上噴酒精，認為可以達到雙重保障，《華人健康網》報導，皮膚科醫師胡怡萱表示，酒精是無法洗手時、暫時性的折衷清潔方式，並不能完全取代洗手。而且酒精對於皮膚有一定的刺激性，若過度接觸，容易讓皮膚乾癢、緊繃，甚至脫屑、過敏，若不慎引起接觸性皮膚炎等問題而出現傷口，反而更容易細菌感染，不可不慎。
胡怡萱提醒，使用酒精消毒應注意下列3件事：
1.	不能完全取代洗手：
當手上有大顆粒髒污或黏膩感時，還是建議以流動清水清洗。
2.	濃度、用量適中：
酒精濃度並非越高越好，75%濃度的酒精能穿透病菌，引起蛋白質變性、降解，導致病毒、細菌死亡，但若調錯濃度或用量太少，都會讓消毒效果大打折扣。
3.	噴灑後未充分搓揉：
噴灑後應適度模擬洗手動作，包括手心、手背外、指尖、指縫、虎口、手腕等部位都要徹底搓洗，直到酒精揮發，才能真正達到消毒作用。
</t>
  </si>
  <si>
    <t>3艘國際商船停靠高雄港傳出多名船員染疫，高市衛生局共匡列295名接觸者，最新採檢報告出爐，295人PCR全為陰性。高雄市長陳其邁14日一早至高雄港視察，宣布邊境管制加嚴，強化港埠防疫措施。
陳其邁表示，近兩周內3艘貨輪，航行經過香港、大陸、菲律賓、日本、韓國等港口，被通報發現確診個案，14日一早他也到高雄港陪同交通部次長，會同港灣公司、中央流行疫情指揮中心人員就每個環節仔細檢查。高市府和專家小組、港務局、港務公司、港警開會後，決議全面性提升境管。
崗哨進出人員都要登記時間地點，岸邊工作者或碼頭區未登船的工作者也要落實實名制。
針對登船的梯口，禁止非工作時段降梯，需安排專人監督管理，非經核定、非必要閒雜人等，不得登船。所有登船人員均須落實實名制，並應配戴口罩、手套、護目鏡、隔離衣，並設有監督複查機制，每日登離船報衛生局備查，高雄港務公司及航港局採定期或不定期稽查。
中秋節將至，陳其邁再次呼籲，與同住家人烤肉習俗不能免，若有從台北或新北市返家的人，務必戴口罩，盡量能減少共餐的狀況。
關於疫苗施打，黃卡遺失的民眾可帶身分證健保卡到衛生所申請補發。登記施打BNT的學生，國中為96％，高中為92％，陸續統計中 。施打完當天甚至隔天、隔兩天有不舒服、發燒症狀的學生，可以請防疫假，家長也可以請防疫假。</t>
  </si>
  <si>
    <t xml:space="preserve">民間捐贈BNT疫苗陸續到貨，第10輪將開放64歲以上、18至22歲以及第九類對象預約接種，這樣的安排讓不少中間族群爆氣直呼，上班族活該被跳過嗎？國民黨台北市議員李明賢直言，自己就接到一個25歲年輕人的特殊案例，希望政府能幫忙解決。
指揮中心1日宣布，第10輪加開第一劑BNT，符合資格者約38萬人分作3類，在7月29日以前完成意願登記的18至63歲第九類對象、64歲以上的一般民眾與18至22歲的年輕族群，消息引發網友討論，不少上班族則哀嚎，又被插隊了，「上班族活該」、「中間族群一直被跳過，一下要給打第二劑，一下要給學生，中間族群的人都不用上班嗎？都不會接觸到人？」
對此，李明賢今在臉書發文表示，自己最近接到一個陳情個案，當事人是25歲的社會新鮮人，連第一劑都還沒打更遑論第二劑，加上經濟能力問題，要到醫院探視看奶奶，儘管政府從10月1日起開放加護病房家屬兩人探病，三天就要PCR一次，看似德政，但是一次費用3500元，對這位25歲的社會新鮮人而言，實在是不小的負擔，他希望政府能有解套方案。
李明賢感嘆，擺盪在親情與經濟壓力之下，政府該如何照顧必須受到照顧的人？還是沒錢做PCR就不能探病？自己也會在議會提出建議，請市府思考針對特殊家庭或予以補助。
</t>
  </si>
  <si>
    <t>疫情延燒不斷，機組員檢疫期限原為3天居家檢疫加11天自我健康管理，中央流行疫情指揮中心13日宣布，若未施打疫苗或施打第一劑疫苗但未滿兩周者，需要接受7天居家檢疫及7天加強版自主健康管理，令機師大喊吃不消，直言「沒有人不想打！是疫苗不夠！」坦言事前公司對新政策完全不知情，認為政府研擬規定過於倉促，班表也需重新修正。
機組員檢疫期限3＋11被視為這次本土疫情爆發的防疫破口，中央為了嚴防破口，先前宣布6月12日前未接種疫苗的機組人員檢疫期限改成5＋9，而某長榮機師也說明5＋9這項規定早就知情，公司也依照這項規定擬定新的班表及排定施打疫苗的人員，但中央13日突然宣佈新的政策，若完全沒有施打疫苗，或是施打第一劑疫苗但未滿兩周者，檢疫期限延長為7＋7。
該長榮機師表示，先前公司按照班表排定了施打疫苗的順序，目前接種率也達8成以上，機師嘆言「其實大家都願意打」，但因疫苗短缺緣故，原有的疫苗被收走讓有需要的人先行施打，導致將近有2周的時間機組員施打疫苗程序停滯。
機師指出，現在突然將檢疫期限改為7＋7，對某些施打第一劑但未滿兩周的機組員相當不公平，因公司先前按照5＋9的規定排定班表及排定施打疫苗的順序，突然更改讓機組員們措手不及，若政府能將7＋7的政策再多往後延一個月，讓先前已經施打疫苗的機組員符合規定，這樣才不失公平性，且公司也較方便排定之後的班表及接種疫苗的順序。
機師也說，從去年疫情爆發後大家開始正視機組員的作息問題，因此去年中至去年底機組員的檢疫期限一直都是3＋11，後來因紐籍機師染疫，又將檢疫拉長至5＋9，近期只是將檢疫期限恢復成3＋11，機師強調「真的沒有要求更多」，爆發華航機師染疫事件後，民眾把機組員當成箭靶攻擊，甚至把所有機組員當成這次本土疫情爆發的主因，令機師無奈的說，大家都很努力防疫，沒有誰真的想要成為破口。</t>
  </si>
  <si>
    <t xml:space="preserve">新冠病毒疫情在歐洲迅速擴散，瑞士與義大利接壤的提契諾州政府宣佈自11日午夜起全州進入緊急狀態。瑞士聯邦公共衛生部負責人表示，瑞士的其他地區接下來也將跟進此一措施，瑞士將全面進入緊急狀態。
據《央視新聞》報導，瑞士當地時間11日晚間，瑞士與義大利接壤的提契諾州政府宣佈，從11日午夜起至29日，全州將進入緊急狀態。在緊急狀態期間，將全面限制所有公共活動，所有非義務教育學校關閉，65歲以上老年人禁止參與照看兒童等。
瑞士聯邦公共衛生部負責人表示，瑞士的其他地區接下來也將跟隨此措施，瑞士將全面進入緊急狀態。他強：「瑞士疫情已經非常嚴重，需要儘快採取措施和做出正確的決斷。」
</t>
  </si>
  <si>
    <t xml:space="preserve">東京奧運今天首度傳出選手村內有選手確診，南非足球協會說，確診者是南非國家足球隊的2名隊員與1名影片分析師，晚間傳出又1名南非橄欖球隊教練確診。
日本放送協會（NHK）報導，日本東奧暨帕運組織委員會今天公布，提供給參加東奧的各國選手等人士入住的選手村，有2名海外選手在病毒篩檢陽性，是選手村內首度有選手確診。
選手村昨天有1名大會相關人士感染COVID-19（2019冠狀病毒疾病），則是選手村確診首例。
「朝日新聞」報導，南非奧委會表示，昨天染疫的相關人士，以及今天染疫的2名選手，都隸屬南非國家足球隊。
南非國家足球隊經理西邦（Mxolisi Sibam）透過南非足球協會發布聲明稿表示，確診球員為莫揚涅（Thabiso Monyane）和馬赫拉西（Kamohelo Mahlatsi）。昨天確診的人是影片分析師馬夏（Mario Masha）。
南非隊預定22日出戰地主日本隊。
組織委員會幹部表示，由於南非足球隊幾乎全隊都被判定為密切接觸者，必須在賽前獲得病毒篩檢陰性結果，才能出場。
南非的多災多難並沒有止於足球隊，今天晚間傳出南非隊第4人染疫。這次確診的是橄欖球隊教練鮑爾（Neil Powell）。
美聯社報導，鮑爾抵達日本時被篩檢陽性，目前正在鹿兒島市隔離。南非橄欖球隊目前正在鹿兒島市進行賽前訓練。
除了選手村首例，以及選手村內的選手首例，都被相繼打破外，國際奧林匹克委員會（IOC）今天也出現首位確診成員。
確診的是南韓籍的國際奧會成員柳承敏，他昨天入境東京成田機場時被篩檢陽性。柳承敏是2004年雅典奧運桌球男單金牌。
韓國MBC電視台報導，柳承敏表示，出國前曾經在13日和15日兩度篩檢，16日得到陰性結果。（譯者：戴雅真/核稿：陳政一）1100718
</t>
  </si>
  <si>
    <t>台北市立聯合醫院松德院區傳出有員工和看護確診；對此，松德院區證實不是院內感染，員工是住在萬華，另因為松德院區主要是精神疾病專責醫院，所以看護目前已轉由其他院區協助處理。
松德院區院長楊添圍受訪時證實，的確有員工和看護確診，但並不是院內感染，員工是藥劑科同仁，住在萬華地區，14日到採檢站採檢，16日確診，醫院也立即匡列接觸員工匡列並清出病房做隔離，大約有20位目前採檢都是陰性。
楊添圍指出，員工的部分院內能得到資訊落實匡列，但看護的部分，因個資無法取得還是要疾管單位協助。
楊添圍說，已經有一批員工做採檢，確實有考慮過全院篩檢，但考量人力，也有執行上的困難，會繼續逐批增加採檢。</t>
  </si>
  <si>
    <t xml:space="preserve">日本疫情持續升溫，今21日沖繩縣新增207例確診，創當地新高紀錄，日本政府決定將沖繩縣納入緊急事態宣言對象地區，近日根據日本媒體的報導，24歲日本藝人新田真劍佑原定上週五（14日）要到美國拍攝新片，不料在出發美國前確診新冠肺炎，暫停取消目前所規劃的活動。
據日本媒體《FRIDAY》報導，新田真劍佑12日中午和女友現身在銀座約會，卻未將口罩未覆蓋口鼻，當天除了去到銀座以外，還去到港區、原宿，然而這並不是新田真劍佑第一次沒有落實將口罩戴好，去年5月新田真劍佑與朋友們，更是不顧緊急事態宣言到沖繩，最後親筆寫信道歉。
新田真劍佑出生於美國，出道的時後，因顏值高而受到關注，身為星二代的他，曾在父親主演的的電影《父親》參與演出，在高中畢業後回到日本。爸爸千葉真一則是日本演員、製片人、導演，曾演出《玩命關頭3：東京甩尾》、《古惑仔6勝者為王》、《追殺比爾》等知名電影，2006年逐漸離開螢光幕上。
兒子新田真劍佑於2012年開始參與電影演出，包含《騒音》、《劇場版 假面騎士Drive SURPRISE FUTURE》等作品，知名電影《花牌情緣》更是新田真劍佑經典代表作品，在電影故事情節裡，新田真劍佑飾演一位性格安靜、沈穩的角色，劇中帶著一副黑框眼鏡，表情嚴肅，因劇中角色的演技細膩，讓他獲得第40屆日本電影學院獎年度新人獎。
</t>
  </si>
  <si>
    <t>隨著疫情持續趨緩，各行各業的相關禁令也陸續鬆綁，但中央規定補習班仍維持每名學生須有2.25平方米空間，使得補習班經營仍顯困難，補教團體特別在教師節發起連署，呼籲教育部、中央流行疫情指揮中心能儘鬆綁此項規定，也讓教業教師接種第二劑疫苗，達到全民防疫目的。
此實名連署由中華民國補習教育協會、中華民國課後教育協會、中華國際幼兒文教聯合總會等19個補教團體，以及2328間補習班共同參與。補教團體指出，依照中央規定每人2.25平方米空間的規定，大約只有一半小孩能到班上課，另一半孩子該去哪裡？且若繼續依循此規定，補習業者想生存，就勢必得調整費用。
中華民國補習教育協會理事長謝智芳表示，補教業者從今年疫情升溫開始，就積極配合政府防疫措施，堪稱防疫模範生，但每名學生2.25平方米空間規定，將使得無法回來上課的學生家長工作受影響，且每家補習班必須有8成學生到班才能達到損益平衡，此規定若持續，補習班將嚴重虧損。
謝智芳強調，依照成本估算，如果每家補習班維持一半學生上課，業者想繼續生存下去，就必須要漲價3成，才能維持損益平衡；國中小開學都已經1個月了，每個學生在學校都不必維持2.25平方米空間限制，到補習班卻要規範，使得此規定更顯無意義。
謝智芳說，疫情已趨緩，不論是風景區、百貨公司或餐廳都是人潮，就連KTV也要開放了，為何政府卻獨獨不放寬補習班？學生也是會移動的，且在補習班內都嚴格規定每天量測體溫、戴口罩，這般嚴密的防疫，若還要用空間面積計算小孩容留量，政府的規範實在太不合理。
此外，謝智芳也強調，有高達9成的補教老師都已經接種第一劑疫苗，若政府實在擔心學生健康，應儘速讓補教老師能接種第二劑疫苗，達到最好的防疫效果。</t>
  </si>
  <si>
    <t>小編精選《中國時報》5件不可不知大事，帶讀者掌握今天（15日）新聞重點。
【1】WHO顧問稱 全球2／3人口會被傳染
新冠肺炎令世人聞之色變，世界衛生組織（WHO）顧問朗吉尼（Ira Longini）語出驚人稱，估計全球感染新型冠狀病毒的人數，可能比官方目前的6萬人高出幾十億人次，也就是3分之2人口會受感染。不過也有專家認為，這只是最壞的假設。
【2】疑有隱性社區傳播 日旅遊一級警戒
新冠肺炎疫情延燒，因大陸河南、浙江病例破千，且出現社區傳播，中央流行疫情指揮中心宣布，今起將這兩省列為一級流行區，民眾若自這兩省返台，出現症狀需2採陰才能出院進行居家檢疫。另日本近期疑出現隱性社區傳播，指揮中心昨宣布將當地旅遊疫情建議升為第一級注意。
【3】北北基公主號監測期滿 沒事了
公主郵輪旗下「鑽石公主號」新冠肺炎確診人數不斷上升，引發民眾擔憂。因該船曾停靠基隆港，中央流行疫情指揮中心提醒曾前往基隆廟口、九份、北車等景點者自主健康管理，監測期已在昨日傍晚結束，送檢的疑似個案中，目前仍有6人檢驗結果尚未出爐，其餘皆陰性。基隆市府則指出，54名與郵輪遊客接觸的司機，目前居家隔離中皆無異狀，預計15日0時解除管制。
【4】包機返台萬事具備 只等大陸點頭
首批滯留武漢台商日前返台，但第2批包機卻遲遲未有下文。中央流行疫情指揮中心指揮官陳時中昨表示，我方先前已明確表明防疫優先、弱勢優先的原則，也已提供121位急需返台的名單，隨時可執行，但陸方始終拖延、拒絕合作。
【5】習慣情人節一人過 許光漢不孤單
29歲的許光漢近期因電影《陽光普照》及中視、衛視中文台戲劇《想見你》等作品受矚目，獲封為「國民男友」，他14日擔任香氛品牌一日店長，活動現場展現驚人魅力，粉絲在戶外排隊夾道歡迎，也有人趴在玻璃門或手扶梯上爭睹風采，「許太太們」滿坑滿谷險暴動，直誇他「聲音聽起來好酥」，近300人零死角的群聚盛況，完全不輸排隊搶口罩人潮。</t>
  </si>
  <si>
    <t>台北市即日起至11日在花博爭豔館開設「隨到隨打」疫苗接種站，每天上午與下午各準備500劑莫德納疫苗，副市長蔡炳坤表示，配合中央政策，民眾21日前接種莫德納都可獲百元禮券，若施打人潮湧現花博場地，會隨時追加疫苗、增加打線，人到了就一定打得到，盡量滿足民眾需求。
花博今起開設莫德納隨到隨打接種站，蔡炳坤上午前往視察指出，早上先準備500劑，下午也有500劑，會視情況追加，台北車站第1天開設起初人數也不多，民眾知道後施打意願逐漸增加，市府會做好相關準備，發放號碼牌讓民眾放心，不用趕時間，看看3天達成情況，若民眾有需要的話會再延長，只要人到了就一定打得到，盡量滿足民眾需求。
蔡炳坤表示，中央要求30項場所人員在17日前須接種2劑疫苗，中央1922預約系統雖然媒合率不高，但仍可運用，另外是醫院、花博隨到隨打。
他說，16日開始要進學校接種BNT，目前北市有1000多位教職員工因為各種原因還沒打滿2劑，市府正在媒合醫院到學校，順便幫教職員工打莫德納或所需要的疫苗。
蔡炳坤透露，今天有一批490劑疫苗到期，應該可以接種完畢，12日有1064劑到期，市府皆有監控，務必在屆期內完成接種，21日則有2萬5000多劑要到期，配合中央政策，21日前接種莫德納疫苗都可獲百元禮券。
他呼籲民眾可選擇到花博接種，離捷運站非常近，動線流暢，花博的好處是可以只打1條線，要打18條線也可以，這裡的空間規劃最靈活，人多人少都可以配合。</t>
  </si>
  <si>
    <t>新冠肺炎全球肆虐，病毒源頭尚未查清，近來美國與大陸就為此爆發外交口水戰，川普16日就在推特上稱「中國病毒」，引起爭議，連學霸女星陳法拉也看不下去，開轟川普根本是種族歧視。
川普以往談到新冠肺炎時，都是用「Coronavirus」（冠狀病毒）形容，16日卻在推特發文，公開稱為「中國病毒（Chinese Virus）」，明確指出病毒源自大陸，掀起外界熱議。
對此，港星陳法拉今就在IG限時動態PO出川普「中國病毒」的貼文，並以英文痛批：「為什麼他還有精力編造出這種鬼話呢，在我們還有這麼多事情需要處理和需要治療的這種時候？這是有意的種族歧視。」
陳法拉2005年以國際華裔小姐亞軍進入演藝圈，同時也是學霸一枚，不僅高中以全校前十名成績畢業，後進入美國艾文理大學主修市場行銷和國際商務，成功取得學位，近年積極在美國發展。</t>
  </si>
  <si>
    <t xml:space="preserve">新冠肺炎疫情趨緩，全台確診數多日掛零，舞廳、酒店等陪侍行業仍不見解封，台南市萬象舞廳為幫員工找出路，8月成立綜合性社團，22日再申請通過全台首張舞廳職業工會牌照，未來台南市八大的員工與小姐皆可納入會員，便於請領政府補助與勞健保。
台灣連續兩年歷經新冠肺炎風暴，社會百業兩度受到衝擊，其中八大行業被禁最久，政府紓困補助卻無法實際有效，八大員工成為最慘的一群，台南市萬象舞廳8月成立台南市育樂事業商業權益促進會，為17項娛樂場所產業發聲，並走上街頭抗議。業者22日再申請全台首張舞廳職業工會牌照，保障八大員工生存權。
業者吐露員工心聲，大部分從事八大行業的員工不是欠債、就是需錢孔急，屬弱勢團體，若在公司投保勞健保，每個月一有薪水就會被銀行扣錢，有8成員工都會選擇退出投保，公司也樂得不用幫付一筆退休整備金，少部分重視權利者，會另外加入視聽歌唱工會投保。
「紓困都是看的到吃不到啦」不料去年發生新冠肺炎疫情事件，台南市萬象舞廳有200位員工與小姐，僅有10人有勞保，因此業者與從業人員都盼「不要紓困、只要復業」，員工沒有投保，紓困金根本領不到。
儘管舞廳、酒店為求生存改為KTV營業，但無法經營餐飲，等於斷了業者一肢胳臂，有業者苦稱，業績不到往日一半，店內小姐地下化成為飯局妹、傳播妹，自營私接熟客，每天引頸企盼政府實質開放，卻還看不到解禁的盡頭。
台南市萬象舞廳老闆曾正義擔心再有相關事件重演，員工陷入絕境，近日申請通過舞廳職業工會牌照，再擔任理事長，未來酒店、舞廳的員工與小姐將納入會員，可從工會投保，又不怕被扣薪水，不用再看到員工苦哈哈度日卻束手無策。
台南市勞工局表示，舞廳職業工會是台南市首張牌照，查遍全台各縣市，尚無相關名稱的職業工會成立，可算是全台第1張牌照。
</t>
  </si>
  <si>
    <t xml:space="preserve">近兩周全球股市宛如坐大怒神，當股市出現疑似止穩反彈跡象，股市又開始崩跌，尤其在3月9日美股道瓊崩跌兩千逾點，道瓊、美債一度都因為市場過度反應出現溶斷機制，市場風聲鶴唳。主因來自於一、新冠肺炎擴散至全球，造成各地恐慌。二、OPEC與俄羅斯協議減產未果，沙烏地阿拉伯擴產降價造成油價崩跌，跌破30美元一桶。
台股這兩天也再度跌破11049前低，義大利疫情傳播開來，義大利總理宣布全國大封鎖、美國疫情遍布38州，並有10州宣布進入緊急狀況。壞消息一樁接著一樁，此時是該持股全數出清？還是反而是大買股票的好時機呢？
我們從兩部分來觀察：目前新冠肺炎疫情開始擴散至全球，而從專家組建的模組來看，目前還處於正在大規模擴散的開端，但歐美國家的態度開始從輕忽逐漸轉變到嚴正以待，除了在防疫的疫苗、口罩等醫療資源的控管，到金融市場的寬鬆貨幣政策救市。雖然各國開始積極救市，但終將面對疫情是否能開始控制，進而逐步削減其影響。
目前台灣、日本、大陸等國都有快篩的研發，對於控制大規模傳染，快速區隔感染者，控制疫情有一定的幫助，但最終仍需要疫苗或抗體的研發製作，才能將疫情控制下來。
油價崩跌主要在於OPEC與俄羅斯磋商，希望減產規模從目前的100萬桶/日，增加至360萬桶/日。希望透過此行為將油價推升至50美元/桶以上，以平衡OPEC成員國預算。但俄羅斯認為維持在50美元即可平衡開支，因此造成雙方不歡而散，沙烏地阿拉伯甚至揚言取消對於產能的限制，並降價6-8美元/桶，來擴大市佔，加大油價的崩跌程度。
油價的下跌讓實體經濟減輕成本，但會出現通縮、主權基金淨值的下滑與投資的人贖回、頁岩油公司的破產與其債權崩跌等問題，由於俄羅斯與OPEC對於減產幅度與油價的看法歧異，目前全球面臨新冠肺炎危機，美國即派官員與俄羅斯大使商談此一問題，只要OPEC與俄羅斯有共識，油價的止跌回穩就可以預見。
整體來說，目前股市，因為市場的大跌大漲恐慌情緒持續蔓延，政府持續加大力度救市，多空兩方相互角力。而美股道瓊從高點已回檔近20%，走弱跡象已現，在股市未能止跌回升，且疫情能有效控制的話，從目前來看，很有可能影響終端市場的消費力，進而影響目前資本市場的估值狀況，進一步造成資本市場的多殺多。現階段保留現金等待機會，會是一個較安穩的策略。
(本文作者為中華財經台分析師曾英杰)
</t>
  </si>
  <si>
    <t>新竹縣疫情升溫！新竹縣長楊文科26日宣布，新增4名確診者，其中案6099為60多歲男性，為長期住在機構中，感染源不明，仍需疫調釐清，新竹縣衛生局已經匡列接觸者194人，仍在持續採檢、調查中。
26日新增的確診者包含案5881、5882、5883及案6099，其中案6099為住在長照機構中的60多歲男性，生活狀況單純，僅有往返醫院、機構，目前仍為感染源不明，於25日確診。衛生局長殷東成表示，防疫醫師也全力協助釐清感染源。
至於案6099所住的機構，也已分倉、分流防疫，依據接觸風險隔離或自主健康管理，此案共匡列194人，包含機構內、醫院的接觸者，均在採檢、疫調中。
另外案5881為60多歲男性，5月13日曾竹北火車站搭火車前往萬華，5月16日因身體不適，自行購買成藥服用，但後續因持續不舒服而就醫，於24日採檢、25日確診。
案5882、5883則為24日確診個案5299的同住家人，均於25日確診，在5月21至23日曾前往花蓮處理家事。</t>
  </si>
  <si>
    <t xml:space="preserve">近期指控世界衛生組織（WHO）以大陸為中心的美國總統川普，14日宣布中斷對WHO資助，引起全球譁然。對此，美前官員投書媒體表示，川普要改革WHO有許多手段，除斷金援之外，也可考慮承認台灣為WHO會員國；而在下月的世界衛生大會上，也應要求過於親陸的WHO秘書長譚德賽下台，並由在這場大流行中表現突出、又免於遭受陸政治化的公衛專家取代，而台專家是最勝任人選。
曾任美國國防部中國事務前主任、現為華府智庫全球台灣研究中心（Global Taiwan Institute）諮詢委員會成員的包士可（Joseph Bosco）向《國會山莊》報投書〈台灣：中國的剋星應是WHO的救星〉（Taiwan: China's nemesis could be the WHO's salvation）一文中，其中先以台灣防疫成就為例，如自全球疫情爆發以來台灣為少數幾個仍可讓學生繼續上學的國家，中華職棒也是當前全球唯一開打的職棒聯盟。
包士可指出，雖然在疫情威脅之下，台灣的社會與商業運作仍可相對地正常運作，人民謹慎遵守如保持社會距離、出門戴口罩、經常洗手等防疫措施，可見這種鍥而不捨的精神，讓這個有2千4百萬人民的台灣，在不必暫停經濟活動的情況下，至今的確診人數仍低於400以下。
包士可接著表示，台灣在疫情爆發之初就大幅度地將病毒隔離在外，證明這種謹慎且有條理的危機管理方式是可行的，即使面對來自大陸的不實訊息，以及WHO的明顯誤導資訊，台灣仍在去年12月31日發現疑有人傳人現象。他指出，但WHO可悲的表現，讓大陸大量隱瞞疫情，是導致全球疫情爆發的關鍵；但大陸打壓之下，台灣只能被排擠在WHO之外，而被川普稱為「以中國為中心」的WHO領導階層也一再偏向否認台灣，證明其道德與專業早已破產。
包士可表示，如今川普已認知到北京與WHO的作為，並決定以美國對WHO捐助作為籌碼，不過他還有更多選項，退出世衛並建立新組織取代WHO，或是要求台灣獲得WHO會員身分。他進一步指出，WHO秘書長譚德塞（Tedros Adhanom Ghebreyesus）似乎在疫情期間都與陸公開勾結，他不僅長期支持WHO排除台灣，最近更指控台對他進行種族歧視攻擊，並呼籲譚德塞「應該由一位有處理大流行疾病經驗，並可免於遭陸政治化的公衛專家所取代，而台灣專家就是最勝任人選」。
</t>
  </si>
  <si>
    <t>新冠肺炎疫情升高，南韓在短短幾天全國淪陷，感染患者以倍數暴增，目前確診病例已達1261人，並有12人死亡；面對嚴峻疫情，不少大咖明星慷慨解囊，盼和大家共同抗疫，一起度過難關。
據韓媒報導，為幫助政府預防疫情，許多藝人紛紛捐款支援前線，或是捐給弱勢群體購買口罩、酒精，像是影帝宋康昊、李秉憲、孔劉、劉在錫、鄭雨盛、姜虎東、金憓秀、秀智、朴敘俊、惠利、金高恩等人都各自捐了1億韓元。
而停工2年半治療鼻咽癌的金宇彬，雖然這期間沒有收入，仍和女友新慜娥各自捐款1億韓元，另外，李英愛、朴寶英、朱智勛等人也捐了5000萬，盼望可為防疫盡一份心力。</t>
  </si>
  <si>
    <t xml:space="preserve">鑽石公主號郵輪的台籍旅客今解除隔離，同船魔術師陳日昇分享，近1個月的隔離生活結束，真得很開心，現在最想做的就是和家人聚餐，並呼籲大家，防疫大家一起努力。
鑽石公主號爆出疫情後，台灣政府採包機方式，將船上19名台籍旅客接回台灣，送至集中檢疫所再隔離14天，經過約1個月的隔離時間，昨指揮中心宣布，19名旅客三採陰，今晨將解除隔離，終於可以回家。
根據《中央社》報導，同船遭隔離的魔術師陳日昇接受電話訪問時說，很開心將近1個月的隔離生活可以結束了，很感謝隔離期間防疫人員細心、貼心的照顧，並提到檢疫所的環境、餐食很不錯，並大力讚賞政府此次的防疫工作做得很好，值得被鼓勵。
此外，該陳日昇也表示，隔離期間很少與人接觸，只能透過電話來聯繫，因此離開檢疫所後，最想做的事是「與家人聚餐」，並呼籲大家，疫情仍持續蔓延中，希望每個人都可以一起努力防疫。
昨晚也有許多家屬到現場接送解除隔離的人，而指揮中心指揮官陳時中昨晚也赴現場關心，大家都很高興，感謝防疫人員的全力協助，也開心所有的人都有受到很好的照顧。
</t>
  </si>
  <si>
    <t>新冠肺炎疫情蔓延全球，歐美已經成為重災區，台灣至今67例確診病患，社區傳染並未大面積爆發，令西方輿論刮目相看。台灣公衛團隊的專業高效、行政措施的果斷有力、防疫資訊的及時透明，以及全社會的廣泛配合，都是台灣防疫成效良好的主要原因。
其中一個最具影響力的因素，是中央疫情指揮中心第一時間就採取「決戰境外」戰略，從嚴禁止大陸與港澳民眾入境，國人自陸港澳返台也要接受14天居家檢疫，有效阻絕病毒從大陸地區輸入的壓力，同時間也穩妥處置了滯留日本鑽石公主號，並接回部分滯留武漢台人返國等。截至目前，中央疫情指揮中心對外發布的最高級紅色旅遊警示，包含30餘個主要國家和地區，近期新增的大部分均為歐洲國家，次級的橙色旅遊警示除繼續納入日本外，又增加了美國加州、華盛頓州和紐約州。
政府需要對疫情在近期出現的新變化高度警惕。隨著大陸以外日新增病例首次破萬、海外各國累計確診數超過大陸，病毒傳播目前的「主舞台」已經以歐洲為中心，向北美、南美、中亞和非洲四散。這也意味著台灣「決戰境外」的主陣地也從1、2月分的大陸地區轉移至歐美各國。台灣最新確診病例大多有歐洲、北非旅遊史，就充分證明了這一點。
上述情勢的最新變化，並非只有台灣需要面對，也是許多大陸周邊國家地區共同因應、需要及時調整的重大課題。例如，全球第一個監測到湖北輸入病例的泰國，在大陸嚴格控制人員外流後，今年2月分疫情看似有所緩解，但15日驟然增加32例，其中不少口岸移民官員，說明泰國原本自信的防疫體系出現破口，嘗到了對西方「不設防」的苦果。再如，早在1月初就啟動防疫工作的香港，對深圳「封關」後亦一度延緩病例增長勢頭，但近期新增病例以歐美背景為主，同樣證明當前疫情最嚴重的反而是歐美。
還記得大陸湖北地區疫情大爆發之初，不少西方學者都透過收集分析海外的湖北輸入性病例，推算大陸內部的真實感染人數，成為許多歐美主流輿論渲染「大陸崩潰論」的素材和藉口。但如今當台灣、香港、泰國、新加坡等地不斷遭到疑似歐美感染病例「倒灌」時，當初最積極推算感染人數的西方機構和媒體，此時都不約而同地顧左右而言他。最具代表的就是英國高級專家老神在在地鼓吹「群體免疫」被廣為詬病，美國CDC檢測遲緩也被批評為重蹈武漢覆轍。
一場瘟疫戳穿了西方的「雙重標準」，當初歐美國家嘲笑大陸的一幕幕，此時正在他們自己的土地重演。同理，這樣的教訓必然不能在台灣身上重現！所以，我們要大聲呼籲政府、呼籲中央疫情指揮中心，不要在入出境限制上搞「雙重標準」，否則一定會讓台灣自以為傲的防疫體系出現破口，令台灣陷入「二次爆發」的境地！
事實上，早在日本出現一定規模社區感染、南韓大邱淪陷以後，不少民眾都建議政府比照禁行陸港澳一樣，果斷對日韓等類似地區採取措施，縮減航班往來、停止民眾旅行、加強入境檢疫。16日台灣新增病例創紀錄以後，官方輿論似乎在引導網民首要檢討對象是「民眾出國旅遊太自私」，而不是檢討修正現行入出境管制政策，這顯然是搞錯了方向，也是搞政治化「雙重標準」。
新北市宣布高中職以下所有師生一律禁止出國，桃園市也跟進並加碼宣布8月前各校出國計畫暫停，國泰人壽也禁止員工出國。不分藍綠，地方政府與企業「守土盡責」防堵疫情第二波爆發，務實態度值得肯定，這反而襯出中央政府的不作為。如果中央疫情指揮中心再對歐美「限行」遲緩怠慢，很可能讓過去兩個月的嚴防死守前功盡棄。
如何摒棄「雙重標準」因應當前疫情全球傳播的新變化？一方面，美國已全國進入緊急狀態，至少將第二級（橙色）旅遊警示覆蓋至美國全境，並且將美國疫情較嚴重地區、交通樞紐城市的警示升至紅色。另一方面，隨著陸、港、澳地區疫情逐步緩解，政府應密切關注相關動態，如澳門在近1個多月內只有1宗新增境外輸入病例，若澳門一段時間內保持良好狀態，就應對澳門率先解禁。</t>
  </si>
  <si>
    <t>危機就是轉機，當新型冠狀病毒肆虐，人們紛紛躲在家中時，各種「應景」 的應用紛紛出爐。
有鑑於許多國家與地區已有疫情傳出，有人腦筋動得快，想到以 WebXR 應 用程式來追蹤疫情。由MIT畢業生和XR策略師 Michael DiBenigno 創建的追蹤程式「nCoV-2019 Tracker」可以了解有關病毒爆發至今的傳播地區與一些基本訊息。基本上它與華爾街日報最近發布的 2D 圖形資料相同，比較不同的地方是，如果用 AR／VR 裝置來觀看，就可以看到立體的圖形。
像華爾街日報的圖形一樣，這款應用程式提供了疫情的時間表，包括每個國家發布的感染數量，然用以一個可以轉動的3D地球儀和輔助的2D圖形呈現。 儘管用一般的智慧型手機或桌上型電腦也可以看到圖形，但是只有用AR／VR 裝 置才能看到強大的數據可視化功能。不僅如此，它還可以讓使用者了解該病毒在 武漢的傳播速度，爆發的零點位置，以及其在外圍的傳播方式。
這款跟?程式是在 FlowImmersive 數據可視化平台上產生，可幫助人們使用 AR／VR 裝置了解數據的內容。WebXR 則是一個應用程式介面（API），允許開發人員創造XR體驗，包括AR和VR頭戴裝置。由於網頁跨平台的特性，所以不論是手機、桌上型電腦，或者是AR／VR 裝置（如Microsoft HoloLens 和 Magic Leap 1）。 使用者只需打開支援WebXR的瀏覽器，點選超連結連接到網頁，無需下載任何擴充功能即可啟動XR體驗。
中國在此次冠狀病毒受害最深，許多人被迫留在家中，因此促進了諸如雜貨店購物、線上學習，甚至是線上娛樂等的活動蓬勃發展。而今，連地產業也跟著進。 中國房地產巨頭恆大集團在一次線上新聞發布會上表示，三天之內在線上已銷售了47,500 套房屋，總價值達人民幣580億元。該公司還表示，現在有超過1000萬的人使用其應用程式進行線上房地產瀏覽與購買，用戶可以與銷售顧問聯繫並進行 VR 房屋參觀。在中國問答網站知乎上，有關恆大線上促銷方式的問題日益流行，吸引了超過 300 萬的觀看次數。
而根據新華社報導，包括萬科和中國保利集團在內的其他房地產巨頭也紛紛跟進，加強了線上服務，它們讓銷售人員設置直播方便看屋，並且可以隨時回應 客戶詢問。在疫情尚未好轉之際，AR／VR 不啻是滿足顧客需求的一個出海口。</t>
  </si>
  <si>
    <t xml:space="preserve">過去一周，美國單日新增新冠肺炎確診病例突破18萬大關，累計病例已約1100萬，甚至還傳出連美國特勤局有超過130名探員確診。對此，前立委林濁水直言，民粹總統忙造勢，糟殃的那裏只是特勤，但不民粹怎能衝高選票，並讓台灣川粉為之瘋狂？
綜合外媒報導，有130名特勤局探員因接觸到新冠肺炎患者遭到傳染，並被隔離，而原因則可能和他們曾跟隨川普出席各地的造勢大會有關，許多官員和民眾在這些場合並未配戴口罩，增加了傳染風險，甚至也有官員也因此染疫，如白宮幕僚長梅多斯（Mark Meadows）等。
對於美國總統特勤超過130人確診隔離，林濁水今(15日)在臉書上表示，真慘，民粹總統忙造勢，糟殃的那裏只是特勤。並指出，德州，佛洛里達兩個川粉大本營正是疫情衝高名列前矛的州。
林濁水還指出，但是不民粹，怎可能選票衝高破歷屆記錄，還衝到台灣川粉為之瘋狂。他也很感嘆，「唉，就是這樣了。能不為底層苦人哀」。
網友們也留言回應，「向台灣的民粹學者致敬」、「理智的大師，不理智的川粉。民主制度下蹦出了個川建國，選輸了還不認，丟臉啦」、「這真的是很扯！可惜這些人不能在三四天後就出院」。
美國總統特勤超過130人確診隔離 。
真慘，民粹總統忙造勢，糟殃的那裏只是特勤。德州，佛洛里達兩個川粉大本營正是疫情衝高名列前矛的州。
但是不民粹，怎可能選票衝高破歷屆記錄，還衝到台灣川粉為之瘋狂。
唉，就是這樣了。能不為底層苦人哀。
</t>
  </si>
  <si>
    <t>桃園市長鄭文燦17日在防疫會議中宣布，桃園2大遊樂場龍潭小人國和青埔Xpark水族館分別於今日上午和下午起停業至5月28日，天幕球場因常常有年輕朋友群聚，晚上不開燈、停止使用，市府則採彈性2小時上下班，外送業者禁入市府。
鄭文燦表示，桃園2大遊樂場，一個是青埔Xpark水族館、一個是龍潭小人國，原已配合管制政策，縮小規模、減少群聚跟人流，經市府協調以後，決定今天開始停業到5月28日，小人國已經在早上執行，Xpark水族館會在下午執行，協力廠商則授權2業者自己處理。
面對桃園區長陳玉明反映戶外籃球場晚上打球者眾，且觀察都沒有戴口罩，擔憂容易引起群聚，請示是否能把燈關掉，衛生局長王文彥則提到，群聚打籃球若沒戴口罩就可開罰。
鄭文燦當場宣布，市立的體育場館，室內都已經關閉，戶外型也要強制戴口罩，不過因為天幕球場晚間常常有年輕朋友群聚，為避免群聚，天幕球場晚上不開燈、停止使用，要求各廠區貼好公告，他也不諱言天幕球場多在公園，公園是否封閉又是另一個層面問題，因此執行上先透過晚上不開燈避免群聚。
鄭文燦也提到，針對彈性上下班時間，住雙北和基隆的公務員是2個半小時的彈性上下班，彈性上班時間從7時30分至10時、下班時間配合調整為16時30分至19時，一般同仁則維持和中央同步為2個小時，7時30分至9時30分、16時30分至18時30分。中午他也指示人事處用餐分流，採12時至13時一組、12時30分至13時30分一組不同時段。外送業者、外送人員一律不進市府，會在府外設置外送區。
鄭文燦也強調，娃娃機的店面沒有辦法落實實聯制，晚間常常有人流聚集，因此昨天已宣布停止營業、裁示納入21個停業項目之中，目前桃園有1068家的娃娃機店面，陸續執行，因為有少部分負責人聯絡不上，但經發局和警察局一定會在很短的時間內完成。他也呼籲21種類別的營業場所要全面配合，一但化明為暗或是違法營業，一律從重處分移送法辦，「請不要挑戰停止營業的決定！」</t>
  </si>
  <si>
    <t>正在備戰東京奧運的美國女籃隊，總教練休斯（Dan Hughes）之前因為帶領母隊西雅圖風暴爭奪WNBA總冠軍戰暫時缺席，隨著賽事結束，他也打了新冠肺炎疫苗，將加入國家隊第二次迷你訓練營。
「我真的很幸運。」休斯開心跟媒體報告好消息，「我是能夠相當早施打疫苗的人，因為剛好有多的疫苗，如果再不使用就會浪費了。」
休斯並說，他能夠接種疫苗，還是自己帶過的球員幫忙的，「很棒的是，我1978年帶過的控球後衛打電話給我，跟我說：『教練，你能在45分鐘內到我這邊嗎？我們有多的疫苗，想要提供給需要的人施打。』我現在的住所剛好離那邊不遠，我就立刻驅車前往。」
休斯已經65歲，符合俄亥俄州接種疫苗的人口，但也因為年紀較長加上2019年動過切除闌尾惡性腫瘤手術，醫生擔心他到人潮較多地方會增加感染新冠肺炎的風險，去年就阻止他去訓練營，如今施打新冠肺炎疫苗，讓他可以順利完成教練任務，他開心表示，自己受到祝福才能從事熱愛的工作，並能回到場邊面對面和球員互動。</t>
  </si>
  <si>
    <t xml:space="preserve">經過長達5天的艱辛談判與討論，歐盟各成員國終於達成7500億歐元的振興方案，刺激歐盟經濟盡快從新冠危機後脫身。
美國有線電視新聞網（CNN）指出，這份振興方案聚焦透過「三大支柱」提供資金：建立改革以幫助企業從疫情中反彈，針對長期經濟發展推出新措施加速改革，以及增加投資以防止未來意外危機衝擊，總額高達上千億歐元，確保會員國貸款無虞。除了疫情後振興方案，這次談判也通過未來7年的1兆歐元預算案。
這份協議出台過程十分艱難，各國談判不僅多次陷入僵局、摩擦不斷，部分會員國之間甚至早已陷入嚴重分裂數年，但在最後一個仍選擇團結。歐洲理事會主席米歇爾（Charles Michel）在新聞記者會上表示，「我們終於做到了！歐盟仍是堅強、歐盟仍是團結的」，「這是份很好的協議，最重要的是歐盟即時需要它」。
米歇爾指出，這也是歐盟成員第一次在這種談判場合，同意聯合力量，共同加強經濟、對抗危機。雖然一度在談判中表達強烈不滿的法國總統馬克宏（Emmanuel Macron），在協議終於出爐後也大力讚揚，稱「這對歐盟是歷史性的一刻」，比利時總理威爾梅斯（Sophie Wilmes）也稱「歐盟從未如此積極地投資未來」。
歐洲至今仍未完全走出疫情，經濟上持續避免疫情所導致的大規模衰退，飽受疫情重挫的義大利與西班牙等國，亟需價值上千億歐元的經濟紓困。不過到21日前，各方對於復甦資金總額量意見分歧，多少補助量可以視為授予或借貸，這些爭議讓協議一度陷入僵局。歐盟執委會本月初曾預測，歐盟經濟將在今年大跌8.3%，局勢比兩個月前預測的7.4%更為嚴峻。
</t>
  </si>
  <si>
    <t>新冠肺炎疫情蔓延，「防疫計程車」成為載運居家檢疫、隔離者交通工具，桃園市與機場合計共400餘輛，新竹市27日也成立防疫車隊，初期規畫3輛。大多數防疫計程車司機都認為目前載客量銳減，雖然會「怕怕的」，也只能硬著頭皮載客，但會做好消毒、防護措施。
如載隔離者 當天停載
防疫計程車除負責載送居家檢疫、隔離民眾，若警方查到有人「趴趴走」，桃園市目前也由防疫計程車載回隔離處所，但只要載到隔離個案，當天就不能再載其他乘客。有司機表示，目前載客率不佳，有時一個上午只有1位乘客，能有生意就加減做。
新竹市政府27日成立防疫計程車隊，專門提供居家檢疫或隔離者，前往防疫旅館或赴醫院時，可撥打1999申請，去程將由專責的新竹市消防救護車隊專車送往醫院，返程則由防疫計程車接送，但不接受一般民眾申請。
市交通處長倪茂榮表示，考量檢疫或隔離的民眾，因就醫、檢疫地點變更時有交通需求，成立新竹市防疫計程車隊，目前先有3輛車提供服務，未來將視疫情及民眾需求調整。
皆配戴口罩 每趟消毒
交通處表示，檢疫或隔離的民眾有需求時，可打給1999並表明需求，由1999向市府提出申請，並確認身分及評估條件，符合後派車。防疫計程車不接受一般民眾申請，僅提供給檢疫或隔離的民眾，收費方式則依照新竹市計程車費率，採跳錶收費，司機與乘客皆須配戴口罩，車隊也會每趟消毒。
交通處觀察其他縣市防疫計程車數量，台北市3輛、新北僅1輛，就新竹市城市的規模，目前暫時推出3輛防疫計程車運行，若後續有多人申請，交通處會再增加數量。</t>
  </si>
  <si>
    <t xml:space="preserve">新冠病毒至今已奪走全球逾21萬人性命，英國研究指出，由於染上新冠肺炎，平均每位死者少活11至13年。
綜合英國《每日郵報》（Daily Mail）、《每日星報》（Daily Star）報導，由蘇格蘭公共衛生局（Public Health Scotland）及蘇格蘭格拉斯哥大學（Glasgow University）科學家組成的團隊近期公布研究數據，指出因為染上新冠肺炎，平均每位男性死者少活13年，女性死者少活11年。
這份研究主要採用義大利新冠肺炎死者資料庫，將死者的其他疾病背景，例如心臟方面疾病、心律不整、中風、高血壓、糖尿病、阿茲海默症、癌症等疾病全部考量進去，比對世界衛生組織（WHO）針對這些疾病發展出的壽命年限量表，最後統計出每位死者因為染上新冠肺炎，壽命平均減少10年以上。
研究團隊想要強調的是，即便部分死者因為本身患有其他疾病，壽命可能本來就比一般人短，但是染上新冠肺炎後，更讓他們大幅度減少原本可以存活的時間。
帶領研究的格拉斯哥大學麥卡利斯特博士（David McAllister）表示，新冠肺炎對患者壽命的影響，堪比冠狀動脈心臟病（coronary heart disease）或一般肺炎。
研究也發現，死者當中，原先患有高血壓的人比例最多，高達73%；其下依序是糖尿病31.3%、心臟疾病27.8%、心律不整23.7%。
</t>
  </si>
  <si>
    <t>李㼈17日出席董氏基金會「2020戒菸就贏比賽」活動開跑記者會，並撂兄弟許碩文一起加入戒菸行列！正值新冠肺炎疫情肆虐，他也藉機呼籲，如果身體好的話，病毒就算靠近，但最後可以打敗，「如果是老菸槍，心肺功能差，病毒一旦找上你，你可以贏它嗎？戒菸後你至少有一點跟別人不一樣，就是免疫力比別人強，大家一起來戒菸，增強免疫力！」
最近全民積極防疫，但17日又新增10例全都是境外移入，連續3天已新增24例全都是境外移入，李㼈呼籲，這時候大家就是要共體時艱，「不玩不會死，但你玩了可能會死，那幹什麼玩呢？就算自己無所謂也要替家人、國人想吧！」
防疫暫時莫出國
他說朋友中也有人從國外做生意回台，都乖乖居家檢疫14天，身邊朋友也不會在這時出國，他自己原本有些必須出國的短程工作計畫就先取消，不然就是用視訊取代，「不用堅持出國，為何一定要找死呢？」
李㼈說自己曾是菸齡27年、每天2包菸的老菸槍，10年前上張小燕主持的《百萬小學堂》時，她勸他戒菸，並以10萬為賭金激勵，後來他戒菸成功，張小燕真的拿了一張10萬支票給他，「我拿也不是，不拿也不是，後來我又貼了10萬，一共20萬捐給董氏基金會。」他說戒菸後，身體變得更好，以前起床就要抽菸才能回魂，現在一起床就很有精神，「現在覺得比較硬…朗！」老婆有覺得差異？他說「這要問她，我是覺得我還不錯啦！戒菸後身上沒菸味，小孩更喜歡抱我！」</t>
  </si>
  <si>
    <t xml:space="preserve">敦睦艦隊群聚事件，集中檢疫的官兵將於5月3日解隔離，疫情指揮中心指揮官陳時中表示，向磐石鑑官兵致歉，雖磐石艦對社區影響非常小，但因是群聚事件，所以解隔離前需再採檢，恐要多留1至3天。
陳時中在記者會上表示，敦睦艦隊集中檢疫的官兵，將在5月3日解除隔離，雖然磐石鑑對社區造成的影響很小，從最初發病確診的3人，增加到31個人，但整體疫情是穩定的，但由於這是起群聚事件，集中檢疫14天後，還要再採一次，若全部都是陰性，那麼就會解隔離，若不是就要多留1天，再採檢陰性的解除隔離。
為此，陳時中也特別向軍艦的官兵表達歉意，因為他們會比一般集中檢疫者還要多留1至3天，但希望第一次採檢完都陰性，讓全部人都可以回家，當然回家後還是要做健康管理。陳時中表示，由於敦睦群聚案比較特殊，社會也很關注，還是希望可以做到盡善盡美，有比較完美的句點。
</t>
  </si>
  <si>
    <t>新冠肺炎疫情改變民眾生活型態，並醞釀出新商機。資策會產業情報研究所（MIC）針對台灣網友調查發現，有53.3％在上半年疫情時間曾使用美食外送服務，且首度使用者占10.9％，另有22.1％曾使用的網友，在疫情期間增加使用美食外送服務。
調查結果顯示，最常使用的前5大平台依序為foodpanda（79.6％）、UberEats（60.8％）、foodmo（8.3％）、餐廳自營平台（7.6％）與街口美食外送（5.3％）。疫情期間用戶平均每次美食外送服務訂購金額345元，不同區域與使用頻率不同的用戶消費區間為300～350元。
資策會MIC產業分析師王琬昀表示，foodpanda與UberEats穩坐2大龍頭，但餐廳自營平台仍具市場潛力，使用率在「首次使用」（6.9％）與「維持疫前相同使用頻率」（9.7％）2大族群中皆取得第3名。
針對疫情期間用戶的使用動機，有50.4％為省去外出與排隊時間、39.4％認為可減少外出接觸人群機會，折扣優惠（38.7％）、天氣不佳／不想出門（38.3％）、餐點多元可選擇（26.4％）也是考量重點。
調查發現，觀測「首次使用」與「頻率增加」者動機，可發現「減少接觸機會」為最主要驅動力。而疫情期間曾使用美食外送服務的消費者，高達77.3％表示未來有繼續使用意願，首次使用者亦有60.4％有意願在疫情後繼續使用，認為美食外送服務將成為新常態。
至於未使用或是無意願繼續使用的網友，前5大影響因素依序為不想額外支付外送服務費（44.3％）、平台商品單價比實體店家貴（23.7％）、沒有任何訂美食外送經驗（23.3％）、想直接到餐廳享受氣氛及服務（19.8％）、所在地區的餐點選項不夠多元（12.2％）。
王琬昀指出，台灣消費者對美食外送的需求與接受度確有逐漸提升，但仍需要更多時間，才能使消費者養成付運費習慣。同時，未來有意投入外送平台的餐飲業者，在制定組合餐價格或考量上架餐點品項時，建議可參考平均消費價格區間。
展望後市，王琬昀認為業者可思考發展訂閱模式，但要留住訂閱客戶的關鍵，包括持續強化餐廳選項的獨特性、外送員素質與態度等，也可透過評分機制累積更多數據、發展餐點推薦系統，或根據不同地域的消費者飲食偏好，為餐廳打造適合的外送餐點等創新商模。</t>
  </si>
  <si>
    <t xml:space="preserve">屏東枋山發生Delta變種病毒群聚感染，連帶影響當地芒果遭退訂。農委會今天表示，目前全球並未有因蔬果及包裝而染疫的案例發生，將媒合企業團體訂購，盼全民一同消費挺農民。
屏東縣枋山鄉發生最早在印度發現的Delta變種病毒群聚感染，縣府正進行大量篩檢及疫苗接種，有農民反映枋山芒果連帶被污名化，被退訂及拒買。縣府呼籲民眾要理性，也會協助農民銷售。
行政院農業委員會發布新聞稿表示，全台芒果已進入盛產期，但因疫情3級警戒，消費型態改變且力道受影響，尤以近日屏東縣因疫情發生，波及不相干的芒果，部分人士產生疑慮，導致購買意願降低。
農委會強調，國內專家表示全球目前並未有因蔬果及包裝而染疫的案例發生，消費者可以放心採購，只要國人注意食用前的清洗，國產芒果既美味又營養。
農委會指出，為協助枋山地區農民芒果行銷，已請枋山地區農會協助收購農民生產優質芒果，農委會將媒合企業團體訂購，消費者可透過農會網站訂購，籲請全台消費者一起以實際行動挺農民。
農委會說，屏東枋山地區位近屏東南部恆春半島北方，為一狹長丘陵地形的芒果產區，背山面海明顯的亞熱帶環境氣候，具有生產優質芒果的地理條件，加上長年來農民積極研習提高芒果品質的栽培技術，使得枋山地區芒果優質名聲響徹國內外。
農委會提到，今年年初枋山地區因乾旱使得芒果開花結果減少，加上年初低溫的淬鍊，讓芒果品質較往年為優，不但外觀火紅鮮豔，且甜度高、風味佳。
</t>
  </si>
  <si>
    <t>苗栗縣10持續「嘉玲」，但新增1名確診死亡案例，這名71歲的女性，有高血壓、心血管疾病及糖尿病史，6月18日確診，採檢時無症狀，因隔離期間發生其他疾病轉至外縣市醫院治療，7月7日治療無效宣告死亡。
苗栗縣在接種疫苗方面，全縣截至7月9日止已完成5萬8709人次接種，累計65歲以上人口（含原住民）已接種36156人次，目前65歲以上長者疫苗覆蓋率已達61.59％。
縣府表示，65歲以上長者們將在7月12到14日開放接種莫德納疫苗，即日起並開放全縣13家合約醫院及33家合約診所預約及接種65歲至69歲的長者接種莫德納疫苗，相關資訊已公告在縣府及衛生局所網站、FB。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新冠病毒肆虐全球，但越南迄今僅288例確診，無人死亡，堪稱遏制新冠肺炎的模範生。該國也自我定位為安全的經商國度，積極向那些有意把供應鏈從大陸轉移的國際製造商招手。
組裝工廠業者Kizuna聯合開發公司指出，「越南對疫情反應迅速，預期在這場大流行病後，大量外資將湧入越南。」Kizuna正在越南南部趕建一座面積3萬坪的工廠，可望在7月完工。
翌成投資諮詢（YCP Solidiance）合夥人西伯格指出，越南成功抗疫，大幅提升了外國投資者對該國的信心。越南計畫投資部表示，他們已準備好，協助那些尋覓新生產基地的製造商。
在疫情爆發前，許多原本以大陸為根據地的外商，為躲避大陸日漸走高的勞動成本，以及陸美貿易戰後座力，早就相中越南。該國簽署的多項貿易協議，諸如歐盟越南自由貿易協定（EVFTA），也成為資金進駐的推手。
美國Baker McKenzie法律事務所董事總經理伯克認為，越南政府對這場大流行病的因應表現，讓在當地的外商安心不少，可望有助於經濟回升反彈。「過去碰上這類流行病時，外籍人士會飛奔回北美、歐洲或東北亞，但這次，上述地區都出現高死亡率，人們反而覺得，在這裡更加安全。」
</t>
  </si>
  <si>
    <t>進入秋季，新冠肺炎疫情蠢蠢欲動，民眾一面搶打流感疫苗，一面詢問中藥保健法提升免疫力，安南醫院中醫部主任黃升騰19日提供中醫保健的綜合性預防措施，提醒中藥預防不是萬靈丹，避免與新冠病患者接觸是預防傳染最佳方式。
新冠肺炎蔓延世界各地，據疾管署統計至10日為止，累計187國家地區共2796萬745例確診病例，其中90萬6790例死亡。專家預言日後新型冠狀病毒將跟流感一樣，與人類共處。
台灣民眾正搶打流感疫苗，搶不到疫苗接種的民眾，轉而尋求中醫保健方法，安南醫院19日提供4種中醫保健方式。
黃升騰表示，秋冬來臨，民眾須先注意保暖，多喝溫開水，少吃寒涼食品。他提到，溫水洗臉、多漱口、熱水泡腳，這3種做法皆有增強上呼吸道防禦功能，兼有消除疲勞等作用，對預防冠狀病毒感染有一定的助益。
黃升騰認為嚼薑吃蒜是提高免疫力、抗病毒的效用。根據《本草綱目》記載，大蒜能「辟邪惡，消癰腫」。具有殺菌消炎、抗病毒、增強機體免疫功能等作用。也可以常嚼一些嫩薑、茶葉進行口腔、消化道的殺菌消毒。
黃升騰主任強調，中藥預防不是萬靈丹，最重要的是避免與新冠病患接觸，如曾接觸過病患，適當服用中藥預防處方能增強自體抗病能力。</t>
  </si>
  <si>
    <t xml:space="preserve">在爵士明星中鋒戈貝爾確診新冠肺炎，導致NBA火速宣布無限期停賽之後，假設依照14天潛伏期來看，過去14天戈貝爾共跟暴龍、活塞、塞爾提克、尼克、騎士與巫師等6隊交手，超過50名球員在場上跟他對到位，其中以暴龍前鋒伊巴卡時間最久。
畢竟在高強度的NBA賽事，球員難免在場上出現肢體接觸，其中跟戈貝爾對位時間最長的人是伊巴卡，兩人在場上對位時間長達16分10秒，遭到傳染風險自然較高，甚至他還親吻過戈貝爾罰過的球，其他包含騎士前鋒小蘭斯、塞爾提克中鋒蒂斯、活塞前鋒伍德等人也跟戈貝爾對位超過10分鐘。
但更具高度傳染風險的球員，則是伊巴卡的隊友暴龍前鋒阿奴諾比，因為他在10日跟爵士比賽當中，跟戈貝爾面對面互嗆，飛沫傳染機率很高，另外戈貝爾曾在7日跟同樣來自法國的塞爾提克中鋒普瓦里耶共進晚餐，讓普瓦里耶只能祈禱自己檢測不要呈現陽性。
</t>
  </si>
  <si>
    <t xml:space="preserve">紐約市單日確診數超過百人，目前已有923人感染新冠肺炎，市長白思豪（Bill de Blasio）預告，48小時內可能祭出「就地避難」（shelter in place）命令，形同全面禁足紐約客。
《紐約郵報》（New York Post）報導，紐約市17日單日激增109例新冠肺炎確診病例，目前紐約市一共有923人確診。
紐約市長白思豪周二晚間在記者會上驚呼，難以相信這場災難現在蔓延得如此迅速，預期下周該市病例將狂飆10倍，可能有上萬人確診，他鄭重向860萬市民宣告，要準備好迎接史無前例的「就地避難」（shelter in place）命令，「我相信48小時內就會做出命令決定。」
不過白思豪的「就地避難」說立刻引爆與紐約州長古莫（Andrew Cuomo）之間的角力戰，古莫駁斥紐約市要自行隔離是「謠言」，稱此舉不合法，因為州內沒有任何一座城市能夠在未經州政府同意下就自行隔離，而他本人也完全沒有興趣、沒有計畫要隔離任何一座城市。
針對古莫的說法，白思豪辯稱，「隔離」城市和「就地避難」是不同的概念，他並未說明「就地避難」措施的具體細節，僅表示是一種「策略」，不過古莫的發言人戴羅莎（Melissa DeRosa）後續發布新聞稿指出，兩者意思相同。根據古莫在記者會上的說法，「就地避難」就是禁止居民出門。
白思豪的發言人高斯坦（Freddi Goldstein）表示，市府的法律顧問正在檢視法條內容，確認紐約州政府是否有權阻止市政府發布的緊急聲明。
紐約市15日已宣布關閉市內夜店、劇院等休閒娛樂場所，餐廳、咖啡店僅限外帶及外送。此外，舊金山已於17日起，率先對市民執行禁足命令。
</t>
  </si>
  <si>
    <t>2月國際原油慘跌10美元，台塑化遭逢帳上跌價損失50億元壓力，單月營運由盈轉虧；不料，3月沙國發動原油價格戰、新冠肺炎疫情全球蔓延，國際油價再度重挫三成，台塑化第一季營運虧損包袱加大，身為台塑化大股東之台塑三寶也在本業、轉投資雙重弱化下，第一季營運面臨獲利保衛戰。
■三寶面臨獲利保衛戰
據悉，台塑化第一季單就煉油、石化事業已實現之跌價損失急遽竄升至150億元（不含在途原料部分）；法人推估，在煉油、石化利差明顯縮減，以及跌價損失雙重打擊下，台塑化第一季營運虧損約130～150億元。
此外，台塑雖持股台塑化約28％，但因旗下產品市況壓力相對較緩，加計台塑美國、台勝科高投資收益護航，第一季營運或可堅守盈餘之上。
南亞持股台塑化23％，因有電子材料滿載運作與轉投資南亞科等收益支撐，也有望不致淪落虧損。
■法人：台化恐也難逃虧損
不過，台化因具苯原料等上游佈局，與台塑化一樣需承擔油價連動的跌價損失壓力，加上旗下產品市況不佳，並持股台塑化26％，法人推估第一季營運恐難逃虧損窘境。
新冠肺炎全球蔓延，各地封城鎖國等旅遊限制，令石油需求大減，且美國能源部取消購買7,700萬桶戰備儲油計劃，NYMEX原油一度重挫近三成，創1991年波灣戰爭來的最大單周跌幅；3月來下跌45％，今年來更慘跌逾60％。
分析師指出，2014年下半年國際油價大崩跌，從每桶百美元重摔至50多美元，台塑化在當年第四季大虧130億元，創史上最差表現。其後因油價下跌，原料成本大降，刺激消費增加，台塑化2016年至2018年隨石化大多頭行情，獲利躍進，台塑三寶投資收益也受惠攀揚。
■第二季營運考驗仍大
不過，今年油價跌勢不若2014年在第四季的一個季度反應，而是從2月開始急速下滑，加上大陸以外歐美地區疫情持續惡化，將使油價隨需求持續萎縮，疲軟不振，台塑化第二季營運恐仍需面臨跌價損失壓力考驗。
尤其，此波全球新冠肺炎疫情惡化，將使經濟回穩復甦的時點及力道遞延，台塑化帳上認列的龐大跌價損失回沖力道也恐趨緩反應。</t>
  </si>
  <si>
    <t>新冠肺炎爆發至今，台灣防疫成績有目共睹，但桃園市議員「村長」詹江村提出質問：「台灣真的安全嗎？」，他舉例「越南逼近200例，總理呼籲做好封城準備」，而「台灣已經超過300例確診，死亡人數也達5人」，所以，「村長」憂心指出「台灣的防疫根本是佛系防疫」。
詹江村在臉書表示，「台灣的防疫，除了中國大陸回來的台商，全程穿防護衣，醫療人員陪伴，徹底檢疫嚴厲隔離之外，卻放任疫情比中國大陸嚴重的歐美歸國人士，自我隔離卻四處趴趴走，甚至還派官員陪喝咖啡而確診！」
對上述反常作為，詹江村質疑「台灣政府是否害怕，如果普查，萬一查出很多輕微確診病患，可能讓台灣的醫療體系，瞬間潰堤，而不是台灣真的沒有社區感染吧？」
詹江村直呼「台灣的防疫根本是佛系防疫，政府做了什麼，大家可以告訴我嗎？上深呼吸道感染，竟然看了6次醫生都沒有篩檢。」
在目前輿情大讚台灣防疫成績，「順時中」當道氛圍下。「村長」詹江村敢質問：「台灣真的安全嗎？」，批「台灣的防疫根本是佛系防疫，政府做了什麼？」，不少網友竟也附和表示：「防疫破口一大堆，神個屁」、「不用提醒817，他們都是神」、「都拱上神壇當英雄了，怎會讓自己變狗熊呢」、「越南不會吹噓宇宙第一的防疫嗎」、「哪個報紙稱讚台灣?? 整天綠黴都在開自嗨模式」。</t>
  </si>
  <si>
    <t>新北市今新增6例本土病例，新北市長侯友宜今表示，昨日社區篩檢站篩檢了4496人，其中有華南、北農接觸史的有196人，全數都是陰性，繼上周四至本周三2度出現「零陽性」。
侯友宜說，顯見新北市隱形傳播鏈已經有效控制，社區篩檢站發揮既定功能，使社區廣篩再度出現零陽性。
另外，針對家禽合作社今日三篩PCR，侯友宜也說，截至中午已篩檢了483人，今日預計篩檢600人，從業人員明日起要持陰性證明或接種證明，詳細數字明日會詳細報告。</t>
  </si>
  <si>
    <t>因應新冠肺炎疫情，台中市經發局發函給各公、民有市場，要求落實配戴口罩營業。台中市議員鄭功進17日為民有市場自治會請命，抨擊市府不應只照顧公有市場及觀光夜市業者，民有市場恐成防疫破口！經發局指出，將調查業者申購意願及數量，回報經濟部擇期配送。
民有市場業者指出，防疫不應有雙重標準，目前公有零售市場及列管的夜市攤商業者，由經發局調查後造冊送經濟部，每攤每星期可配送6個口罩；唯獨民有市場被漠視，防疫不應有雙重標準，難道配送口罩還分「大小漢」嗎？
鄭功進表示，對抗新冠肺炎應全民總動員，市府有心拉高防疫層級，就不應把買口罩的問題丟給攤商；肺炎病毒傳染並不會分公有或民有，加上許多公有市場及夜市攤位所有人，並非實際營業人，恐成防疫破口。
鄭功進說，市場攤商普遍年紀較長，工時和一般上班族不同，根本不太可能特別抽空去排隊買口罩。在每天近千人進出的公、民有市場，做好防疫工作更不應分中央與地方，除基本口罩外；市府應提供足量消毒水及額溫槍，確實做好防疫準備。
市府表示，經發局配合經濟部3月16日公文，向中市所轄15處營業中的民有市場，全面調查口罩需求數量，待調查各市場申購意願及攤位數後，將回報經濟部，讓業者擇期可順利取得口罩。</t>
  </si>
  <si>
    <t>印度變種病毒Delta進入屏東社區，引發民眾恐慌，台大公衛學院流病與預醫所教授陳秀熙表示，感染Delta與英國變異株Alpha的症狀不同，發燒已不是主要症狀，與一般感冒症狀類似，因此建議詢問TOCC時除了旅遊史、接觸史、職業別等，還要加強詢問有無頭痛、喉嚨痛及流鼻水等「兩痛一水」症狀，並建議4種人都要做基因定序，才能避免變異株再入侵。
陳秀熙指出，Delta病毒傳染力為Alpha病毒的1.6倍，因此篩檢、疫調都要快，才能有效圍堵其擴散，且Delta和Alpha出現的症狀不太，感染Delta後，出現症狀與一般感冒症狀極為類似，不一定會有發燒症狀，主要會出現頭痛、喉嚨痛及流鼻水，因此他建議詢問TOCC時要加強詢問「兩痛一水」。
陳秀熙說，若境外移入個案在集中檢疫所中，出現類似症狀應要趕緊通報並做PCR採檢。另外，他也建議4種人應該都要做基因定序，第一為打過2劑疫苗仍染疫者，需靠基因定序才能區分無法避免染疫原因。第二為二度確診者，此類人也要透過基因定序追查是否有感染變異株。
第三則是已有群聚傳播地區，目前就是以屏東社區及北農快篩陽性者做基因定序，可從中監測是否有變異株威脅；最後為境外移入個案，陳秀熙認為目前已有92國遭Delta侵襲，若無法同時針對多人做基因定序，建議每5人就做一個定序，定期監測可防止變異株再度入侵。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
中央流行疫情指揮中心日前公布社交距離指引，室內需維持1.5公尺距離，室外則是1公尺，無法維持的地方，如大眾運輸就得戴口罩。國內一名男子搭乘捷運不願戴口罩，大鬧北捷東門站，經發現為健保署非正式公務人員，男子今提出道歉聲明，表示願意接受懲罰，反省自己的過失。
健保署員工因不願戴口罩，與保全、民眾起衝突，引發圍觀，被po上爆料公社。中央流行疫情指揮中心指揮官陳時中表示，該男子為健保署非正式員工，會請健保署好好處理。
男子今提出道歉聲明，表示近期疫情緊張，個人未能配合防疫措施，反應不當引發社會負面觀感，也造成機關聲譽受損。為此，他已認真反省，向社會道歉，希望國人繼續支持防疫工作，齊心對抗病毒。</t>
  </si>
  <si>
    <t xml:space="preserve">英國正面臨源自於印度的Delta變種新冠病毒肆虐，單周暴增逾3萬例相關病例，即便已經有80%成人接種過1劑疫苗，英國政府首席醫療官惠提（Chris Whitty）仍悲觀表示，今年冬天英國可能還會面臨新一波疫情襲擊，他預測，接下來還會出現更多變種病毒，全球可能還得等上5年才會出現擋得住變種病毒的疫苗。
綜合美媒CNBC、英國《衛報》（The Guardian）報導，英國目前已經有超過4200萬人已經至少接種過1劑新冠疫苗，相當於80%成人人口，超過3000萬人已經完整接種2劑疫苗。
不過受源自於印度的變種新冠病毒Delta入侵影響，英格蘭公共衛生署（Public Health England）18日宣布，過去一周Delta相關病例激增33630例，較前一周激增79%，住院數也翻倍，目前英國境內Delta相關確診總數已來到75953例。英格蘭公共衛生署指出，Delta病例主要為年輕族群，當局已經在同日開放18歲以上族群大規模接種疫苗。
While cases of the #Delta #COVID19 variant are rising rapidly across the country the increase is primarily in younger age groups who are now being invited to receive the #vaccine. pic.twitter.com/8d0weaCvrq
英國疫苗接種和免疫聯合委員會（Joint Committee On Vaccination And Immunisation JCVI）教授芬恩（Adam Finn）表示，「第三波疫情肯定已經在發生中」，雖然疫情沒有上升得更快，但確實是在上升當中，現在英國的情況就是在和Delta病毒賽跑，讓更多老年人完成第2劑疫苗接種。
英國政府首席醫療官惠提17日在一場演說中也悲觀表示，目前這波由Delta病毒引起的疫情可能會在冬天再度激增，他認為接下來還會有更多變種病毒出現，他甚至認為，全球可能得再等上5年，才會出現很大程度上能夠守得住一系列變種新冠病毒的各種疫苗。
他說在那之前，政府需要推動新的疫苗計畫，並且必須讓民眾追加第3劑疫苗。
為了及早因應變種病毒侵襲，英國衛生部長漢考克（Matt Hancock）本月稍早表示，英國已經開始和阿斯特捷利康公司（AstraZeneca）展開談判，以達成針對變種病毒的疫苗合約；此外，英國也已經開始進行追加疫苗劑量的試驗，有報導指，冬天之前英國人將補打第3劑疫苗。
</t>
  </si>
  <si>
    <t>鍾欣凌、王彩樺、小甜甜、蔡燦得、郭靜等不少藝人6日晚上都在社群平台上傳照片、發文感謝黃子佼請吃晚餐，原來他默默發起「疫起遠距離一起吃個飯」，請王彩樺、小甜甜、鍾欣凌、蔡燦得、卜學亮、黃韻玲、郭書瑤、郭靜、丁文琪、Lulu、李明依、黃豪平、洪詩、宇珊、陳大天、無尊等30多位演藝圈好友上網點餐，他全部付錢買單，在疫情中帶給好友及經營餐廳的朋友許多溫暖。至於花了多少錢，他笑說：「還沒結帳，因為太多人了，老闆一一親送來不及，今天、明天、後天都還有，我自己會是這一波的最後一單」。
黃子佼表示，他訂的薺元小館是自己很常去吃的一家餐廳，音樂人王治平老師也是股東之一，因最近很常接到常去的餐廳發訊息請老客人多支持，他於是順手滑了手機，看有哪些最近有聯絡或很久沒一起吃飯的朋友，「疫情期間想很多，以前總是找一大堆理由這個不吃那個不去，現在防疫期間發現要一起吃飯是這麼的難！所以來個另類方式請他們吃晚餐，大家用照片隔空一起吃飯，期待以後真的能面對面吃飯。也在非常時期幫年輕人（老闆）增加一點業績，不要讓自己喜歡的店在疫情下成為遺憾」。
他說，請吃飯的過程中其實有很多感人的互動，自己也從中得到不少療癒、祝福與感動，例如好友卜學亮的女兒剛好6日生日，本來就在想要吃豐盛一點，剛好他有此念頭，就等於順便幫他們準備了生日餐。鍾欣凌原本就是這家餐廳常客，她笑說跟黃子佼的愛店很重疊，「會不會其實他暗戀我很久了」，王彩樺特別要女兒錄音謝謝他，蔡燦得也很感謝餐廳特別餵她準備素食，至於小甜甜則是快生了，他覺得應該要好好補一下，亮嫂今天馬上投桃報李送了他兩盒冷凍牛腱，「大家最近都過得很忐忑，小小的動作，散播一點溫暖，又有彼此幫助的概念，覺得很值得」。
黃子佼有感而發表示，現在大家人心惶惶，藝人身為公眾人物更應該努力成為穩定心情的力量，就像過去帶給大家歡樂一樣，應該努力用自己擅長的方式去面對自己的群眾和粉絲，依然帶給他們很多能量與祝福，甚至成為心情避風港，讓大家放下一些不安。</t>
  </si>
  <si>
    <t xml:space="preserve">日本朝日電視台（TV Asahi）新聞節目「報導站」的43歲男主播富川悠太11日確診感染新冠肺炎，他發燒後連續4天播報新聞，7日在鏡頭前還咳到受觀眾關注。富川染疫後網上引起「新聞主播失格」、「關掉報導站」等嚴厲的批判。
朝日電視台指出，富川4月3日、4日發燒到38度後不久就退燒，於是6日至9日都照常到電視台播報新聞。富川7日在鏡頭前出現聲音沙啞、乾咳等症狀，8日開始感覺呼吸不順，疑似肺炎的症狀持續不斷，10日到東京的醫院住院檢查，11日確診感染。
有網友說，「7日他在播報新聞時一直咳，我還擔心『沒問題嗎？』」、「天天在播報新冠肺炎擴散的危險性以及感染後出現的症狀，怎麼自己一點警覺心都沒有！？」、「他本人和公司都欠缺危機意識」、「聽說他9日才向電視台報告身體不適，身為主播這是不應該的行為，疫情期間只要一度發燒就應自主觀察健康狀況才是，就是有很多這樣的人，東京才會疫情大爆發！」。
</t>
  </si>
  <si>
    <t>近期北農、士林養護之家爆發群聚感染，引發熱議，就連台北車站的街友在上周也爆出有PCR陽性確診，台北市社會局緊急對上百名街友PCR採檢，社會局指出，萬華艋舺公園列冊街友截至6月底前，有6名街友陸續確診，已匡列接觸者，並安排入住防疫旅館，台北車站街友部分則有8名街友確診，皆依中央疫情指揮中心規定辦理。
社會局說明，自疫情爆發至今，萬華為確診熱點區域，針對台北車站和艋舺公園積極防疫宣導，萬華艋舺公園列冊街友有109人，而截至6月底前，有6名街友陸續確診，社會局已匡列相關接觸者，並安排入住防疫旅社，大部分街友已陸續隔離完畢，並再次採檢為PCR陰性或CT值高於30後解除隔離，僅剩1名街友尚在住院隔離中。
社會局指出，台北車站的部分，有3人在6月中因身體不適自行就醫採檢確診，社會局陸續分批安排台北車站列冊街友就醫採檢，已列冊採檢169名街友及接觸者，檢出5名確診，總計8名街友確診，其中3人為醫院收治、另外5人則入住防疫旅館居家隔離，所有確診者與接觸者皆依中央疫情指揮中心規定辦理。
社會局表示，因街友資訊及經濟弱勢，且多數為高齡、健康狀況不佳，基於街頭公衛防疫考量，除將露宿街頭之街友列入優先施打疫苗對象外，也包含街友中途之家的住民，將媒合醫療院所或醫師公會做疫苗接種。</t>
  </si>
  <si>
    <t xml:space="preserve">疫苗陸續到貨，但捐贈的數量遠遠多於政府自購數量，國民黨立委質疑政府採購疫苗的預算到6月底共花了67億元，但真正用於購買疫苗的錢大約只有10億元，其他的錢都花到哪裡去？審計長陳瑞敏以「疫苗採購支付是機密」拒絕透露。對此，藍委李貴敏批評，人民當然有權知道錢花到哪裡了，官員如信口開河，以機密為由拒絕國會監督，只是傷害台灣民主法治。
李貴敏昨（17日）在臉書發文表示，台灣疫苗嚴重缺乏，尤其大部分疫苗都是國外捐贈，政府實際採購進來劑量非常有限，那採購疫苗這些錢到底用哪裡去了？當然不容許黑箱作業，以機密為名拒絕國會監督。
李貴敏直言，要知道，國會為民把關目的就是要防止行政機關怠惰，試想，如果政府去年的疫苗預算能夠好好執行，不就不會有今天這麼大的疫苗缺口？總不能不讓民代看這些資訊，放任官員怠惰，等明年決算出來後又是兩手一攤，最終還是人民倒霉。
針對審計部說疫苗採購支付是機密一事，李貴敏指出，別的不說，光是主計總處今年3月公文就已承認「COVID-19疫苗採購非屬機密預算」。特別在防疫優先考量下，這筆錢不但很快就編了，接著很快通過、很快執行，又很快追加。既然疫苗預算不是機密文件，編了預算錢用到哪裡去，本來就是可以問可以查的，由國會把關監督。
李貴敏強調，人民當然有權知道錢花到哪裡了，官員如信口開河，以機密為由拒絕國會監督，不但有違憲之虞，更已嚴重傷害台灣的民主法治，尤其作為民意代表，必須幫百姓看好荷包，看政府到底編了多少預算在哪些項目上，更要監督自購疫苗到貨數嚴重偏低問題。
</t>
  </si>
  <si>
    <t>半夜吃消夜突收與確診者接觸通知！一名網友今在PTT上發文分享，收到台灣社交距離App的通知，說他在6/21曾與確診者接觸6分鐘，讓他相當驚訝原來App真的有用，目前也只能先做好自主管理。貼文也引起網友討論。
一名網友今在PTT上發文表示，半夜吃宵夜突然收到「台灣社交距離App」的通知，只見訊息中寫著「6/21有跟確診者接觸6分鐘」，雖然很驚訝，但現在他也只能啟動自主健康管理的模式，但突然收到這個通知，也讓他忍不住感嘆道「原來台灣社交距離這個APP還真的有用。」
此外，該網友也補充說明，他認為自己會收到這個通知，可能是因為他在6/21當天曾去過醫院進行快篩、PCR採檢，當時等待的期間，旁邊可能剛好有人是確診者。
從原PO分享的畫面中可見，打開App以後，首頁出現「與確診者資料比對有接觸」的紅色字體，並提醒收到通知者冷靜面對，並請自主健康管理。此外，查看每日接觸狀況後，6/17至6/25這10天內，他曾在6/21日接觸確診者6分鐘。
貼文引起熱烈討論，不少網友驚訝直呼「所以這個App還是有用的！」但也有網友看了很擔心說，「看這篇的也毛毛的」、「感覺有點危險，保險為上，先和家人隔離」、「這時間區塊不妙」、「現在才收到通知嗎？」
另有網友留言也是，其實這個App本身是沒有問題的，但因為沒有強制大家安裝，因此可能確診者安裝的人數不到一成，因此頂多只能當作參考用。</t>
  </si>
  <si>
    <t xml:space="preserve">
新台幣太強，不避險會賠到趴地下。新台幣前8月兌美元已升值1.9％，金管會6日公布，壽險業若完全不避險，海外投資匯兌損失高達新台幣2,059億元，但即便用避險契約避掉1,137億元、及用61億元外匯準備金沖抵匯損，但同時間也付出1,094億元買避險工具，前八月壽險業匯兌總成本高達1,955億元，比去年同期增加32％。
9月新台幣兌美元再升值1.37％，壽險業匯兌損失金額勢必加劇，應有不少壽險公司外匯準備金大量減少，可能又面臨警戒水位。
因為外匯準備金大量消失，無本金遠期外匯（NDF）避險成本也漲到避不起，壽險公司紛紛申請增提外匯準備金，保險局副局長張玉煇也表示，到9月底為止，已核准8家壽險公司，共增提10次外匯準備金，增提金額達163.5億元。
且因為8月台股指數小幅下跌0.58％，台債及美債券指標利率稍稍上揚，股債評價利益減少，壽險業淨值8月一個月少掉850億元，是3月新冠肺炎之後，首見淨值縮水，到8月底壽險業淨值2兆3,029億元。
儘管匯兌成本極高，但壽險業今年因為股債市都走多頭，賣股賣債的資本利得創歷年新高，因此前8月累計稅前盈餘達1,868億元，較去年同期多賺206億元，成長幅度達12.4％。</t>
  </si>
  <si>
    <t>傳奇殞落！美國有線電視網（CNN）當家脫口秀主持人賴瑞金（Larry King）23日與世長辭，享年87歲。本月初傳賴瑞金感染新冠肺炎，在洛杉磯醫院治療多時，但家屬未透露他確切死因。
賴瑞金官方推特發布聲明指，他在加州洛杉磯西達斯西奈醫學中心（Cedars Sinai Medical Center）逝世。他本月初傳出，去年底確診新冠肺炎，並在醫院住院3周。先前還有消息稱他一度病情好轉，離開加護病房，並能自主呼吸。
不過由於他年事已高，還患有心臟病、前列腺癌、肺癌、第二型糖尿病等宿疾，因此原本就屬高風險族群。賴瑞金家屬表示，之後將再宣布他的後事安排狀況，當下希望保有隱私。賴瑞金自1985年6月1日開始，在CNN主持知名脫口秀節目「賴瑞金現場」（Larry King Live），6000多集節目中訪問過俄羅斯總統普丁、房地產大亨川普、達賴喇嘛等名流政要、話題人物，還有電影明星、知名運動員，甚至靈媒、詐騙專家等，累積高達5萬人。他於2010年退休，2年後又重返銀光幕，在Ora電視台主持「Larry King Now」節目，每周播出3次。
擅長連結時事與一般美國民眾生活的賴瑞金，在節目出現時總是一貫黑框眼鏡與襯衫、西褲加吊帶造型，形象鮮明。2010年6月，他還打破同一時段、同一節目、同一人主持最久的金氏世界紀錄。他的年薪一度高達700萬美元。
賴瑞金身家豐厚，據稱擁5千萬美元（約14億台幣）資產，另一說高達1.7億美元（約48億台幣）。不過他畢生結過8次婚，有7個老婆，每離婚一次，荷包就縮水一分。
賴瑞金育有5名子女，去年他卻接連遭受白髮人送黑髮人的椎心之痛，2位子女在數周內相繼離世。65歲兒子安迪（Andy King）7月下旬心臟病發不治；52歲女兒夏雅（Chaia King）也在確診肺癌不久後8月離世。</t>
  </si>
  <si>
    <t>97歲高齡也抗疫成功！2月29日上午，湖北武漢的華中科技大學附屬協和醫院西院，有一位97歲的新冠肺炎危重症患者治癒出院，為目前院內成功治癒、歲數最大的患者；與其同時染疫入院治療的75歲女兒，也已於2月23日出院。這對高齡母女雙雙治癒出院的好消息，相當振奮人心。
1月29日，武漢江漢區的付姓老婦人與女兒因持續高熱、咳嗽，同時被送到協和西院，並經確診為新冠肺炎。出院時，付老太太雙手合十，向醫護人員連連致謝：「我都能戰勝病毒，相信其他患者也一定可以。」</t>
  </si>
  <si>
    <t>疫情持續升溫，新北市長侯友宜25日宣布，26日開始將再新增永和、新店兩處各10里設置熱區防疫中心，設置在活動中心，強化三級警戒服務。
侯友宜說，新北市今天最新疫情新增本土154，校正回歸89人。新北市衛生局表示，第一階段熱區防疫中心市板橋的東區12里與中和漳和區8里，第二階段則市三重西南區12里與新莊北區10里。
這次新增的是新店安康區5里與永和第二區5里，位置設在都設在活動中心，請民眾加強注意。</t>
  </si>
  <si>
    <t>台南市列管的非法日租套房有上百家，因應未來微解封後可能出現的旅宿訂房潮，市府觀光旅遊局超前部署，針對隱身市區住宅或社區大樓內的非法日租套房，邀集各局處加強查緝，避免防疫產生破口。
觀旅局表示，非法日租套房通常透過各大訂房網，如agoda及booking.com等刊登非法廣告營業，鑑於業者往往未能落實防疫，又不作消防安檢，加上擾鄰嚴重，也無投保公共意外險，旅客入住令人擔憂。
觀旅局指出，全市去年列管在案的非法日租計有117家，列管案件每年均會逐案辦理聯合稽查，採輔導與裁罰並重，去年共裁罰110家次，裁罰金額735萬6000元，但也輔導26家非法業者轉為旅宿合法登記。今年迄今已裁罰55家次，裁罰金額426萬6000元，同時也輔導6家合法登記。
因應7月12日微解封在即，觀旅局持續派員到場查緝，5日稽查4家非法日租套房，結果發現有1家轉型長租，1家入內後無營業樣態，2家雖無法入內，但後續仍將依網路營業事證，辦理後續裁處事宜，觀光發展條例除可罰鍰6萬元以上、30萬元以下，並勒令歇業外，一旦勒令歇業仍繼續經營，得按次處罰，主管機關得移送相關主管機關，採取停止供水、供電、封閉、強制拆除或其他必要可立即結束經營的措施，且費用由經營者負擔。
觀旅局長郭貞慧說，該局已掌握非法營業情形並積極納管，對未領取登記證的業者，採輔導與裁罰並重，除希望非法業者盡速依法申請設立登記或轉型退場，也定期函文各知名訂房網站通知下架，並公告違規業者名單。
尤其，現在正值防疫作戰關鍵時刻，觀旅局也呼籲解封後第一時間想到台南旅遊的民眾，訂房時先查閱台南旅遊網或台灣旅宿網，務必選擇合法旅宿入住，才能維護自身住宿的安全。</t>
  </si>
  <si>
    <t xml:space="preserve">南韓文化廣播公司新聞(MBC News)6日報導，Delta變種病毒的強大傳染能力，讓疫情變得極有威脅性。南韓全羅道木浦市3日傳出2名確診的大學生，即使沒有接觸到確診者，也沒有拿下口罩或飲食，疑因坐在確診者曾坐過的椅子而不幸確診。
報導中指出，這2名大學生因出現咳嗽、肌肉痠痛等症狀，而前往醫院篩檢並確診。經過足跡調查後發現，他們去的咖啡廳曾有確診者造訪。不過，兩人與確診者停留在該咖啡廳的時間不同，故一度造成疫調困擾。
木浦市衛生官員表示，這2人全程戴著口罩，也沒有飲食，而且坐在確診者使用過的桌椅僅有短暫的時間。
調查顯示，確診者來到這間咖啡廳、喝完飲料並離開的時間約為17時6分。4分鐘後，2名大學生進入該咖啡廳，並坐在確診者曾用過的桌椅，以等待打工的朋友下班，停留時間約20分鐘。
官員推測，2人沒有和確診者同處一室，也沒有拿下口罩飲食，很可能是因為使用同一張桌椅而感染。「如果是同處在同一空間中，大多都會感染；但如果沒有共處一室，很可能是因為環境或其他接觸而感染」。
中山醫院家庭醫學科主治醫師陳欣湄提醒，新冠病毒的傳染途徑主要有3種。第一種是飛沫感染，比例也最高；其他2種分別為氣溶膠與病毒掉落於物體造成間接感染。
就間接感染而言，病毒在不同材質的存活時間不一。金屬材質可存活5至9天，塑膠材質則是2至3天。至於紙板等材質，則可達24小時。
</t>
  </si>
  <si>
    <t xml:space="preserve">中央流行疫情指揮中心宣布，無陪侍服務的歌聽、舞廳、夜總會等八大行業11月2日起，只要符合防疫規定，可有條件開放營業，至於有陪侍服務的業者，預計11月16日解禁，不過顧客必須符合一個關鍵「低消」條件，也就是至少接種一劑疫苗，並滿14天以上才放行。
因應國內疫情趨緩，中央流行疫情指揮中心指揮官陳時中今(28)日在疫情記者會上宣布，11月2日起，無陪侍服務的夜總會、酒家、酒吧與理容院等八大場所，可有條件開放，有陪侍服務則規劃於16日解禁。
經濟部商業司長蘇文玲表示，八大行業須符合實聯制、量體溫、戴口罩、環境清消等4大原則，此外也要經地方政府核准，並依照相關餐飲等防疫指引。值得注意的是，八大行業從業人員與顧客都須至少接種1劑疫苗且滿14天。
八大行業從業人員首次提供服務前要提供3天內抗原快篩或PCR陰性證明，未完整接種2劑疫苗的從業人員，須每周1次抗原快篩或PCR採檢；而顧客也應提供至少接種1劑疫苗證明且滿14天。11月16日起，有陪侍服務且符合上述防疫規定者，才能開放營業。
至於萬華茶室是否符合無陪侍服務定義？媒體詢問，若陪侍者假扮成客人，是否可藉此躲掉稽查？陳時中則回應，這樣就太輕忽稽查人員的能力了，因為基本上警察進去不用看，用聞的就知道。此外，對於KTV開放可脫口罩飲食後，是否也可飲酒？蘇文玲說，飲食開放後，飲酒就不會再特別限制。
※中時新聞網關心您：喝酒過量，有礙健康
※中時新聞網提醒您：酒後不開車，安全有保障
</t>
  </si>
  <si>
    <t>新冠肺炎疫擴大，嚴重衝擊觀光飯店餐飲生意！由於擔心染疫，外食人口銳減，觀光飯店繼啟動餐飲外賣與外送服務「開源」後，更正式實施「節流」方案，紛紛調整館內餐廳、酒吧，甚至Room Serveci客房餐飲服務與供餐時間，台北陸續有多家飯店從館內最有人氣、最賺錢的「金雞母」吃到飽自助餐廳下手，停止供應晚餐，希望減少人力與食材成本，全面節能節流、減少開支。
據調查，位在大直、周邊豪宅林立的台北萬豪酒店，已低調通知客人館內Garden Kitchen餐廳晚餐時段暫時停止服務至2/29日。凱撒飯店連鎖旗下台北凱撒大飯店館內「Checkers」自助餐餐廳停止供應平日與假日晚餐與平日下午茶，萬華凱達飯店館內「百宴」自助餐廳4月底前周一至周四晚上亦暫停營業。
而台北W 飯店的「 The Kitchn Table」自助餐廳，周二至周四晚餐暫停營業，午餐則改為單點菜單。國泰萬怡酒店「MJ Kitchen」亦暫停供應晚餐，台北文華東方酒店則在官網上公告，調整館內部份餐廳與酒吧營業時間，至於詳細內容則希望客人直接去電詢問。另外日系大倉久和酒店館內自助餐廳則下午茶時段暫停營業。寒舍艾麗酒店則告知房客，Room Service客房餐飲只從上午6點供應至早上11點，客人有需求則改到6樓餐廳。
上述觀光飯店除台北凱撒、萬華凱達，以及寒舍艾麗酒店外，分屬不同國際酒店集團體系下直營或加盟酒店，如今這些觀光飯店先後「發難」調整餐廳營業時間，甚至停止供應晚餐，預料將引發骨牌效應，後續還會有更多同業跟進。
上述觀光飯店調整營業時間的餐廳，多屬飯店內的全日營業的自助餐廳，這些餐廳除接待國人午、晚餐下午茶外，另一項重要功能是負責供應下榻飯店房客的早餐。如今業者紛紛暫停晚餐時段，顯示新冠肺炎疫情確使外人來台旅行市場量縮急凍，且即便是「吃到飽」也無法「誘」使國人走出家門外食，迫使業者必須採取更積極的節流方式自保。
台北萬豪酒店近期住房率平均約二至三成，且餐飲生意亦因客人不敢出門衰退，於是率同業之先2月底前停止Garden Kitchen晚餐，飯店認為，現在客人不上門的原因「是怕，不是貴」，殺價促銷客房或多賣一二個便當，實無濟於事。
台北凱撒飯店與萬豪凱達飯店調整餐廳營業時間，主要是可集中客源，避免人力資源浪費，重新調整人力配置進行有效運用。</t>
  </si>
  <si>
    <t xml:space="preserve">在台灣新冠疫情嚴峻之際，和世界衛生組織（WHO）共同運作COVAX疫苗分配計畫的全球疫苗與預防注射聯盟（GAVI Alliance）今（17）日表示，預期台灣最慢6月底前就能獲得所分配的AZ新冠疫苗。
路透社報導，在台灣社區傳播疫情上升之際，全球疫苗與預防注射聯盟今日表示，預期台灣最慢6月底前，就能獲得所分配的AZ新冠疫苗。
全球疫苗與預防注射聯盟指出，「目標是2月至6月間，配送7,600萬劑AZ疫苗，以供應多達80個國家，我們預期很快向台灣交付下一批疫苗。」
全球疫苗與預防注射聯盟與世界衛生組織共同運作疫苗分配計畫，對取得疫苗困難的國家提供新冠疫苗。
疫情指揮中心4月時表示，COVAX一共將提供台灣476萬劑疫苗，當中102萬劑為AZ疫苗，目前COVAX第一波已分配台灣19.92萬劑AZ疫苗。
台灣目前一共向國際洽購2,000萬劑疫苗，包括向阿斯特捷利康（AstraZeneca）直購1,000萬劑AZ疫苗、向莫德納（Moderna）購買505萬劑，另外也從COVAX平台分配476萬劑，目前向國際取得的疫苗中，19.9萬劑來自於COVAX，另外11.7萬劑屬於直購的AZ疫苗。此外，政府也預計向國內2家進入二期臨床試驗的疫苗廠商採購1,000萬劑疫苗。
</t>
  </si>
  <si>
    <t>在醫護員歡唱「生日快樂」樂聲中，6月1日確診併發重症緊急剖婦生產的新北周姓婦人產後15日陽轉陰，就在今天（16日）媽媽終於見到寶寶要出院返家；中山醫學大學附設醫院也透過直播為這為勇媽辦慶生以及歡送會，她也用沙啞聲音，表達感謝，並坦言，這次生產沒家人陪伴是孤獨的，感謝醫療團隊陪她挺過。
新北這名38歲媽媽，先生等一家多人確診，懷孕34週的她原本在南投的集中檢疫所隔離，5月31日突出現呼吸衰竭被轉至中山附醫搶救，並在隔日緊急剖婦產，考量在負壓隔離病房手術要減少寶寶、醫護曝露，婦科權威陳進典只帶一名助手在26分鐘內完成麻醉與剖腹生產手術。
早產4週的新生兒經3次新冠病毒檢驗均為陰性，確認未垂直感染。中山附醫兒童部醫師李英齊指出，寶寶因早產曾出現呼吸窘迫、血氧不足，但經細心照顧，目前寶寶已從出生時2600公克增重到2900公克，進食與神經反應都不錯。
而術後媽媽仍因呼吸衰竭插管，中山附醫護理部護理長表示，在使用呼吸器期間，產婦清醒後第一件事情是請求醫療團隊給予寶寶的照片，期間新生兒護理師們不斷拍寶寶照片或用視訊讓媽媽一解與女隔離相思之苦。
而在重症醫護團隊努力和產婦堅強的求生意志下，其肺炎病情逐漸好轉，於7日後拔管自主呼吸，且在連續三次的採檢後，終於昨天（15日）確認已無病毒存在的反應，中山附醫醫護團隊依規定通報衛生主管機關後解除產婦的隔離措施，媽媽也終於可以和寶貝團圓，而中山附醫也在16上午為媽媽慶生，更獻上醫療團隊製作「為母則強」卡片，要讓周女士帶回紀念這疫情中驚奇的生命之旅。
因為長時間插管周女士喉嚨沙啞表示，這次生產沒人陪伴是孤獨的，她感謝中山附醫全體醫療人員給予她滿滿關懷與愛，讓無助的她有勇氣面對。
中山附醫院總院長蔡明哲總院長表示，為母則強，周女士很勇敢一個人獨自簽下手術同意書，讓醫療團隊相當欽佩，希望這名媽媽求生意志堅強成功康復的病例可以鼓舞在疫情陰影下的苦悶人心。</t>
  </si>
  <si>
    <t>新冠肺炎疫情擴散，觀光產業受影響，攤商生音心大不如前，集集鎮公所紓困開第一槍，自4月起，集集火車站東側臨時攤販區，清潔費5折優惠2個月，有20多位業者受惠。
肺炎疫情全球蔓延，民眾聞之色變，不敢出門搭車，觀光旅遊人數銳減，原本人潮洶湧的集集火車站商圈，也變得冷冷清清，門可羅雀！
集集鎮長陳紀衡表示，因應疫情變化，政府各種措施不斷更新，受到疫情影響，各行各業都受到衝擊，也影響集集觀光小鎮的攤商營運。
民眾因為恐懼疫情感染而減少外出旅遊，觀光人潮減少2至3成，為與攤商共體時艱，因此，鎮公所推出減收清潔費方案，此外，集集鎮公所也持續宣傳中央政府的紓困方案，並輔導業者申請適合的紓困補助，希望能夠減低攤商營運負擔，共同度過這波疫情的衝擊。</t>
  </si>
  <si>
    <t xml:space="preserve">美國聯準會前主席葛林斯潘周一(17日)發文稱，美國應對新冠肺炎疫情失敗，可能破壞其經濟復甦，並使美國在爭奪全球霸權的長期鬥爭中處於競爭的劣勢。他表示：「美國未能有效地限制新型冠狀病毒的傳播，使它的經濟復甦之路更加『惡化』，並為大陸成為世界主要超級大國打開了大門。」
葛林斯潘於Advisors Capital Management撰寫的文章中表示，美國有時看起來已迷失方向，疫情危機對美國在全球的主導地位構成了真正的威脅。反觀大陸在擴展經濟方面持續取得成功，包括率先在疫情中復甦過來。
他說：「病毒在美國的重新流行威脅著我們的經濟復甦。」 「隨著世界上兩個最大經濟體之間政治緊張局勢的加劇，由此產生的平衡力量仍不明確，但日益受到人們的關注。」
葛林斯潘說，美國未能有效應對新冠肺炎危機爆發，只會削弱其競爭地位。疫情在美國的死灰復燃可能阻礙經濟復原。
美國在創造未來所有行業中都處於領先地位，例如人工智慧、機械人技術、無人駕駛汽車及金融業。儘管美國存在民粹主義問題，但其擁有相對穩定的政治制度。
他認為，美國需要找到解決阻礙增長的問題的政治意願，包括政府在福利項目上的支出失控，並檢討相關的法規。
</t>
  </si>
  <si>
    <t xml:space="preserve">
Youtuber「一隻阿圓」在2/20前往韓國工作，兩日後新冠肺炎警戒卻飆高至二級，在緊急返台後，不料她沒有遵守自主管理出門工作，更全程沒有戴口罩參加Youtuber界「走鐘獎」聚會，引發網民撻伐，雖然她已出面道歉，卻難以平息眾怒，連鄉民女神潔哥也開嗆：「WTF拜託一下不要這麼自私好嗎？」
面對新冠肺炎（COVID-19,NCP）疫情當前，潔哥昨日特別在臉書發文呼籲，在這時間點能不出國就不要出國，不要急在這時間點出去，更透露自己也取消出遊計畫，「我連英國沒什麼人中標的國家都取消去玩了。」同時提到韓國陷入大爆發階段，往前推14天都有可能是潛伏期，明顯開轟一隻阿圓，「去韓國回來馬上參加Ytr 大型聚會不戴口罩？？？說真的防疫會有缺口都是這種人害的。」也在留言區表示，「她中標的話就是台灣最大ytr傳染大會惹。」
對於惹上風波，阿圓火速表示自己會前往篩檢，但也引發網友親自諮詢桃園醫院後表示，「現在想做篩檢可能只是為了讓大家安心吧？這個原因在我看來蠻浪費資源的。因為部分醫院有表示即使是感染者在沒症狀階段也可能因病毒量低不易檢出，為確保疫情防治與醫療資源準確應用在需要的地方，所以疑似個案接觸者在沒有症狀階段建議每日早晚量體溫進行自我健康觀察，有發燒跟呼吸症狀再撥打1922專線。」
而阿圓在最終道歉文中，再次表示自己疏忽二級警示的詳細規範，坦言自己有疏忽，而對於輕率刪除網友的留言，她也反省，「在與朋友們的討論後，我已理解到網友們的想法與提醒，接下來我也會好好調整我的心態，做出行動。」
一隻阿圓CIRCLE🇰🇷왕리영（@nanaciaociao）分享的貼文 於 PST 2020 年 2月 月 29 日 上午 1:40 張貼
</t>
  </si>
  <si>
    <t>國內爆發首起院內感染，感染科專家黃立民呼籲民眾，出門就要戴口罩，中央流行疫情指揮中心指揮官陳時中今天呼籲民意代表暫停「跑攤」，並以台語說「不跑攤，不失禮啦」，並強調，「對於密閉不通風的地方，大家態度要更嚴格一點」。
陳時中表示，目前戴口罩的方向和政策目前都沒有變，但民眾對於密閉不通風的地方，大家態度要「更嚴格一點」，若非要參加有不特定對象，需要很密集近距離接觸時的場合時，一定要戴口罩。
但何謂密閉空間？記者以記者會舉行地點指揮中心的大禮堂為例問？中央流行疫情指揮中心應變官莊人祥回說：「這裡通氣應該還可以啦」。並強調，參加集會活動，是有沒有交談有關，目前要不要戴口罩，仍是針對有沒有呼吸道疾病者，且美國疾管署的對外說法，和我們說法一樣，如果有慢性病、呼吸道疾病者要戴口罩，是保護自己也保護別人。</t>
  </si>
  <si>
    <t>疫情連日升溫，各縣市政府管控加嚴，台北市長柯文哲表示，北市感染數趨緩，目前疫情雖可控制，但是是靠民眾自主封城，若再拖3個月，餓死的會比病死的多。
柯文哲表示，目前看起來感染數目沒有一直上升，「好像還有趨緩」，事實上用數字看12區狀況，看起來嚴重度是下降，但很均勻分佈在北市行政區。
柯文哲表示，目前疫情可以壓制住，但壓住的代價很大，若一旦解封，感染數必會飆升，但目前還可以維持多久，現在餐廳夜市、藝文活動都停掉，這樣還可以撐多久，若再撐三個月，「我認為餓死比病死的多」。
目前北市AZ疫苗施打狀況，柯文哲表示，本月27日中央配送2.2萬劑，至今共施打1萬5678人。中央本周要給5.6劑給北市，他規劃第一線的醫護先打，預計週三可施打完成，再來是工作的警消等。
柯文哲認為，中央應要給地方時程表，因打疫苗仍要規劃生產線等，包括需要醫生、護理師、文書人員與地點安排等，這是後勤補給問題，若中央有明確行程，才有辦法規劃打疫苗計畫。
柯文哲直言，每天都搞不清楚疫苗數量，「他們搞神秘」，常常前2天才跟你說要給多少量，坦白講生產線很難規劃，這是目前困擾。</t>
  </si>
  <si>
    <t>大陸廣東省廣州市增城區密集發現病例，出現跨市和跨省感染。自4月27日以來，廣州增城區新塘鎮已第5次被通報為病例來源地。廣州市疾控中心副主任張周斌介紹，這些感染者都是無症狀感染者。大家不用擔心，因為他的傳播力是有限的。
據大陸駐俄羅斯大使館官微消息，自5月8日起，所有搭乘中國國際航空公司（國航）莫斯科飛北京航班的乘客，須出示由該館於4月30日在使館網站和微信公眾號公布的6家檢測機構（莫斯科和聖彼得堡市各3家），出具的120小時內核酸檢測陰性證明文件方可登機，俄羅斯其他地區檢測機構資訊將於近日公布。
增城區第5次被通報
廣州衛健委消息，5月2日廣州新增1例無症狀感染者來自增城。連日來增城報告多例無症狀感染者。這是自4月27日以來，廣州增城區新塘鎮第5次被通報為病例來源地。除了廣州，其他省及市報告的病例中，也出現與增城有關聯的。
5月2日新增無症狀感染者病例，是4月27日增城一例感染者的密切接觸者。4月26日，廣州增城區新塘鎮報告1例無症狀感染者，從事網上服裝銷售，具體感染來源未定。4月27日，廣州報告的7例無症狀感染者中，有6例與4月26日增城區新塘鎮病例有關，是其5名家庭成員和1名密切接觸的同事。4月30日和5月1日，增城連續兩日新增1例無症狀感染者。
專家：傳播力有限
除了廣州，4月29日深圳市也報告1例病例與增城有關聯；4月28日廣西天等縣也報告稱該地出現增城病例的密切接觸者。目前，增城正全力甄別密切接觸者。
廣州市疾控中心副主任張周斌介紹，這幾天都在增城現場進行疫情處置。在這次處置過程中，發現的這些感染者都是無症狀感染者。對於無症狀感染者來說，實際上大家也不用擔心，因為他的傳播力是有限的。
5月3日俄羅斯新增新冠肺炎確診病例1萬633例，累計13萬4687例，累計死亡1280例。大陸駐俄羅斯大使館根據民航主管部門最新要求，自5月8日起，所有搭乘中國國航莫斯科─北京航班的乘客，須出示6家檢測機構出具的120小時內核酸檢測陰性證明文件，方可登機。</t>
  </si>
  <si>
    <t xml:space="preserve">新冠肺炎疫情蔓延全球，行政院僑務委員劉金枝2個女兒在西班牙擔任醫護，力抗新冠肺炎，竭盡全力拯救病人，結果兩人卻雙雙不幸確診。所幸在醫院照料下，兩人病況逐漸好轉，當劉金枝大女兒被推出加護病房時，現場醫院醫護人員皆列隊為她拍手加油，這一幕令人感動不已！
國民黨不分區立委溫玉霞在臉書發文表示，日前西班牙的疫情慘重，該國的醫療體系瀕臨崩潰，但醫護人員仍堅守崗位搶救病患，其中就有我的好友、也是僑務委員劉金枝的一對寶貝女兒。大女兒Diana是麻醉師，兩位女醫護人員不眠不休工作，上個月卻不幸被感染新冠病毒，Diana在醫院戴了15天的呼吸器，小女兒在家隔離治療，所幸目前已經在家隔離休養中。
「當時聽聞此事讓我既心疼又擔心」，溫玉霞接著表示，之後看到大女兒躺在病床被推出急診室的錄影畫面，醫院醫護人員皆列隊為她拍手加油，這一幕令人感動不已，更為劉僑務委員和其女兒的表現深感驕傲！台灣的女兒在異國發光發熱，為了救治病人勇敢和病毒奮戰，劉金枝的先生也是醫師，父母都全力支持女兒在僑居地犧牲奉獻，這一家人都是台灣之光！
溫玉霞指出，近日西班牙的電視和報紙都大篇幅報導此事，特別分享給好友們，她認為僑委會應給予嘉獎表揚，也希望所有好友一起為在西班牙及各角落的醫護人員說句「謝謝」與加油！
</t>
  </si>
  <si>
    <t>新竹縣沒有焚化爐，近年受垃圾堆置所苦，新竹縣促進民間參與高效能垃圾熱處理設施投資BOO案公聽會，原訂15日下午2點在蓮花寺召開，未料廟方臨時以不知辦「有爭議性公聽會」、未行文為由，臨時取消場地租借，新竹縣環保代理局長羅仕臣表示，將擇地、擇期再辦，現場200餘名參與者則無奈離去。
蓮花寺總幹事童哲燦表示，環保局在租借場地時僅說是辦活動、未行公文告知，由於是如此具有爭議性的公聽會，廟方擔心被掛上背書標籤，因此不予以借用。羅仕臣則表示，由於雙方對於場地溝通上有所誤解，公聽會將擇期、擇地再辦。
新竹縣新建焚化爐以BOO（興建、擁有、營運）方式自建，原訂15日下午預定地附近的蓮花寺召開公聽會，並邀集投資廠商、環保局、在地居民、民意代表等共同參與，副議長王炳漢無奈說「不來也不行、來了也不行」，他知道民眾有人支持、也有人反對，且公聽會通知時間太急促，他會尊重民意代為發聲，也建議環保局借用公家機關場地舉辦公聽會。
新竹縣在2003年即有計畫興建焚化爐，當年因民眾激烈抗議而作罷，但由於新竹縣有自主處理垃圾的迫切需求，因此縣府再提新竹縣促進民間參與高效能垃圾熱處理設施投資BOO案，預定地與2003年焚化爐案同址，15日現場即有民眾說，「2003年SARS時提一次、新冠肺炎又一次」，現場也有民眾表示，「將抗議到底」。
不過由於場地為蓮花寺所有，廟方臨時不租借場地，民眾也只能各自離去，將擇期再報。此案引發不少人關注，縣議員張珈源、連郁婷、蔡志環、鄭美琴、杜文中、立委邱泰源新竹辦公室主任王誠緯，竹北市民代表林宇洋、朱健銘及在地里長曾福、林秋榮、曾台安等人均到場。</t>
  </si>
  <si>
    <t xml:space="preserve">因應國內新冠疫情升溫，雙北市升級為第三級警戒，包括遠傳電信已先將台北萬華地區、新北蘆洲地區的14間直營及加盟門市暫停營業，並視疫情狀況發展再決定何時開業；台灣大也決定台北萬華地區、新北蘆洲地區共15家據點暫停營業至28日，其它正常營業的門市則實施實聯制。
遠傳電信表示，台北萬華地區5家、新北蘆洲地區的9家的直營及加盟門市即日起暫停營業，將視疫情狀況再決定何時開業，至於其它正常營業的遠傳門市也實施實聯制，並強化防疫措施，量取額溫，酒精消毒，隔板服務，請到店的客戶配合門市人員指引。
此外，遠傳電信的電話客服中心，網路門市，心生活App都持續提供客戶24小時方便快速的服務，歡迎多加利用。詳細的營業時段異動門市資訊請參考遠傳電信官網公告。
遠傳電信同時也啟動防疫升級計劃，開放同仁「居家辦公」及「延長彈性上班」，以降低風險，遠傳電信持續以高規格守護同仁與客戶健康，一起攜手度過疫情難關。
台灣大表示，包括萬華區的6家及蘆洲區的9家myfone門市（含直營與加盟），即起至5月28日暫停營業。其餘門市配合防疫措施，針對進店客戶採實名制登記，並進行人流控管，每店不得同時超過5名客戶，且落實戴口罩與量額溫等防疫措施，請所有客戶配合。疫情期間也請台灣大用戶多利用官網、客服App 或電話客戶專線，以減少人員接觸協助防疫。
</t>
  </si>
  <si>
    <t>新冠肺炎在2020年重擊全球經濟，隨之而來的是因封鎖措施帶來的經濟衰退，亞洲國家在同年下半年疫情獲得控制後迎來復甦，歐美各國則是在疫苗接種下，預計在2021年下半年迎來復甦。但根據外媒報導，為計算國內生產毛額(GDP)之一的指標：外國直接投資(FDI)，在成熟經濟體朝著正常水位前進，新興國家的慘況依然沒有獲得解決。
據《華爾街日報》報導，經濟合作發展組織（OECD）4月發布的數據，2020年FDI下降38%，達到2005年以來的最低水平。外國直接投資對於跨國旅行能力相當敏感。外資投入當地土地、建設等，來興建廠區，對於當地資金流動影響相當大，除非商務旅行恢復到疫情前水位，
外國直接投資對投資者的旅行能力特別敏感。在外國購買一家製造公司的股份是一回事。而購買一塊土地，建造一個設施並自己經營工廠完全是另一回事。除非國際旅行開始朝著以前的水平恢復，否則外國直接投資無法完全恢復。
報導提到，即便是那些可以輕鬆負擔疫苗供應的國家，接種率也相當低，許多地方的旅行限制看起來還會延長1年，甚至超過。諮詢公司科爾尼公司指出，在2028年前，都無法恢復到2016年峰值。專家分析，在2018年美國前總統川普發動陸美貿易戰後，FDI數據就出現疲弱。
表面來看，雖然一些新興經濟體的投資狀況似乎更好，，聯合國貿易和發展會議(United Nations Conference on Trade and Development)今年初宣布，大陸已經超過美國，成為全球最大FDI目的國，印度獲得資金也有顯著成長。不過，新興國家與開發中經濟體獲得的綠地投資(全新業務的投資，並非購買現有廠房與設施的投資)降幅高達43%。
FDI流入量占GDP比重較大的經濟體，往往是富裕的小型經濟體，例如香港、新加坡或是新興市場。2019年，匈牙利的FDI流入量占整體GDP的18.6%，柬埔寨13.5%，越南6.2%，巴西3.8%，遠超全球平均的1.8%。
這些新興市場受到的衝擊，相較於成熟經濟體來說，即使不考慮對於FDI占整體經濟影響度，也不如這些富裕國家擁有更多資金與貨幣政策寬鬆程度來支持經濟復甦。</t>
  </si>
  <si>
    <t xml:space="preserve">指揮中心今天公布自歐、土耳其、埃及返台的國人，過去14天約1.6萬人，也預告之後的確診病例有暴增的趨勢。讓網友害怕，「現在菜價油價低，感覺這波我們未必然擋得住，但守住的機會非常大，畢竟歪國人不能來」，那小老百姓們需要戰備囤糧嗎？
原PO在PTT一問，引起網友熱烈討論，紛紛贊同先囤個2周，「疾管局都說這兩週高風險，還不信喔？」、「現在不先準備1-2週糧食是智障，這兩週高風險，盡量減少外食吧」、「我已經買好20KG大包白米1包了」、「我要守護我家田了，怕被偷拔」、「已囤，是說蛋價漲了希望別漲太高」。
但也有人認為，出門戴口罩，避免去人多的密閉空間就好不用囤，「韓國幾千例不也好好的」、「不建議，日常泡麵衛生紙買幾包就好」、「農夫又不受疫情影響，哪會短缺，不用擔心」。
</t>
  </si>
  <si>
    <t xml:space="preserve">因應新冠肺炎病毒可能存留環境，成為傳染媒介，新竹市政府25日成立防疫消毒大隊，配置6組專業消毒人力，啟動公共場所環境消毒計畫，鎖定車站、公園人潮密集區的周邊環境消毒，預計2周內完成137處消毒工作。
林智堅昨天特別視察台鐵新竹車站與關新公園消毒情形，他說，正值全國全力防疫期間，公私部門要齊力合作對抗疫情，落實內部場所消毒工作，同時呼籲大型營業場所、大眾運輸業者、社區管理委員會，務必依中央指揮中心訂定嚴重特殊傳染性肺炎相關指引，進行內部場所消毒，防止疫情擴散。
環保局長江盛任指出，此次消毒是使用漂白水（成分為次氯酸鈉）稀釋成0.1％濃度（即1000ppm），針對經常接觸的器具、設施表面，如火車站與客運站的乘客等候區椅子、人行步道、公共廁所以及公園遊樂設施、休憩區等處消毒。
目前市府已對全市12處公有市場環境消毒噴灑作業，3月2日前完成第1波消毒工作，3月23日至6月30日執行第2波消毒。
另，江盛任也叮嚀私部門的營業場所則應針對電梯按鈕、手扶梯、地面、健身器材、遊樂設施、桌椅、電話筒、浴廁表面水龍頭、廁所門把、馬桶蓋及沖水握把定期清潔，至少每天消毒1次，假設顧客人數眾多且頻繁出入，可適度提高消毒頻率。
</t>
  </si>
  <si>
    <t>新華社2日報導，根據香港特區政府入境事務處的最新數據，「五一」勞動節假期首日，有1528人次入境香港，其中香港居民占比超過9成，大陸訪港旅客僅有119人次。而去年5月1日當天，有逾106萬人次進出香港，其中訪港陸客量接近50萬人次。香港立法會旅遊界議員姚思榮表示，今年是自2003年大陸赴港「個人遊」推出以來，香港首次出現「零團來港」的勞動節假期。
姚思榮指出，以往勞動節假期，陸客紛紛來港遊玩，主力來自廣東省。受新冠肺炎疫情、大陸與香港隔離檢疫和出入境安排等多重因素影響，今年五一假期迎數年來最少客流。
2019年下半年以來，受修例風波影響，香港旅遊業經歷了持續半年多的慘澹期，不少旅遊業從業者顆粒無收。今年上半年，多個國家和地區為了防控疫情而限制遊客入境，許多航空公司縮減航班數，加上實施保持社交距離的防疫措施，香港旅遊業雪上加霜。
今年1月底，香港迪士尼樂園、海洋公園暫停營業。隨後，香港多個旅遊景點陸續關閉，不少知名餐廳、商店、酒店也先後出現停業潮、倒閉潮。
報導稱，受雇於香港一家旅行社資深日語導遊唐寧說，去年9月開始來港遊客陸續減少，元旦至今他只在年初接待過5位日本遊客。「往年這個時候，我應該在外面奔波，但現在我擔心的是公司下個月還在不在。」他表示，為了減少開支，公司兩個月前開始給員工發半薪，他每月薪水直接縮水至不足8000港元，只能勉強應付房租，完全不夠日常花銷。
從業多年的導遊溫先生表示，為了維持生計，很多導遊都轉行去做兼職、打「散工」。他沒房貸壓力，一家人還能依靠存款過活，「我有同事得『供樓』養家，壓力真的好大」。
為緩解疫情給香港居民帶來的經濟壓力，香港特區政府已出台兩輪防疫抗疫基金及多種紓困措施，扶助本地「打工仔」。對於符合要求的旅遊業從業者，每個月撥發5000港元補貼，資助半年。
對此，唐寧和溫先生表示感謝。他們說，對比香港的高消費，共計3萬港元的資助雖然不算多，但這筆錢能增加家庭收入，解燃眉之急。
香港旅遊發展局主席彭耀佳2日表示，旅發局正籌備重振香港旅遊業詳盡的計畫。預計疫情過後，旅遊業或將出現新常態，旅客將更加注重旅遊目的地的公共衛生，並傾向短途旅行。香港旅遊業可趁此重新審視旅遊定位，提升服務水平，為長遠穩定發展鋪路，提供更好的「待客之道」。</t>
  </si>
  <si>
    <t xml:space="preserve">新冠肺炎疫情攀升，台灣昨天(20日)確診案例來到135例，死亡人數攀升至2人，對此藝人隋棠轉發《犀利人妻》改編版影片，呼籲大眾好好遵守防疫原則，能一起挺過這波疫情，不過一句「要被我前夫氣屎了」，立刻引發網友議論。
隋棠轉發《犀利人妻》改編版影片，只見影片她與溫昇豪的對話，被馬來西亞配音並重新上了字幕，更搭配上最近新冠肺炎議題，只見她表示疫情持續攀升，因此苦勸溫昇豪在防疫期間，不要到處趴趴走，能夠待在家就待在家，以免不小心被感染，不過溫昇豪仍舊苦勸不聽，還是執意要外出，這也讓隋棠逗趣表示：「要被我前夫氣屎了，大家聽話好嗎」？
其實溫昇豪更早先轉發這段影片，並表示：「大家疫情期間請減少趴趴走，聽某嘴，大富貴」，雖然是在呼籲大家要好好防疫，但由於影片過於搞笑，也讓網友留言全歪樓：「安真你的聲音為什麼這麼粗，應該是苦口婆心說了很久」、「就知道安真看了一定會氣屎」、「可是瑞凡你的肺回不去了」。
</t>
  </si>
  <si>
    <t xml:space="preserve">新冠肺炎疫情延燒「拉長戰線」，不僅考驗當局防疫應變能力，也考驗各方面對疫情時的平衡關係，日前有記者在中央疫情指揮中心記者會上，提出社區傳播疑慮的問題，恰好首度直播開放網友聊天室討論，當下引發論戰，事後各方一連串作為，也產生連鎖反應，導致相關當事人「互咬混戰」的失控景況，對此，名嘴羅友志除捍衛新聞自由外，今又發文直指在醫護、記者忙翻天時，破壞和諧、信任的正是「官」。
日前的疫情記者會上，提出「社區傳播疑慮」的記者，遭網友罵爆，事後該名記者遭肉搜，壓力破表，其主管事後在指揮中心新聞群組中呼籲官方導正視聽，沒想到對話遭截圖流出，行政院副院長辦公室主任李懷仁還在指揮中心直播時留言表示CDC辛苦了，「被中時記者要求一直貼文呼籲大家不要攻擊記者」，被質疑是在「帶風向」，引發另一波網路筆戰。
此事件越演越烈，各家媒體紛紛出聲，名嘴羅友志今也在臉書粉專轉貼相關報導，發表個人想法，表示現在的台灣防疫處境，是第一線的醫療人員忙翻天、醫藥線記者努力監督提問，而正當眾人努力過正常生活、辛勤工作的現在，「是誰破壞和諧，破壞互相信任？」，羅友志給出答案，直言：「處心積慮的都是『官』！」。
</t>
  </si>
  <si>
    <t>車用電子與家電大廠元山科技（6275）受惠於高階IT及網通出貨續旺，11月營收出現雙成長，另累計前11月收也出現雙位數成長，元山指出，相關訂單能見度已達到2021年第一季，此外，車用訂單需求也接續向上，對2021年展望樂觀。
受惠於高延續性的高階IT及網通訂單挹注，市場仍呈現供不應求狀態，加上車用風扇需求開始回補，帶動元山11月營收續揚，經結算11月營收為2.73億元較10月的2.46億元與去年同期2.54億元分別增加10.93％與6.38％，累計前11月營收30.43億元則較去年同期成長10.2％。
展望Q4營運，元山表示，今年Q4淡季不淡，目前整體稼動率近乎滿載，訂單能見度可至明年首季，車用散熱風扇更達第二季，加上家電高階飲水機新品挹注，2021年樂觀可期。
儘管市場擔心新冠肺炎捲土重來，但元山表示，新冠肺炎疫情對全球經濟活動影響已趨於穩定，即便入秋冬後進入二次疫情，亦可能隨著時間拉長而降低影響程度，但因疫情擴大電競筆電市場規模及5G商轉挹注伺服器、資料中心等帶動高階散熱風扇需求卻在穩定成長中，從訂單掌握度來看，需求明年仍可望延續。
元山指出，中國車市不斷成長，下游車廠經過第三季庫存去化後，近期車用風扇的訂單也開始回補，明年表現可望優於今年。</t>
  </si>
  <si>
    <t xml:space="preserve">特力(2908)因與大型客戶長期往來，貿易出貨受到信賴，且零售事業銷售穩定，讓特力集團上半年營運未受到太多衝擊，特力集團營運長何采容亦表示「審慎樂觀」看待下半年，特力目前已選定越南辦公室建置，未來將逐步提高東南亞採購比例，預計2022年有20%到30%出貨來自於東南亞。
特力今天參加證交所線上法說會，特力集團有零售及貿易兩大事業群，今年上半年全球新冠肺炎疫情大爆發，特力集團因受到客戶信賴，出貨狀況良好，加上零售事業維持微幅成長，讓公司上半年業績表現不俗。
受惠於歐美客戶的穩健需求及國內新冠肺炎疫情趨緩，消費人潮逐漸回流之加持，特力今年第2季營收為106.7億元，較去年同期增加14.3%，營業淨利率為3.61%，稅後盈餘為2.56億元，單季每股盈餘為0.52元，大幅優於去年同期；累計今上半年營業收入為198.9億元，較去年同期成長3.5%，營業淨利率為3%，稅後盈餘為3.78億元，每股盈餘為0.76元，大幅優於去年同期。
何采容表示，全球貿易產業在疫情衝擊民眾不能移動時，價值就會更明顯被彰顯，由於客戶看不到貨品，如何寄送及替客戶把關很重要，公司因與大型客戶有長久交易歷史，客戶相信公司對商品的把關，貿易出貨受到信賴，讓今年上半年貿易出貨很好，至於零售部分雖然上半年是辛苦的，但維持微幅成長，並未比去年差，讓公司今年上半年業績表現還不錯。
若依兩個事業來看，受惠於歐美需求持續強勁及歐洲新客戶，帶動貿易出貨量持續向上攀升，特力貿易事業第2季合併營收為60.9億元，年增27.2%，累計上半年合併營收為108.4億元，年增11.3%。
在台灣零售事業部分，受惠於國內疫情穩定趨緩，民眾出門意願明顯增加，實體店面來客數及提袋率均雙雙成長，今年第2季合併營收為41憶元，較去年同期增加5.7%，累計上半年合併營收為81.9億元，較去年同期增加0.8%。
展望未來，在貿易事業部分，何采容表示，貿易主要客戶們近幾年出貨量持續穩定成長，即使在美中貿易戰及新冠肺炎疫情等嚴峻挑戰下，出貨量依舊穩步走揚，公司將持續進行全球佈局、強化供應鏈，目前集團供應鏈佈局橫跨歐美亞洲，在全球8個國家/地區設立11個據點，落實全球佈局、在地經營，並發揮彈性及穩健出貨能力；再者，集團於台灣、德國及美國等地設有物流中心，為集團客戶提供穩定物流配貨、倉儲及管理服務。
針對投資人提問集團在東南亞佈局？何采容表示，集團每到一個地方，產業鏈工廠出貨比例到10%就會建自有倉儲，集團在東南亞經營很多年，這兩年因為稅率及發展關係，有更多工廠及出貨從東南亞出去，未來將逐步提高東南亞採購比例，目前已選定越南辦公室建置，並於2020年完成交易，明年將佈局工廠開發及採購，預計2022年有20%到30%出貨來自東南亞。
在零售事業部分，何采容表示，特力以「家」為中心的產業佈局，發展社區店，貼近客戶生活圈，成功展店8家，挹注業績成長，未來將導入新零售科技，發展全通路，透過「線上行銷、線下體驗」全通路整合，在商品及通路整合後，今年下半年將啟動服務e化建置，整合跨通路優勢服務，建立新零售模式，此外，集團也將運用優勢開發獨家商品，發展特力屋自有品牌，並引進獨家商品，創造通路差異化，提升產品組合毛利。
</t>
  </si>
  <si>
    <t>新冠肺炎疫情期間，不少民眾有檢測是否染疫的需求。臺北榮總為因應近日暴增的篩檢人潮，減少民眾在酷熱天氣下排隊候檢的不便，在微遠文化藝術基金會顧芸董事長及微風慈善基金會廖曉喬策略長善款捐助下，緊急增建第二戶外防疫篩檢站，於今(28)日上午正式完工啟用。特別設置專業空氣過濾空調設備，可有效保障採檢人員安全，提供民眾舒適乾淨的候檢環境。
臺北榮總許惠恒院長表示，疫情雖十分嚴竣，但社會的愛心卻源源不絕，誠摯感謝顧芸董事長及廖曉喬策略長的善行，讓北榮在短短十天內，完成國內設備最完善的篩檢站，臺北榮總全體同仁將盡最大努力，堅守抗疫第一線，全力守護國人的健康。
臺北榮總急診部顏鴻章主任指出，原設於急診室外的第一篩檢站空間不足，侯檢環境不佳。為了改善民眾候檢的需求，第二戶外防疫篩檢站以組合屋形式建置，採檢區為全外氣供應的空調，空調的氣流方向由採檢人員流向被檢人員，排出的空氣經過過濾效果99.97％高效濾網（HEPA ）及紫外線殺菌再排到戶外，除了可讓採檢人員獲得最完善的防護，更可避免造成空氣污染。
除此之外，並設置空調及戶外二處候檢區，依社交距離設置座椅，民眾可依需要選擇，同時貼心提供流動廁所，提供民眾舒適、安全的篩檢服務。</t>
  </si>
  <si>
    <t>高雄台鋁MLD影城日前傳出將與交棒給秀泰影城管理，8日再被爆料影城員工、團隊已解散，記者致電影城客服也無人接聽。詢問MLD台鋁生活商場客服人員，對方僅表示商場部分仍維持由台鋁營運，戲院部分將交棒給秀泰影城。
至於民眾最關心的影城會員權益是否在轉移後仍可使用？客服則回應：「目前詳細合作內容和日期時間等，公司確認後會發公告聲明。」詢問秀泰公關，表示由於影城目前停業，需要一點時間向主管確認。
早在5月中新冠肺炎全台疫情爆發初期，在地社群網站「高雄點」就放上一則疑似內部流出的公告圖示，上頭寫道：「台鋁MLD將與秀泰合作經營，內部公告近期將停業整修至秋季中旬。」引起顧客熱議。
不少網友但嘆可惜，也有人樂觀其成，希望作為全台3大影城的秀泰影城趕緊進駐，還有人匿名爆料空間早已撤場完成，順勢搭上這波疫情停業潮，加速合作。不過官方單位尚未發布消息，導致外界眾說紛紜。
位在高雄前鎮區的台鋁MLD影城於2015年7月開幕，商場把日治時期的老舊廠房進行改造，並結合餐飲、影城、宴會、書局等娛樂休閒，開幕時曾大排長龍。未來若是秀泰接手電影院經營，將會是秀泰進駐高雄的首作影城，而全新打造的商場秀泰生活岡山店影城則預計今年底開業。</t>
  </si>
  <si>
    <t>台灣新冠肺炎疫情日益趨緩，今天又是零確診，中央流行疫情指揮中心宣布酒店、舞廳等行業只要達成4個關鍵條件，各縣市評估符合防疫及安全條件後，即可決定是否開放營業。台南市長黃偉哲對此表示，中央給出標準，台南就會執行，將考慮讓業者以切結方式，允諾遵守中央規定。
黃偉哲今天回應這項議題時說，台北市說法是等中央公文到了再說，中央的是說，如果地方準備好了就好，那到底是怎樣，聽了有點霧煞煞。他說，酒店跟舞廳的部分有一點像是燙手山芋，不管中央甩鍋到地方，或地方甩鍋到中央，還是希望不必給公文，就制定好標準及sop，由地方負責執行。
黃偉哲說，例如中央制定規則，客人跟小姐之間要戴口罩，保持社交距離，可不可行？跳舞要不要保持社交距離跳舞？這不知道有沒有辦法，反正就是中央制定一個標準準則，讓地方負責執行，業者負責遵行。</t>
  </si>
  <si>
    <t xml:space="preserve">大陸各地區加速復工，淘帝-KY(2929)(淘帝國際有限公司)3月旗下經銷商已逐步復工恢復門市營業，帶動TOPBI品牌童裝訂單出貨需求回升，3月1日至3月13日訂單出貨已達去年3月約30%多之水準，集團仍積極加速訂單物流出貨排程，預計整體出貨表現再往上提升，淘帝-KY與各省經銷商提前擴大春季童裝促銷活動，即將步入第2季夏季童裝出貨旺季，有望展現良好備貨力道。
淘帝-KY第1季雖受新冠肺炎疫情蔓延、生產製造與物流運輸延後復工因素，使得生產、出貨天數減少影響營收表現，但3月旗下共25個省經銷商已逐步復工恢復門市營業，帶動TOPBI品牌童裝訂單出貨需求回升，3月1日至3月13日訂單出貨已達去年3月約三成多之水準，集團仍積極加速訂單物流出貨排程，預計整體出貨表現再往上提升；另一方面，淘帝-KY與各省經銷商提前擴大春季童裝促銷活動，針對疫情亦提供經銷商推出買TOPBI品牌童裝贈送口罩的活動支持，成功帶動良好銷售動能，加上已有90%經銷商已拓展微信、直播平台等多元線上銷售通路，以期挹注經銷商整體庫存水位保持健康水準，即將步入第2季夏季童裝出貨旺季，有望展現良好之備貨力道。
淘帝-KY強調，觀察此次肺炎疫情對於中國童裝產業之影響，加速童裝品牌業者大者恆大之局面，有一定規模之品牌業者具有良好市場風險抵禦能力，而其他中小型業者面臨市場經營風險而將陸續退出市場，憑藉集團積極拓展新零售通路布局、採取TOPBI、Mini Topbi雙品牌差異化銷售區隔策略，有機會搶進更多的市場份額，看準中國網紅直播新電商銷售型態崛起趨勢，淘帝-KY已經啟動自家網紅培育計畫，期望透過網路紅人的互動分享耕耘年輕消費群體並進而發揮粉絲經濟效益，藉由提高忠實粉絲的品牌認同感，從而達到消費購物轉換且帶動回購率提升，有望未來營運帶來正面的挹注。
受惠集團近年透過強化TOPBI品牌於線下、線上通路行銷推廣，門市與童裝研發風格轉型並結合彈性生產供應，縮短產品研發上市銷售之時間以搶灘當季潮流消費商機，在中國童裝市場龐大商機打造TOPBI品牌高度競爭利基，除2019年TOPBI品牌門市數已超過1600間，在新零售虛實通路布局下，淘帝-KY於線上銷售持續展現強勁銷售表現，2019年TOPBI品牌線上銷售較2018年成長89.86%，占整體營收比重進一步提振至7%，隨著TOPBI品牌銷售規模放大，合宜調配線上、線下精準行銷廣告投放與費用管控，挹注2019年營業利益率提升至21.68%。
淘帝-KY 2019年合併營收達71.7億元，較2018年成長5.99%，稅後盈餘為11.35億元，年成長19%，每股盈餘達12.01元，年成長19.38%，受惠集團致力擴大TOPBI品牌於中國童裝市場占有率，以及持續朝新零售通路布局、童裝風格朝簡歐輕時尚轉型，帶動2019年全年營收、稅後淨利皆繳出歷年新高之亮麗成績，每股淨值達59.7元。
</t>
  </si>
  <si>
    <t xml:space="preserve">新冠肺炎益情持續擴散，口罩需求量大增。政府徵調口罩工廠後產量不斷提升，經濟部所採購的60台機器，已陸續運送至口罩工廠安裝；首波9條產線已進行測試，預計下周投入生產，日產能可達640萬片。至於其餘設備預計在3月9日全面投入生產，每日口罩產能可達1000萬片。
據《中央社》報導，經濟部日前公布「口罩生產廠商利用本部附條件贈與機台生產口罩遴選」結果，將60條新增產線分配給15家口罩工廠；其中有9條產線已在15日於安裝、測試。工業局局長呂正華對此表示，目前日產能550萬片，首波設備預計下周開始生產，兩者相加，下周起日產能上看640萬片。
至於剩下的51條新產線，呂正華表示本周將交貨20餘台，並在3月2日交機完成，全面進行安裝和測試，與工廠既有產線整合，預估在交機後1周就可以投入生產。經濟部表示，60台機器可望在3月9日全面投入生產，到時口罩的日產能可達1000萬片。
更多 CTWANT 報導
</t>
  </si>
  <si>
    <t>春節返台檢疫措施提前12月14日上路，但不少旅外國人最近規劃回台時，卻發現已經訂不到防疫旅館。衛福部長陳時中今天在立法院接受質詢時表示，春節期間4萬人返台「應該是低估了」，他也透露昨天疫情指揮中心已簽核外籍移工入境專案，即時可以展開，但到12月14日後需降載，春節期間對於移工引進須暫緩。
疫情指揮中心日前宣布春節返台檢疫措施，自非高風險國家入境者，前10天須入住防疫旅館或是集中檢疫所，若第9或10天做PCR檢測為陰性後，最後4天可放寬居家檢疫；該措施將在12月14日上路，實施至明年2月14日止。
陳時中今天赴立法院社福及衛環委員會備詢，民進黨立委賴惠員質詢時指出，根據陸委會及僑委會估計，春節期間預估有4萬人返台，但以2020年春節期間返台人數來看，單日平均人數達5.5萬，最高更達到6.8萬人，陳時中坦言這個數字「應該是低估了」。
賴惠員擔憂，春節返台檢疫恐成「國境鬆綁壓力測試」。陳時中表示，目前防疫旅館共26800間，交通部積極爭取增加3400間，至於集中檢疫所去年春節期間開設1500間，今年會將朝3000至3500間目標邁進，增加供應量來因應；由於增加居家檢疫場所供應量後還是可能不足，因此才會決定放寬非高風險國家的檢疫措施。
由於入境者不僅返台國人，也有外籍人士，賴惠員追問是否有考量到外籍勞工入境的人數？陳時中表示，昨天指揮中心已簽核外籍移工入境專案，即時可以展開，不過我們還是建議勞動部開放到12月14日後還是要降載，春節期間對於外勞引進可能要暫緩。
如果仍然訂不到防疫旅館，民眾該如何尋求協助？陳時中表示，民眾廣泛可以使用的就是1922，但他也坦言可能無法盡如同胞的希望，有些人前面回來，有些人後面回來，希望分散分流，不敢說萬全準備，但盡量在防疫量能的許可下，讓鄉親能夠返台相聚。</t>
  </si>
  <si>
    <t>國內新冠肺炎疫情持續升溫，屏東縣23日公布確診個案高達8人，屏東縣政府也宣布，從即日起至28日，餐飲業者全面禁止內用、改為外帶。
由於群聚確診者足跡以潮州鎮為範圍，因此，屏縣府除確診後的消毒外，23日更將請求國軍協助，將出動化學兵針對潮州鎮全面大消毒，屏東縣長潘孟安也提醒，這天應避免外出，雖可能造成不便，但還請民眾諒解。
隨著確診人數不斷攀升，潘孟安表示，目前縣內並無收治重症患者，至於負壓隔離病房的醫療量能也足夠，未來更會增加116床專責病床，進行分艙分流業務開設。
根據統計，目前因防疫共開出384張罰單，其中還是以外出未戴口罩為大宗，另外在確診者疫調過程中也發現，有人刻意隱瞞疫情，潘孟安表示，若涉及刻意隱瞞，屏縣府絕不寬貸，最高將開罰30萬元，希望能如實交代足跡，盡速防範。他也說，開罰只是手段，不是真要罰大家，而是疫情嚴峻，希望全民做好防護。
至於假消息不斷，讓公部門必須防疫，還要耗費精力打假，日前就有2個版本的確診者足跡，經調查發現，是屏縣衛生局人員在疫調未完成前就提早流出，縣府已要求嚴懲並調離現職，更將移送送辦。</t>
  </si>
  <si>
    <t xml:space="preserve">據「自由亞洲電台」(RFA)報導，為抵禦新冠肺炎，北韓於2020年關閉與中國大陸邊界，卻造成嚴重的糧食短缺。孰知平壤官員的因應政策，卻是要民眾勒緊褲帶、少吃一點。民眾憂心，政府雖然承諾2025年會重新開放邊界，但自己可能連冬天挨不過，遑論少吃3年。更讓人不滿的是，官員還一直強調別的國家新冠肺炎疫情更嚴重，北韓已經算好的。
隨著平壤政府通知民眾，苦難的日子會延續更多年，人們不免憂心連眼下的冬天能不能撐過都不知。西北邊城新義州的居民表示，「2週前，政府官員表示糧食緊急危機將延續到2025年。在此之前重啟與中國大陸之間的海關，可能性相當低」。
他補充道，「眼前糧食情勢已相當緊急，人們正與糧食短缺苦苦鬥爭。此時平壤表示，要儲存食物並減少糧食消耗，直到2025年為止，民眾只能感到絕望」。
報導指出，為避免新冠肺炎傳播，北韓於2020年1月關閉與中國大陸的邊界，並暫停與陸貿易，這使得原本已長期缺乏食物的北韓更陷危機。不只經濟受到重創，食品價格也快速飆漲，甚至進口商品也無法填補北韓食品生產與需求的缺口。
根據聯合國糧食與農業組織近日報告，北韓2021年將短缺86萬噸的糧食，約為北韓人口2個月的消費量；聯合國世界糧食計畫署估計，在北韓高達40%的人口營養不良。
雖然北韓解釋無法控制的因素導致良時無法自給自足，並影響國家持續發展目標，但聯合國報告卻指出糧食短缺起自國際對北韓持續制裁與封鎖、每年嚴重的自然災害，以及2020年以來的新冠肺炎。
儘管制裁的確讓平壤核武與飛彈計畫的資金與資源受到影響；但邊境封鎖是讓整個貿易停擺，許多人無法找到下一餐。新義州居民表示，期待邊境很快地能重新開放。
消息人士指出，對當局的不信賴與不滿情緒正快速擴散；特別是官員在會議上要求民眾應該吃得比過去還少、勒緊褲帶，導致民眾怒火中燒。
東北邊境城市會寧同樣也收到糧食短缺的指示，而官員則將此與北韓成功防疫新冠肺炎相連結。「他們在會議上表示，別的國家新冠肺炎疫情非常嚴峻，全球各地因新冠而死的人數每天快速增加」，北韓雖然糧食短缺，相較之下情況卻好很多。
消息人士駁斥，「居民才不相信這種解釋，並認為世界上哪有比北韓更困難的地方」。人們抨擊平壤面對糧食危機卻毫無作為，更憂心即使餓死邊境也不會開放。
消息人士表示，「有居民認為政府強調糧食節約，可能是金正恩還沒意識到實務問題有多嚴重。居民以苦苦掙扎、盡可能束緊褲帶，同時也對政府不切實際的要求不滿，責問還要把褲帶勒緊多少」。
從2021年年初以來，平壤一直高喊自力更生的口號，金正恩在1月時的北韓勞動黨第8次代表大會上，更立定減少依賴進口，自己解決問題。4月時，平壤再度喊出為更糟的經濟情勢做準備。7月時，中央委員會要民眾自己種糧，以應對可能連續3年的糧食短缺。
消息人士表示，民眾憤怒的原因是因為政府將責任轉嫁給升斗小民，要求他們養活自己，卻沒有採取任何措施解決問題。
</t>
  </si>
  <si>
    <t>對於幼兒園負責人結束居家隔離後，自主健康管理期間才發病，新北市衛生局長陳潤秋今在疫情說明會表示，案件發生後有跟中央反應，針對此狀況也會跟中央討論。
陳潤秋說，7天的自主健康管理期間有要求不舒服就要安排去看病採檢，這段時間內也不能大眾聚餐等自主健康管理規範。而幼兒園負責人的家人PCR採檢是陰性，但因該負責人現已鮮少管理幼兒園，有待後續疫調釐清其感染源。
新北市副市長劉和然補充，在此次匡列過程中發現此特殊個案，新北市昨第一時間已確保確診者的接觸者不要再有往外擴散疑慮，相關議題會回到疫情指揮中心，中央也知道須回到專家會議做詳細討論。</t>
  </si>
  <si>
    <t>台北市衛生局分析，北市8月1至7日一周新冠肺炎疫情，北市共新增確診本土病例16例，較前一週35例減少一半，各行政區分佈以中山區及萬華區各4例最多，其次為內湖區3例、大安區2例，松山區、南港區及士林區各1例。
北市本周本土病例共16例，其中居家隔離期間檢驗為陽性者有6例占38％、另有3例為已知感染源占19％、7例關聯不明占44％，本周家戶感染仍為主要原因，萬華、中山及內湖區共出現4件，為一戶2至3位家戶內感染案件，而家戶內最先發病或確診者均為感染源關聯不明。
北市衛生局表示，針對確診個案的工作職場，台北市亦積極介入，做疫情調查、接觸者匡列、防疫衛教及風險場域清消等工作，本周職場群聚有1案，為信義區百貨公司職場群聚，該場域2位確診者均為新北市個案，北市在7月30日接獲通知時，即到現場會勘並匡列接觸者，8月6日確診的第2例即是已匡列的居家隔離對象，藉由落實場域接觸者匡列，及時阻斷傳播鏈。</t>
  </si>
  <si>
    <t xml:space="preserve">美股帶頭下殺，國際股市空頭肆虐，菲律賓今日直接暫停交易，台股開盤大跌近180點，隨後在台積電(2330)開低11.5元領跌之下，大盤跌點一度迅速擴大至300餘點、殺至9371.35，所幸股王大立光(3008)牽手聯發科(2454)、緯穎(6669)奮力抗空翻紅，輔以金像電(2368)強勢助攻，拉抬大盤一度回到9600點。分析師表示，美國期指漲3%左右，帶動亞洲股市今日跌幅跟著縮減，今日台股開低走高，拉回幅度不深，目前全球央行齊力護盤，指數低檔有限。台股目前各期均線均呈空頭排列，上檔壓力重重，短線區間震盪仍大，以個股操作為主。
盤面表現方面，大立光今日開低，開盤不到十分鐘後由黑翻紅，股價漸漸走高，股價漲幅曾達3%；台積電(2330)昨遭外資賣超4.1萬張，加上ADR昨夜重挫14%，今早股價跳空開低11.5元為265元、跌幅逾4%，台積電即將於19日除息，每股預計配發2.5元，未來除息表現將是本周市場關注焦點；盛群(6202)、松翰(5471)挾著額溫槍晶片設計概念股價逆勢上揚3%；緯穎(6669)近期獲外資看好，股價漲幅約2%；金像電(2368)近期成為投信新寵，晨盤股價漲幅在7%以上。
分析師表示，歐美新冠肺炎疫情持續惡化，美股熔斷頻頻出現，國際股市跌跌不休，全球新冠肺炎疫情尚未獲得控制前，全球經濟面臨挑戰影響仍不可小覷，操作不宜躁進保守為宜。選擇上不妨考慮5G相關題材、伺服，及因居家隔離延伸出對PC、視訊會議與軟體相關，或是保健食品等。
</t>
  </si>
  <si>
    <t>我國採購的10萬劑莫德納疫苗今抵台，中央流行疫情指揮中心指揮官陳時中表示，今日入境的莫德納因劑量不多（9.96萬劑），指揮中心會馬上研究如何做最適當分配，目前尚未定案。
這批莫德納疫苗抵台後，各界關心如何運用，要留給第一劑還是第二劑？陳時中說，因疫苗量少，還需要一些討論，何時會有答案？陳未做明確答覆。
行政院長蘇貞昌表示，全球疫苗供貨不穩，許多國家變種病毒疫情又逐漸升溫，台灣疫苗覆蓋率自5月16日不到1%，現已逾910萬人施打，涵蓋率達36.88%；本土確診人數也從每天500多例，迅速降至兩位數，甚至個位數。
蘇強調，政府會持續努力加速疫苗出貨進度，同時確實做好各項防疫工作，讓國內儘快恢復正常生活。</t>
  </si>
  <si>
    <t>北市副市長黃珊珊21日指禾馨診所有違法施打疫苗給非醫事人員，禾馨稍早開記者會公布向北市衛生局取得疫苗的所有對話紀錄，並說施打名單都有核衛生局溝通來駁斥，針對政風處報告到底調查進度如何，台北市長柯文哲說「我不曉得」。北市副市長黃珊珊則說，有非醫事人員施打，會依法裁罰。
北市議員徐弘庭說，禾馨稱施打名單都有禾衛生局溝通過，且都有紀錄，政風處調查報告是怎麼報告的，甚至還寫中央級某民代施壓，可以這樣做報告嗎？
柯說「我不曉得」。北市衛生局長黃世傑則說，立委高嘉瑜跟他的LINE對話都有交到市長室，市府會有適度回應，他是有把高嘉瑜的要求交辦下去。
北市議員陳重文問禾馨到底有沒有違法跟違規？黃珊珊則說，比對後有非醫事機構人員施打，會依法裁罰，都有對禾馨4家診所進行一家一家比對。</t>
  </si>
  <si>
    <t>IC封測廠矽格公司（6257）9日針對竹東兩個廠區及湖口兩個廠區的外籍員工643名，展開預防性快篩作業。所有人員的快篩檢測結果全數呈現陰性。
矽格表示，此舉系因應陸續發生的外籍移工新冠肺炎確診事件，及為確保員工健康與工作環境安全。並配合新竹縣政府指示鼓勵雇用移工之企業進行快篩檢驗以防堵疫情擴散。
快篩作業系依據衛生福利部疾病管制署發布之企業抗原快篩執行原則，由公司委託專業醫事人員至宿舍和廠區執行檢測，以分流、分組、分區及保持防疫安全距離等防疫重點進行。
矽格表示，仍將持續依中央流行疫情指揮中心規定及流程進行防疫作業，持續照顧員工健康，保持工作環境安全。讓半導體供應鏈順暢、客戶安心來確保公司營運不受疫情影響。</t>
  </si>
  <si>
    <t xml:space="preserve">新冠疫情擋不住，全球超過40億人被迫宅在家中，生活變調。但各國卻都有官員陽奉陰違，甚至還被抓包。
紐西蘭衛生部長克拉克，日前違反該國居家守則，開車到離家2公里的公園騎越野車，還被民眾拍到。糗到極點的克拉克趕緊致電向總理阿爾登道歉。
Catherine Calderwood 23 Mar: “We have the virus in Scotland and this is no longer a rehearsal for something that might have to happen." "(New measures) can restrict the spread but only if people comply with EACH &amp; EVERY ONE of these measures”. When do you start complying Cath? pic.twitter.com/8rkQRVCh0k
貫徹只許州官趴趴走的，還有蘇格蘭首席衛生官卡爾德伍德女士，她為當地訂下封鎖期的活動規範，卻無視規定，逕自帶著一家大小到度假屋過周末，結果和克拉克一樣被民眾抓包。有圖有真相，照片曝光後引發輿論撻伐。卡爾德伍德週日向大眾道歉，並且宣布請辭。
另一位遭質疑者來頭更大，是高齡87歲的美國最高法院大法官金絲伯格女士（Ruth Bader Ginsburg）。華府的公共健身房自3月中旬起，都被下令必須關閉，健身迷只能在家望著縮水的肌肉乾瞪眼。不過，對健身持之以恆的金絲伯格，還是繼續在最高法院的健身房鍛鍊。
據報導，她的私人健身教練強森告訴媒體，儘管他勸大法官，但她堅持要繼續運動。因此金絲伯格在最高法院的健身房練身體。最高法院發言人表示，該院是應大法官請求，撥出一塊私人空間運動。由於她年事已高，且曾四度罹癌，醫師開立證明強調，保持運動習慣對金絲伯格的身體至關重要。
</t>
  </si>
  <si>
    <t>雙北市昨宣布九年級生與高三生停課，但連夜壞消息不斷，包括台北，桃園，台中，彰化都有中小學生確診；國民黨立委李德維質疑是「變形的三級警戒」，政策邏輯難以理解，不同年級的兄弟姐妹也還要上課，單獨讓這兩個年級的孩子停課，又能有助於防疫多少？
李德維說這是「變形的三級警戒」，讓許多家長面臨兩難。一方面擔心學校就是最大、最密切接觸的群聚場所，一方面也為難如果孩子停課了，大人沒有停班該如何安排照顧。昨天下午，雙北市宣布九年級生，與高三生停課，但連夜壞消息不斷，包括台北，桃園，台中，彰化都有中小學生確診，即刻全校停課，所有家長只怕心都沉了。
李德維批評這是「邏輯難以理解的政策」。九年級與高三生，應屆畢業在即，許多孩子原本就不需要到校了，停課能有助於防疫多少？況且如今大人們還要上班，不同年級的兄弟姐妹也還要上課，單獨讓這兩個年級的孩子停課，又能有助於防疫多少？
李德維說，停課，停班，乃至於封城，都是在不得已情況下要阻斷病毒傳播的斷然處置，正因為有副作用，所以要就該做得徹底，速戰速決，與其拖泥帶水，不如當機立斷，如果評估疫情擴散仍在加速，乾脆立即全面停課。非常時期，非常作法，從政者要把責任給扛下來，別讓民眾無所適從。
藍委林奕華也質疑，今天開始，學生上課期間全程戴口罩，但午餐怎麼辦？師生無法戴口罩吃飯，也很難管控學生吃飯不交談，防疫破口岌岌可危？她昨天提醒教育部發給學生隔板備用，有效區隔用餐距離，若沒隔板，如何拉出安全的用餐距離？教育部也應該有所指引。
林奕華和教育部轉達家長意見，要求儘速發給學生隔板，或如何保障學生拿下口罩用餐時的安全？教育部已允諾會將此問題列入優先討論，希望在未宣布全面停課的前提下，保護孩子在校安全上課，讓家長安心。</t>
  </si>
  <si>
    <t xml:space="preserve">受新冠肺炎疫情影響，大陸深圳鹽田港缺櫃、塞港情況持續惡化，貨物進出口時程遭嚴重推遲，有專家預估，鹽田港卡船的狀況已超過2周，對全球航運影響超過長賜輪事件。
英國媒體The Loadstar報導，大陸廣東新冠肺炎疫情爆發，讓深圳鹽田港被迫進行更嚴格的防疫管制，貨物進出口人員都必須篩檢陰性，原先預估船期受延遲7至8天時間，但近期疫情並未趨緩，多家航運商都認為貨物延誤時間已拉長至14天以上。
航運分析機構Vespucci Maritime分析師Lars Jensen表示，長賜輪事件僅延續6天左右，但鹽田港擁塞狀況已拉長至兩周，且接下來沒有恢復時間表，初估鹽田港造成的塞港效應，對貿易影響已經比長賜輪事件還要嚴重。
丹麥物流巨頭DSV Panalpina執行副總裁Henrik Nielsen持同樣看法，他說：「大陸目前的狀況可以與３月長賜輪事件相提並論，但這次的影響更巨大，而且持續進行中。」
物流公司Kuehne+Nagel海運副總Otto Schacht則認為，未來半年甚至9個月以上，鹽田港事件都會對全球各行各業產生影響，「餘震」將會持續至少2季，整體產業鏈緊繃會持續好一陣子。
此外，深圳不只鹽田港受影響，鄰近的南山港、蛇口港也同樣有相關防疫規定，這也讓全球航運衝擊擴大。
鹽田港為全球第四、大陸第三大港口，數據顯示，鹽田港去年吞吐量達1334萬個20呎標準貨櫃，占廣東省超過1/3的進出口貨量及大陸對美國1/4的貨量，角色相當吃重。
</t>
  </si>
  <si>
    <t xml:space="preserve">＜千秋楽の様子＞三月場所、結びの一番。白鵬ｰ鶴竜戦。#sumo #相撲 #三月場所 #春場所 #2020年 #この一番 pic.twitter.com/7k6s7RmXL5
日本大相撲「春場所」平安落幕，今年在疫情堪憂的大阪舉行，比賽相當精彩，出現了暌違7年的「相星決戰」。兩大橫綱白鵬、鶴竜以相同戰績(12勝2敗)進入周日決賽日(千秋樂)，打得很激烈，最後白鵬把鶴竜抬出界，摘下生涯第44次優勝。
同時這次賽事讓新星朝乃山升上大關(僅次於橫綱的位階)，升級大關要有足夠勝率，38年首次在大相撲只有1位大關，現在朝乃山補上成為第2位大關。朝乃山說：「但是打不贏橫綱就沒意義了，我認清自己實力還不夠。」朝乃山前兩日連續敗於兩位橫綱之手。
通常優勝者是以戰績決定，橫綱在第15日才會對決，今年兩位橫綱戰績相同，成為最後勝者為王的情況，稱為相星決戰。白鵬是大相撲史上戰績最顯赫的人，保有多項紀錄，44次優勝之中有15次是全勝(橫掃所有力士)，這次他剛滿35歲奪冠也是歷來第3年長的優勝者。白鵬與鶴竜都是蒙古人，前者已歸化日本國籍。
新冠肺炎疫情仍在全球蔓延，5月「夏場所」仍不確定是否開放觀眾。去年由於美國總統造訪，往後每年夏場所的優勝者都會獲頒1座「美國總統盃」(米大統領杯)。
</t>
  </si>
  <si>
    <t>近日各方一再疾聲呼籲端午節不返鄉，退票並免收手續費。國光客運企業工會理事長楊榮德強調，客運業完全認同「萬事莫如防疫急」，無異議配合到底，不過1車30個座位只賣6張票，每發1班車賠不只1班車，付駕駛薪水都不夠。希望主管機關補貼發車班次8成營業損失，協助客運業者度過空前危機。
楊榮德代表客運業第一線勞工發聲表示，今年端午連假預售票5月13日開始發售，配合三級疫情警戒延長，85折連假優惠已於5月29日緊急喊卡；之後中央流行疫情指揮中心又要求雙鐵、客運最多只能坐2成座位，並採取梅花座分散入座。
楊榮德說，客運業一切按照主管機關指示辦理，無論是安排車上座位或車站候車動線，駕駛與站務人員都戰戰兢兢，落實防疫工作；工會也通告、周知會員同仁，務必耐心面對乘客各種不同聲音。但另一方面，相關單位也應做好事先宣導工作，盡可能降低民怨或現場糾紛。
楊榮德說，即使客運業本身面臨前所未有經營困境，近日第一線同仁毫無怨言，全力處理退票與客訴。不過1輛車30個位子最多只能賣20％也就是6張票，按照客運業成本去算，連付駕駛薪水都不夠，「每發一班車賠不只一班車。」客運業運能與營收雪崩式下滑，端午連假運量緊縮雪上加霜，希望主管機關補貼發車班次8成營業損失，協助客運業者度過空前危機。
上周交通部公布紓困4.0方案，其中計程車、遊覽車、小客車租賃業代僱駕駛補貼3萬元已經匯入帳戶，不過公路客運卻沒有被列進補貼名單中。有公路客運業者表示，交通部發的錢是行政院紓困4.0，因為去年也發過，就直接匯進帳戶；但是客運是採取公運計畫來處理，對比1到4月的運量，下滑一半以上每車可以補助3萬元，公路總局上周說辦法快出來了，但一直沒看到細節。
業者表示，現在公路客運已經減班，每班車又只能坐6人，民眾都減少出遊，但搭車的需求還是在。假設說有18人要搭，等於要3輪才載得完，只能由第一線的駕駛或客服人員去告訴乘客「你要等2個小時才搭得到」。政府只宣布了最多坐滿2成，其他配套措施都沒有，放任基層客運人員去面對乘客的不耐煩、怒氣甚至刁難。</t>
  </si>
  <si>
    <t xml:space="preserve">IPO人氣王網通新兵康全電訊(8089)今上櫃，股價大漲48%，蜜月行情火熱，看好通訊產業仍將持續蓬勃發展，加上積極複製亞洲成功經驗拓展歐美市場下，後續業績、獲利成長可期。
康全電訊公開募股(IPO)期間，成功吸引63.23萬筆申購單，躍升今年IPO人氣王，人氣也延續到今日上櫃行情，以45.25元承銷價開盤，股價最高達68.5元，漲幅逼近5成，康全電訊最大股東為訊舟(3047)，目前持股比約四成。
康全電訊108年度及109年上半年度之營業收入分別為24.5億元及13.6億元，毛利率分別為30.8%及31.2%，也因為康全的產品具備差異化，因此毛利率比網通同業高出不少。每股盈餘分別為3.29元及2.26元。
康全電訊今上半年營收較去年同期的12.9億元，雖僅增加近6%，但獲利成長率卻達5成，上半年EPS 2.26元明顯優於去年同期的1.49元。
康全電訊主要從事寬頻通訊設備之研發及銷售業務，客戶包含國際知名電信營運商、電信網路系統整合大廠、有線電視營運商及北美電信網路設備經銷商，並以「COMTREND」品牌行銷，三大產品線為光通訊中繼設備、寬頻用戶端設備及家庭網路設備，看好隨著網路服務多元化發展，加上各國持續擴大及升級寬頻基礎建設下，未來通訊產業仍將持續蓬勃發展，基於大量佈建及營運的成功案例，康全會更進一步致力於將利基型產品擴展到各個區域及更多客戶，並以現有產品優勢為基礎，持續投入研發、積極開拓通路，以提供客戶更完整且符合市場需求的新產品，故在持續拓展客戶及市場下，未來業績與獲利成長應屬可期，董事長任冠生也看好，康全電訊積極複製亞太客戶模式，今年初已經拿到歐洲、美國客戶的入門票，已經試營運階段得小量出貨，未來4~5年將步出貨的高峰期。
康全電訊今年上半年營運因全球適逢新冠疫情，帶動頻寬需求增，美國中小電信商、重要亞洲客戶出貨增溫，推升毛利率，獲利大增五成，累計上半年每股獲利2.26元。
</t>
  </si>
  <si>
    <t xml:space="preserve">北巿出現全台第一個因新冠肺炎全校停課學校，中央流行疫情指揮中心指揮官陳時中表示，今天唯一的本土個案，第103案，是59案同班的鄰座男同學，就是原本國內已經停課的同班同學，因此按照原本規定，一班有一個人就停班，有兩班就停校，這次有兩個確診，和教育部討論結果在安全起見，讓全校停課到下週五。
陳時中表示，59案被確診後，這班已經都沒有去學校上課，隔離時間從59案隔離期間開始計算。
根據指揮中心15日公布的資料，該名北市高中男學生1月與家人同遊希臘，3月5日返台，12日出現喉嚨痛情形、13日因咳嗽、流鼻水及頭痛等症狀就醫，並於15日確診。
指揮中心表示，案103在3月15日早上出現喉嚨癢，當晚有發燒症狀，16日先行致電1922通知後，依指示前往醫院就醫並主動告知為案59同學，隨即由醫院安排採檢後住院隔離，於今日確診。因應該班級已有2人確診，該校自3月20日至3月27日進行全校停課；衛生單位將針對案59教室座位周圍同學進行擴大採檢。
國內出現首起全校停課狀況，台大公衛學院院長詹長權呼籲，現階段應該要宣佈社區傳播，但對此防疫指揮官陳時中表示，整個來看社區傳播還是要本土病例大於境外，現在雖然案例多，但本土要比境外來的少，當然指揮中心仍然不敢大意，防疫團隊仍然會戰戰競競面對疫情。
</t>
  </si>
  <si>
    <t>疫情趨緩，餐飲內用不需設置隔板，雲林縣北港鎮朝天宮周邊知名小吃，5日已有部分店家撤除隔板，但還是有些店家觀望中，持續不開放內用。另外，有條件開放進香團，朝天宮認為將可帶來團體進香人潮，有助商圈店家生意活絡。
中央流行疫情指揮中心公布2級警戒維持到本月18日，不過5日起部分相關措施已放寬，餐飲方面，內用不限隔板或1.5公尺間距。北港朝天宮商圈知名小吃「廟邊假魚肚」，5日拿掉隔板，表示沒有隔板可以坐更多人，方便全家共餐，增加來店人數。
「廟邊假魚肚」蔡姓老闆說，面對國慶連假，預計會有大量信眾來朝天宮參拜，室外通風良好，餐桌隔板會撤除，室內則視情況而定，若有需要還是會用隔板，主要是擔心連假人潮來自全台各縣市，染疫風險比較高，還是謹慎一點比較好。
其他小吃店指出，之前為了防疫，都只提供外帶服務，取消隔板與間距後，將開放內用，這幾天會觀察內用情況，進行滾動式調整，若有客人與他人併桌用餐要求隔板，也會提供隔板服務，盡量滿足客人的需求。
餐廳業者認為，餐桌上有隔板，讓全家聚餐意願大幅減少，生意大受影響，取消隔板後，已接到不少訂桌生意，希望疫情持續降溫，盡快恢復往日榮景。
朝天宮表示，之前禁止進香團到廟，所以參拜民眾都是親朋好友相約自行開車前來，開放進香團後，預估搭乘遊覽車進香人潮會有所增加。但廟前的人數管制處還是維持不變，仍需戴口罩、量體溫、酒精消毒後才能入廟。</t>
  </si>
  <si>
    <t>中央流行疫情指揮中心今(19)日公布國內新增6例COVID-19確定病例，分別為1例本土及5例境外移入；另確診個案中新增5例死亡。
指揮中心表示，今日新增之1例本土病例(案16006)，為本國籍50多歲男性，近期無國內外旅遊史，今(2021)年8月18日陪家人就醫，因家人需住院治療，故於同日接受陪病者採檢，於今日確診(Ct值22.7)；個案為無症狀感染，衛生單位已啟動醫院及社區調查與防治，相關接觸者匡列中。
指揮中心說明，今日新增5例死亡個案，為3例男性、2例女性，年齡介於60多歲至80多歲，發病日介5月24日至6月13日，確診日介於6月2日至6月15日，死亡日介於8月13日至8月17日；詳如新聞稿附件1。
指揮中心指出，近期確診個案解隔離情形，5月11日至8月17日累計公布14681位確診個案中，已有13545人解除隔離，解隔離人數達確診人數92.3%。
指揮中心說明，今日新增5例境外移入個案，為4例男性、1例女性，年齡介於20多歲至50多歲，分別自美國(案16002)、立陶宛(案16003)、越南(案16004)、阿拉伯聯合大公國(杜拜) (案16005)及伊朗(案16007)入境，均持有搭機前3日內檢驗陰性報告，入境日介於8月6日至8月17日；詳如新聞稿附件2。
指揮中心統計，截至目前國內累計2429464例新型冠狀病毒肺炎相關通報(含2411951例排除)，其中15897例確診，分別為1356例境外移入，14488例本土病例，36例敦睦艦隊、2例航空器感染、1例不明及14例調查中；另累計110例移除為空號。2020年起累計826例COVID-19死亡病例，其中818例本土，個案居住縣市分布為新北市406例、臺北市314例、基隆市28例、桃園市26例、彰化縣15例、新竹縣12例、臺中市4例、苗栗縣3例、宜蘭縣及花蓮縣各2例，臺東縣、雲林縣、臺南市、南投縣、高雄市及屏東縣各1例；另8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高雄市長韓國瑜拍板5月3日將進行「兵推演練」，未料卻遭誤解為要封城，綠營更狂酸是「封城秀急」，韓國瑜今動怒說，已經講了第7次了，從未說過要封城，更自嘲「我是『封城秀急』的弟弟『封城不急』」，希望外界別再誤解了。
韓國瑜表示，自己講了六次高雄不會考量封城，高市講第7次，身為高雄市長維護市民健康安全是首要任務，但是現在高市府完全沒有考慮封城，為了怕誤解，再說一次並放慢速度，「完全沒有考慮封城」。
韓國瑜也主動提到，「有人說我是『封城秀急』來嘲諷，我已經說了6次不封城，我是『封城秀急』的弟弟『封城不急』」，他納悶自己什麼時候說過要封城，為何要有奇奇怪怪的抹黑？
韓國瑜重申，封城茲事體大，對市民、經濟的打擊很大，高市府沒有考量到封城，「希望明天不用講第8次」。他強調，前天跟今天、大前天都講得很清楚，兵推演練是預設社區感染之後，怎麼樣看救治動能來做演練，突然爆發社區感染該怎麼做。</t>
  </si>
  <si>
    <t xml:space="preserve">因應新冠肺炎疫情衝擊，高市衛生局防患未然12日宣布，上百處長照據點，即日起暫停老人供餐服務，改為打包成便當，讓長輩帶回家享用，減少病毒傳播及群聚感染機會，目前暫定至3月底，是否延長或何時恢復正常，將視疫情狀況再評估。
高市衛生局長期照顧中心主任李素華指出，考量到有慢性疾病長輩比較容易感染，彼此在同一個空間，中午一起吃飯會有口水、飛沫，相對不安全，因此今天開始老人共餐服務暫停。
李素華表示，原本長照據點人員有設想過其他替代方案，如用「隔板」繼續共餐，但最後考量場地、空間問題，才改為將原本的團膳打包成便當，讓長輩能夠在中午帶回家享用。
李素華說，高市暫停老人共餐服務的措施，其他縣市尚未聽聞，目前沒有長輩反彈，畢竟家屬也會擔心這段時間被傳染風險，因此對於政府防疫措施，家屬都可以體諒。
衛生局主責推動的社區式長照服務據點分別有失智社區服務據點計52處及目前開辦的非社區照顧關懷據點（醫事）C級巷弄長照站66處，總計服務約1500名長輩。另外，社會局長青綜合服務中心社區關懷據點及巷弄長照站322處及高雄市原住民事務委員會權管文化健康站計27處也同步啟動辦理。
衛生局仍持續要求據點加強防疫措施，並且不定期抽查社區長照據點落實防疫作業，在不停止辦理據點服務情形下，各項服務活動時建議保持1公尺以上距離，落實縝密防疫無縫隙，提供長輩、家屬安心、安全的活動場地與空間。
</t>
  </si>
  <si>
    <t xml:space="preserve">新冠病毒在日蔓延，據日媒NHK報導，包含停留在橫濱港的鑽石公主號在內，日本已有705人確診新冠肺炎，且至今官方仍未能確任病毒傳播途徑。不過在此防疫工作吃緊之際，日本首相安倍晉三竟忙著接待出於同鄉的河豚業者，在鏡頭面前大啖河豚，令不少網友火大，直嗆「日本值得交給這個人嗎」？
安倍首相 地元のフグ仲卸業者らと面会 天然トラフグを試食 #nhk_news https://t.co/BW6H2hXzk8
報導指出，安倍接見河豚盛產地山口縣的河豚業者「下關河豚聯盟」理事長見原宏等人時，當場試吃了河豚生魚片，大讚口感Q彈有嚼勁。業者同時向安倍表示，受暖冬影響，當季的河豚獲取量略減，但本月初氣溫下降讓產量再度恢復。安倍也表示，河豚生魚片是第一美味的，希望來到日本的歐美旅客也可以嘗試看看。
不過此新聞一出，引來大批網友在NHK下方留言痛批，指責此時根本不是在鏡頭前吃河豚的時候，「我們可以讓日本交付給這個人嗎」、「不是說正在全力因應新冠病毒」，也有不少網友認為首相這回把選舉高於國政這一事實曝光了，「果然地方選舉高於國家大政」。而「安倍比河豚更毒」也成了推特上的關鍵字。
</t>
  </si>
  <si>
    <t xml:space="preserve">中印邊境衝突依舊緊張，近來局勢甚至持續升級。在上述背景下，美日印澳四國（Quad）外交部長將於10月初在日本會晤，商討大陸、新冠疫情等重要問題。
《日本經濟新聞》19日引述東京消息人士報導，經過日本政府與相關國家協調後，第2次美日印澳4國外長會議最快將於10月初在東京登場。屆時預計日本外務大臣茂木敏充、美國國務卿蓬佩奧澳洲外長佩恩（Marise Payne）和印度外長蘇傑生（Subrahmanyam Jaishankar）都將出席此次會議。4國外長去年9月曾在聯合國大會期間舉行首次會議。
日方官員透露，4國外長預計將透過這個重要會議，重申維持自由開放印太地區的重要性，並就應對新冠肺炎大流行及涉陸問題等交流意見。
《日本時報》分析，本次會議旨在對抗大陸在印太地區日益強硬的手段。
</t>
  </si>
  <si>
    <t xml:space="preserve">
中央流行疫情指揮中心今(15)日公布國內新增2例境外移入COVID-19(武漢肺炎)病例，為50多歲男性(案444)及40多歲女性(案445)，兩人為一對夫婦，分別於今(2020)年1月下旬及3月上旬至孟加拉工作，6月12日一同自孟加拉搭機至馬來西亞，並於13日自馬來西亞搭乘專機返國。
新冠肺炎再增2確診，打破了連13天「+0」，國內新冠肺炎已14天維持「+0」，今天是時隔13天又有境外移入個案，本土則有64天無新增病例，國內確診增加到445例。
指揮中心表示，案444在孟加拉工作期間，曾於5月23日出現發燒、咳嗽、喉嚨痛、肌肉痠痛及味覺異常等症狀，案445則於5月25日出現發燒症狀，兩人均於孟加拉當地確診後住院治療。其中案444於5月26日即無症狀，5月28日及6月2日採檢均為陰性，案445於6月2日檢驗陰性，兩人6月2日出院返家後未再外出。兩人6月13日返國入境時無症狀，因主動告知曾於孟加拉確診住院，由機場採檢後送至集中檢疫所隔離，其中案444一採檢驗陽性，案445一採檢驗陰性，二採檢驗陽性，兩人均於今日確診，目前住院隔離中。
指揮中心指出，案444與案445搭機返台時均有戴口罩、著防護衣，入境後未接觸國內親友。衛生單位目前已掌握個案同班機機組員及前後兩排乘客共37人，由於兩個案全程皆有著防護裝備，因此11位機組員列為自主健康管理對象，前後兩排26位乘客維持居家檢疫對象。
指揮中心統計，國內截至目前累計74,409例新型冠狀病毒肺炎相關通報(含73,507例排除)，其中445例確診，分別為354例境外移入，55例本土病例及36例敦睦艦隊。確診個案中7人死亡，433人解除隔離，其餘持續住院隔離中。</t>
  </si>
  <si>
    <t>「半島電視台」（Al Jazeera）13日報導，在新冠肺炎（COVID-19）疫情下，斯里蘭卡偏鄉的孩童們無法去學校上課，但村內又連不上網路，只好每天穿過茂密且有猛獸出沒的叢林，登上村子附近的小山，以連上網路接受線上授課。聯合國先前警告，疫情已讓全球兒童教育成果倒退20年。
位於斯里蘭卡偏遠地區的村落博希提瓦亞（Bohitiwaya），村內的45名學童每天都會在大人的帶領下，穿過茂密的叢林、登上一座小岩山，因為只有在山頂才能收到網路訊號，讓他們得以接受線上授課和下載講義等。且由於並非所有人都有手機或筆記型電腦，只好大家一起共用設備。
根據報導，這段路來回須行走超過6公里，且叢林中有大象和豹等野獸出沒；該村一名6年級學生的父親庫瑪瑞（HM Pathmini Kumari）表示，父母們都很擔心學童可能在路上遭遇危險。
這並非單一案例，距離該村約60公里的盧努加拉（Lunugala）村同樣收不到網路訊號，學童只好在大人的帶領下，到附近森林保護區一座小山山頂的樹屋上課。「半島電視台」指出，自2020年3月以來，斯里蘭卡學校大部分時間都維持關閉，而該國430萬名學生中，最多僅約40%有能力參與線上授課。斯里蘭卡12日已開始為所有教師接種疫苗，希望盡快讓學校能夠重新開放。
聯合國先前公布報告指出，在新冠肺炎疫情影響下，2020年全球缺乏基本閱讀能力的兒童達5.84億人，較預期的4.6億人大幅增加，抵銷了過去20年來的努力成果。教科文組織呼籲各國向教育體系提供更多資源，以盡快在確保安全下重啟學校，並加速數位學習工具的普及，避免發生「世代性災難」。</t>
  </si>
  <si>
    <t>中央流行疫情指揮中心指揮官陳時中表示，日前針對規模1000人以上企業、100人以上中央政府機關，對有意願的人進行造冊，他強調，這是預先的準備，並不是由這個當作施打依據，目前先造冊了解，以做未來疫苗分配的規劃。
有媒體報導「COVID-19疫苗接種外展服務，無法選擇疫苗廠牌，係為國產疫苗鋪路」，中央流行疫情指揮中心今(29)日澄清，無法選擇疫苗廠牌，係因目前尚無法確認屆時可供應之疫苗廠牌與數量，並非為國產疫苗鋪路。
指揮中心表示，為加速我國COVID-19疫苗接種作業，規劃辦理「COVID-19疫苗接種外展服務」，已於日前發文請各部會先行調查「規模1000人以上企業」、「100人以上中央政府機關」等人員施打疫苗意願及進行造冊，並由各機關（構）自行評估是否有適合執行接種作業的地點及空間規劃等。
有關媒體報導「該公文提到無法選擇疫苗廠牌，係為國產疫苗鋪路」，指揮中心澄清，係因目前尚無法確認屆時可供外展服務之疫苗廠牌與疫苗數量，並非為國產疫苗鋪路。待疫苗量充足，會依屆時可供應之疫苗廠牌與數量，再次詢問機關（構）參與外展服務與接種之意願。
指揮中心進一步說明，有關「疫苗外展服務調查」，係為後續疫苗量充足且可全民接種時，疫苗需求量調查與分布之預先規劃。</t>
  </si>
  <si>
    <t xml:space="preserve">鈺太(6679)今年因疫情帶動NB需求大好，整體營運大彈升，法人預估全年每股有機會挑戰大賺7元，目前因疫情再掀變種危機，筆電廠積極拉貨，鈺太第四季營運預計更勝第三季，鈺太今股價抗跌，上漲逾1%。
全球疫情再掀波瀾，變種病毒衝擊歐洲，預計居家辦公、遠距教學的需求恐比先前預期來的更大且時間更長，預計鈺太受惠筆電廠積極拉貨下，營運動能將一路延伸到明年，整體來說，第四季會比第三季好、下半年會比上半年好，至於明年第一季，由於農曆年使得工作天數減少，鈺太明年第一季有機會力拚和今年第四季持平。
鈺太今年主要營收成長仍是NB，其中的主要動能來自Chromebook，因廣達(2382)在Chromebook有60~70%市佔率，鈺太原來就是廣達供應商，另外，其他營收成長動能來自TWS、PS5、TV、穿戴裝置、智能音箱等，鈺太今年受到疫情所帶來的商機，營運大幅彈升，法人樂觀預期，鈺太2020年營收有機會成長逾30%，每股獲利甚至有機會挑戰7元大關。
</t>
  </si>
  <si>
    <t>全球商業不動產服務機構高力國際公布第三季旅館前景報告（Hotel Insights），認為隨著部分國家國境逐步解封，預期亞太區觀光旅館業營運將不至於再轉壞，未來可望呈現U型趨勢復甦，但長途跨國旅遊可能要到2023年才有機會完全復甦。
新冠肺炎疫情使全球各國封鎖國境，跨境商旅凍結使觀光旅館業遭逢重創。高力國際調查顯示，上半年亞太區飯店業整體住房率驟降至33.9％，單日平均房價僅60.32美元（約新台幣1765元），平均客房收益（RevPAR）年減達近7成。
投資動能上，高力國際資本市場服務部執行董事黃正忠指出，新冠肺炎衝擊使得亞太區飯店交易總額自首季便出現大幅下滑，第二季更驟減至僅有10億美元，季減幅達56.8％、年減幅高達71.7％。
不過，過去幾個月來，全球已有國家陸續放寬旅遊禁令、甚至重新開放邊境，高力國際預期觀光旅館業營運不至於再轉壞。然而，由於對經濟及國境解封後的疫情復發、以及疫苗尚未問世的相關擔憂，仍將改變旅遊生態。
台灣上半年來台旅客人次僅約126.2萬，年減達78.9％，台北市觀光旅館住房率自1月62％一路下滑至6月20％，旅館平均客房收益自2815元跌至574元。但在疫情趨緩及消費振興方案帶動下，花蓮等風景區飯店住房率已回溫至70％，平均客房收益可達3343元。
高力國際董事總經理劉學龍表示，目前跨境旅遊仍以必要商務為主，各國觀光旅遊活動仍由國旅帶動。未來在全球國境逐步開放、經濟逐漸回穩後，離家近且重視衛生安全的短程旅途將率先復甦，過往大規模的團客行程減少，朝向人數少的精緻團體或自由行為主。
高力國際研究部董事梁儀盈指出，台灣以往每年出國人次達上千萬，但如今這些旅遊及消費動能只能留在國內。因應後疫情時代民眾生活習慣改變，旅館營運商除了應分散多元客層，經營方式上應善用台灣優美的山景及海景、融入自然及健康元素、重視戶外設施。
梁儀盈認為，飯店業者現在應致力提升經營精緻化，建議經營應提升AI人工智慧服務，配置無人化及自動化裝置、高標準的衛生清潔設備等，透過智慧硬體設施來跟旅客互動。如此在全球旅遊重新開放時，才能保有現有市場熱度，且更有實力迎接國際觀光客到來。</t>
  </si>
  <si>
    <t xml:space="preserve">馬光-KY(4139)診所業務成長帶動，2月合併營收為新台幣6107.9萬元，較去年同期成長5％，其中診所業務成長更達15％。前2月營收為1億2867萬元，年減10.24%。
馬光表示，2月份馬光整體合併營收若屏除去年10月出售的國際學校影響下，較去年同期成長8％，其中天津馬光較去年同期成長24％，除由於去年2月逢農曆新年，主要原因在於天津馬光糖尿病慢病業務較去年同期成長35％，不過，因為新冠肺炎疫情擴散，部分患者減少出門就醫，導致天津馬光一般門診業務減少，以及為避免病毒傳染，目前暫停口腔業務，但整體而言，因天津馬光為當地唯一具糖尿病及中風後慢病管理資格的民營機構，在慢病管理業務的「剛性」需求下，縱使一般門診業務受新冠肺炎影響，天津馬光仍然於2月份取得成長的成績單。
馬光進一步表示，天津馬光糖尿病慢病管理的年度續約率多年來均維持九成五以上可見，此次因應新冠肺炎疫情影響，天津市政府特別加速互聯網醫療執照的審核，故天津馬光可望提前在第二季取得執照並推出互聯網醫療服務，提供患者雲端問診、健康諮詢、送藥到家等一站式雲端服務，預計天津馬光將成為天津首家民營擁有慢病管理資格的互聯網醫療暨社區醫療診所，值此新冠肺炎擴散之際，可望為當地輕症病患及慢病患者的首選，更進一步加速拓展公司一般門診及慢病管理經濟規模。
帶動2月合併營收較去年同期成長的另一個原因為，馬光旗下知名品牌「黃耀南」中草藥保健品清熱解毒防疫藥方熱銷，業績較去年同期成長30％。另外新加坡診所的部分，雖然因新冠肺炎疫情影響，導致部分患者減少出門就醫，但2月分營收在疫情影響下，仍然微幅成長，顯見新加坡診所自去年營運體質改善後，到目前仍持續成長中。
</t>
  </si>
  <si>
    <t xml:space="preserve">Quarantined Posted Up Pod: Lakers guard Quinn Cook - who sources say tested negative for coronavirus - on testing process, how he’s staying in shape isolated, NBA players receiving tests versus general public and more.🎧: https://t.co/W9YwNqki4W🎥: https://t.co/bkFXrqogWB pic.twitter.com/JF96ToUiel
在先後爆料麥基、杜德利兩名湖人球員接受新冠病毒檢測呈現陰性，《Yahoo Sports》資深記者海恩斯21日繼續爆出湖人替補後衛庫克沒有中鏢，更用視訊進行專訪，談到接受檢測的過程，庫克不禁表示，「那是你人生最糟糕的8到9秒！」
由於先前爆出兩名湖人球員確診新冠肺炎，可是湖人官方決定交給球員自行決定是否公開，如今隔了1天多時間，遲遲沒有湖人球員跳出來證實自己確診，只能交給外界繼續猜測當中，不過當前包含麥基、杜德利與庫克3人檢測都呈陰性。
「我看過米契爾的採訪影片，他說採檢過程很不舒服，我不希望任何人有那種經歷，但那是必須做的事，」庫克說，「我們醫生做得很棒，讓每個人都避開彼此，但所有人反應都一樣，搞笑的是我們都在群組內吐槽檢測過程有多痛苦與不適。」
「就是用一個醫用棉花棒，醫生會插入你的鼻子深處，我猜要到咽喉的部位吧，他把棉花棒插入你的鼻子然後轉動，那種感覺太糟、太糟了，」庫克說，「我們在檢測完成後5小時仍感覺不適，但我們都接受了檢測，且共同克服了它。」
</t>
  </si>
  <si>
    <t>因應疫情持續嚴峻，中央流行疫情指揮中心已宣布提升全國疫情警戒至第三級，台電為落實防疫，確保員工健康及供電不受疫情影響，台電總管理處於24日實施異地辦公措施，並配合疫情指揮中心指引辦理相關防疫措施。
台電說，位於台電總管理處的中央電力調度中心，是確保全國穩定電力的關鍵，因此在98年即考量「異地備援」，在高雄同樣增設中央調度中心，成為全世界第一套雙主控中央調度中心。
因應疫情考驗，台電總管理處已在去年進行調度人員與其他人員分流，近期更加強人員分流管制，包括人員進出大樓動線分流、公文傳遞動線規劃、加強環境消毒與清潔區域分流、會議採分艙分流或視訊等，也提前利用假日期間進行搬遷準備，24日開始實施三階段異地辦公措施，隨時滾動檢討可加強之作為，防止疫情擴散。
異地辦公方式如何執行，台電說，將積極運用原本會議室及餐廳等空間改為異地辦公場域，也綜合盤點鄰近各地方單位可用空間，將總管理處各單位約三分之一員工自今（24）日起分三梯次陸續移至異地辦公，並杜絕兩區人員越區交流，避免單位業務受疫情影響無法正常運作。
台電表示，為了穩定供電，台電各單位也已完成備援人力機制及異地辦公規劃，也針對供電需求完成材料盤點整備，及發電必要燃料庫存數量，以確保供電不受疫情影響。</t>
  </si>
  <si>
    <t>台灣新冠肺炎疫情趨緩，但國際卻越來越嚴峻，台大公衛學院院長詹長權昨指出，只要沒有疫苗，就很難終結新冠肺炎，但台灣疫苗沒有國家隊只有「國際隊」，遺憾台灣在這塊缺席。他強調，台灣要與國際有連結，不可能一直沿用嚴格的邊境管制，但要做好控管，才能顧好經濟並保護人民健康。
詹長權強調，疫苗是終結新冠肺炎疫情的唯一武器，各國研發單位預估至少要打2劑才達到效果，但從現實與國際觀點來說，沒有單一國家可完成疫苗開發，疫苗研發需要組國際隊，政府要清楚這無法像口罩一樣組國家隊。
他呼籲，台灣不要繼續沉溺在誰的實驗室有什麼突破，「好像我們也可以做疫苗」，實際上國際都組成疫苗研發聯盟，台灣一定要跟國際接軌，也要提早思考，若無法取得疫苗該怎麼做。
台灣疫苗推動協會理事長李秉穎表示，國內目前有3個疫苗廠的研發到了動物實驗階段，但他坦言，進度落後其他國家很多，時效上可能會來不及趕上年底秋冬或明年初第二波流行，尤其未來能不能做到第三階段的人體實驗以證明其有效性，都是非常困難的事情。
不過，「疫苗國家隊」還是須加以輔導，這是國內疫苗發展的契機，因此還是要進行研發；建議業者要有備案，一旦研發成果不好，要取得國際合作，讓國外藥廠能夠技轉或合作加速國內疫苗的供應。
指揮中心發言人莊人祥也表示，對於疫苗研發一直都在尋求國際合作，應該在明年有機會研發出來。</t>
  </si>
  <si>
    <t>「今天是我和孩子分開的第22天，我怕不小心中了沒發現，就此傳染給孩子...」前立委黃適卓近日收到許多殯葬業的反應，感嘆新冠肺炎患者必須24小時內火化，但身處第一線的他們，日夜接觸確診個案，卻幾乎被政府遺忘，力爭將殯葬業者列為優先施打疫苗名單。
桃園市新聞處長詹賀舜指出，按照《傳染病防治法》，新冠肺炎確診病故個案必須24小時火化，針對有接觸遺體的人，市府已經完成調查列冊，75位第一線工作人員都已經完成疫苗施打。他強調第一線人員執行業務時，都要穿著防護衣、戴口罩、面罩才能執行任務，防堵疫情零破口。
「無症狀的感染使我更害怕，我害怕的不是我中獎，而是害怕自己不小心中了而沒發現，就此傳染給孩子，也因為這樣，今天是我和孩子分開的第22天了...」前立委黃適卓說，殯葬業者一封信，道盡因為疫情，骨肉分離不得相見的心酸，殯葬業彷彿是隱藏版的第一線，日夜接觸確診個案，卻幾乎被政府遺忘。
黃適卓說，每一個離世的人，身後事都應該辦得莊嚴鄭重，可是疫情期間，不僅遺體必須在24小時內火化，家屬也不得親見往生者最後一面。折衷的辦法，往往只能透過殯葬業人員，隔著螢幕用手機視訊送親友離去，但他們肩負防疫最後一個環節，卻沒辦法受到完善的保護，呼籲政府應該將殯葬從業者列入優先對象，不讓隱藏版第一線人員淪為防疫犧牲品。</t>
  </si>
  <si>
    <t xml:space="preserve">美國新冠肺炎死亡人數在昨（22）日正式超過20萬人，對此，美國總統川普回應時坦言「很遺憾」，但也稱防疫工作做得「很出色」，否則美國可能會有300萬人喪命。
綜合《今日美國報》（USA Today）、美國有線電視新聞網（CNN）報導，今年初新冠肺炎蔓延美國時，川普3月底才表示，如果美國能將病歿人數控制在10至20萬人之間，那美國的防疫工作就做得「非常好了」，如今川普預言成真，死亡人數甚至超過預期，根據美國約翰霍普金斯大學（Johns Hopkins University）全球疫情統計，截至台灣時間今（23）日上午8時，美國總死亡人數為200,654人。
對此，川普昨日在白宮表示「很遺憾」，稱美國防疫工作做得「非常出色」，「如果我們沒有適當、正確地做（因應），你可能會有250萬人死亡，如果你看看其他選項，你可能會有250萬人左右喪命，甚至更多人。」
川普接著將炮口對準北京，「你們看到了我在聯合國的演說，中國應該讓病毒止步於他們的邊界之內，他們不該讓病毒散播到全世界，這是一件非常糟糕的事。」
他更稱，要不是他關閉邊界，美國可能會有300萬人死亡，「這是一件可怕的事，永遠不該發生，記住，是中國讓這件事發生。」
今年5月以來，美國的新冠死亡數就不斷超速，讓預測模型提前達標，華盛頓大學健康計量評估研究中心（Institute for Health Metrics and Evaluation，IHME）原本預估10月初死亡人數達18萬人，明年1月增加至37.8萬人，實情是，5月美國就有10萬人喪命。
針對疫情前景，加州大學柏克萊分校（University of California at Berkeley）傳染病及疫苗學系榮譽退休教授斯瓦茲伯格（John Swartzberg）表示，隨著秋冬流感季來臨，他很難樂觀期待10月、11月情況會好轉，「我沒有看到人們的行為有適當的轉變，我看不到檢測量提升，我看到政治層面持續壓迫做正確的事。」
</t>
  </si>
  <si>
    <t>為振興國旅市場並讓民眾出遊更加安心並刺激買氣，易遊網獨家承包的「環島之星Hello Kitty繽紛列車」商品遊程，不僅全面提升列車防疫並嚴格把關每日消毒清潔，並於今日推出環島之星和離島澎湖指定商品，3月底前出發，享住房免費限量升等，最高還能直升101坪頂級套房，標榜房型價差高達1萬2千元。
為帶動國旅買氣，「環島之星Hello Kitty繽紛列車」遊程的住房免費升等優惠，包含【溪頭+集集車埕+日月潭 豐富3天】搭配「涵碧樓」25坪「湖畔雙人房」，限量升等至101坪的「庭園別墅雙人房」，等於現賺1萬2千元房型價差。【花蓮．理想大地自由行 2天】3月出發平假日同價，下殺至不到4千元，假日出發等於先享6折價，還能再升等「蜜月／歡樂套房」。
【台南美食+台東 豐富3天】搭配五星級住宿「台南晶英酒店」，原安排的12坪房型，最高可升等到22坪的「府城套房」，房型價差也多達4,400元；【台南自由行2天】入住「台糖長榮酒店(台南)」，房型空間直接翻倍，從10坪房型升等至20坪套房房型，每人售價4,750元起；若想安排離島旅遊，【澎湖自由行3天】用3,599起的激省價，就能入住五星級「澎湖福朋喜來登飯店」，再享升等「池畔親子豪華房」，CP值相當高。【墾丁．小奈良／海生館／鵝鑾鼻 輕鬆選2天】搭配「墾丁福華渡假飯店」，最高可升等入住價差超過8千元的「豪華海景套房。
易遊網上週推出【安心訂房企劃】，目前已累積200間國內飯店共同響應，除了承諾3大保證外，也祭出5折起、免費升等、延遲退房、加人不加價等優惠內容，還有200元折扣碼可領取折抵。
易遊網安心訂房3大保證包括：飯店公共空間與客房每日定期消毒、飯店公共空間或客房內，提供酒精或乾洗手等消毒用品，以及指定專案於3月底前入住，可享入住前一天免費取消。</t>
  </si>
  <si>
    <t>繼台北市傳出多起去美國打疫苗回國，民眾在檢疫期間驗出新冠肺炎病毒案例，雲林縣今天（3日）也有一起，下午3點雲林縣府將舉行線上記者會說明。
據了解，雲林縣今天下午將宣布一起境外移入確診病例，該患者到國外打完2劑疫苗回國隔離時，PCR檢測是陽性，Ct值32，但未回雲林。</t>
  </si>
  <si>
    <t xml:space="preserve">
越靠近美國總統大選，壽險業投資越趨保守？據保險局27日公布最新統計，到9月底壽險險投資台股總市值為新台幣1兆6,523億元，比7月高點時的部位，少了1,082億元，其中估算有800億元左右為減碼操作，獲利落袋為安。
9月底壽險業國外股票市值亦降到新台幣5,826億元，比8月高點少了309億元，推估7、8兩月國外股票亦減碼200億元以上，等於壽險業二個月減碼股票部位逾千億元。
因為實現獲利或降低投資風險部位，壽險業9月底國內外現金部位高達新台幣1兆6,554億元，創保險局公布以來、即10個月來的新高，這些現金部位若沒有去化，年息大約只有0.2~0.5％，遠低於壽險業資金成本，因此壽險公司「避險」操作意味濃厚，即錢先放現金部位，等待新的投資機會。
同時因為國際板債券贖回潮、國外債券9月價格下跌及實現債券獲利等三大因素，國外投資9月單月亦少了新台幣2,255億元，減少金額創3月新冠肺炎之後的單月新高，其中國際板債券9月少了43億元、股票少309億元，剩下就是賣債券或債券跌價損失。</t>
  </si>
  <si>
    <t xml:space="preserve">紐約大都會被驗出2人感染新冠肺炎，其中1人是球員，他們21日對馬林魚、22日對洋基的比賽臨時喊停。大都會在客場邁阿密與馬林魚已經打了3連戰，第4戰之前才被驗出感染者。大都會周末有3場在洋基主場的「地鐵大戰」，第1戰確定延後。
本月20日是本季大聯盟30支球隊自開幕戰以來全數出場比賽的一天，但也只持續1天就再出現病例。先前馬林魚爆發疫情時連續取消7場比賽，紅雀停賽更長達半個月。大都會全隊將飛回到紐約，持續追蹤檢疫，兩位病人暫留邁阿密，他們下半月的比賽對手只有馬林魚和洋基。
洋基在月底前與大都會還有6場比賽，總教練波恩(Aaron Boone)說：「2020年不比往年，我們開季前就有心理準備，我們知道隨時會有挑戰，也經歷過賽事取消與雙重賽。顯然其他球隊遭遇更嚴重的狀況，我們只能盡力安全地打比賽。」
</t>
  </si>
  <si>
    <t>桃園24日新增7例確診，累計桃園市確診病例789例，且有2案家庭事件，疫調確診足跡經金時代自助洗車店，以及桃園大業郵局外刷簿機，桃園衛生局呼籲，曾出入相關場所者，請於足跡重疊次日起14天進行自我健康監測。
桃園市24日宣布新增7例本土案例，年齡介於不足10歲至60多歲之間，累計確診案例達789人，且7人均為確診者接觸者(案14398、14400、14401、14455、14456、14457、14486)，其中有2案例為家庭傳染事件，案14401為案12208、12209及12738家人，案14486為案13589及案14024家人。
桃園市衛生局也指出，24日確診足跡新增金時代自助洗車店，以及桃園大業郵局外刷簿機等2地，呼籲曾出入相關場所者，請於足跡重疊次日起14天，進行自我健康監測。</t>
  </si>
  <si>
    <t>新冠肺炎疫情仍嚴峻，但高雄傳來好消息，睽違14天，嘉玲終於又回到高雄，高雄市長陳其邁感謝市民的配合及醫護的努力，他也強調，雖然7日0確診，但面對疫情仍然不能掉以輕心，必須戰戰兢兢如實做好防疫工作，他也相信最終一定可以戰勝疫情。
陳其邁表示，高雄7日0本土確診個案，距離上次0確診是14天以前，而這段期間高雄大多都是出現零星個案，他特別感謝市民以及所有醫護同仁的努力，但還是要提醒民眾，面對新冠肺炎疫情，大家沒有樂觀的本錢，必須戰戰兢兢、小心翼翼把每個防疫工作落實。</t>
  </si>
  <si>
    <t>中華民國紅十字會為提升新北市第一線救護人員出勤防護裝備及能力，捐贈捐贈防疫物資，於（26日）下午1時30分於南雅分隊車庫舉辦中華民國紅十字會捐贈新北消防防疫物資儀式，並邀請新北市謝副市長政達代表受贈及回贈感謝狀。
中華民國紅十字會長期以來投入國內、大陸以及國際賑災不遺餘力，全力實踐紅十字運動所彰顯的博愛、人道、志願服務的精神。近期新冠肺炎疫情日趨嚴峻，作為人道組織，中華民國紅十字會超前佈署、積極採購並發送必要防疫物資給醫護、消防等救護機構，充實第一線抗疫資源。
中華民國紅十字會熱心公益、造福鄉梓之義舉，足為當今社會的典範，令人殊堪感佩讚賞，該會總會長王清峰對於消防救災工作重視，協助政府強化防疫能力及裝備不遺餘力，也希望藉此達拋磚引玉之效，引領各界投入更多的公益善行以造福市民。
謝政達表示，中華民國紅十字會長年熱心公益、默默耕耘，深受地方各界好評與肯定，而今日再捐贈新北市政府消防局防水隔離衣500件、重複用防護面罩700件、12吋丁腈手套14000支及N95口罩10000個，加強本府消防局防疫能力及裝備，並提升整體防疫效能，確保居民的生命安全，衷心感謝其善行義舉。</t>
  </si>
  <si>
    <t>第12期公費疫苗預約亂象叢生，許多民眾無法預約第二劑莫德納疫苗，指揮中心昨天傍晚臨時加開兩萬多個名額，再次引發民怨。衛福部長陳時中今天解釋，這是因為有原先被造冊接種的11萬人跑去平台預約，因此佔去約2萬多人的名額，才會在昨天傍晚緊急加開。
陳時中今出席立法院衛環委員會備詢前，接受媒體聯訪時指出，本次莫德納疫苗預約，原先就有約20萬的民眾是在64歲以下至55歲間，先前是用預約平台登記，另外有53萬左右的民眾原先是造冊對象，只不過造冊對象中有11萬人在昨天上網預約，因此佔去可預約名額，所以才會臨時加開預約場次。
外界質疑，先前高端疫苗的股市交易有異常，陳時中對此指出，高端疫苗的緊急使用授權（EUA）是獲衛福部認可的，但相關的交易，必須由檢調、金管會調查，非衛福部權責。
陳時中也說，高端疫苗的二期臨床結果能夠登上美國知名期刊，代表這是大家都認可的結果，對此感到相當高興，目前也持續與美國就高端疫苗的有效性進行談判，持續努力溝通。</t>
  </si>
  <si>
    <t>新冠肺炎疫情全球蔓延，打亂各產業發展布局，線材廠強新工業（5013）董事長吳玉堂日前接受訪問時表示，疫情造成消費力延遲已是事實，該公司對今年景氣持謹慎、保守態度，但仍會按公司既定腳步前進，投入大陸滁州EP管廠及越南線材廠的興建，為營運儲備動能。
強新線材以線種及尺寸規格齊全著稱，涵蓋碳鋼、合金金鋼、不銹鋼等，線徑50㎜以下都有。
目前兩岸產能分別為10,000噸／月及9,000噸／月，加上供應半導體、光電等產業輸送液、氣的EP管（超潔淨拋光不銹鋼管），產品線組合非常健康，尤其大陸廠產品85％供應汽車扣件市場所需，具有厚實競爭力。
吳玉堂指出，景氣循環有高有低，今（2020）年原本預估成長就會趨緩，加上開春以來新冠肺炎疫情蔓延，各國紛紛祭出封城、鎖國，造成的消費力延遲，已對全球景氣復甦帶來壓力，因此對於今年景氣看法不敢太樂觀，第二季以後的訂單變數恐增加，必須更謹慎、保守因應。
強新工業自結今（2020）年前3月的營收12.54億元，較2019年同期15.58億元衰退16.7％。
吳玉堂並強調，現在是比氣長的時候；該公司會開源節流，加速新產能、新產品布局，並且將藉此刻強化內部員工訓練。
事實上，強新因應時局艱辛，近年除了持續投入設備汰舊換新、精進產能、提高生產效率外，在開拓國際市場及研發新品、提高產品附加價值上，態度也非常積極。
在新品開發上，強新的異形線開發已具成果，目前已供應如手工具、自動化滑軌等市場，需求持續增溫。
提高產品附加價值上，強新近年來二岸同步增設渦電流探傷設備，可檢測線材內部缺陷，產品應用於保安類 （如懸吊系統、傳動軸）線材市場，迎合高端客戶的需求。目前該設備在大陸廠有二套、台灣一套，台灣廠今年將增設第二套，擴大供應量。
建構新產能方面，由於中國大陸EP管強勁需求，強新去（2019）年在大陸滁州增設的EP管新廠，預計今年6月完工裝機，第三季加入投產。
據悉，強新EP管技術來自日本的神戶特殊鋼株式會社，原汁原味，品質受到台廠及大陸半導體、光電業者的肯定，在台市占率高，已取代進口；強新滁州EP管新產能開出後，更可提高中國市場滲透率，為營運添利基。
在東南亞投資方面，為供應越南客戶及強化拓展東協、印度市場，強新將投入二億元在越南設立最現代化線材廠；該廠已進入環評階段，最快今（2020）年6月動工、2021年第三季投產，初期產能規劃1,000噸／月，最終目標4,000噸／月。
另外，強新已公告2019年合併營收62.6億元，較2018年77.08億元衰退18.7％，每股獲利1.24元，該公司董事會已通過2019年度盈餘分配案，每股將配息0.5元。股東會將於6月9日在該公司台南佳里區總部舉行。</t>
  </si>
  <si>
    <t xml:space="preserve">（16：45更新）日本首相安倍晉三正式宣布，東京等7個都府縣進入緊急狀態。
據日媒NHK、共同社報導，日本首相安倍晉三7日在新型冠狀病毒感染症對策總部會議上宣布，東京都、大阪府、神奈川、埼玉、千葉、兵庫、福岡縣等7個都府縣進入緊急狀態，命令即日起生效，維持1個月，將持續到5月6日。
安倍呼籲各地民眾盡可能減少人與人的接觸，希望人與人的接觸機會減少7、8成。
安倍稍晚將會召開記者會對外說明細節。
值得注意的是，就在日本首相安倍晉三對包括東京在內等7個都府縣宣布緊急事態宣言前夕，日本疫情最嚴峻的東京疑似爆發逃難潮，推特上出現「#東京脱出」的熱門關鍵字，更有報導指出，東京近郊的渡假勝地輕井澤周末湧現大量來自東京的車潮，全國各地也陸續出現來自東京的確診病例。
東京現在可能繼承了武漢、紐約的處境，不受自己國人的歡迎。綜合路透社、日本朝日新聞報導，日本首相安倍晉三預計今（7）日對包括東京、大阪在內等7個都府縣發布為期一個月的緊急事態宣言，就在宣言發布前夕，今日上午，推特上日本網友間開始出現「#東京脱出」的熱門關鍵字，意思就是逃出東京。
#東京脱出Some people have evacuated from the city to the countryside. Individualism does not unite organizations. https://t.co/DAiPyZ0Sw1
目前尚無法確定日本是否真的出現東京逃難潮，不過媒體報導，東京都知事小池百合子3月底頒布「軟性禁足令」，呼籲民眾周末待在家中、減少出門後，過去這2個周末，東京近郊的渡假勝地輕井澤確實湧現大量來自東京的車潮。
另外，媒體也報導，包括靜岡、佐賀等，日本各地已陸續出現從東京移入的確診病例，並且在當地擴大感染。
日本官員紛紛警告，呼籲東京等城市居民克制、留在東京，因為他們離開的話，將會加重鄉村地區的醫療負擔。日本政府冠狀病毒專家小組成員岡部信彥（Nobuhiko Okabe，暫譯）警告，東京人會散布病毒到各地，「我呼籲民眾忍受不便，我們不應該急於離開。」
日本網友也抗議，指出鄉村地區以老年人口為主，如果爆發疫情，情勢將容易變得非常嚴重。一名來自中部山梨縣的網友推文，呼籲東京人克制，指出他們的行為會造成非常嚴重的後果，並且可能造成數百人死亡。
目前，日本還有47個都道府縣0確診，東北的岩手縣已在上周要求來自東京及鄰近2個都府縣的民眾自我隔離2周。
</t>
  </si>
  <si>
    <t xml:space="preserve">日本上周才傳出莫德納疫苗發現雜質，停打163萬劑疫苗，沖繩昨（28）日再發現莫德納疫苗出現黑色、粉色雜質，導致沖繩政府緊急暫停施打。
綜合路透社、日本放送協會（NHK）報導，沖繩一處大型疫苗接種中心的藥劑師昨日先是在一支莫德納疫苗的注射器內發現黑色雜質，不久後又再另一支注射器及疫苗瓶內發現黑色物質，以及在另一支已經抽取疫苗的注射器內發現粉色雜質。
針對莫德納疫苗發現異物，沖繩政府已經緊急暫停這座大型接種中心的接種工作，負責配送莫德納疫苗的武田藥品將對這起事件展開調查。
值得注意的是，日本上周才同樣因為在5個都道府縣的39個未開封莫德納疫苗瓶內發現雜質，緊急停打三批已經配送至全國863個接種中心、總計達163萬劑的莫德納疫苗，日本政府昨日表示，2名30多歲男子在接種不同批、已經停打的莫德納疫苗後死亡，據悉他們接種的疫苗瓶內並未發現異物，目前尚在調查死因。
據悉，沖繩發現有異物的莫德納疫苗與前三批已經停打的疫苗批次不同。
日本厚生勞動省指出，三批停打的莫德納疫苗都是由西班牙工廠在同一時期生產，當中只有一批疫苗有發現雜質，不過由於是同一生產線製造，厚勞省仍決定暫停施打另外2批疫苗。
礙於Delta病毒傳播，日本正面臨迄今最嚴重的新冠疫情，每日新增確診人數首度超越2.5萬人。
日本目前約有54%人口至少接種1劑疫苗，43%已完整接種疫苗。
</t>
  </si>
  <si>
    <t>北科附工3日有1名學生感染新冠肺炎Delta變種病毒，全校師生及同班同學的家屬進行PCR採檢，結果均為陰性。7日再對住在集中檢疫所的同班同學、老師及其家人進行第2次PCR採檢，目前皆為陰性，但還有4人待採。
桃園市政府晚間表示，有關機師兒子（案16122），北科附工有227人居家隔離，7日在檢疫所中進行PCR二採，結果出爐有223人為陰性，其餘4人將依照時間序陸續於9月日8及9月10日採檢。
桃園市衛生局指出，目前採檢結果都是陰性，暫時沒有要對北科附工全校師生進行第2次快篩。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出國旅行近在咫尺了，台灣與帛琉的旅遊泡泡即將成真，近日旅遊業已傳出4月起每天直飛帛琉，更盛傳3月15日帛琉總統惠恕仁將來台細談旅遊泡泡，今天中央流行疫情指揮中心指揮官陳時中下午2點將召開記者會最新說明。
指揮官陳時中昨天證實，帛琉總統來台將採「綠色通道」，用元首規格待遇依照外交泡泡檢疫。指揮中心發言人莊人祥也表示，確實有重啟旅遊泡泡規畫，包含返台後要居家檢疫3、5天，或是不必居家檢疫等方案，最近2、3天就會討論。
傳帛琉「旅遊泡泡」預計採團進團出，雙方每周各飛8班，台灣是華航每周6班，長榮每周2班，帛琉太平洋航空則向台灣虎航租借飛機，每周飛8班。
指揮中心再次提醒，民眾出入醫療照護、公共運輸、生活消費、教育學習、觀展觀賽、休閒娛樂、宗教祭祀及洽公機關(構)等八大類高感染傳播風險場域，因不易與他人保持社交距離，且會近距離接觸不特定對象，請務必佩戴口罩，並應落實勤洗手、咳嗽禮節等個人衛生習慣，以降低感染風險。
</t>
  </si>
  <si>
    <t xml:space="preserve">新冠肺炎國內又新增2境外移入病例，中央流行疫情指揮中心宣布今（21）日14:00召開臨時記者會，由發言人莊人祥說明最新情形。
指揮中心昨(20)日公布的境外移入病例，為菲律賓籍30多歲女性(案507)，9月18日自菲律賓入境，來台工作。衛生單位已掌握個案同班機接觸者共23人，其中9人為前後二排座位旅客，列為居家隔離對象，14人為機組員，因全程有適當防護措施，列為自主健康管理對象。
指揮中心統計，國內截至目前累計91,555例新型冠狀病毒肺炎相關通報(含90,461例排除)，其中507例確診，分別為415例境外移入病例，55例本土病例，36例敦睦艦隊及1例不明。確診個案中7人死亡、479人解除隔離、21人住院隔離中。
</t>
  </si>
  <si>
    <t xml:space="preserve">工業電腦廠事欣科（4916）2020年3月合併營收續升至5.81億元，惟首季合併營收仍「雙降」至15.97億元，創近11季低點。展望後市，公司預期受新冠肺炎疫情干擾，歐美出貨將出現遞延狀況，但將盡全力將訂單按原計畫出貨，力求將疫情影響降至最低。
事欣科2020年3月自結合併營收5.81億元，較2月5.47億元成長6.11％、但較去年同期6.69億元減少13.16％，為近3年同期低點。累計首季合併營收15.97億元，較去年第四季21.11億元減少24.35％、較去年同期17.43億元減少8.36％，為近11季低點。
事欣科3月營收續揚，主要受惠工具機子公司恩德（1528）動能轉強。恩德2020年3月自結合併營收3.25億元，月增15.66％、年減3.94％。不過，由於前2月營運偏弱，累計首季合併營收8.38億元，季減30.33％、年減10.75％，創近4年低點。
若排除恩德營收，事欣科3月個體合併營收約2.55億元，月減3.99％、年減22.63％，表現明顯轉弱，致使首季合併營收7.58億元，季減16.41％、年減5.55％。法人認為，主要受到新冠肺炎疫情全球延燒，影響事欣科產品需求及出貨進度所致。
事欣科表示，美國及墨西哥廠區已配合政府政策實施各項防疫措施，包括員工及訪客自主健康管理、員工用餐管制、廠區全面消毒、強化防疫知識宣導等。公司也已成功緊急調配數千醫療用口罩供員工防疫使用，將有利公司正常營運。
展望後市，事欣科表示，第二、三季進入專案出貨旺季，惟歐美疫情致使客戶營運趨緩干擾，預期出貨將出現遞延狀況，將盡力使專案訂單照原計畫出貨，並因應即時疫情變化調配全球產能及庫存，預計出貨遞延狀況可望在5月初改善，力將疫情影響降至最低。
事欣科表示，現有的博弈、航太、醫療、國防等事業群專案持續出貨、穩健貢獻營收，旗下恩德及總格在自動化領域具互補關係，此次掌握無人化防疫商機設備客製化商機，可望將持續挹注營運動能。隨著全球疫情逐漸獲得控制，預期營運有機會逐季穩步成長。
</t>
  </si>
  <si>
    <t xml:space="preserve">新冠肺炎肆虐情況不減反增，不只發源地中國大陸封城管控，在他國也出現確診甚至死亡病例，讓全球如臨大敵，而地理位置首當其衝的台灣，如今正拚盡全力防堵疫情，日前國民黨立院黨團力推500億紓困專款，沒想到此舉遭名嘴神揮文痛批，說他們忘了自己的身分，「看了會吐血！」。
眼見台灣努力防疫，國民黨「幫補」，立院國民黨團日前提出《紓困暨暫行條例草案》，盼以500億協助產業、人們挺過非常時間， 而昨(2/17)在《新聞深喉嚨》，名嘴陳揮文竟痛罵國民黨提出500億「在幹什嘛？」，直呼國民黨憂國憂民彷彿執政黨，忘記自己是在野黨，「實在看了會吐血」。
陳揮文越講越氣，提到了韓國瑜，表示今天若是韓國瑜選上總統，民進黨這時絕對狠狠修理，哪會輕易放過，因此認為國民黨實在做了不該做的事，紓困適宜應當丟給民進黨負責，批國民黨管太多，甚至搖頭頻嘆氣。
</t>
  </si>
  <si>
    <t xml:space="preserve">農曆年期間因跟隨媽媽回大陸湖北探親，結果因新冠肺炎疫情而滯留湖北的新竹女中高3學生Cindy，10日晚間11點終於透過2次武漢包機回來了，校方表示，Cindy在完成隔離檢疫後可趕上3月31日確定2階段面試，其父則透過感謝信，謝謝蔡政府與各界的協助。
新竹女中校長呂淑美表示，該校3年級學生Cindy是在今年農曆年前跟媽媽回大陸湖北探親，結果因新冠肺炎疫情封省而被迫滯留在湖北，而首次包機Cindy與媽媽也沒能趕搭上。
由於Cindy的學測成績達57級分，過去也一直是英語演講的常勝軍，中、英文成績優異，很有機會上第1志願台大外文系，但她滯留在湖北很多資料無法準備，如果再不回國，趕不及3月31日的志願放榜，就無法進行第2階段面試，其父因此向學校及各界求助。
昨天深夜11點，Cindy的導師突然接到Cindy的來電，指其已在2次武漢包機的首班華航班機登機，可順利回國，校方是喜出望外，大為感謝蔡英文政府與各界的協助。
Cindy的父親今天上午也寫了封感謝信感謝各界，他表示，「感謝蔡總統、行政院、陸委會、海基會等有關單位，在您們的拆衝下，我的家人終於踏上台灣的土地，可以回家了！衷心的謝謝您們！」
</t>
  </si>
  <si>
    <t xml:space="preserve">澳洲維多利亞省省長安德魯斯（ Daniel Andrews）周一宣布，因該省的新冠肺炎疫情升高，與新南威爾斯省接壤的省界將於周二起無限期關閉。
這將是澳洲人口最多的這兩個省100年來首度關閉邊界，政府上次對兩地之間的人員流動採取封鎖措施，是在1919年爆發西班牙流感期間。
維多利亞省長表示，與澳洲總理莫里森（Scott Morrison）、新南威爾斯省省長貝爾吉格利安（Gladys Berejiklian）共同做出這個封閉省界的決定，該措施於當地時間周二晚間11時59分生效。除了新南威爾斯省之外，維多利亞省僅與南澳洲省毗鄰，兩省邊界已經關閉。
維多利亞省首府與最大城市墨爾本近幾日來的新冠肺炎確診數激增，促使政府在30處郊區祭出嚴格的社交距離措施，並完全封鎖9幢公共住宅大樓。
維多利亞省隔夜新增127個新冠肺炎確診病例，創下疫情爆發以來單日新高記錄。該省亦新增1名死亡病例，是逾兩周來全國首次再現死亡病例，使澳洲累計死亡病例達到105人。維多利亞省與新南威爾斯省之間的邊界關閉，恐將對澳洲經濟復甦帶來打擊，該國正走向近30年來的第一個經濟衰退。
</t>
  </si>
  <si>
    <t>高端疫苗啟動混打試驗，將召集上百名接種過一劑莫德納疫苗的受試者，安排接種第二劑高端疫苗，衛福部長陳時中今天表示，由於試驗將用到莫德納疫苗，必須經由總公司同意，這部分需要先獲准，將由指揮中心來擔任窗口進行協調。
ACIP召集人李秉穎今天表示，高端啟動混打試驗目的並非解決到貨量不足的問題，而是要降低心肌炎的風險，陳時中說，心肌炎發生率不是特別高，但值得大家注意，大家可能聽到心肌炎、心包膜炎會覺得可怕，但到目前為止都沒有出現死亡案例。
指揮中心醫療應變組副組長羅一鈞表示，根據美國公布的資料，目前幾乎沒有看到打完莫德納疫苗後因心肌炎而要住到加護病房的個案，香港近期雖傳出有三十七名年輕人接種後出現心肌炎、心包膜炎，其中有三十位是打第二針後才出現，平均年齡十五歲，但通常住院幾天後就能出院。
資深媒體人趙少康今天痛批，中央流行疫情指揮中心啟動高端疫苗的混打試驗是狗急跳牆，絕不會被三百萬名等待第二劑莫德納疫苗的民眾接受。衛福部長陳時中今天解釋，啟動高端混打試驗並非要推銷高端，「這樣的批評不太合理，應該要更理性一些」。
陳時中表示，啟動高端混打試驗只是提供一些數據、情境讓外界了解，基本上使用還是會尊重大家的選擇，絕非要推銷高端，外界批評有些不合理，應該更理性一點。</t>
  </si>
  <si>
    <t xml:space="preserve">英首相強生宣布確診感染新冠肺炎消息公布後，原已下跌的歐洲三大指數跌幅擴大，到晚間21:00時左右，英、德、法三大指數跌幅3%至5%，其中英國跌幅最重。美國三大指數期貨跌幅亦隨之擴大，跌幅約在3%左右。
到台北時間21:00為止，英國富時指數(FTSE)報5491點，重挫324點，跌幅5.51%；德國DAX指數報9672點，下跌335點，跌幅或3.37%；法國CAC指數報4352點，下跌191點，跌幅4%。意大利與西班牙股跌幅也在3%-4%之間。
美國三大指數期貨跌幅擴大，道指期貨最新報21683點，跌665點或3%，標普期貨最新報2531點，跌77點或2.9%，納指期貨最新報7633點，跌210點或2.7%。
</t>
  </si>
  <si>
    <t>新冠肺炎疫情持續蔓延，從2018年中美貿易戰開打，2019年加碼演出，再加上今年的新冠肺炎肆虐，大陸出現前所未見的封城、封省景象，世界產業供應鏈很可能斷鏈，進而重新解構調整幾乎勢不可免，全球經濟板塊可預見將出現大位移。
大陸世界工廠地位將遭遇空前挑戰，成為世界主要市場的期待將越來越難以實現，高度經濟成長已成過眼雲煙，中度經濟成長將成為新常態，加速探底的可能性亦不能排除；加上人口結構、城鄉差距與所得分配，以及就業市場持續惡化，大陸社會維穩需求與成本將逐漸升高，情勢發展值得密切關注。
反觀臺灣，上述事件的短期衝擊儘管難以完全避免，然而民主典範、忠誠夥伴與科技發展的國際認同，在後新冠肺炎時代世界供應鏈重構的新浪潮中，有機會迎回資金與人才重新匯集，再加國際知名企業重新落腳群聚，天時、地利與人和齊備，再造臺灣經濟奇蹟的序幕可能加速開啟。把握產業結構順利轉型升級的歷史機遇，臺灣經濟可望有至少30年的好風光。
我認為，1980年代後期的泡沫經濟，是過去三十多年臺灣經濟由盛而衰的重要關鍵。按1980年代後期臺灣股、匯與房市聯袂狂飆，特別是臺股指數在四年不到的時間，由低於千點一路飆漲至1990年2月12日盤中創下至今仍未突破的12,682點。假性繁榮的代價，就是工資與地租等生產成本持續升高，加上勞工抗爭與環保抗爭層出不窮，產業外移與產業空洞化的序幕自此拉開。資金、技術、人才的持續外流，挫傷了臺灣的經濟續航力，卻幫助大陸走出六四天安門的陰霾，成為大陸借力順勢崛起的重要因素之一。
我認為，2019年堪稱是海峽兩岸命運的轉捩點。在此之前，大陸經濟疲態漸露；就在這一年，中美貿易戰升級加溫，加上香港反送中抗爭事件進退失據，大陸政治思想、價值觀與文化力，在支撐大陸經濟永續發展上的侷限性顯露無遺。
當舉世的大陸夢，被大陸的強國夢敲醒，大陸產業外移歷史大戲注定隆重登場。2020年才開始，新冠肺炎疫情不可思議的失控蔓延，對全球經濟造成前所未見的嚴重斷鏈威脅，大陸經濟難以意料的脆弱性已漸成普世認知。在這種情況下，大陸政府要如何在可忍受的時間內重建世界對大陸經濟的信心，恐怕會是個很大的考驗。
相對地，臺灣在2019這一年贏得了世界的認證，我們不僅是自由經濟的堡壘、民主的典範，也是值得長期合作的政治經濟忠誠夥伴。這種奠基在臺灣文化力的信任溢酬，不僅會吸引臺商資金、人才與技術的持續回流，更會吸引國際知名企業積極投資臺灣。更重要的是這一波的投資臺灣浪潮，普遍具有高階、高值生產的共同性格，國人夢寐以求的產業結構轉型升級可望因而順利達成。
今年1月11日的臺灣總統大選，總統蔡英文獲得817萬張選票支持繼續連任，國際社會立即給予極高的評價與推崇，證明讓臺灣有尊嚴地贏得國際社會的認同這一條發展路線，無論國內或國外均得到空前的肯定與期待。
我認為，這次選舉向世界傳達一個鮮明的訊息，那就是擺在臺灣前面的未來發展路徑雖然仍有險阻，但是臺灣的文化力與社會價值體系，足以讓臺灣克服各種困難而不斷的超越。
正因如此，我多次提醒同仁，經濟的實質基底已經顯著改變，從中央到地方，許許多多的人都在為積極建設臺灣而努力，所以不要用過去那副建立在產業外移架構下的眼鏡看臺灣，過去30年臺灣產業只出不進，現在不僅海外臺商回流，美、日、歐、澳自由世界的資金、人才與技術也會持續流入臺灣，臺灣具備風華再現的各種條件。
綜合上述觀察，我預估，三年內將看到臺灣民眾的薪資往上拉，進而會帶動消費，出口也會隨這產業回流而呈現新一波的大爆發。
我早在2010年馬政府極力鼓吹洽簽「兩岸經濟合作架構協議」(ECFA)時，就提醒國人經濟過度依賴大陸的潛在風險，上任後更再三提醒要求注意大陸曝險問題，再加上立法院許多委員持續關心，過去3～4年間我國銀行業在大陸的曝險已大幅度地降低。
此外，當新冠肺炎疫情爆發，所有在大陸設有分行或子行的我國銀行，早早就已擬定緊急應變計畫，防疫口罩、酒精與額溫槍普遍都不是問題，人員安置或輪班，乃至身心平衡的輔導措施都有妥善的規劃。
儘管如此，我仍然祈禱這場新冠肺炎疫情能早日緩解平息。
（口述／臺灣企銀董事長黃博怡 整理／孫彬訓）</t>
  </si>
  <si>
    <t>新冠肺炎疫情衝擊下，外食人口減少，餐廳、自助餐、旅遊業餐飲買菜量銳減，雲林縣西螺鎮、二崙鄉、崙背鄉等蔬菜產地，農民哀鴻遍野，採收不敷成本，紛紛耕鋤成熟的蔬菜。
縣長張麗善在縣議員李明哲、游淑雲、廖偉晴陪同下，7日到西螺鎮勘查多處棄採的小白菜、芥藍菜、青江菜園。
菜農表示，最近遇到雙重打擊，一是菜價太低，二是找不到工人，即使有工人採收也不敷成本，乾脆犁掉。
菜農說，從一月開始菜價就很差，新冠肺炎疫情傳出來之後，菜價一天比一天差。
張麗善一行人看到已噴農藥等待乾枯的白菜園、開花的芥藍菜園、耕鋤中的青江菜園、已經翻耕變成土的菠菜園。
菜農吳志明說，菜價實在太低了，播種、肥料、農藥的成本就要一萬多元，採收還要一萬多元工錢，不採收損失一萬多元，採收還要多損失一萬多元，乾脆耕鋤休息看狀況。
吳志明說，現在要勒緊褲帶過日，賺得多就花多，賺得少就少花。
張麗善表示，怎麼陪伴農民走過難關是縣府要做的，呼籲中央政府把農業損失納入新冠肺炎疫情的紓困計畫；第二是呼籲中央辦理耕鋤專案計畫，使菜量減少，讓農民的損失降到最低。
縣議員李明哲說，防疫視同作戰，沒有人出來旅遊、上餐廳，農民種的菜賣不出去，希望中央政府體會農民的困苦，每一塊田都代表一個家庭，不是一個人而已。</t>
  </si>
  <si>
    <t xml:space="preserve">疫情升溫，如果社福機構防出現缺口怎麼辦？為落實身障福利機構防疫，台中市政府社會局舉辦「新冠肺炎應變作為兵棋推演」，由中區傳染病防治醫療網副指揮官黃伊文等專家分享經驗，模擬社福機構發生群聚感染進行推演，考驗災害防救人員調度運用能力，提升緊急應變機制。
社會局長彭懷真說，市長盧秀燕防疫秉持「超前部署、加嚴加密」原則，2月28日將應變中心提升為一級開設，社會局因應新冠肺炎疫情，藉由兵棋推演面對重大疫情災害時，實施感染管制措施、通報暨應變作法與待改善事項，落實機構防疫工作。
防疫兵棋推演包括霧峰教養家園、立達啟能訓練中心、台中市私立慈愛智能發展中心皆派員共同參演，並於現場發布災情狀況，即時模擬處置措施。
</t>
  </si>
  <si>
    <t>鑽石公主號結束14天隔離期，各國陸續派專機接回國人，昨（19）日首批下船的旅客中，有5名台灣人，駐日代表謝長廷一早就在碼頭迎接，看見台人下船情緒激動，他也忍不住濕了眼眶。
謝長廷和副代表蔡明耀、橫濱處長張淑玲等人，昨日上午抵達橫濱港的大黑碼頭，準備迎接鑽石公主號郵輪上的台籍旅客。蔡明耀表示，乘客以長者優先依序下船，其中有5名台籍旅客可先下船。
謝長廷下午在臉書表示，「終於接到人了！」這些乘客看到他都很激動，有的還想張開手擁抱，但想到自己戴著N95口罩，手又放下來了，對大家說「辛苦了，也委屈你們了！你們都是最堅韌的一群人，即便再健康的人都禁不起每天好像等待宣判的壓力和折磨。」
一位太太紅著眼眶說「一切都過去了！」接著台灣來的蘇醫師跟大家講解防疫及回國注意事項，謝長廷則說明機票費用分擔及低調活動的要求。分開前，一位女士突然對謝長廷說「你替我們反映心聲，被罵得要死，真的也謝謝你。」謝長廷愣了一下，「這回輪到我眼睛濕潤起來說，『這一切也過去了』。」</t>
  </si>
  <si>
    <t xml:space="preserve">新冠肺炎疫情造成全球已逾500萬人感染，32萬8千多人死亡，而自疫情開始以來，不少國家都出現一罩難求的口罩荒，沒想到越南一名身材火辣的嫩模，竟突發奇想，將口罩拿來遮3點，製成「口卓罩比基尼」，還將照片PO到社群媒體，結果沒獲得網友稱讚，反遭網友砲轟：「浪費物資」。
，
網友氣憤表示，疫情流行期間，這名年輕女模卻浪費重要醫療物資。另1名網友則說：「老實說，在此攸關性命時刻，拿口罩改造成比基尼，我認是一種可怕的行為，在你的國家或許可以輕易買得到，但在義大利卻是一罩難求。」還有人抱怨說：「我家只剩下3個」、「一種創新的愚蠢。」
雖然這名嫩模的「口罩比基尼」遭不少人批評，但仍有人覺得有創意，形容它是「罩基尼」(Maskini)。
由於負面回應大於讚美，這名IG用戶名稱叫「oanhdaqueen」的年輕女模，不久就刪掉照片和貼文，還在自己的IG道歉：「我住在越南，每個人都可以買到口罩，6年來，我每天都在用」。
</t>
  </si>
  <si>
    <t>有民眾在網路爆料，指台南市政府調查南科防疫人員及施打疫苗，擬將大企業老闆、主管納入優先施打對象，台南市政府今澄清，預先調查南科防疫第一線人員，是以利未來疫苗大量抵達能加速接種效率，針對造謠行為，將與南科管理局依傳染病防治法追究法律責任。
網路流傳副市長戴謙要求南科管理局局長蘇振綱整理名冊，將企業重要主管、幹部列為防疫重點人員，可優先施打疫苗。戴謙今天上午強調，有關相關疫苗施打序位，南市府遵照中央流行疫情指揮中心指引及衛生單位規定辦理，並非如同網路流傳，優先予企業重要幹部施打的情形。
台南市政府指出，京元電子竹南廠爆發群聚感染，引起全國關注，市府與南科園區緊密合作，預先調查園區事業單位防疫第一線相關人員，如廠醫、廠護、協助公司居檢人員服務及清潔保全等，以利未來疫苗大量抵達時，能夠加速接種效率，確保南科營運與員工健康無虞。
市府也表示，自全國防疫升級三級以來，為避免南科產生疫情破口，市府積極展開相關措施，包括奇美醫院做為篩檢醫院，台積電將全國第一輛零接觸篩檢站從南科開始作業等。
市府也針對4日晚間網路爆料「通知」內容指「明（6／7）日中午前」提供，既然還沒造冊送市府，哪裡來的特權施打疫苗？對此，市府也將與南科管理局研究，將依傳染病防治法針對造謠行為，追究其法律責任。</t>
  </si>
  <si>
    <t xml:space="preserve">
航港局7日表示，COVID-19疫情嚴峻，全國自5月19日起提升至三級警戒，航港局考量民眾因疫情關係，可能無法如期依法檢查船舶、申請換照或參加訓練，為降低群聚感染風險及維護民眾安全健康，特別提供「船舶檢查」、「船員訓練」及「駕駛監理」等三項便民措施，放寬檢查期限或以線上方式辦理，並自即日起實施。
航港局表示，船舶檢查部分，即日起至中央流行疫情指揮中心公告三級警戒結束止，未出港之船舶，延誤申請船舶定期檢查者，得免附未出港證明，即可免予裁罰；如果船舶所有人因疫情而居家檢疫、隔離等措施致無法申辦船舶檢查，放寬於管制措施解除後3個月內申請檢查，即免裁罰。
另外，航港局說，針對提供基本民行及物資運送船舶，若船舶航行期限將屆又有出港的必要時，航港局可配合指派船舶檢查人員辦理檢查，但提醒船舶所有人於檢查時指派的現場陪檢人員以2人為限，並於檢查過程中，保持社交距離，以降低群聚傳染風險。相關申辦船舶檢查及停航民眾，航港局鼓勵多以線上或電話方式，以降低人與人間的接觸，落實防疫。
其次，配合三級疫情警戒期間，自5月15日起，暫停船員訓練機構及遊艇與動力小船駕駛訓練機構各項訓練。航港局說，但為提供相關民眾與船員能於疫情期間訓練不中斷，在符合「航海人員訓練、發證及航行當值標準(STCW)國際公約」及確保訓練品質與量能的前提之下，開放船員訓練機構及遊艇與動力小船駕駛訓練機構針對學科課程辦理線上教學。
航港局表示，因應疫情期間訓練機構無法辦理實體訓練課程，為了保障船員順利任職，航運產業持續運作，針對船員證書到期的船員，已先提供航商協助船員申請證書展延服務。另為避免疫情趨緩後，因應短期內大量船員訓練需求，將造成訓練機構負擔，因此研議開放訓練機構線上教學，同時為確保各式訓練如質執行，特別訂定「交通部航港局因應嚴重特殊傳染性肺炎影響辦理船員專業訓練及遊艇與動力小船駕駛訓練線上教學原則」，作為訓練機構實施訓練學科線上教學的執行原則。
航港局說，未來船員可先行完成各式學科部分線上學習後，待疫情和緩正常開課時，僅需補上實作訓練部分，並經評估合格後，即可核發相關證書。至於遊艇與動力小船駕駛訓練，亦可先進行學科線上教學，並於日後補足術科訓練時數後，即可由駕駛訓練機構核發結訓證書。
此外，為配合國家防疫政策，確保當前醫療量能，考量目前教學醫院或公立醫院門診營運降載，航港局說，已針對三級警戒期間營業用動力小船駕駛執照有效期間屆滿者，可展延至全國各地三級以上警戒防疫規定均解除後6個月內完成換發，視同未逾期。</t>
  </si>
  <si>
    <t xml:space="preserve">電動車大廠特斯拉（Tesla Inc）執行長馬斯克（Elon Musk）13日推文表示，他在同一天接受4次新冠肺炎病毒篩檢，結果兩次陰性、兩次陽性。他說，這事非常詭異（bogus），並提到自己只有典型感冒症狀，其他沒有什麼異狀。
根據俄羅斯今日報報導，馬斯克在推特（Twitter）上表示，：「發生了非常詭異的事情。我今天接受4次新冠肺炎病毒檢測，兩次結果陰性、兩次結果陽性。同樣的機器、同樣的篩檢、同個護士。BD的快速抗原測試。」
他指的應該是碧迪公司（Becton Dickinson and CO's）生產的快速抗原測試。
馬斯克表示，他同時也接受不同實驗室的聚合酶連鎖反應（PCR）篩檢，24小時後會有結果出來。
馬斯克說他有「典型感冒」症狀，並補充說：「截至目前為止，沒有什麼不尋常的。」
馬斯克的推文在社群媒體掀起熱議，有些人抨擊他不負責任，竟然暗示新冠檢測不靠譜。
對於新冠疫情，這位49歲的億萬富豪曾經發表幾次極具爭議性的看法。例如他在 5 月中旬公然違反加州封鎖禁令，強行讓特斯拉在弗里蒙特的工廠復工，並威脅當地官員，若不讓工廠復工，就要將總部及未來業務撤離加州。他也表明自己和家人不會接受疫苗注射。
</t>
  </si>
  <si>
    <t xml:space="preserve">新冠疫情止不住，全球確診人數已突破1700萬人。世界衛生組織（WHO）今天宣布，維持2019冠狀病毒疾病為「國際關注公共衛生緊急事件（PHEIC）」，這是世衛宣告的第6次公衛緊急事件。世衛秘書長譚德塞（Tedros Adhanom Ghebreyesus）表示，「毫無疑問這是最嚴重的一次，而且疫情持續大流行中」。
根據中央社，「國際關注公共衛生緊急事件」是世衛對國際發出的最高級警報，緊急委員會每3個月開會檢討取消或維持。世衛過去曾5度宣布「國際關注公共衛生緊急事件」，包括：2009年的A型流感病毒（H1N1）、2014年西非伊波拉病毒（Ebola）、2014年的小兒麻痺症、2015年到2016的茲卡病毒（Zika）、2019年剛果民主共和國的伊波拉病毒，如今宣告冠狀病毒疾病第6次公衛緊急事件，創歷史紀錄。
世衛緊急委員會成員7月31日召開視訊會議，各國專家檢視疫情最新變化做出最新建議，呼籲世衛與全球和區域多邊組織合作，支援會員國維持健康服務，並建議各國共同致力於公平分配診斷治療藥物及將來問世的疫苗。世衛今天表示，秘書長譚德塞接受委員會建議，2019冠狀病毒疾病依舊構成「國際關注公共衛生緊急事件」（PHEIC）。世衛認為疫情需要長期應對，強調各國、區域及全球各層面合作應對的重要性。
譚德塞表示，2019冠狀病毒疾病是世衛根據「國際衛生條例」宣布的第6次「國際關注公共衛生緊急事件」，但毫無疑問這一次是最嚴重的，且疫情仍在持續大流行中。他強調，這場疫情是百年難得一見的健康危機，其效應未來數十年都能感受得到。
</t>
  </si>
  <si>
    <t>富邦金控董事長蔡明興日前從美國返台時，於機場採檢後確診，經過數日的治療，富邦金控表示，蔡明興健康恢復情形良好，昨已經解除隔離出院，返家後進行自主健康管理。
對於各界關心，富邦金代蔡明興表達，「再次感謝各界的關心」；至於蔡明興夫人蔡翁美慧確診後的健康狀況，富邦金仍是同樣的回應，公司立場不過問相關人士個資。</t>
  </si>
  <si>
    <t>受新型冠狀病毒(COVID-19)影響，全國各級學校都延長寒假，雖然假期拉長，但對染病的擔憂、既定考試與行程變動等不確定性因素，還是引發部分家長及學生的焦慮。尤其開學人群聚集，口罩購買不易，恐慌情緒容易交互渲染，草屯療養兒童青少年精神科醫師王雅甄特提供擺脫開學防疫恐慌症4大撇步，值得民眾參考。
王雅甄醫師表示，焦慮是一般人常見的情緒反應，常會伴隨身心症狀，如腸胃脹氣、腹瀉或便秘、心慌或胸悶、身體緊繃、頻尿、莫名疲倦等表現，但通常在壓力解除後，焦慮反應也會跟著緩解。如果長期處在各種壓力下，焦慮反應很可能會演變成焦慮症，對身心與生活反會產生負面影響，不得不慎。如持續超過6個月，也未檢查出相關的生理問題，就應考慮就診身心科。
對於疫情緊張時期，王雅甄醫師提供「一呼、二放、三動、四投」的放鬆步驟，供家長及學生參考。王醫師表示，偶爾的壓力所引發的焦慮，可透過「一呼、二放」的「腹式呼吸法」、「肌肉放鬆法」，從呼吸調息和覺察身體反應做起。
「腹式呼吸法」可躺在舒服的空間，輕鬆閉上雙眼，將雙手放在腹部，採「鼻吸嘴吐」方式，先從吐氣開始，將空氣吐光，同時雙手感受腹部慢慢地下降，吐氣完接著以鼻子緩慢地將空氣均勻吸入，同時雙手感受腹部慢慢地鼓起，一吐一吸交互進行，持續練習約十分鐘。
「肌肉放鬆法」則是用力握拳再慢慢放鬆、雙手平抬向前推再放鬆、手肘向內靠近耳朵緊繃上臂再放鬆及用力聳肩再放鬆等方式，每天練習1-2次。
再則，「三動、四投」是指「定時的運動」與「投入有興趣的活動」，可依照個人喜好安排活動或遊戲，尋求人際關係的彼此支持。「一呼、二放、三動、四投」是由靜而動、動靜皆宜很好的紓壓之道，防疫期間，學生或家長都可善加運用。
王雅甄醫師也提醒民眾，面對疫情常因「不瞭解帶來恐懼」，對於瞭解正確訊息有助緩解擔憂的民眾，不妨認真研究政府公佈的資訊配合防疫，從中獲得樂趣與達到防疫效能。
而瞭解越多卻擔憂越多的人，建議只要知道防疫重點，平時做好生活規劃，減輕生活腳步被打亂的機會，就可減少焦慮症上門。若民眾緊張和焦慮，甚至驚恐的狀態越來越嚴重，建議民眾至醫院身心科門診接受評估與治療。</t>
  </si>
  <si>
    <t xml:space="preserve">中央流行疫情指揮中心今日公布，國內新增2例境外移入新冠肺炎確定病例(案602、603)，分別自日本及美國入境。本周累計25例確診，不但超過上周數量，也是自今年4月底以來單周確診人數新高。
指揮中心表示，案602為40多歲本國籍女性，長期定居日本(前次自臺灣出境日期為2020年2月)，11月初陸續出現鼻塞、頭痛、噁心、流鼻水及嗅味覺異常等症狀，自行服藥後症狀緩解，未在當地就醫。11月12日與2名家人一同返臺探親，入境時主動告知有症狀，於機場採檢後安排至集中檢疫所，今日確診。衛生單位已掌握個案同班機接觸者共15人，其中同行家人2人及前後二排座位旅客1人，列居家隔離；機組員11人及專車司機1人，因有適當防護，列自主健康管理。
指揮中心指出，案603為30多歲本國籍女性，因工作長期居住美國(前次自臺灣出境日期為今年8月)，11月13日與家人一同返國，入境時個案主動告知搭機時自覺出現嗅味覺異常情形，但下機後即恢復，於機場採檢後安排至集中檢疫所，今日確診。衛生單位已掌握個案同班機接觸者共12人，其中同行家人1人及前後二排座位旅客3人，列居家隔離；機組員8人因有適當防護，列自主健康管理。
指揮中心統計，截至目前國內累計105,589例新型冠狀病毒肺炎相關通報(含104,108例排除)，其中602例確診，分別為510例境外移入，55例本土病例，36例敦睦艦隊及1例不明；另1例(案530)移除為空號。確診個案中7人死亡、536人解除隔離、59人住院隔離中。
</t>
  </si>
  <si>
    <t xml:space="preserve">駐日代表處證實，鑽石公主號日前確診感染新冠病毒的兩名台灣旅客，1男、1女26日已出院，其中女性將盡快回國，代表處領務組正協助辦理返國手續中。中年男性將去櫪木縣的醫院探望住院治療中的85歲父親，暫不返國。
兩人15日因確診感染而下船，經東京的自衛隊中央醫院治療後，兩次連續採檢結果為陰性，26日獲准出院。駐日代表處分別由政務組和領務組協助處理感染病患出院的後續的相關事宜。
有關痊癒旅客的住院費用和回國機票問題，代表處表示，醫療費用由日本政府負擔，郵輪公司會依據當事人意願，安排返台的班機，機票費用由船公司負擔。
</t>
  </si>
  <si>
    <t xml:space="preserve">因為新冠肺炎（COVID-19，俗稱武漢肺炎）疫情持續在台延燒，疾管署為了即時向民眾更新最新資訊，特別推出LINE聊天機器人「疾管家」，不僅能和民眾作互動，更能及時提供疫情指南。不過，行政院副院長陳其邁卻透露，「疾管家」真有其人，外表更酷似一位男星。
陳其邁昨（13）日在個人IG上貼出新PO文，表示到疾管署開會，突然有一位「捲髮帥哥」要求和他拍照，陳其邁細看，指出「他的LINE正夯！原來『疾管家』是真有其人，不是cosplay。」
「疾管家」本尊現身了！陳其邁指出，其實LINE上疾管家的大頭貼設計，就是按照疾管署同仁形象去畫的，但是有「戴假髮」。比較真人版和LINE版本疾管家，2者都戴著眼鏡、頂著捲髮，但本尊實際上卻很年輕。
網友看到疾管家本人，興奮表示「哇，笑得好靦腆！」、「是疾管家大哥！」許多人都驚訝，原來本尊那麼年輕，更有人說他外型長得有像男星「盧廣仲」。
</t>
  </si>
  <si>
    <t>女星小甜甜（張可昀）日前在節目《小明星大跟班》透露，受新冠肺炎影響，導致戲約暫緩，由於小甜甜幾乎把所有積蓄投資做凍膜副業，但她的房貸、車貸等一個月開銷仍約要20萬，消息傳出後不少網友都對小甜甜月開銷要20萬感到吃驚，對此，小甜甜也發文回應。
小甜甜月開銷約要20萬，消息一出還引發網友留言問「你什麼開銷一個月要花20萬 可以分享一下嗎」，對此，小甜甜今（14日）凌晨則發文說明：「最重主是因為我有個人保險、另外的車險、我的房貸、我的車貸跟定期用卡扣款的卡費以及兩張儲蓄險定存」。
儘管計畫趕不上變化，小甜甜仍表示她不後悔自己當初的投資規劃，她也分享應對的方法：「例如回到最初，在這時候一天打三種工，減額繳房貸都是很棒的方法」，小甜甜以正能量面對逆勢，並樂觀喊話：「我們一起堅強吧！」</t>
  </si>
  <si>
    <t>據湖北黃石市黃石港區紀檢監察部門7日通報，2月2日晚，黃石港區新閘社區計生專幹程繽漫向新閘社區書記陳亞麗通電話提出辭職，未說明辭職原因，經陳亞麗勸說，程繽漫仍執意辭職。面對嚴峻的疫情防控工作，在社區人員力量不足情況下，程繽漫臨危退縮、臨陣脱逃，造成不良影響。6日黃石港街道給予程繽漫責令辭職處理。
同在2月6日，黃石港區覆盆山社區民政專幹陳茜瑤被責令辭職。據通報，黃石港區覆盆山社區民政專幹陳茜瑤從1月24日至2月2日連續1日無故脱崗，未辦理請假手續，與社區、街道失聯。
被黃石港街道通報批評後，陳茜瑤於2月3日到社區正常上班，於2月4日通過微信向覆盆山社區書記葉軍華提出辭職申請，經社區書記勸說，仍一意孤行。
最新數據顯示，截至2月13日24時，黃石市累計確診新型冠狀病毒感染943例，死亡11例。</t>
  </si>
  <si>
    <t xml:space="preserve">新冠肺炎疫情肆虐，大多行業生意慘淡，甚至被迫熄燈。日前酒店、舞廳等行業遭中央流行疫情指揮中心停業後，有應召站腦筋動得快，立馬吸收酒店女陪侍，透過包養網站釣魚吸客，以1.5萬元起價碼從事性交易，月營收直逼60萬元，刑事局南部打擊犯罪中心近日循線查獲，逮補13名嫌犯到案。
南打表示，年初接獲線指稱，台南市永康、安平區有3棟商辦，日夜都有不少年輕人出入行跡可疑，疑似詐騙機房據點，經連月調查蒐證，一開始以為只是單純經營網路博奕平台機房，19日見時機成熟收網直搗基地，誤打誤撞在電腦查獲性交易媒合對話紀錄，才一舉破獲應召Call客機房。
警方指出，嫌犯利用疫情期間酒店停業，1個月來吸收酒店女陪侍，先在包養網站上放上火辣照片「釣魚」，再由3名機房員工偽裝成應召女等待魚兒上鉤，透過通訊軟體與男客攀談，捏照楚楚可憐的背景，像是單親家庭、家人欠債背債、親人生病等，藉故拉抬性交易金額或包養價碼。
警方表示，每次性交易喊到1萬5000元起跳，機房員工與男客談妥價錢後，再通知應召女出馬，地點不限南部，也有到桃園去接客，但交通費由男客支付，警方初步掌握性交易至少20幾次，至少賺進5、60萬元，機房抽8％、應召女則抽4成，其餘進入主嫌口袋。
另外，警方查獲網路博奕平台機房，以月薪2.5萬元聘請員工，24小時輪班擔任客服及管理網站投注，以儲值贈送點數吸引網友加入會員，等賭客匯款後，下注撲克牌、百家樂、運動賽事等方式簽賭，不法獲利高達500萬元。
警方調查，主嫌28歲謝姓男子是富二代，住在豪宅當中，出入以名車代步，他砸錢當大股東「投資」博弈及應召站事業，找來21歲蔡姓男子當股東，警方循線逮補13名嫌犯到案，查扣現金21萬、電腦及手機等贓物，全案依賭博罪、妨礙風化送辦。
</t>
  </si>
  <si>
    <t>糾纏數天的美國總統選舉開票，終於在關鍵州開票結束，而告大勢底定。拜登以306票大勝川普232票，即將當選！川普雖然持續指控通訊選票有弊端，由於並未提出任何具體的證據，想要扭轉大選結果，可說是機率渺茫。也因此，世界各國領袖已陸續向拜登致電祝賀，準備迎向「後川普時代」。
這次美國大選之前，民調普遍預測拜登即將勝選，甚至是以超過10%的比例大幅勝選。然而，選後的結果顯示，拜登僅以3.6%小幅勝選（拜登50.9%；川普47.3%）。於是，便有許多人批評民調失準。然而，事實的真相是，隨著大選日的逼近，川普的民調原本就逐漸逼近拜登；以Realclear Politics的統計來看，選前最後1周，兩人的民調平均值是拜登領先川普7.2%（51.2%；44%），這和最後的普選投票結果，其實差距只有3.6%，是在誤差範圍內，並沒有想像中大。
過去4年，川普的內政及外交不斷引發爭議。他高舉著「讓美國再度偉大」的大旗，奉行「美國至上」的單邊主義，不論是國際經貿、環保甚至衛生協議及組織，只要不順美國的意，川普就退出，完全不顧慮盟國以及地球的未來。
川普帶來的利多都是短多長空。比如說，限制外來移民在美國就業，短期間似乎增加了美國人的就業率，但是長期來講，阻止在美國受教育的高階人才留在美國，是扼殺美國產業的競爭力，而且也會降低美國高等教育的競爭力。
更重要的是，川普在新冠肺炎的防疫作為上，完全拒絕相信科學。美國拜地理位置之賜，在疫情開始之初有著約2個月的緩衝時間，但是美國在川普領導下，白白浪費了美國的緩衝時間，使得美國成為全世界受到新冠肺炎影響最嚴重的國家，讓人完全無法想像這是全世界醫療最先進的國家。
川普亂政，4年而終。他帶給美國社會（或許還有台灣社會？）的撕裂與傷痕，還要好一段日子之後才能夠癒合。但我們要感謝民主制度，讓我們對於執政者有著4年一次的考試機會，可以讓全體國民決定國家的方向，不至於共同走向瘋狂。（作者為中華民國法律政策協會副理事長）</t>
  </si>
  <si>
    <t>雲林縣12日新增1名本土確診案，案12838為雲林縣麥寮鄉臺塑六輕工業區員工，9日回高雄住處、11日在高雄就醫確診，與案12838住在工業區同棟宿舍的142名員工返回高雄過端午連假，12日在高雄市政府要求下，以遊覽車將142名員工載回六輕工業區篩檢，對此雲林縣政府衛生局表示，已請六輕盡速進行快篩。
案12838為42歲男性，在六輕工業區上班，平日住在工業區內宿舍，本月5日出現腹瀉、偏頭痛、關節痠痛等癥狀，7日曾前往工業區福利大樓醫務室就診，9日回高雄住家，11日出現發燒癥狀，到醫院快篩為陽性，PCR檢驗結果為陽性、CT值22，目前於醫院治療中，還找不到感染源。
據了解，與案12838住在同1棟宿舍的142名員工，陸續返回高雄住家，原本公司要求他們自行到醫院快篩，但12日晚上公司又通知他們搭乘公司雇用的遊覽車連夜返回六輕工業區快篩。
雲林縣政府衛生局表示，高雄市可能是為了減少返鄉人潮，加上這142名員工還未全數完成快篩，所才請公司把他們送回六輕工業區快篩，防疫不分縣市，雲林縣衛生局11日已請六輕進行全面普篩。
不願透露姓名的六輕員工說，原本想回高雄過端午，但為了避免防疫破口，也只能依照公司規定回工業區快篩，只是端午節假期就這樣泡湯了。</t>
  </si>
  <si>
    <t xml:space="preserve">
今（19）中央疫情指揮中心記者會上再度宣布新增8名新冠肺炎確診病例，其中有7位是境外移入，1例本土案例，目前累積一共累積108位確診。由於近幾日新型冠狀病毒感染者不斷上升，台大公衛系院長詹長權表示，中央應該要宣布已進入社區傳播階段，不過指揮官陳時中認為，還沒有達到「這條件」，不能說是社區傳染。
陳時中表示，根據社區傳播的定義是「本土病例多於境外病例」。原本台灣可能接近達到社區傳染的要件，但近日境外移入案例暴增，讓台灣也暫時不會宣布社區傳播。
不過陳時中表示，儘管尚未宣布社區傳播，也不敢大意，還是要戰戰兢兢面對疫情，他在記者會上提到，未來2周是防疫關鍵，除了加強檢疫外，目前的醫療量能依照都還足夠支撐確診人數。
自從3月15日到19日，我國新冠肺炎確診數狂增45例，其中境外移入確診數為42例，境內本土感染有3例。
</t>
  </si>
  <si>
    <t>據陸媒報導，白岩松連線援鄂前方專家組組長、呼吸科專家劉又寧稱，在檢測過程中曾發現健康人士攜帶新冠病的個案。
劉又寧稱，目前在軍隊的診療方案中，採用強調抗體的「金標準」檢測方案，雖核酸檢測是一個重要的手段，但核酸檢測的原理只是發現病毒存在，至於病毒是否存在活性或是否具備傳染性無從得知，因此核酸檢測呈現陽性不直接代表受測者遭感染。他續稱，隨這疫情期延長，目前已發現有健康人士體內攜帶病毒的個案。
劉又寧認為，抗體可以證明病毒的存在，且會引起全身的反應。所以抗體數量增加，便能證明受測者受感染了。而抗體包含IgM和IgG。 IgG抗體產生成較晚，但假設2週以後有4倍的增高或者4倍的變化，就可證明該病人確診。這種診斷很明確，所以我們把這種診斷稱為「金標準」。
但劉又寧坦言，這個檢測方法也有缺陷，它往往是回顧性的，發病兩週後才發現，因此核酸檢測還有其必要性。</t>
  </si>
  <si>
    <t>新冠病毒在全球如火如荼延燒，眾所關切的是全球疫情對台灣的影響為何？我國前3月表現雖亮麗，未來將面臨哪些挑戰？應有何系統化的因應作為？
剖析全球疫情，不難發現：一、愈早著手具體防疫措施，降低疫情的宏效也愈大。二、若能掌控新冠病毒確定病例的「感染源」達愈高百分比，與其後徹底追蹤防治作為，如南韓在高危險區與高危險群的病毒偵測與全面接觸史追蹤檢測，仿天花根絕前的「偵測與圍剿」策略，病例數愈易驟降。三、各國民眾的教育水準、公共衛生與健康保險體制、群聚病例多寡與持久性、醫療應對湧現病例的處理能力、科技團隊研發力及專業建議，與民情上達決策者之速被採納率，均決定疫情的嚴重度與致死率。
台灣疫情明顯地隨著全球流行而無明確感染源的病例正快速上升，有些病例的發病日至確診日過長（如第268病例），其防疫難度也將愈大。令人擔憂的是許多年輕人駐足的餐飲店、娛樂場所仍大排長龍，店內高堂滿座彼此卻沒足夠的距離；尤其大學生與研究人員旅遊回台後致生病例，在在顯示登機前與機內的宣導不足導致防疫漏洞，再加上清明節將至、學校春假、大陸早期重災區的陸續解封與勞動節長假、暑假旅遊季恰遇新冠病毒可在南美冬季發威及後續民間活動等，我國未來挑戰的變數仍大！
面對下一波的新冠肺炎疫情挑戰，我們必須要有更積極的前瞻作為：
一、我國即將進入腸病毒、日本腦炎與登革熱的流行季，須以傳染病整體觀來防疫，如類似病徵需採檢。
二、記者會宜由疾管署全權負責，並公布台灣北、中、南、東區及人口密集機構的0～19、20～39、40～59、60～79及80歲以上共5年齡層的輕症（發燒、上呼吸道病癥、發燒+上呼吸道病癥）與重症（呼吸困難、肺炎）症候群，偵測每周數據，敦促醫療單位對高風險群能及早提供治療，降低重症及死亡率。
三、交通部必須在陸、海、空運輸上播影片實例宣導居家檢疫。四、行政院科發基管會應協調科技部、衛福部與國衛院統整新冠病毒的科研，內設病毒、免疫、臨床、流行病、衛生教育與衛生政策共6組，並就快篩檢驗試劑、抗病毒藥劑與疫苗研發，規畫國家隊的進度，經國際合作，以台灣優勢，如生產GMP藥劑和疫苗，協助國際早日製出足量疫苗，台灣也能優先享用。
五、不同風險層級者的採檢、求醫與治療宜有全盤規畫。
綜言之，我國至今的防疫策略在病例數少時，易見成效，未來必須整合臨床、基礎醫學與公共衛生，以基層跨域專業諮詢團與科研審慎態度，尋找防疫漏網處與風險評估，並備妥醫技檢驗、呼吸道病患的醫療照護與公共衛生防疫人力，尤要考慮不同病原的共同流行的防控。
（作者金傳春為台大公共衛生學院兼任教授暨台灣公共衛生促進協會顧問、顏慕庸為台北市立聯合醫院感染科醫師、詹大千為中央研究院人文社會科學研究中心副研究員、顧家綺為台大醫學院免疫所副教授）</t>
  </si>
  <si>
    <t xml:space="preserve">作為確保2020年東京奧運會和殘奧會安全計畫的一部份，國際奧委會(IOC)今天宣佈與輝瑞公司(Pfizer Inc.)和(BioNTech SE)達成共識，將提供來自世界各國奧林匹克和殘奧委員會的運動員新冠肺炎疫苗。國家奧委會(NOC)將與當地政府合作，根據每個國家疫苗接種指南並與當地法規保持一致，以協調當地疫苗分佈狀況，並在7月下旬奧運開幕前完成2次疫苗接種。
As part of the plans to ensure safe and secure @Tokyo2020, the IOC has signed an MoU with Pfizer Inc and BioNTech SE to donate doses of the companies’ COVID-19 vaccine to Games participants from National Olympic and Paralympic Committees around the world.https://t.co/Ne3sLgM1se
國際奧委會和國際殘奧會(IPC)正與國家奧委會和國家殘奧會(NPC)合作，鼓勵和協助居住在領土內運動員按國家免疫指南在本國接種疫苗，然後才去日本。這不僅為奧運安全環境做出貢獻，也是出於對日本居民尊重。目前許多國家政府已在這方面採取積極步驟，並正與其國家奧委會和全國人民代表大會協商，為奧運參與者接種疫苗。據國家奧委會和國家殘奧會回應，預計有大部份奧運參與者在到達日本前已接種疫苗。
國際奧委會主席巴赫(Thomas Bach)說：「疫苗有助於東京奧運和殘奧會所有選手更安全，並向我們熱情的日本東道主表示聲援。我們邀請運動員和參加代表團以身作則，在可能情況下接受疫苗。透過接種疫苗，可對外傳達強而有力的訊息，畢竟疫苗接種不僅關乎個人，且關乎團結和對社區其他人福祉。感謝輝瑞和BioNTech慷慨捐助，以支持東京奧運會和殘奧會運動員和參與者的疫苗接種。」
輝瑞首席執行官伯拉(Albert Bourla)5月6日受日本經濟新聞線上採訪時表示：「奧運舉辦是人類戰勝病毒象徵，能向運動員提供疫苗確保奧運安全令我們驕傲 ，奧運和殘奧會回歸，是經歷艱苦一年後世界團結與和平里程碑。我們為提供疫苗感到自豪」。另外BioNTech首席執行官薩辛(Ugur Sahin)表示：「目前已提供超過4.3億劑疫苗，疫苗將繼續幫助保護世界各地生命，並使我們恢復正常生活，今年奧運會和殘奧會是具有歷史意義的時刻，代表全球社會及我們如何站在一起。很榮幸提供疫苗來支持奧運和殘奧會的安全。」
</t>
  </si>
  <si>
    <t>北京市疫情防控領導小組5日在市新型冠狀病毒肺炎疫情防控工作新聞發布會通報，對高風險地區進入（返回）北京人員一律實施14天集中觀察和7天健康監測；對中風險地區已來（返）京人員，一律實施14天居家觀察和7天健康監測；不具備居家觀察條件的，一律實施集中觀察。
對有病例發生地區的所在地（市）全域來（返）京人員，按要求進行核酸檢測，並實施14天健康監測。
此外，對於社區（村）非生活必需的棋牌室、麻將室、娛樂室等密閉活動場所，要「應關盡關」，暫停開放。
北京市5日召開第232場新冠肺炎疫情防控新聞發布會，市疫情防控領導小組社區防控組辦公室成員、市黨的建設研究所所長王大廣介紹，北京對大陸來（返）京人員社區（村）健康管理有關政策進行了優化和升級。
一、凡有病例發生地（市）全域進（返）京人員，或通過各種渠道得知自己可能是密切接觸者、次密切接觸者以及其他風險人群的進（返）京人員，請務必第一時間主動向所在社區（村）、單位、居住賓館酒店報告，自覺接受健康管理。
二、對高風險地區已進（返）京人員，一律實施14天集中觀察和7天健康監測。集中觀察期間，應嚴格遵守集中觀察點的各項管理規定，配合做好核酸檢測和健康監測，避免出現交叉感染。
三、對中風險地區已進（返）京人員，一律實施14天居家觀察和7天健康監測；不具備居家觀察條件的，一律實施集中觀察。居家觀察期間應嚴格遵守居家觀察有關要求，做好家庭防護，做到足不出戶。凡違反規定擅自外出的，一律轉至集中觀察點進行集中觀察，引起疫情傳播或者造成傳播風險的，要依法追究法律責任。
四、對有病例發生地區的所在地（市）全域進（返）京人員，按要求進行核酸檢測，並實施14天健康監測。必要時，疾控部門還將根據相關地區實際風險情況確定管控時間和範圍，動態調整防控措施。將根據最新要求更新社區管控措施。
五、凡被確定為次密切接觸者的，除本人按規定進行隔離觀察外，共同生活和工作的人員按規定進行閉環管理，不得參加任何聚集性活動。其中，對居住在社區（村）的人員，一般實施7天健康監測。
六、進行社區健康監測的進（返）京人員，要密切關注自身及共同生活人員健康狀況，如出現發熱、乾咳、乏力等可疑症狀，應及時向所在單位和社區（村）報告，並佩戴口罩就近到發熱門診就醫。
七、上述居家觀察、集中觀察、健康監測的期限，自離開風險地區或離開新冠病毒感染者、密接者等人員之日起算。
八、進一步嚴格社區（村）聚集性公共場所掃碼登記、預約限流、佩戴口罩等防疫措施。對於社區（村）非生活必需的棋牌室、麻將室、娛樂室等密閉活動場所，要「應關盡關」，暫停開放。</t>
  </si>
  <si>
    <t>大車「內輪差」致死車禍頻傳，弘光科大7日舉辦新生啟航校園文化體驗活動，特別配合台中市交通局交通宣導，安排「內輪差」體驗活動，開來一台大巴士、放氣球當假人，提醒學生騎車、走路時避開大型車輛，以確保安全。
新生啟航活動上午8時30分許在操場舉行，第一副校長易光輝、台中市交通局、警察局交通警察大隊、台中區監理所都派員前來參加。台中區監理所交通安全科組長賴秋如表示，認識道路內輪差的交通宣導，開學期間到台中各大學校園加強宣導，第一站便選在弘光科大。
易光輝表示，學校很注重學生安全，透過活動提醒學生遵守交通規則，不要騎快車，特別是剛拿到駕照的學生要更小心。另外，他也提醒，配合新冠肺炎防疫，學生進校園皆須戴口罩，參加大型活動集會必須戴口罩，並教室保持通風；住在新啟用營運的智慧型宿舍新生，可用悠遊卡使用洗烘衣機、房間用電等各種設備，雖然手持智慧型房卡便能進出，不過進入宿舍仍要量體溫。
內輪差交通宣導安全活動開始，在操場放上氣球假人，大巴士慢速行駛，放一旁的假人，因為在內輪差的範圍內，不慎被捲入車底輾破，讓學生看到目瞪口呆。另外，還請學生坐上駕駛座，看大車的後視鏡了解內輪差是什麼？警察指出，大型車的視野死角，包括正前方、正後方、左後方、右後方，騎車千萬不要跟著大車太近，更不能在大車旁躲太陽，這樣都很危險。
內輪差的震撼教育後，大一新生分組進行作AED與CPR急救，讓每個人都能親手操作。劉姓學生說，新生活動很實用，不管是交通宣導，還是學習基本急救，對自己很有幫助；林姓學生說，從外地來台中上課，上課前先學會怎麼救人，交通安全宣導也學習如何自保，是很不錯的活動。</t>
  </si>
  <si>
    <t xml:space="preserve">資策會產業情報研究所(MIC)「34th MIC FORUM Spring新局」線上研討會登場，預估2021年全球半導體市場規模成長10.9%，達4,883億美元，成長態勢將延續至2022年，成長率預估為12.7%，四大動能為筆電、5G、高速運算(HPC)與車用電子，MIC分析指出，半導體產能不足也造成排擠效應，加上車用晶片訂單回溫導致產能更加吃緊，整體半導體產能不足問題將延燒至2022年。
觀測臺灣半導體發展，資策會MIC表示2020年整體營收創新高，產值大幅提升至2.93兆新台幣，成長率高達22%，主要來自疫情驅動筆電與HPC需求，以及美中貿易戰之下，中國大陸手機品牌業者的手機晶片需求，預期2021年臺灣半導體產值將持續提升至3.26兆新台幣，成長率達11.4%。資深產業分析師鄭凱安指出，上半年成長動能來自筆電與顯示器需求，加上全球填補庫存，半導體產能滿載，下半年動能主要為5G滲透率提升，以及車用、物聯網應用對半導體元件需求回溫，未來須觀測疫情是否受到控制，若控制成功，可預期需求將持續增長。
資策會MIC資深產業分析師鄭凱安表示，2021年半導體面臨更加劇的產能不足與排擠問題，供不應求從晶圓代工延伸到封測，導致交期與價格拉高，產能不足問題將延續至2022年。產能不足也造成排擠效應，低毛利應用晶片如顯示驅動IC面臨代工順位延後而缺貨，加上車用晶片訂單回溫導致產能更加吃緊，預計要到2021年第三季才會稍微緩解；另外，排擠效應對於小型IC設計業者造成隱憂，大廠議價能力較強影響不大，小型業者卻可能因此面臨生存危機。
短中期有三個觀測重點，一，疫情控制情形將直接影響2021年下半年庫存調整狀況；二，在產能不足之下，美國對中國大陸的貿易管制是否再有變化，將對國際IC設計業者選擇晶圓代工地點產生明顯影響；三，缺貨嚴重的晶片類型，部分IC設計業者已開始將8吋晶圓製程轉向成本較高、產量較大的12吋晶圓製程，有機會緩解部分需求。
鄭凱安觀測長期趨勢表示，半導體產能成為各國戰略物資已經成為大趨勢，新建產能在配套的基礎設施，以及與上下游產業供應鏈的配合之下，可望形成新的半導體產業聚落，改變全球供需分布。
</t>
  </si>
  <si>
    <t>近來3名長榮機師感染Delta變異株，為精進國籍航空機組員防疫作為，中央流行疫情指揮中心今天晚間與相關工會、交通部及民航局召開會議，其中針對機組員接種第3劑疫苗一事，指揮中心承諾將納入未來施打規劃考量，惟目前各國施打間隔不一，需提至專家會議討論。
中央流行疫情指揮中心今(9)日表示，為精進國籍航空公司機組員人員防疫作為，於今日晚間召開會議，與桃園市機師職業工會、桃園市空服員職業工會、中華航空企業工會、長榮航空公司企業工會、長榮航空關係企業工會、交通部及民航局進行專業溝通及討論，說明如下：
一、就醫問題：將與各醫師公會溝通，加強宣導醫療人員不可無故拒絕機組人員就醫。
二、國籍航空公司機組員人員接種第三劑疫苗：將納入未來施打規劃考量，惟目前各國施打間隔不一，有6個月與9個月，需提至專家會議進行討論。
三、機組員防護裝備問題：民航局已編列防疫經費補助航空公司採購個人防護裝備，指揮中心建議比照去年防疫經驗再行檢視，並請航空公司按民航局指示配合處理。
指揮中心說明，為確保機組人員執勤健康及安全，將持續與相關部會進行討論，強化機組人員防疫措施，並加強職業安全衛生管理，以共同維護機組員身心健康；同時，機組員執勤時應遵守民航局訂定之相關作業規範，提高自我警覺，落實各項防疫措施、自我健康監測及異常通報機制，以維護自身及親友之健康安全。</t>
  </si>
  <si>
    <t>家扶基金會至今已認養全球35個國家兒童，近7萬名國外兒童。近日因新冠肺炎疫情肆虐，全球宣布進入緊急狀態。家扶基金會教導當地民眾包括使用酒精消毒、乾洗手或是肥皂洗手、製作布口罩並教導當地社區民眾如何配戴，支援當地兒童與家庭營養、糧食、教育、水資源和緊急救援物資發放等規畫。
依據英國樂施會提供倫敦國王學院和澳洲國立大學進行的研究指出，新冠肺炎疫情造成的經濟衰退使全球民眾收入下降20％，也將導致全球每天收入低於5.5美元的人口增加5.48億人。
家扶基金會扶助的全球7萬名國外兒童中，其中三分之一是扶助非洲地區近兩萬名兒童，對於原本就生活在貧窮線下的民眾，家扶基金會目前扶助金改以轉帳方式處理、或拉長領現日時間，一位社工分配一天發放，並依時段通知家庭至中心領現，減少群聚風險。
如在史瓦帝尼扶家扶基金會已經協助近6000名兒童，而上月27日起因為史瓦帝尼國王禁止20人以上集會，為避免新冠病毒擴散而停止服務，目前家扶所合作的20個社區關閉社區廚房改採物資發放方式，讓兒童們可將食材帶回家烹煮；另30個社區持續由社區廚房供餐，但改以讓兒童帶便當回家，不在社區群聚用餐。
目現在全球受疫情影響，家扶基金會在國外服務地區仍有2000名兒童迫切需要援助，邀請民眾一同輸送愛心，補充孩子的需要。國外兒童認養專線：(04)2206-1234分機157。</t>
  </si>
  <si>
    <t>實在太扯了！自孟加拉返台夫妻前天確診新冠肺炎後，昨先爆出兩人搭機根本未穿防護衣後，孟加拉台灣商會會長又爆料，兩人並非商會成員，基於好心協助回台，但這對夫妻完全沒說在孟加拉當地有感染新冠肺炎，讓整團成員現在都很緊張，他自己也不敢進辦公室工作。
指揮中心15日公布，赴孟加拉工作返台的夫婦，曾在當地確診，返國後再復陽。其中太太（案445）解釋，沒二採陰證明就搭機，是因當地病患太多而被迫出院，無法再次採檢，指揮中心原考量，兩人聲稱搭機時全程戴口罩、穿防護衣，入境也主動通報，傳染給他人的風險大幅降低，因此暫不開罰。
但指揮中心卻接獲民眾爆料，「兩位確診者似乎沒有像外傳的穿防護衣上飛機」，經調閱錄影帶及照片發現，確診夫婦有戴口罩，但沒有穿防護衣，對此，指揮中心發言人莊人祥表示，若真涉及不實記載，可開罰6萬到30萬元。
另根據《TVBS》報導，同行的孟加拉台灣商會會長透露，兩人並非商會成員，好心讓他們搭機回台，卻都沒告知曾確診的事情，害整團成員現在都很緊張。連他自己也很毛，這幾天都沒辦法去上班。
按照台灣目前的規定，海外確診國人若要返台，需符合兩條件，一是從發病到登機間隔2個月，且症狀已緩解；一是必須二採陰。針對確診者雖不要求全程穿防護衣，但最好能先告知航空公司，才好安排座位，讓機組人員防範，但這兩人沒告知航空公司，所幸機組人員都有穿隔離衣。</t>
  </si>
  <si>
    <t>桃園市16日新贈15例為14本土、1境外，年齡為不足10歲至90多歲，其中有7人是確診者接觸者、8人調查中。公布足跡包含NOVA桃園店、楊梅市場、全聯楊梅中山店、愛買楊梅分店等等。
桃園市新聞處資料顯示，確診者接觸者有3人為家庭群聚感染。桃園累積731人確診、610人居家隔離。其中確診者足跡包含6月7日前往東埔公園，6月1日前往NOVA資訊廣場桃園店、拿易商行，6月13日楊梅市場、弘安藥局、全聯楊梅中山店、6月14日前往愛買楊梅分店。本土確診中，桃園區新增10人、中壢3人、蘆竹1人。</t>
  </si>
  <si>
    <t xml:space="preserve">面對新冠病毒肆虐，世界各國紛紛採取減少外出或與人接觸，甚至封城等減少社會接觸等措施，而一向以鐵腕執法聞名的新加坡，面對國內突然惡化的疫情也祭出嚴厲規定，要求人與人之間必須保持1公尺以上距離，若遭舉報或違規，將面臨1萬元新加坡幣（新台幣21萬）罰款以及6個月有期徒刑。
根據新加坡《海峽時報》報導，新加坡衛生部最新的「傳染病(關於防範新冠病毒傳播)規定2020」指出，只要在公共場所中刻意與人之間距離低於1公尺之內，將被罰款1萬新加坡幣以及6個月的有期徒刑，此一法令已於27日凌晨生效。
該法規定，在戶外工作以及在校園內的群聚逼需低於10人以下，並在如咖啡廳、餐廳與購物中心等非交通運輸空間的座位中，確保人與人之間保持1公尺以上距離。
此外，該法也規定所有的運動賽事、展覽、交易會以及如戲院、劇場、遊樂場所、電子遊樂中心等大眾娛樂場所，將從27日起暫停營運至30日。
報導指出，新加坡確診新冠病毒的人數26日增加52起病例，其中28起為境外輸入，目前總數達683人。
</t>
  </si>
  <si>
    <t>香港新冠肺炎第4波疫情嚴重，衞生防護中心傳染病處主任張竹君公布，香港今日(28日)新增84宗確診個案，其中包括80宗本地個案，其中27宗源頭不明，其餘53宗與之前個案有關連，當中48宗為「歌舞群組」，該群組確診人數已增至415宗；另有3宗輸入病例。香港累計個案6124宗。另外，今日新增的初步確診個案則約有80宗。
據公布，歌舞群組的確診者涉及嘉諾撒書院1名教師，該校須停課14日，全校師生須做病毒測試。該患者的1名家人於德貞女子中學任教，該教師昨日(27日)最後上班，該校須再停課1至2日，等待其檢測結果證無確診方能復課。
27宗源頭不明個案方面，包括屯門卍慈小學1名清潔工，該校須停課2周、全校師生亦要接受病毒檢測。另外，歷山大廈「8½ Otto e Mezzo BOMBANA」餐廳1名廚師確診，另有1名職員列初步個案，該餐廳需要停業。
香港醫管局公布，截至今日上午9時，過去24小時共有15名確診病人出院，至今共有5328名病人康復出院。現時共有567名確診病人分別於20間公立醫院留醫，其中7人情況危殆，4人情況嚴重，其餘556人情況穩定。目前香港公立醫院已啟用619間負壓病房，合共1137張負壓病床。</t>
  </si>
  <si>
    <t>中央流行疫情指揮中心6日通報苗栗縣新增確診病例有75例，其中，外籍移工64例、本國11例。其中京元電員工有65例，包括菲籍移工55例，本國10例，另外，苗栗第3家出現群聚感染的電子廠是智邦科技，共有10例確診，其中外籍移工9例、本國1例)，目前確診個案，已收治隔離中。
苗栗縣政府表示，智邦科技竹南廠是在6月4日有1名員工確診後，隨即啟動全廠快篩，預計篩檢1500人，目前篩檢202人，陽性10人，經PCR檢測10人陽性確診，包括外籍移工9例、本國1例，相關疫調持續調查中。</t>
  </si>
  <si>
    <t xml:space="preserve">
本土疫情趨緩，中央宣布各縣市防疫措施能夠適度鬆綁，開放戶外活動空間，室內展場、電影院、健身房等場域。不過考量疫情仍存有風險，六都之中僅台南市跟進餐飲業微解封措施，開放夜市、餐廳可內用。對此也引起許多民眾不滿，紛紛到黃偉哲臉書上留言洗版，「拜託不要開放內用。」
今（9日）新增32例本土確診，但台南市確診已連續12天+0，確診數也是六都最低。台南市長黃偉哲表示，台南很多小吃攤，在疫情期間生計都受到影響，現在適度鬆綁能夠讓他們喘一口氣。但他也指出，微解封必須非常小心謹慎，業者若無法做到自律，徹底做好梅花座、隔板，「開放就是錯誤的」。
雖然7月13日起各縣市能夠微解封，但目前六都首長多表態維持嚴格管制，餐飲僅限外帶，只有台南市順時中，開放餐廳、夜市內用。對此也引起許多市民不滿，擔心台南微解封恐吸引外縣市遊客跨區觀光，形成防疫破口，紛紛湧入黃偉哲臉書留言，盼市府不要開放餐廳內用。
網友指出，「很多縣市都不開放餐廳內用，難道台南人身體比較健康不怕病毒，我們被關怕了，可以請市長再仔細考慮一下再做決定嗎？」、「拜託不要開放內用，別為了發展觀光而拿台南人的健康做賭注」、「有沒有考慮到微解封後那些跨區來玩的觀光客」、「請別開放餐廳內用，阻絕外來人潮來台南」、「雙北桃園還是有不明的疫情，拜託市長微解封能等等嗎」、「市長，我們沒有神功護體，病毒不分地區，我們很害怕，我們還沒準備好，請不要讓我們台南人擔心，甚至爆發疫情被唾棄」。
</t>
  </si>
  <si>
    <t>北市刑大林姓小隊長20日傳出快篩陽性，大隊部當晚即進行全面消毒，小隊長工作的該棟樓層約20多名同仁，21日全部請假停止上班，其他單位也進行分流及異地辦公，據了解，該名小隊長經核酸檢測後，下午已確認確診，被送往隔離治療。
家住萬華的林姓小隊長，14日發生輕微感冒症狀，但就醫時醫生認為是一般感冒，林吃藥後狀況也有緩解，因此本周正常上下班。
19日晚林出現發燒、胸悶狀況，覺得不對勁20日前往快篩，結果顯示為陽性，隨即向上通報，大隊部晚間立刻通知清潔公司前往消毒，與林同樓層的其他官警，依規定自主健康管理，21日全部請假停止上班，避免再與他人接觸。
北市刑大另啟動異地、分流、居家上班機制，以確保同仁健康安全，此外，北市刑大除為重大急迫性案件，已停止各專案執行，經查林姓小隊長近日並無偵辦刑案，也沒有執行拘提、逮捕等任務，現已就林近日的足跡及接觸對象，做後續清查防制。</t>
  </si>
  <si>
    <t xml:space="preserve">國內新冠死亡人數破五百例，至今還未對任何一例死亡個案執行病理解剖，釐清死亡原因，指揮中心專家諮詢小組召集人張上淳今天坦言，過去SARS時國內透過解剖的方式來更進一步了解疾病死因，這次因病患發病太快，且散播地點太廣，導致無法提前取得家屬同意進行解剖了解病情，只能透過過去的就醫紀錄來推想。
張上淳指出，當年SARS發生時的第一例個案是住在自己服務的醫院，他在病人的同意下進行活體切片，從切片組織中找到病原體，由於當時已經傳廣東還有香港都有類似病人，因此從該切片中得到相當多的治療資訊。
張上淳表示，這次雖然已經知道許多病患的主要死因是新冠肺炎造成，但死亡後除感染外是否還有其他問題，最好還是要有死後的病理切片或病理解剖，透過肉眼直觀方式來了解病理變化，這對直接死因的判斷很有幫助。
張上淳說，這樣做要在病人家屬的同意下才能進行，初期病患死得很突然，因為在不同醫院、不同地方，所以沒辦法事先取得家屬同意來進行解剖，特別是很多都已經火化了，所以現在能看到的都是不完整的資料，很難判斷確切死因，但我們有去蒐集死者過去的就醫紀錄，可透過某種程度猜想真正死亡原因。
</t>
  </si>
  <si>
    <t xml:space="preserve">
有關防疫交通車，中央流行指揮中心今天表示，從明天起，居家檢疫通知書會明確說明，檢疫者優先由親友接送或自行駕車，其他只限防疫車隊方式，如果違反，搭乘大眾運輸，開罰10萬至100萬元罰額。
交通部次長祁文中表示，居家檢疫者從機場返家的交通方案，已從3月4日開始實施，由防疫車隊提供服務。從明天起居家簡易通知書會明確說明，檢疫者優先由親友接送或自行駕車，其他只限搭乘防疫車隊或自行安排小客車，希望要求及戶，如違反者，有搭乘大眾運輸情形，會罰10萬元以上、100萬元以下罰額。
祁文中說，如果居家檢疫書上所陳述的返鄉方式跟實際內容不符，將罰1萬元以上、15萬元以下罰鍰。返鄉方式若臨時變更，可去防疫車隊做變更登記，返鄉過程中若有用餐需要，各國際機場大廳都有輕食或簡餐，檢疫車隊服務處也有，希望檢疫者能搭乘直接回家做居家檢疫。
指揮中心指揮官陳時中表示，居家檢疫回家的路，交通部設計一套回家的方法，自11起沒根據規定走會開罰。</t>
  </si>
  <si>
    <t>滯留湖北的血友病少年母子今（24）日晚間搭乘長榮航空從成都返台，晚間10：46抵達桃園機場。
滯留在湖北荊門的血友少年和其母親，24日晚間搭乘長榮航空BR-766的航班，19時15分自成都雙流機場起飛，機上43名乘客有11人轉機、30人在停機坪坐遊覽車入境，血友病少年與母親下機後，執行專案檢疫程序，母子2人則直接從停機坪上搭乘救護車離開前往醫院。</t>
  </si>
  <si>
    <t>新北市中和區公所31日將於中和華新街舉辦「2020光明點燈節」活動，26日舉辦宣傳記者會，由於新冠肺炎疫情蔓延，現場特別用小燭光排出「No COVID-19」的字樣。中和區長賴俊達也強調，要在中和點燈，為世界祈福，歡迎民眾一起共襄盛舉。
賴俊達表示，新北市擁有來自全球120多個國家的新住民及移工，五顏六色、多元繽紛的文化在這塊土地上綻放。緬甸移民回台定居的華僑在全台共有10萬餘人口，新北市就有8萬餘，其中超過半數在中和區生根，大部分聚居在南勢角一帶，是全國緬僑居住最多的地區。
他強調，緬僑們早已融入新北市的大家族中，並且在中和華新街形成異國美食聚集地及商圈，藉由傳統點燈禮佛祈福活動，讓全國民眾認識東南亞文化，增進民眾與新住民間了解與尊重。
中和區公所表示，2020緬甸光明點燈節好康多多，31日在中和華新街熱鬧登場，將會進行交通管制，活動下午4時將發送摸彩券3000張，最大獎Switch遊戲機、氣炸鍋等，並加碼前500名排隊者還能參加緬甸文化體驗闖關，可獲得道地美食緬甸芝麻酥、可樂1罐及LED小燭燈。
另外，華夏科大也設計抓寶及好玩的遊戲與民眾互動，現場還有免費彩繪及東南亞書車、文物展示等，以及多達300人的民族服裝踩街秀，歡迎民眾攜帶燈光、燭火，一同來2020中和緬甸光明點燈節保平安、祈好運。</t>
  </si>
  <si>
    <t>AZ+高端混打結果出爐！長庚醫院今公布100人臨床試驗結果，發現混打AZ+高端的中和抗體效價在接種後10天、28天都是2劑AZ組的2倍以上，而B細胞、T細胞反應也顯著上升。值得關注的是，長庚醫院將試驗對象以不同間隔區分，發現間隔4-6周的效果是8-10周的約2倍。混打試驗計畫主持人陳志榮表示，這項試驗顯示，混打AZ+高端是可行的策略。
長庚醫院數月前展開混打試驗，以100名20-70歲，曾接種1劑AZ疫苗者為對象，隨機分派接種AZ疫苗、高端疫苗，設計4-6周、8-10周2種間隔，並在接種第0、10、28、56、168天測試抗體、免疫反應。
研究發現，混打組的中和抗體效價較2劑AZ組高，混打組在接種後第10天，中和抗體效價大約是2劑AZ組的2.8倍。到了接種後第28天，混打組的效價仍顯著優於2劑AZ組，約為2.1倍。
經偵測周邊血液，會分泌特異性抗體的B細胞數目，發現在第2劑後第10天，混打組所生成的「棘蛋白特異性抗體分泌B細胞」反應顯著上升，約為2劑AZ組的2-3倍。在第2劑後10天與28天，混打組所生成的「棘蛋白特異性T細胞」反應，也顯著較2劑AZ組強。 另研究人員也發現，接種AZ後間隔4-6周再混打，是8-10周的約2倍，為此次研究的重要發現。
陳志榮表示，混打AZ與高端疫苗，不論血清抗體生成性，或細胞免疫反應，都優於2劑AZ，混打AZ與高端是可行的疫苗應用策略，實際施打時，建議盡量在間隔4-6周內混打，可取得較佳的抗體反應。
此外，長庚醫院也針對3月31日起接種疫苗的683名員工進行分析，這些員工中，有364人接種2劑AZ疫苗、207人接種AZ+莫德納、112人接種2劑莫德納。研究人員發現，混打莫德納的效果幾乎等同2劑莫德納。
陳志榮表示，台大混打AZ+莫德納的研究顯示，接種間隔8周的效果比4周好，不過長庚此次除了2人在間隔9周接種外，其餘都是10周以後，發現接種間隔越長，抗體將降低。經區分12周以前及以後，也呈顯著差異。他建議民眾混打疫苗不要隔太久，8-10也許是好的選擇。
對於長庚混打試驗結果出爐後，國內是否有望開放混打AZ+高端？中央流行疫情指揮中心指揮官陳時中今回應，將與專家小組討論實施的可行性。</t>
  </si>
  <si>
    <t xml:space="preserve">為因應新冠肺炎防疫需要，證交所今（15）日召開董事會，通過110年股東常會由原訂6月17日延期至8月20日（周五）下午2時，假台北國際會議中心4樓貴賓廳（台北市信義路5段1號）召開。
證交所去（109）年稅後盈餘57.96億元，每股稅後盈餘（EPS）7.72元，雙雙寫下歷史新高，擬將配發4.6元股利，至少創下近10年來新高；其中包括3.4元現金股利、1.2元股票股利。股東會延到8月20日舉行，證交所今年配股配息時程也將因而往後延。
</t>
  </si>
  <si>
    <t>美國總統川普表示，美國很快就有能力每日進行500萬個新冠狀病毒檢測，儘管檢測不足仍是美國許多州對重啟商業感到不安的最大障礙。
在被問到對美國每日檢測量達到500萬個是否有信心時，川普表示，檢測量很快就會大幅提高。部分衛生專家認為每日檢測量達到500萬個，是重啟美國經濟的先決條件。
事實上，目前美國每日檢測量距離500萬個仍然天差地遠，根據「冠狀病毒疾病追蹤專案」（The COVID Tracking Project），美國單日檢測量最高的一天，是4月22日的31萬4,182個。
自新冠肺炎大流行開始，美國的總檢測量僅達到570萬個，遠遠落後其應要達到的檢測能力。以4月份每日平均檢測量約15萬7,000個來看，美國需要將近6年時間才能讓每一個人都獲得檢驗，且只有一次。
根據約翰·霍普金斯大學（Johns Hopkins University）所做的統計，目前美國新冠狀病毒確診病例達到101萬1,877人，占全球總確診數的三分之一，因此死亡的人數超過5萬8000人。目前全球感染人數已經超過311萬3,447人，至少21萬6,930人因此病故。</t>
  </si>
  <si>
    <t>莫德納混打高端疫苗臨床試驗將啟動。台北市青工總會長滿志剛表示，高端未做三期臨床試驗，且招募混打的受試對象也不過百人，再加上品管及生產都不穩定，痛批政府如此護航高端，只會讓民眾更加反感，「高端還是老實做完三期試驗，再來討論其他可能性吧」。
滿志剛今（16）日於個人臉書指出，莫德納應該優先混打BNT，絕對不是高端，由於高端沒做第三期臨床試驗，在保護力都未知的情況下，Delta變異株又不斷地進攻社區，應該高風險族群取得完整保護力，降低重症及死亡風險，不要將希望寄託在只有「嘴砲」缺乏數據的高端。
滿志剛說，若輝瑞／BNT週週到貨、穩定供應，總計1500萬劑的疫苗，就是國內疫苗的主力，絕對能解決300萬莫德納孤兒打不到第二劑的問題，且目前高端的品管和生產都不穩定，若要混打，「怎麼會捨BNT而就高端？」
滿志剛認為，目前國際上已有莫德納混BNT的研究數據，也有多國正在執行這樣的混打方式；反觀高端才剛開始要研究，招募的受試對象也不過百人，僅利用免疫橋接比較抗體數據，既不科學，也無法取信於民。
滿志剛說，政府這麼不尋常地護航高端，只會讓民眾更加認定其中藏有貓膩，只會加深對高端的質疑及反感，政府若要發展國產疫苗，當然無人會反對，但如此揠苗助長，反而正是親手摧毀了國產疫苗的機會，「高端還是老老實實做完三期試驗，再來討論其他可能性吧」。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與感冒症狀極為相似，不少人擔憂自己可能染疫。前高雄長庚醫院兒童內科主治醫師徐嘉賢指出，兩者症狀的確容易混淆，但確診新冠肺炎的患者，主要症狀包含發燒、乾咳、倦怠以及呼吸急促，因此建議4種人才須要採檢，包括有收到細胞簡訊、相關接觸史、到過高風險地區及上呼吸道出現症狀，沒事千萬別去篩檢站。
徐嘉賢醫師日前在臉書粉專《黑眼圈奶爸Dr. 徐嘉賢醫師》表示，過敏、感冒症狀與新冠肺炎相似，因此門診多了許多求診的民眾狂問「流鼻水、鼻塞，是感冒還是過敏，會不會是新冠肺炎？」一般來說感冒的症狀會隨著時間變化，一開始可能只有打噴嚏，隔天就會開始流鼻水、喉嚨痛等，也可能會發燒。
徐嘉賢說，過敏發作起來會流鼻水、鼻塞或過敏咳，有的甚至會氣喘，的確很容易跟感冒，甚至是新冠肺炎混淆，但過敏的症狀通常時間比較固定，症狀也不太會改變，也沒有發燒、味覺改變的病症，但是鼻子長期過敏及鼻竇炎影響下，也會有嗅覺喪失，或嗅覺異常的狀況。另外，過敏的氣喘咳，並不是只有喘而已，有些咳嗽還會帶有痰音，且過敏並不會發燒。
徐嘉賢進一步表示，新冠肺炎的症狀多變，且現在又有許多無症狀感染者，味覺及嗅覺異常也不是獨有的症狀，其他普通感冒也會發生。其主要症狀為發燒、乾咳、倦怠以及呼吸急促，有68%至88.8%會有嗅覺、味覺失常，與其他疾病相較之下，比例特別高，通常發覺異常是在初期，還沒進入肺部之前的徵兆。
目前唯一能夠確定的方法就是做篩檢，但徐嘉賢認為有收細胞簡訊、相關接觸史、到過高風險地區及上呼吸道出現症狀者，才有採檢的必要，否則沒是千萬別抱著「想去篩檢看看」的想法，因為篩檢站、急診室及大型醫療院所風險更高，千萬不要增加醫護人員不必要的工作。最後徐嘉賢也呼籲，疫情期間都要好好控制過敏，至少把一個干擾因素控制，免得自己擔心、懷疑。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新冠肺炎疫情幾乎全世界的觀光產業都受到衝擊，幾個月之內國人也都難以出國旅遊，有網友對此好奇詢問，台灣有很多日本旅遊中毒者，想知道若是還未有疫苗問世的情況下，大家會什麼時候就前往日本旅遊？底下網友紛紛點出一個關鍵因素。
這名網友在PTT上指出，「突如其來的全球性疫情打亂了很多人的出遊計畫，很多旅日中毒者無處可去，目前台灣疫情趨緩，想問問大家，如果接下來還是沒疫苗可以使用，當台日雙方都解除封鎖，過多久後大家敢再去日本？」
這篇文章立刻引來不少人的討論，網友的留言十分踴躍，其中大部分的人都認為，至少需要等到入境後都不需隔離後才會考慮，且不少人也擔心去了之後公司對他的觀感不佳，「不要檢疫14天，這才是影響多數人決定的關鍵」、「不用隔離再來考慮吧...」，更有網友提到韓國的例子，「韓國之前本土0，結果剛放縱一下馬上15例」。
</t>
  </si>
  <si>
    <t>新竹市27日新增1例確診病例，案14682是30幾歲男性，是本月12日桃園確診的案12665的兒子，當時案14682是帶著妻子、孩子1家4口到桃園探視手術後的祖母，祖母確診後，家住新竹市的兒子1家4口都被匡列隔離，其中媳婦與6歲孫子在19日也已確診入院治療，兒子則在今天確診。
市長林智堅表示，今天確診的男性是因日前帶著太太、孩子1家4口到桃園探視剛出院的阿嬤，但阿嬤在本月12日確診，兒子1家4口立即被隔離，而媳婦與其中1孫子在19日也確診，當時爸爸與另1位孩子也接受PCR採檢，不過是陰性，這兩天爸爸因出現症狀，再次採檢才確診，另1位尚未確診的孩子也已先安置到醫院隔離追蹤。
林智堅說，家人手術後前往探視是人之常情，但在防疫期間若實在有必要探病，應該減少探病人數，減少移動，更不可以聚餐，像是這個家庭一同去探視阿嬤，結果有1人確診後，再造成家庭群聚。
新竹市截至目前有35例確診病例，其中因家族群聚占67.6％，其中有1案是共計有7位家人群聚，另1案有5位家人群聚，顯示家族間的相互感染是很嚴重的，民眾不可不慎。
★《中時新聞網》提醒您：因應新冠肺炎疫情，疾管署持續加強疫情監測與邊境管制措施， 如有疑似症狀，請撥打：1922專線，或 0800-001922， 並依指示配戴口罩儘速就醫，同時主動告知醫師旅遊史及接觸史，以利及時診斷及通報</t>
  </si>
  <si>
    <t>蔡英文總統今在臉書表示，今天本土確診案例的數量明顯增加，說明了疫情確實難纏，她也提出三個拜託。總統指出，「不要氣餒，更不可以鬆懈，有三件事情，我要拜託大家一起繼續努力，第一，拜託大家繼續堅持防疫指引」。
她說，疫情還沒有穩定前，都不能大意。少出門、不群聚，做好自主健康管理，落實各項防疫措施，就是保護彼此最好的方式。
第二，拜託大家去傳統市場和賣場注意防疫。最近有許多確診案例，都有傳統市場或賣場的足跡，說明了這兩類場所是現階段必須強化防疫的重點。請大家幫忙提醒家人和朋友，去傳統市場或賣場採買時，一定要配合實聯制措施，並小心保持社交距離。
她強調，尤其大部分的地方政府已經公布了傳統市場「分流採買」的措施，也要拜託大家體諒和遵守。
第三，拜託大家一起支持第一線防疫人員，醫護、警消、防疫人員，都在疫情的最前線奮戰，都為大家承受著許多的風險，請大家一起給他們支持和鼓勵。
她說，也必須強調，任何的暴力攻擊和言語羞辱，都無助於克服疫情。政府絕不允許醫療暴力，該依法究辦的，絕不寬貸。對於因公染疫或受傷的醫護、警消、防疫人員，政府也一定會提供最妥善的照顧。
最後強調，疫情之下，人與人之間不該彼此對立，病毒才是我們的敵人！只有團結一致，才能更快控制住疫情，早一天讓生活恢復正常。</t>
  </si>
  <si>
    <t xml:space="preserve">一項驚人的新調查報導顯示，中國大陸科學家2013年在廢棄的礦坑內發現類新冠肺炎病毒株RaTG13，但始終未將這祕密公開。
綜合《周日泰晤士報》（The Sunday Times），《澳洲人報》（The Australian）與《太陽報》（The Sun）等媒體報導，這礦坑內有大批蝙蝠與老鼠出沒，地上滿是排泄物，而科學家發現這病毒株後，便將它存放在武漢病毒研究所（Wuhan Institute of Virology，WIV）內。
而這7年前在大陸西南部銅礦坑內發現的病毒株，據說是迄今追蹤新冠肺炎大流行起源的最強線索。報導指出，有6名礦工2012年在這銅礦坑內作業後開始發攝氏39˚的高燒、咳嗽並出現肺炎症狀。除了1個人外，其他5人都有嚴重呼吸困難的現象。
在兩名病患還來不及接受檢測便死亡後，昆明醫學院第一附屬醫院為剩下4名病患進行了登革熱，日本腦炎，甚至SARS等一長串檢測，但始終對這神祕疾病束手無策。於是他們要求武漢病毒研究所幫忙，結果有了驚人的發現。其中有4人接受檢測後，發現身上有不知名的類「嚴重急性呼吸道症候群」（SARS）冠狀病毒抗體。後來其中兩人病癒返家，身上的抗體比另外兩名仍在醫院的病患多。至於在院中的兩名病患，最後又有1人喪生。
而以研究蝙蝠聞名，因此有「蝙蝠女」（bat woman）綽號的武漢病毒研究所研究員石正麗2月與研究團隊共同執筆，發表了當時最全面的新冠病毒學術論文。
這篇發表於國際期刊《自然》（Nature）上的論文除了提供新冠病毒的完整基因描述外，還透露武漢病毒研究所內有名為RaTG13的蝙蝠病毒樣本，並說它和新冠肺炎病毒COVID-19有96.2％相吻合。不過，一名石正麗的老同事說，RaTG13的樣本是2013年在礦坑內發現，但並未公諸於世。
當初這些大陸蝙蝠病毒專家會深入礦坑，是為了想要確認SARS病毒的來源，而採集到這新型病毒株是重大的發現。然而，令人訝異的是，論文中卻匆匆帶過，至於那6名生病的礦工更是隻字未提。
報導指出，令人納悶的是介於發現病毒，以及新冠肺炎疫情大爆發之間的那些年裡，究竟發生了什麼事？為何這種新病毒株藏在隱諱的紀錄中？而它和3名死者的關係為何絕口不提？
</t>
  </si>
  <si>
    <t xml:space="preserve">華視女主播林彥汝今(29日)晚間在臉書拍片證實，包括她、老公與小孩一家三口全部確診新冠肺炎，坦言今日是她確診第6天，同時揭露目前醫療能量嚴重不足的殘酷現況，不僅1922、1999電話都滿線，檢疫所跟醫院更是爆滿，所以他們即使已確診，仍須在家等待。
林彥汝今日拍片證實確診新冠肺炎，目前正在家裡隔離中，「大家應該可以聽得出來我的聲音非常沙啞，因為彥汝在前幾天被通知確診新冠肺炎。除了我之外，我的先生還有我的小孩也都是確診了新冠肺炎。」
林彥汝透露她是在本月24號發高燒到39.1度，並出現喉嚨痛、咳嗽有痰等症狀，老公則是發燒到39.5度。但最令她感到痛苦的是，喉嚨痛到讓她非常不舒服，且手臂上還出現了紅疹。不過她慶幸6歲兒子雖然也是確診陽性，但至少沒什麼症狀，還可以活潑亂跳在那邊玩。
林彥汝坦言在得知確診後，心情非常緊張，第一時間立刻打電話去衛生局，也打電話給1922跟1999，但線路都是滿線狀態，可以感受到對方非常忙碌，而問到的結果就是先在家裡等，因為目前檢疫所跟醫院都是爆滿情形，所以他們需要排隊。不過她也提到，若是真的很不舒服，可以馬上打119請救護車送醫。
最後林彥汝也感謝各界關心，有朋友傳簡訊關心，也有人想送物資給她，讓她相當感動，認為自己在抗疫這條路上並不孤單，更相信全家人一定能克服新冠肺炎，戰勝病毒。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新冠肺炎期間在醫院內穿著兩節式性感比基尼裝，罩上一襲透明防護衣，讓春光一覽無遺而一夕全球爆紅的俄羅斯辣護士，幸運躲過疫情後人生有了新轉機，該名女護士日前意外被服裝品牌相中成為代言人；而日前更傳出新消息，她受邀成為電視台氣象主播。
這名年僅23歲的俄羅斯護理師茱可娃（Nadezhda Zhukova）今年5月因一件透視防護裝引起熱議，紅遍全球。綜合外媒報導，她當時並不曉得防護裝穿起來會如此透視，但這件事卻讓她意外受到大眾關注，更讓她成為內衣、運動服飾代言人，現在又被當地電視台延攬成為新的氣象主播。
據《EL HERALDO》報導，從本月22日後，可以在新聞頻道「Rossiya 1 Tula」和「Rossiya 24 Tula」看見茱可娃的身影，她將以氣象主播的身分站在大眾面前，並利用她的醫學常識結合天氣預報。茱可娃也在受訪時開心分享，很期待這個挑戰，但並未放棄本業，她仍然在準備成為一位醫生，這只是她接下的挑戰之一。
這位穿比基尼的女護士茱可娃帶起許多效應，在事發時有不少女性聲援她，發起拍下自己穿透視防護服的身影，體恤醫護人員的辛勞。她更成為俄羅斯運動品牌Zasport代言人，該品牌為國家運動代表隊御用的服裝大牌，而現在她又幸運接下氣象女主播的職位。</t>
  </si>
  <si>
    <t xml:space="preserve">美國針對2019冠狀病毒疫情而提出的9000億美元振興方案，因聯邦準備理事會放款規定而引爆爭議，導致始終擱置不前；不過，美參議員在19日連夜挑燈協商後，已突破障礙並達成協議，最快20日國會就可表決該案。
根據國會領導人妥協計畫，紓困方案將為大多數美國民眾提供每週300元美金的臨時失業補助金，以及600美元的經濟振興金。此外，疫情紓困方案將附加到1.4兆美元(約新台幣39.5兆元)的支出法案中，而該法案讓政府可應付各項計畫道2021年9月。
參議院民主黨領袖舒默19日表示，「如果事情照現有節奏發展，20日就能順利進行投票表決」。雖然杜美一派雲淡風輕，但事實上協商過程中卻和賓州共和黨議員杜美針鋒相對。
杜美堅持，紓困方案必須明定聯邦準備理事會在2020年12月31日後，不能持續提供緊急貸款給小企業、州與地方政府；但民主黨人駁斥，這根本「管太寬」，不但讓聯準會綁手綁腳，甚至限制即將上臺的拜登政府，影響其振興經濟的能力。據3月通過的《新型冠狀病毒援助、救濟和經濟安全法》(CARES Act），相關貸款12月31日將屆期。
杜美則反駁，其提案並非「對美聯儲緊急貸款授權的權力，進行全面改革」；不過，杜美最終點頭「除去其提案中的籠統措辭，以免阻止聯準會主席未來建立類似措施」。國會助理更表示，妥協內容即將完成，疫情紓困案「距離達成最後協議僅剩一步之遙」。不過，如果投票於20日晚上登場，委員們很難完全閱讀並理解法案全文。
</t>
  </si>
  <si>
    <t>葡萄盤商傳播鏈今天（19日）再添6例，包括了10日去吃個燒烤，1家3口就染疫了，其中1歲男童還是父母輪流抱著，另外3例是昨天公布歌唱班成員的家屬，彰化縣衛生局更新公布最新足跡，呼籲搭配時間，留心注意，有接觸史、有症狀就要注意。
葉彥伯表示，新增燒烤店確診者，就是典型從公布足跡，檢出的個案，衛生局16日公布足跡，曾去燒烤店的父母15日晚上就發現小孩發燒，對照公布的足跡，緊急到醫院採檢。連日來，發現確診者幾乎都在餐會，或是室內的閉密空間活動，呼籲仔細看一下足跡，只要是室內空間，有飲食、聊天，打麻將都是高風險場域，新增6例又新匡列300人列入追蹤。
葉彥伯也強調，公布足跡並不是獵巫或是標籤化，請民眾不要過度恐慌，設置快篩站也並非要一般人都去篩檢，縣府和中央的做法一致，有接觸史，並且有症狀才需前往篩檢，縣長王惠美也說明，篩檢第一關就是問接觸史，如果沒有到過這些地方，是不會給篩，避免造成醫療人力的癱瘓和增加感染風險。
葉彥伯表示，彰化累計49例確診，葡萄盤商家族的傳播鏈，包含刮痧、到麗園飯店、歌唱班和燒烤店，共達41人。累計49例確診都是輕症，4天來已經有兩千人多人檢測，做到早期圍堵，目前4個核酸實驗室，一天可以檢測到8、900個，一天內就可得到棒告，彰化負壓病床和專責隔離病房也近90個，發現的確診個案，只要圍堵的越成功、民眾配合的越好，疫情就能越早得到控制。
縣長王惠美也呼籲，今天中央指揮中心已經宣布全國從2級升為3級，相關的規定一定會嚴格的執行，務必戴上口罩，不戴罰3000至1萬5000元，室內不超過5個人、室外不超過10個人，拜託鄉親在這14天中辛苦一點，人流若能控管下來後，相信疫情一定會有所趨緩，最後強調鄉親務必配合，勤洗手、戴口罩、保持社交距離，並且不要隨便外出活動。</t>
  </si>
  <si>
    <t>台北市中正區防疫旅館接連兩例確診，分別是案16859及擴大採檢發現的案16870。台北市副市長黃珊珊今召開記者會說明，個案在美國回來第二天、12月6日就不舒服、有發燒，採取通訊診療，用藥之後緩解，到12月14日採檢案16859可能接觸者才確診，但他在12月5日已經採檢，結果是陰性，12月6日並沒有再採檢。
黃珊珊表示，中央判定16859屬於境外移入，但這位民眾經過14天檢疫結束離開檢疫所後，發病確診，北市政府不敢大意，希望進一步確認感染源，在防疫旅館及相關接觸者加以擴大匡列隔離採檢。
黃珊珊指出，案16859在11月26日入境，到中正區防疫旅館入住到12月10日，離開前採檢後也是陰性，回到他的家後在12月13日出現喉嚨痛，自主管理期間快篩檢驗陽性，到醫院採檢確診，CT12，已接種兩劑疫苗。
黃珊珊指出，北市接獲通報後在12月14日立刻進到防疫旅館，進行疫調、匡列、清消、全面採檢，結果發現案16870在12月14日確診，12月5日從美國回來，檢疫期到12月19日，但他在美國回來第二天，12月6日就不舒服，在防疫旅館表示有發燒，採取通訊診療，用藥之後緩解，後來一直待在防疫旅館，到12月14日採檢案16859可能接觸者，才確定他是CT值31，這時候已經沒有症狀。
對於16870個案12月6日不舒服當下沒有篩檢，到14日才採檢出來，是否有疏失？黃珊珊說明，個案不舒服會通報衛生局，會安排通訊診療，他在12月5日已經採檢，當時是陰性，12月6日因為前一天才採檢，就先了解症狀、做投藥，沒有採檢主要是因為前一天剛剛才採檢。</t>
  </si>
  <si>
    <t>處理器大廠美商超微（AMD）在x86架構中央處理器（CPU）市場持續攻城掠地，第三季在排除半客製化、嵌入式及物聯網市場後的總體x86處理器市場占有率飆升至22.4％，較去年同期增加6.3個百分點，並創下2007年第四季以來的13年新高紀錄。超微在台積電7奈米投片持續增加上量，業界預期市占率可望持續拉升。
超微如期推出Zen 3架構系列x86處理器Vermeer搶攻桌上型電腦市占，在台積電7奈米產能奧援下，Zen 3架構筆記型電腦、伺服器等處理器將陸續推出。法人看好台積電通吃7奈米晶圓代工訂單，封測代工廠日月光投控、晶片組供應商祥碩、均熱片供應商健策、電源管理IC廠茂達及致新、金氧半場效電晶體（MOSFET）廠大中及杰力等概念股同步受惠。
新冠肺炎疫情帶動個人電腦銷售動能，超微受惠於競爭對手供貨不足，第三季在全球x86處理器市占率已連續9季度呈現成長。根據市調機構Mercury Research針對第三季x86處理器市占率調查報告，在排除半客製化、嵌入式及物聯網市場後的x86處理器市場中，超微第三季整體市占率已上升至22.4％，較第二季增加4.1個百分點，與去年同期相較增加6.3個百分點，並為2007年第四季以來的13年新高。
超微第三季桌上型電腦x86處理器市占率達20.1％，較第二季增加0.9個百分點，較去年同期增加2.1個百分點，連續12季度維持攀升，並為2013年第四季以來新高。筆記型電腦x86處理器第三季市占率亦攀升至20.2％，較第二季增加達0.3個百分點，與去年同期相較增加5.5個百分點，創下連續12季度攀升及市占率達歷史新高紀錄。
超微第四季進入7奈米Zen 3架構世代，在台積電7奈米製程及產能奧援下，新款桌機處理器一上市就供不應求，業界預期超微市占率將持續提升，法人除了看好台積電7奈米製程滿載到明年上半年，也看好祥碩、健策等概念股營運旺到明年。
其中，祥碩因超微市占率提升而受惠最大，B550/A520晶片組出貨暢旺，明年還可望通吃全新600系列晶片組代工訂單。祥碩第三季合併營收20.93億元，稅後淨利8.79億元並較去年同期成長逾2.6倍，每股淨利12.73元，累計前三季每股淨利達33.55元，法人預期全年將賺逾四個股本。
由於新一代Zen 3架構處理器平台不僅在運算時脈效能提升，也強化了人工智慧（AI）及繪圖技術等運算功能，並全面支援PCIe Gen 4及USB 4等高速傳輸介面，搭配的電源管理IC及金氧半場效電晶體（MOSFET）數量大幅增加，對於茂達、致新、大中、杰力、尼克森、富鼎等業者亦將帶來更大的營運成長動能。</t>
  </si>
  <si>
    <t>台北榮總將遠距會診模式，擴大應用於防疫專責病房，協助醫護人員與隔離區內病人診療與跨團隊互動。醫務企管部李偉強主任表示，過去護理師協助家屬提供病人關懷時，僅能利用手機視訊，然而許多老人家視力不好或聽力退化，且手機螢幕較小，關懷效果並不理想。遠距行動醫療推車，因螢幕大且操作簡單，除了臨床照護之應用外，最重要的是能給予隔離中的病人親情的支持，藉由遠距會診模式，病人家屬可從家中，同時與醫護人員與病人進行三方視訊對話，一同討論病情，既可避免感染風險，即時表達對病人的關心，不因疫情造成隔閡，更能拉近彼此的距離，是防疫專責病房的好幫手。
81歲染疫住院病危的張伯伯，因情緒不佳出現輕生的行為，護理師發現後立即啟動跨團隊照護。由社工師運用遠距行動醫療推車進行視訊關懷，在20分鐘訪談後，張伯伯才娓娓道出心中掛念染疫也被隔離的妻子。社工師立即給予同理支持，持續引導以正向積極的態度面對病情。張伯伯深受鼓勵，表示會堅強努力的活下去，期待能與家人再度團聚。
9個月大的小明因被家人傳染不幸染疫，媽媽需共同照顧也不幸確診。住院期間，兒科醫師藉由遠距行動醫療推車，觀察小朋友的活動力及臨床表現，兒科護理師在病房內接受醫師指示，共同協助評估小明的症狀及活動力。醫護人員及病人都表示，行動醫療車看得很清楚，病人也能清楚的跟醫療人員溝通，比起只用電話會談只聽到聲音，更有溫度也更安心！
李偉強主任指出，醫護人員可利用遠距行動醫療推車，在護理站內「面對面」與隔離中的病人進行視訊問診、解釋病情與說明未來治療方向，病人亦能在大螢幕上看到醫護人員，真正能感受到有人關心，透過即時視診及與病人互動討論，有效提升照護品質，更減少醫護人員穿脫隔離衣的時間與防護裝備的耗損，無形中提高了防疫效能。
台北榮總、板橋榮民之家與研華科技，自今(110)起透過遠距行動醫療推車，讓榮家住民不必外出就可與台北榮總醫師進行線上會診對談，此亦為退輔會自109年起推動「金字塔計畫」的一環，提升高齡長者就醫品質，成效卓著。5月中旬COVID-19疫情急遽升溫之後，為降低醫護同仁穿脫防護衣及頻繁進出病房所產生之照護風險，研華科技與研華文教基金會，與台北榮總合作捐贈四套遠距行動醫療推車及平板電腦，成為防疫專責病房的好幫手。</t>
  </si>
  <si>
    <t>國民黨立委林思銘今天表示，他一早就接獲基層員警反映，中央疫情指揮中心5月15日宣布暫停預約接種新冠肺炎疫苗，消防隊員明明要負責載送確診病患，屬一線防疫人員，儘管名列公費接種對象第二順位，但跑遍縣內各醫療院所，就是打不到疫苗。
林思銘說他不斷接獲地方反映各種亂象，包括消防隊員打不到疫苗、酒精價格三天飆漲四成、孩子停課，家長防疫照顧假不敢放，怒批：這像是做好準備的政府嗎？
林思銘指出，中央疫情指揮中心5月15日宣布暫停預約接種新冠肺炎疫苗，消防隊員負責載送確診病患，屬一線防疫人員，雖然名列公費接種對象第二順位，但基層人員跑遍縣內各醫療院所，就是打不到疫苗；一問之下，才知道因指揮中心疫苗配送出問題，未能及時補充給地方政府，致防疫斷鏈。
至於重要防疫物資「酒精」，林思銘指出，有公司周末向廠商詢問酒精價格，20公升1400元，因六、日沒現金，今天去買，價格已經飆升到20公升2000元，上漲43％，而且還要等到星期五才有貨。
另外，林思銘也接到憂心忡忡的家長的詢問電話，他說孩子停課，但因本身在長照機構服務，政府雖然說，雇主不給家庭照顧假就開罰，但是雇主一句，那是要把老人家都請家人帶回去嗎？讓這位家長不知如何是好。
林思銘痛批，台灣疫情爆發時間比國際整整晚一年多，政府坐看國際疫情，竟然一點警覺都沒有，這些早該做好盤點、預演，不該發生的問題現在都發生了；甚至，疫情趨嚴短短四天，就已經在喊檢驗能量不足，部分縣市進入第三級警戒才三天，病床就出現短缺。
林思銘說，中央防疫作為一團亂，指揮、調度嚴重失序，他除了擔心疫情會一發不可收拾外，也不禁要問，這像是已經做好防疫應變準備的政府嗎？</t>
  </si>
  <si>
    <t xml:space="preserve">全國三級警戒至7月12日，由於近日確診數趨緩，民眾預期解封日即將倒數，台北街頭比起剛宣布三級警戒時，人潮明顯變多，有網友PO出今(30)日下午台北捷運車廂滿座的照片，驚呼：「捷運人潮是不是已經自動解封了？」照片曝光讓一堆人嚇傻怕爆。
指揮中心上個月剛宣布全國三級警戒時，包括信義商圈、台北捷運等原本人來人往的公共場所，瞬間人潮銳減，宛如空城，不料大家被關了一個多月後，漸漸鬆懈，加上近日確診數都降到2位數，且續創新低，台北捷運人潮逐漸回籠。
有網友在網路論壇《PTT》轉貼一張聲稱是朋友今天拍到的照片，詢問「台北捷運平日下午兩點，這人潮算多嗎？」指出這個時段應該算離峰吧，但根據朋友轉述，車上位置幾乎都坐滿，很多人只能站著，讓他好奇台北捷運人潮是不是已經自動解封了？
從照片中可見，雖然車廂中乘客都戴了口罩，還有人戴了護目鏡或防護面罩，不過確實兩排座位都被坐滿，還有不少人站著沒位子坐，一眼望去整節車廂幾乎全滿，相較於前幾周人煙稀少的情景已大不相同。
照片曝光後，讓眾人驚訝，網友紛紛回應「年輕人鬆懈了」、「就是二級日常」、「解封穩了」、「比沒冷氣的高雄多很多」，還有網友擔心說「東京解封後確診又爬上來」。
不過也有網友分析，應該是跟部分已經恢復上班有關，而且因為離峰班次會變少，所以顯得人變多了；但也有人認為，前一陣子人還很少，這星期真的有明顯變多。
</t>
  </si>
  <si>
    <t xml:space="preserve">美國勞工部20日上午公布的前周（8月15日為止的當周）新增的初次申請失業救濟金人數，再度回升到百萬以上，來到111萬，也遠高於經濟學家預測的92.5萬人。
前一個星期，初領失業救濟金人數，才以97.1萬寫下疫情3月初大爆炸後，首度跌破百萬的新低紀錄，但7天後就被打回原形。
新冠肺炎疫情在美國持續肆虐，迄今確診人數達553萬，死亡17.3萬，經濟和就業市場更是百廢待舉。疫情3月在美國炸裂後，初次申請失業救濟金的人數就扶搖直上，3月底甚至飆上697萬的史上高點，但隨各地陸續解封，經濟重開大門，初次申請失業補助的人數也一路下探。
券商嘉信理財英國區執行董事佛林認為，「數據反轉上揚，將會讓金融市場大失所望，尤其是在上周數據令人充滿希望之後。」他指出，雖然受創最深的產業7月把員工找回來，但勞動市場的疲弱依然前所未見，因疫情相關衝擊而造成的封關，仍可能持續讓數據由好轉壞。
疫情在美國鋪天蓋地之前，每周平均新增請領人數僅20來萬，寫下接近半世紀以來的新低。
</t>
  </si>
  <si>
    <t>衛福部長陳時中18日宣布說，今天一口氣新增23例，全國新冠肺炎確診人數累計達到100例，其中本土案例新增有一例，沒有旅遊史，正對他進行疫情調查，其餘人則是來自先前被查出確診的埃及團、土耳其團。陳時中強調，「這幾天將是高峰期，機場這兩天壓力會很大」！
指揮中心統計，目前100例確診中，分別為71例境外移入及29例本土病例。確診個案中維持1名死亡，22名解除隔離、其餘個案病況穩定，持續住院隔離中。
指揮中心指出，全球累計193,748例確診，分布於145個國家/地區；病例數以中國大陸80,881例、義大利27,980例、伊朗14,991例、西班牙9,191例及韓國8,236例為多；病例中7,086例死亡，以中國大陸3,226例、義大利2,158例、伊朗853例、西班牙309例及法國148例為多。</t>
  </si>
  <si>
    <t>大陸新型冠狀病毒（簡稱新冠肺炎）疫情持續延燒，恐將影響美國的GDP？國際學生為美國各大學收入的重要來源，新型肺炎疫情在大陸各地爆發，一些國家先後發布具針對性的旅行禁令，導致許多大陸學生被困在國內，無法返回就讀的國外學校；少掉來自大陸的生源，校方財政即將面臨吃緊，甚至可能進一步波及美國的GDP。
為此緊張的不單是美國，澳洲新南威爾斯大學（UNSW）亦表示，該校仍滯留海外的1萬名大陸留學生，可申請於6月開學，「我們期待他們在第二學期加入我們，在不犧牲教育品質的基礎上。」學校已決定，將不為這群大陸留學生提供短期的網路課程。
2018年逾36萬陸生留美
由於國際學生學費歸類為美國的出口，學費下降可能讓美國的GDP受影響。美國國際教育工作者協會曾指出，2018年國際學生共計為美國經濟貢獻達390億美元。大陸國教育部的最新數據顯示，2018年至海外求學的大陸學生人數達到66.2萬，按照國際教育協會的統計數字，當中超過36萬人在美國學習。
以伊利諾大學香檳分校為例，財務方面即相當依賴大陸學生的學費，為此甚至購買一份保險，保障該校不受政治事件、簽證問題或健康問題，導致大陸學生入學率驟降的影響。
澳洲至少損失50億美元
美國教育理事會負責全球事務的副主席布拉德．法恩斯沃思指出，美國的大學一般在美國實施旅行限制前即開學，大多數大陸留學生已返回美國的校園；但「如果限制持續數月，今年秋季入學可能會受到影響。」
加拿大、澳洲的大學同樣也依賴國際學生，為兩國的經濟挹注數十億美元，並創造數十萬個就業機會，2018-2019學年國際學生對澳洲經濟的貢獻約250億美元。大陸學生為加拿大、澳洲最大宗的國際學生族群，在加拿大占1/3、澳洲則近半。
新冠肺炎疫情擴散適逢澳洲大學暑假、農曆春節，大陸留學生大都返國與親人團聚。2月1日澳洲政府宣布，禁止過去14天內自大陸出境或過境者進入澳洲；一半以上、為數約10萬人的中國留學生未能返回澳洲。據估計，澳洲的大學、英語語言學院等可能「至少」損失超過50億美元。
UNSW副校長Ian Jacobs表示，若大陸學生無法在2月28日前返校，可申請於6月開學。</t>
  </si>
  <si>
    <t xml:space="preserve">衛福部長陳時中率領防疫團隊南下墾丁，走訪墾丁大街、參訪日照中心，最主要目的就是告訴大家國內旅遊很安全，不過外界最關心的還是出國旅遊何時解禁？面對媒體詢問，陳時中笑答：「台灣先玩，出國晚點開放」。
針對國人出國旅遊以及婚宴人數等解禁問題，陳時中表示，台灣有很多好玩的地方，建議民眾先把台灣認識清楚，等國外疫情更趨緩後，會再逐步開放國外旅遊；至於婚宴人數放寬部份，陳時中說，目前開放為250人，對新人結婚來說應該足夠了。
國內疫情趨緩，陳時中透露昨天睡得很好，看到防疫團隊穿著花襯衫逛大街的畫面，難得展現他們生活化的一面。
</t>
  </si>
  <si>
    <t xml:space="preserve">
近日菲律賓COVID-19（新冠肺炎）疫情來勢洶洶，中央流行疫情指揮中心今（4）日公布國內新增1例境外移入病例（案476）。個案長期居住菲律賓，2日回國表示有發燒症狀，並於今日確診。最新消息一出，不少國人忍不住直呼「又是菲律賓！」其中，網友更對案476「發燒還搭飛機回來」這點最不能忍受。
從七月起，來自菲律賓的境外移入個案就不斷增加，指揮中心也決定針對菲律賓入境旅客，自7月26日起實施全面篩檢。指揮中心指出，今新增的個案（案476）為50多歲女性本國人，長期居住菲律賓，距離上次從台出境時間為今年1月，直到8月2日才獨自回國。
指揮中心表示，案476自7月30日開始發燒，但未於菲律賓當地就醫， 2日返國時登記曾有發燒症狀，在機場接受採檢後送至集中檢疫所，當時入境量測體溫為37.7度且有咳嗽、喉嚨有痰及肌肉痠痛等症狀，個案於今日確診。
不少網友在PTT上討論這起個案，網友不禁直呼「又是菲律賓...」、「bingo！又是菲律賓逃回來的」、「菲律賓到底是多毒啊」。而案476居住史和上飛機前已有發燒症狀，更引來網友一陣砲轟「為什麼發燒還可以上飛機」、「7／30發燒未就醫...」、「發燒還搭機..搞毛阿」、「發燒不先就醫就上飛機回來」、「發燒了還上飛機，沒事菲律賓有事生病逃回台灣」。但也有網友平反「逃回來就逃回來吧 畢竟還是本國人阿...」、「雖然感情上好想限制他們，可問題是理性上是不可能的」、「菲菲的醫療能量已經沒辦法負荷了」。
指揮中心表示，案476目前住院隔離治療中。衛生單位也正在匡列班機前後二排可能為接觸者的旅客。據統計，截至目前為止，國內共476例確診，7例死亡，441例解除隔離；菲律賓共106,330確診，2,104例死亡，65,821治癒。
</t>
  </si>
  <si>
    <t xml:space="preserve">中央流行疫情指揮中心今日表示，國內今日無新增病例，昨(9)日新增272例新型冠狀病毒肺炎相關通報，截至目前累計通報67,133例(含66,005例排除)，其中440例確診，分別為349例境外移入，55例本土病例及36例敦睦艦隊。確診個案中6人死亡，366人解除隔離，其餘持續住院隔離中。有關129名印度返台民眾，全員持續於集中檢疫所密切健康監測。
台灣新冠肺炎達成連續28天沒有本土病例。專家張上淳曾表示，若超過28天（2個14日潛伏期）都沒有本土個案，以公衛立場來看，是相當安全的社區。
流行疫情指揮中心指揮官陳時中說，兩個潛伏期過後代表台灣是一個安全的社區，外界關心，是否考慮篩出高風險社區做篩檢？他強調不需要這樣，目前高風險的醫療人員都有在做，即有症狀就會篩檢。
指揮中心再次提醒，民眾應做好手部衛生與咳嗽禮節；出門若無法保持社交距離，或是搭乘捷運、台鐵、高鐵等大眾交通運輸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
</t>
  </si>
  <si>
    <t>疫情指揮中心強調防疫新生活運動，指揮官陳時中今（6）日表示，中職可以從本月8日（周五）起要開放球迷進場，目前以1000名球迷做為初步的規畫。
不過，中職必須滿足指揮中心規定的「購票資訊實名制」、「進出動線安全」、「保持社交距離」及「飲食注意個人衛生」等4大條件，才能放寬到1000名球迷進場看球。
8日在台中洲際球場率先引進千名球迷的中信兄弟隊已經召開多次防疫協商會議，對於進場民眾嚴格採實名登記制、全程戴口罩，賽前以1公尺以上的距離進行劃位，維持社交安全距離。</t>
  </si>
  <si>
    <t>新冠肺炎全球延燒，台南市古都馬拉松與國際蘭展等大型活動，也都因應疫情接連延期，台南市長黃偉哲2日接受電台訪問時表示，馬拉松損失幾百萬，蘭展損失4000萬，但不幸中的大幸，228台南的住房率94％、229住房率84％，顯示已經轉到國內旅遊，他將把蘭展的花卉放到山上水道博物館等各景點，讓它遍地開花。
黃偉哲還說，目前台南有1個確診病例，20人居家隔離，台南市已經一級開設，市府每天召開防疫會議，一發現有不完善的，就會要求局處首長做好，現在要處理傳統市場的防疫工作，因為萬一爆發疫情，後果不堪設想，超前部署、源頭管控才能避免疫情擴散。
針對中央的防疫工作，黃偉哲也表示，「疫情往上走很難避免，守到現在已經相當不容易」，並認為這波疫情對民進黨的執政有幫助。
電台節目主持人周玉蒄問防疫總指揮陳時中的滿意度高達84％，是否可以選台北市長？黃偉哲則認為，這是時勢造英雄，讓陳時中有舞台、有機會表現，或許選台北市長「不錯」。
至於罷韓行動如火如荼，日前高雄市長韓國瑜又爆致詞失誤，黃偉哲說，228變823對韓的傷害很大，50多萬連署罷韓更是很危險的，未來罷韓能否成功，還得看韓的防疫作為。</t>
  </si>
  <si>
    <t xml:space="preserve">《關鍵時刻》主持人劉寶傑轉向了？他日前在節目中一段開炮台北市長柯文哲「你柯文哲變笑話了」影片引爆話題，令PTT網友直呼寶傑要被柯粉罵爆了！
衛福部長陳時中因防疫有成一戰成名，滿意度高居不下，台北市長柯文哲日前一句「我們現在都要順時鐘，不要逆時鐘」被認為暗諷陳時中惹議，對此他解釋是玩笑話，陳時中也稱：「那就當笑話來看就好。」
對此劉寶傑日前就在節目中直言「我實在忍不住」，表示過去節目也對柯文哲很不錯，「你自己沒事講什麼順時中、不要逆時中，後來當然有壓力說順時中不要逆時中我是開玩笑的，你看他（陳時中）講那句話，那我就把你當笑話，陳時中講這句話，不是你這句話是笑話，而是你柯文哲變笑話了！」
劉寶傑這番超兇發言引發PTT網友熱議，有人好奇「寶傑有比柯P懂防疫嗎」、「寶傑不懂防疫，但他懂風向」、「這個節目不也是笑話嗎，好意思說別人」，但也有人能體會劉寶傑心情，「其實寶傑之前有幾段講到有點火氣，防疫大家都還是站台灣本位立場的人居多，你一直找麻煩只會造成反感。」
</t>
  </si>
  <si>
    <t>新冠肺炎疫情已致蘋果等全球科技巨擘產能受到衝擊，如今疫情迅速在韓國擴散，分析師預料，若三星電子因疫情嚴重而停工，將使韓國經濟面臨重大威脅。
韓國人口約5,100萬人，近日新冠肺炎確診人數急遽上升，從幾天前的50人，如今暴增至逾2,000人。
分析師提及，身為全球智慧型手機與電腦晶片龍頭的三星電子，如今面臨產能可能突然停擺的危機。
到目前為止，三星電子在疫情控制上仍屬穩健。上周末該公司龜尾（Gumi）廠因1名員工感染新冠肺炎曾短暫停工，此後也要求該廠1,500名員工在家隔離兩周。
首爾渣打銀行（Standard Chartered）研究主任朴正勳（Park Chong-hoon，音譯）表示，一旦發生更多產能中斷，「可能會衝擊該國脆弱的經濟復甦」。
他說：「倘若病毒進一步擴散、甚至失控，一些晶片廠可能停工…對韓國經濟來說是最糟的情況。」
從各方面來看，三星集團與韓國經濟的命運緊密相依。這家包山包海的韓國第一大企業去年營收約占國內生產毛額（GDP）的12.5％。
出口業占韓國GDP的45％，而三星重要產品電腦晶片占該國出口的約5分之1。
身為三星集團金雞母的三星電子，繳納稅額約占韓國2019年企業稅的逾12％，占韓股Kospi指數總市值的約4分之1。
儘管三星強調龜尾廠產能未受影響，分析師擔憂，若疫情延燒，未來會再發生類似的停產情況。
SK證券分析師金永佑（音譯）指出，「如果國內1家零件商停工，會對整個供應鏈造成重大打擊，因三星部分零件只有1家供應商。」
分析師認為，三星電子晶片廠停產的機率較低，因為廠房設備大多自動化，工程師在高度控管的無塵室作業。
但金永佑提醒，若韓國晶片廠因缺工而停產，勢必對全球記憶體晶片市場造成混亂。</t>
  </si>
  <si>
    <t xml:space="preserve">皇家捕手蓋拉格(Cam Gallagher)是隊上第4位新冠肺炎感染者，更糟的是他在周五的模擬賽之後才確診，他已經接觸了很多隊友！蓋拉格聲明指出：「晴天霹靂不足以形容我的震撼，我前晚的比賽感覺狀況很好，隔天早上就接到檢測陽性的報告。我沒有症狀。」
身為捕手，蓋拉格無法保持安全距離，對方打者都要站在他旁邊，守備時幾乎每一顆球都經過他的手。皇家尚未宣布哪些接觸者需要隔離，不過依照大聯盟規定，任何與染病者接觸的人都必須立即檢驗。蓋拉格是2號捕手，先發捕手裴瑞茲(Salvador Perez)已染病遭隔離，皇家現在被迫使用經驗較淺的捕手。
《紐約郵報》猶太作家馬許尼克(Phil Mushnick)批評大聯盟與NBA、NFL「貪婪」，硬要頂著疫情復賽，形容他們是「戴著呼吸器賺錢。」然而從美國再次刷新單日新冠感染數紀錄(近7萬人)，以及先前國慶日(7月4日)的大規模報復性出遊，「貪婪」「玩命」的並不只是體育聯盟，這與聯邦政府急於復工、部分人民疏於防疫也有很大關係。
</t>
  </si>
  <si>
    <t>美國央行（Fed）、歐洲央行（ECB）相繼推出史無前例的寬鬆與紓困政策，加上主要國家宣布重啟經濟活動，市場信心逐漸回復，投資人目光再次轉向收益率較高的新興市場債券，刺激發行人發債意願，新興債市回復熱絡。鋒裕匯理資產管理表示，新興市場債券具備三大利多—新興市場基本面有撐、利差水準仍具吸引力，當高利差水準時入場，持有一年正報酬機率較高，預期可持續受到市場青睞。
首先，新興國家基本面相對穩健，經歷新冠肺炎肆虐，2020年全球經濟預估將較去年衰退2～3％，不過新興市場衰退幅度較成熟國家小，並且有機會更早恢復過往水準。展望未來一～三年，新興市場國家的經濟反彈力道可望優於歐美等成熟國家。
其次，新興市場高收益債利差仍具吸引力，根據Bloomberg資料統計，截至2020年6月19日，觀察新興市場高收益債指數利差為821基點，相較於10年平均利差的540基點，預估潛在至少300基點的收斂空間。
第三，新興高收益債利差水準高時，持有一年正報酬機會高。根據Bloomberg資料統計，截至2020年6月19日，當新興市場高收益債指數利差大於800時，持有一年正報酬機率為100％，持有一年平均報酬率為27.10％；當利差介於800與600之間，持有一年正報酬機率為100％，持有一年平均報酬為11.52％。
展望後市，鋒裕匯理新興市場債團隊分析，新冠肺炎危機仍會影響全球增長和企業收益，對於依賴出口、商品和旅遊業的國家影響尤甚，在相關國家的投資仍宜保持謹慎，現階段持續尋找較長天期債券，並重視投資組合的流動性。</t>
  </si>
  <si>
    <t>日本厚生勞動省針對發生新冠肺炎群聚感染的鑽石公主號郵輪下船的乘客，發放了返家後注意事項的「健康卡」。厚勞省要求乘客在2周內盡量不要外出，但部分乘客拿到的「健康卡」中卻漏了相關的記載。
厚勞省致歉表示，「很抱歉，因為說明文中沒有『盡可能避免非必要、非緊急的外出』之記載，不可否認的，有些人返家後可能曾經外出。」，已通知自治體注意。
鑽石公主號上最後一批確認病毒檢驗呈陰性的乘客於2月19日至23日下船。厚勞省要求他們，返家後的2周內盡可能避免非必要、非緊急的外出，外出時一定要戴口罩等。
厚勞省將相關注意事項製作成健康卡發給所有下船的乘客，結果有部分乘客拿到的健康卡中並沒有以上的記載。厚勞省15日指出，返家後確診感染的乘客共有7人，這2周內他們有可能外出。</t>
  </si>
  <si>
    <t>台灣新冠肺炎疫情越來越嚴峻，影響層面擴及政治、經濟、觀光等，幾乎衝擊所有產業，抗煞專家蘇益仁指出，大陸全面佈局，從封城、蓋醫院等，都是為了盡快復甦做準備，一旦四月疫情受到控制禁令解除，所有台商、陸生就會大舉回來，屆時恐怕許多人是輕症或是無症狀者，「台灣為那天做準備了嗎？」他認為，兩岸經貿關係密切，只靠一個衛福部就要管全國是不可能的事，防疫必須提高到國安層級，才能減緩傷害。
抗煞專家、前疾管局長蘇益仁接受本報訪問表示，現在必須設想到未來幾個月，假設如大陸病毒專家鐘南山所說，預計廣蓋更多方艙醫院、火神山醫院，把所有發燒可疑病人隔離起來，目標就是盼疫情四月可以受到控制，讓世界衛生組織盡快對其取消旅遊禁令，接著就能取消旅遊警示區和封城，並讓產業復工。
然而，蘇益仁指出，大陸目前對新冠肺炎的管控採取的是「抗煞」的經驗，僅對有發燒有症狀者隔離，但目前所知新冠肺炎有需多是輕症甚至是無症狀感染，就算通通隔離，也是會有漏網之魚。
「當大陸解禁來台時，屆時兩岸來往的人更多」，包含許久沒回來的台商，一定一解禁就急著回來，「到時台灣是要維持境外阻絕政策嗎？」
「現在防疫單位衛福部還是以保持零社區的思維，然而未來是全面政治、經濟問題，這麼大的格局，不是防疫人員有辦法思考的。」
蘇益仁指出，就像日前陸配子女能不能回台，陸委會和指揮中心不同調，政策一日四變，以及昨晚發生陳時中先說是社區感染，後來又改口，「這種情形，一再發生，到底是誰在主導？」顯然衛福部的層級是不夠去評估的，若每次都是後不同調，民眾到底要相信誰？
蘇益仁建議，整體防疫應該提高到國安層級，可以參考美國在H1N1流感大流行時的經驗，由美國ＣＤＣ提供疫情資訊給白宮，再由白宮國安專家整體評估，做出各項管控措施。</t>
  </si>
  <si>
    <t xml:space="preserve">
台灣近期本土新冠肺炎新增個案趨於平緩，中山醫學大學附設醫院兒童急診科主任謝宗學分析，國內整體疫情處於尾聲，研判7月26日後應該能迎來解封、降級。但他指出，台灣要「清零」的難度很高、機率極低，未來社區出現不明感染源恐成為常態，待疫苗接種達到群體免疫的程度後，才可能回歸正常生活。
「大火撲滅後，剩下來的星星之火反而最難處理。」謝宗學10日於臉書指出，7/8到7/10間，國內分別新增18、32、31例本土個案，扣除掉居家隔離的人數後，實際對社區有風險的確診數為12、19、12例。謝宗學分析，「連續3天確診數維持在10～20人中間，整體疫情趨勢的確是趨於緩和且處於疫情尾聲」，但重點是，「尾聲」會持續多久？
由於整體疫情趨勢向下的方向不變，再加上台北市場群聚和屏東Delta群聚事件都在控制中，謝宗學維持先前預測，「若沒意外，解除三級警戒的日子應該就是 7/26」。至於近日「微解封」爭議不斷，他則指出，這是向經濟民生妥協的過渡時期做法，兩難之中儘量取得的平衡。
對於安親班和幼兒園是否開放，謝宗學認為，這件事應該單獨來看，「在仍有不明感染源不時出現的時空背景下，解封真的合適嗎？」他自己是不贊成，將孩子送到空間狹小、兒童群聚、戴口罩可能不確實的環境中，寧願多觀察一些日子，到7/26再看看。
謝宗學指出，即使7/26解封、降級，社區不時還會有零星不明感染源的病例出現，且可能變成常態，坦言台灣要清零的難度很高、機率極低，未來必須學習和病毒共存。對此，大家能做的就是隨時做好個人衛生防護，輪到自己順位時趕快去打疫苗，「等到接種率提高到形成群體免疫的程度，我們才能逐漸回到正常生活」。
謝宗學表示，國內的疫苗覆蓋率像火箭升空般快速拉升，已經越來越接近未曾被疫情肆虐過的紐西蘭，並且和最近同樣爆發疫情的越南逐漸拉開差距。謝宗學說，目前的接種率已經突破12％，在七月底完成25％的目標很有機會可以實踐。
</t>
  </si>
  <si>
    <t>雲林縣1對到北部發展的夫妻感染新冠肺炎，先生為無症狀、太太為重症，經插管加護病房治療，與跨團隊一系列治療後，太太於本月2日順利拔管，隨後透過視訊接受呼吸復健治療，逐漸恢復肺功能，夫婦雙雙恢復出院，16日以視訊舉辦出院記者會，雲林縣長張麗善也到場關心，為這對夫婦獻上祝福。
台大醫院雲林分院院長黃瑞仁表示，去年院方成功治癒2名奧捷團重症母女，今年5月以來這波嚴峻疫情中，案4591先生62歲、案4592太太59歲在醫療團隊的悉心照顧下，這對夫妻接續脫離險境，好消息讓醫護團隊為之振奮。
院方醫療團隊總召集人、醫務特別助理陳崇裕表示，重症插管的太太5月25日由於血氧下降至92％，胸部X光也開始出現雙側浸潤，醫護人員立即向疾管署申請使用瑞德西韋，但氧氣需求仍日益增加，5月27日在解釋病情後，太太與仍然無症狀的先生通完電話後對醫師說「就通通交給台大醫院了」。
插管團隊由急診部主任江文莒指揮，插管當下病人並無任何氣喘，卻顯示僅75％的血氧飽和度，出現「沈默的缺氧」狀況，所幸醫護人員悉心照顧，以及每天2次由陳崇裕醫師主持的醫療對策會議下，病情逐日好轉，本月2日順利拔管。
陳崇裕指出，太太拔管後病況1度出現惡化，氧氣需求增加，瀕臨再度插管險境，醫療團隊決定使用「清醒伏臥法」，也就是俗稱的「超人姿勢」，順利讓下降的血氧回復到健康人的水準，本月7日病情穩定轉出加護病房與丈夫相聚，2人恢復良好，核酸檢驗CT值均已大於30，因此安排出院。</t>
  </si>
  <si>
    <t xml:space="preserve">台塑(1301)集團總裁王文淵今(13)日出席台北紡織展，他表示，台灣已躍升全球機能性紡織品主要原料供應的重鎮，現階段正值美中關係緊張、疫情升溫，對經濟的影響遠遠超過2008年金融海嘯，因此，期許政府審慎面對儘快適度開放國際商業活動，才能確保產業持續營運，讓台灣渡過危機。
王文淵表示，台灣紡織業已經逐漸轉型為高科技產業，持續在機能性紡織品領域創新研發，國際品牌想要採購機能性布料，都是以台灣作第一個選擇，由此可見，台灣已經成為全球機能性紡織品主要原料供應的重鎮。
王文淵表示，隨著全球對氣候暖化的重視，台灣紡織業者在環保紡織品的開發，也投入很多的努力。今年台北紡織展，除了有機能性及環保兩大展出重點之外，為因應工業4.0的發展，自動化紡織機械及縫紉設備，也是今年重要的展出項目。
面對新冠肺炎疫情，王文淵表示，台灣紡織業由防水透氣等機能布料的研究基礎上再精進，立刻掌握到防止病毒、血液滲透的關鍵技術，製造出具備良好透濕度的 防護衣布料，可以取代進口，進而全力配合政府，組成紡織國家隊。
王文淵表示，在這波疫情衝擊下，紡織業者不分上、中、下游，陸續調整產品結構，投入防疫產品的生產行列，更進一步發展個人防護裝備需求的新商機，這個嶄新的防疫產品供應鏈，在今年台北紡織展也有完整的呈現。
王文淵表示，近來美中對立與新冠肺炎疫情升溫，對台灣帶來非常大的衝擊及挑戰，尤其疫情對經濟的影響，遠遠超過2008年金融海嘯，比預期還嚴重，商業活動幾乎全面停滯，因此期許政府審慎面對，但也應該兼顧防疫要求與經濟發展，儘快適度開放國際商業活動，才能確保產業持續營運，讓台灣渡過危機。
台北紡織展是台灣紡織業最重要的活動，今年共有356家廠商參展，使用803個展位，並有40多個國際品牌，將參加線上及實體的洽談會。
</t>
  </si>
  <si>
    <t>演出Netflix影集《彼岸之嫁》爆紅的田士廣，最近初嘗走紅滋味，日前他剛受國際知名品牌COACH吉隆坡旗艦店之邀，回到故鄉馬來西亞出席活動，衣錦還鄉的他全程受到高規格接待。不過才返台2天，田士廣就驚聞大馬已宣布18日起全國封城2周，與經紀人差一點就回不來台灣的他忍不住驚呼：「好加在！還好提前回來了！」
田士廣的老家在新山，此行回大馬，他算是過家門而不入，前3天忙工作，後3天忙著探訪音樂界友人聊之後的音樂合作計畫，忙到沒時間回家看家人。由於全球新冠肺炎疫情險峻，他與經紀人從桃園機場出境搭飛機開始到落地、出席活動，全程除了拍照、用餐，其餘時間幾乎全戴著口罩，搭機時更特別戴2層，吃飯時也完全不交談，防疫做好做滿。
盼回饋家鄉
他與經紀人廖麗雯好奇當地朋友戴口罩者不算多，對方苦笑回「因為買不到，我們的口罩都送別的國家了。」大家都很羨慕他們可以住在台灣，政府和多數百姓的防疫也都做得很嚴謹甚至超前部署。
田士廣高中畢業後，就跟隨哥哥的腳步來台灣讀大學，過去7年中，為了省錢，只有去年回馬國新山拍《彼岸之嫁》才終於與爸媽相聚。他對台灣已有深厚感情，去年10月拿到台灣居留證後，原本自認身體好，沒打算申請健保卡，但最近新冠肺炎疫情肆虐，台灣有著令全球羨慕的健保，他這兩天打算去健保局辦好手續，之後也會申請台灣身分證，但他強調，若有能力，還是會希望回饋自己的家鄉。</t>
  </si>
  <si>
    <t xml:space="preserve">因應新冠肺炎疫情蔓延，台中市政府教育局陸續接獲開課單位、學生及家長們的意見，為避免學子異地移動及群聚感染風險，決定暫停108學年度第2學期「優遊台中學-跨校選修課程」，教育局已彙整線上學習資源，讓學生在家自主學習，防疫期間學習不中斷。
教育局長楊振昇表示，108學年度第2學期「優遊台中學-跨校選修課程」由台中市6個社教館院、14所大學及48所高中職跨域跨校合作，規劃88門、102堂假日課程，創歷年新高，原因應新冠肺炎疫情延後辦理，但近日疫情升溫，決定暫停舉辦，另行評估開放時間。
楊振昇強調，為避免學校大規模停課影響學生學習，教育局已彙整線上學習資源，家長、老師、學生可利用線上教學資源中心自主學習，讓學子們防疫期間學習不中斷。
</t>
  </si>
  <si>
    <t>中央流行疫情指揮中心宣布即日起至6日止開放20歲以上民眾，有意願接種第1劑高端疫苗免至預約平台登記即可到醫療院所預約登記接種，台東縣內計有16各鄉鎮市衛生所及7間診所共23間醫療院所參與，民眾可至醫療院所預約接種。
台東縣衛生局表示，截至9月2日台東縣高端疫苗接種人數為3465人，而此次共計16個向鎮市衛生所，東興內科診所洗腎診所、小太陽、民安、李文正、蔡明宏、尤憲明診所等 6間市區診所，以及卑南鄉初鹿診所等23間醫療院所可接種施打，如年滿20歲以上民眾，有意願接種第1劑高端疫苗者把握機會。
衛生局再次呼籲18歲以上民眾如仍未接種新冠疫苗或待接種第2劑疫苗者，目前皆回歸COVID-19公費疫苗預約平台https：／／1922.gov.tw／vab／index.jsp登記，每期開放時間、疫苗種類、對象接以中央公告為主，如需協助者可攜帶身分證及健保卡至衛生所、公所、地政所、戶政所、縣民服務中心等單位由專人協助預約。</t>
  </si>
  <si>
    <t xml:space="preserve">美國疾病管制暨預防中心（CDC）把台灣列為出現明顯「社區傳播」現象，台北市長柯文哲21日指出，重點不是名稱，實務比較重要，必須在出現後很快找到撲滅掉，才是正確作法。
美疾管中心指台發生社區傳播，柯文哲認為，名稱不重要，何必拘泥名稱，還是實務比較重要，以他的醫學知識告訴自己說社區感染一定會發生，因為檔不住 。
柯文哲說，很簡單，潛伏期隨便講7天就好，被感染的人坐飛機進台灣，完全沒有生病，這個人卻在台灣開始咳嗽，所以會出現社區感染，他覺得沒有什麼了不起．只是出現後可以很快找到撲滅掉，這才是正確作法，重點不是拘泥名詞叫什麼東西，他是不太在意那個名詞。
柯表示，美國列名是照美方的科學，符合哪些條件做出這個定義，他還是那句話，名稱不重要，實務效果比較重要。
衛生署前署長詹啟賢稱台灣是否為社區感染只是面子問題，柯文哲對此回應，不要問他這種題目，醫學很簡單，問醫學他就回答醫學，但醫學扯到政治就不想回答了。
此外，第24例新冠肺炎確診案例在北部，面對北北基共同生活圈該怎麼防範，柯文哲說，社區感染回復社區的防治，還是一樣，人多、與不特定人接觸、密閉空間就戴口罩，其實他坐公車還是有戴，隨著感染增加，戴口罩的百分比是否調高就看自己的判斷。
</t>
  </si>
  <si>
    <t xml:space="preserve">港星黃秋生昨日提到自己因工作來台，目前正在接受14天隔離檢疫，更引起大票網友鼓吹「入籍台灣」，他也大方地回應「準備中」；但現在正處疫情期間，先前政府有禁止陸、港、澳人士或去過上述地區都暫緩入境，因此黃秋生能來台灣遭疑有特權，他今(13)稍早也在臉書發聲，解釋並道歉。
黃秋生來台拍攝公視影集《四樓的天堂》，將停留台灣幾個月，但身為港星卻能入境台灣，更受到不少質疑聲浪，認為他有特權才能來台灣；但他稍早在臉書闢謠，表示自己是透過正當程序申請簽證，花了好幾個月的時間，並非網友說的有特權，對於造成一些人的困擾深感抱歉。
黃秋生臉書全文：
我入境台灣沒有持權的，從正途申請簽證，前後搞了個多月，完全根據台灣的隔離政策。我不是旅遊身份入境的，對於令别人帶來不必要的解釋，非常抱歉。
</t>
  </si>
  <si>
    <t>新冠肺炎疫情愈演愈烈，衝擊全球經濟，台灣經濟也受影響。國泰金控及台大組成的產學團隊18日舉辦線上說明會，國泰台大產學合作團隊協同主持人徐之強指出，2020年台灣經濟成長率由2.3％下修至2％，仍可「保二」。
第二季後半台灣金融情勢有機會小幅改善，但仍處在「趨向緊縮」的狀態。該團隊同時預期台灣央行將降息半碼（0.125個百分點）應對。
新冠肺炎疫情正在讓美國經濟成長陷入停滯，甚至出現衰退的聲音，對此徐之強認為，目前還沒有這麼悲觀，因為還沒到「系統性倒閉」風險。
徐之強分析，過去台灣經濟成長率只有二年是負成長，分別是2001年網路泡沫，台灣GDP為-1.4％，另一次則是2009年金融海嘯，台灣GDP呈現-1.6％, 其他期間即使是遇到SARS，台灣GDP都還有4％以上。
他認為，今年經濟不會衰退，主要是2001、2009年都可看到網際公司倒閉、金融公司倒閉潮，但目前美國並沒有系統性風險倒閉潮的現象，且全球央行施行寬鬆政策救市，台灣經濟成長預料仍可保二。但若美國經濟成長率真的邁入負成長，台灣經濟成長率就無法保二，甚至達下界1％都是問題，因為美國是全球經濟最重要的引擎。
目前國泰台大團隊預期疫情在上半年可結束，下半年可回到平均數的成長力道。
徐之強指出，過去八年台灣經濟成長達2.7％，若今年下半年3％、上半年1％，全年就可到2％。除非未來發生很多重要企業倒閉潮，就可能達不到八年平均成長率，但現在看來，台灣1、2月出口還沒有這個現象，台積電與各重要公司的營收還有一定的動能。
至於國泰台大團隊預期央行僅降半碼而非1碼，徐之強說，主要是2008年台灣重貼現率是1.25％，現在是1.375％，就是差半碼，因應美國降息，央行極有可能降半碼，但央行不是只有利率政策工具，還有非傳統貨幣政策工具可讓市場流動性增加。
徐之強也點出五大影響2020年經濟成長與金融情勢的主要因素：新冠肺炎疫情擴散程度與時間，增添全球景氣不確定性；「OPEC+」凍產協議破裂打擊油價，衝擊全球經濟成長；應對全球景氣衰退擔憂，主要國家財政與貨幣政策措施；英國順利脫歐後，未來英歐新關係談判動向；大陸加大刺激的財政政策與偏寬鬆貨幣政策的穩定效果。</t>
  </si>
  <si>
    <t xml:space="preserve">雲林縣食品業者也遭受疫情波及業績下滑，但仍對防疫第一線醫護人員表示關懷及支持，縣府除了配合中央周全部署各項防疫措施外，縣長張麗善則帶頭號召一級主管茹素3天，藉以祈望疫情快遠離。
疫情當前，一切都以防疫為優先，即使是攸關信仰的宗教活動也不例外，所以全國各遶境進香活動幾乎全部暫停，雲林北港朝天宮也取消今年的媽祖誕辰出巡遶境，改發起慈悲月送素食活動。
張麗善也號召縣府一級主管響應，從4月11日到13日吃素3天，祈求媽祖保佑新冠肺炎疫情快快結束。
</t>
  </si>
  <si>
    <t>民進黨台中市立委莊競程服務處結合民力，16日準備3000瓶「茶樹乾洗手凝膠」隨身瓶，給北屯區弱勢家庭防疫，倡導勤洗手的衛教觀念。為避免群聚感染，莊競程服務處當場示範防疫，所有參加者，進行量額溫、雙手噴上消毒酒精，並發送口罩配戴，防疫滴水不露。
透過民進黨台中市立委莊競程、市議員曾朝榮的協助，愛心不落人後的康斯生技有限公司提供3000瓶「茶樹乾洗手凝膠」隨身瓶，免費贈送北屯區弱勢戶，現場約有40位北、北屯區的里長們代表受贈，協助弱勢戶挺過這波疫情。
莊競程表示，對健康民眾而言，配戴口罩，不如落實勤洗手，向里民宣導養成勤洗手清潔習慣，減少大型集會的頻率和規模，或調整群聚活動的形式，並經由科技方式，如改為網路聚會或線上課程等降低疫情傳染散播機率、減少感染。
北屯區平陽里長張連進指出，暖商協助地方防疫，捐贈乾洗手凝露，1瓶60ml，酒精成分75％，隨身瓶方便攜帶出門，隨時清潔手部，熱心關懷弱勢，一起做好防疫，確保里民身體健康、安全。
民進黨市議員曾朝榮說，台灣疫情防範措施，相較世界各國來的嚴謹，但弱勢戶經濟拮据，防疫物資相較欠缺，亟需外界給予支援與關懷，尤其第一線的里長為民服務，配戴口罩、勤洗手是最直接、最基本的防護措施。</t>
  </si>
  <si>
    <t xml:space="preserve">行政院長蘇貞昌23日到新北市樹林區農業改良所台北分場，視察花卉、蔬果栽種情況，蘇揆表示，這裡的桂花很香，可以測試嗅覺有無異狀，並藉此得知是否感染新冠肺炎。對此，新北市議員葉元之痛批蘇揆無知、歧視，他更直言，蔡總統曾說過，無知和歧視無助於控制疫情，說的就是蘇揆這樣的人。
《中天新聞》報導，葉元之表示，蔡英文總統曾說「無知和歧視無助於疫情的控制」，而這句話就是在講蘇貞昌 ，蘇貞昌就是最無知，而且會歧視別人的人，「聞不到就是得到新冠肺炎？那麼多人鼻子過敏，像我鼻子過敏，也常常聞不到，所以我現在要去隔離了嗎？怕傳染給別人嗎？」
葉元之質疑，是不是未來要檢測有沒有確診，就直接測試嗅覺？若有境外旅客入境，移民署就要準備很多香料，讓人家來聞，「看你聞不聞得到九層塔，還是聞不聞得到臭豆腐」，聞不到就直接隔離；或者醫院進行篩檢時，用九層塔取代核酸檢測，「所以講這種話就是無知而且歧視」。
對於蘇揆將新冠肺炎患者症狀之一的嗅覺異常拿來嘲笑，葉元之直批，把別人的傷痛掛在嘴上嘲笑別人，病患聽到會有多傷心？在第一線照顧病人的醫護人員，聽到行政院長把病人的症狀拿來當成嘲笑的一句話，會有多難過？「我們在前線打仗，你在後面翹二郎腿，說風涼話」。
最後，葉元之更砲轟蘇揆，不配做人民的父母官，居然拿人民傷痛來嘲笑，並指這種無知、歧視的人，早就該下台。
</t>
  </si>
  <si>
    <t xml:space="preserve">研勤(3632)在疫情關係下，以人臉辨識為核心基礎研發之「Face8台灣臉霸」接案量持續攀升，上月更拿下政府機關標案，公司持續走在轉型的路上，研勤今股價開高震盪，一度大漲逾8%，最高達14.95元，盤中漲幅收斂到3%附近。
研勤傳統業務行車紀錄器市場式微，研勤全力發展新業務，有鑑於目前台灣已進入防疫新生活運動階段，消費與經濟活動開始復甦，各旅遊景點人潮回流，為有效快速且非接觸測溫與控管人流，研勤以人臉辨識為核心基礎研發之「Face8台灣臉霸」接案量持續攀升，6月更取得政府單位指標性標案，為研勤遍布全台的目標更向前一步。
研勤指出，為防範疫情二次爆發，具備資本基礎的企業擴大投資防疫設備的意願大幅提升，研勤從自家辦公大樓、旗下釀酒廠與餐酒館門市導入出發，防疫控管成效卓越，進一步加速推廣至其他餐廳、健身房、廠房工地，深受客戶肯定。
針對今年度的展望，受到研勤仍處於轉型狀態影響，現階段規劃逐步降低車安相關業務比重，轉往較具健全獲利模式之人臉辨識系統，由於人臉辨識採收案認列方式提列，短期營收表現雖未銜接挹注，仍有助未來營運體質更加完善健全。
研勤6月合併營收為3047.4萬元，年減17.42％，累計上半年營收為1億4664萬元，較去年同期減少52.43%。
</t>
  </si>
  <si>
    <t xml:space="preserve">行政院會周四將通過新冠肺炎紓困特別條例，外傳行政院長蘇貞昌本周一已聽取簡報，條文名稱定為「嚴重特殊傳染性肺炎防治及紓困振興特別條例」，行政院發言人Kolas Yotaka澄清，蘇揆尚未聽過簡報，各條文均在討論中，並未定案。
政院今天將確定紓困條例相關條文，外界關注除了中小企業的紓困外，一般民眾若因隔離造成收入減少，是不會有隔離津貼發放，但相關內容都有待條文公布，目前政務委員羅秉成正與各部會最後確認中。
外傳條文名稱不超過20條文，名稱定為「嚴重特殊傳染性肺炎防治及紓困振興特別條例」。但Kolas說，蘇揆還沒聽過簡報，各法條仍在討論中，尚未定案，今天會再議。
</t>
  </si>
  <si>
    <t>印度巴拉特生技（Bharat Biotech）周一表示，其跟印度醫學研究委員會（ICMR）的國家病毒研究所（NIV）合作研發治療新冠肺炎的疫苗Covaxin，成為印度政府批准首款進行人體第1和第2階段臨床實驗的疫苗。其計劃7月開始實驗。</t>
  </si>
  <si>
    <t>雙北本土疫情連日以來激增數百例，更早之前的華航、諾富特群聚事件，反而逐漸「歸零」。竟有一名機師在臉書PO文嘲諷目前的疫情，酸「歡迎各位自主健康管理」，還嗆「什麼？你們台中還沒三級喔？」囂張言論引起網友不滿。
華航、諾富特事件爆發後，機師族群成了眾矢之的，網友認為機師坐領高薪，卻無視疫情風險，自主管理期間還出來趴趴走甚至約會，把病毒傳入社區；主導協調改為3+11的立委范雲，也成了網友砲轟對象，當時已有不少機師承受莫大壓力。
現在華航、諾富特疫情趨緩，反倒是雙北成了重災區，一名機師在某臉書社團留言，「不好意思，在下忝為死雞師一員，要槍斃我們嗎？歡迎各位來到死雞師們早已習慣的自主健康管理生活。」
該機師愈講愈酸，似乎在宣洩先前成為箭靶的不滿，「喔，抱歉，是已經被關過管他幾天才能過一下，然後又強迫重複循環被關的日常。什麼？你們台中還沒三級喔？放心啦，也不過就是接下來兩天的事，一起來體驗吧！要早點習慣，只會越來越糟的。」
偏激言論被網友截圖PO出，眾人傻眼，「這是很糟糕又情緒性的發言！大家並不在乎有多少人中獎，大家在乎的是疫調有沒有誠實。」
「說真的，機師族群同溫層效應很強，他們很多人不知道自己的發言有多北七」、「一邊領高薪，一邊又不願意負風險，有什麼好唉唉叫的」、「醫護人員就該死嗎？同樣具備高度專業，你以為只有你們機師要退讓跟忍耐嗎」。</t>
  </si>
  <si>
    <t>日本新冠肺炎（COVID-19）疫情嚴重，導致負責處理相關業務的公務員疲於奔命，日本政府坦承，內閣官房防疫對策推進室中，有一名職員1月的加班時數高達391小時，遠超「過勞死警戒線」的每個月80小時標準。
「日本放送協會」（NHK）報導，負責整理新冠肺炎因應對策的內閣官房防疫對策推進室，由於日本疫情嚴重，需要擔負大量業務，因此該單位所屬的102名職員不僅無法在家遠距上班，且1月平均加班時數為124小時，其中甚至有人加班高達391小時。
就連身兼日本國家公務員制度擔當大臣的行政改革擔當大臣河野太郎，也公開在記者會上表示這「太過分了」，要求立即改善。經濟再生擔當大臣西村康稔則已公開致歉。他表示，這名加班時數嚴重破表的職員對工作十分熱心，且被周遭的許多人所依賴，導致業務全都集中在他身上，將修正相關業務分配和輪班制度。
為改變日本長期以來的加班文化，日本2019年修改勞動相關法律，規定單月加班時數不得超過100小時，且在與其他月份合併計算後，2至6個月內的每月平均加班時數不得超過80小時。不過民間企業仍經常違反規定，公務員更不在此法保障範圍之內。《朝日新聞》先前指出，由於工作環境過於嚴苛，日本國家公務員的報考人數已連續4年下降。</t>
  </si>
  <si>
    <t>台新冠肺炎最近新增不少境外移入案例，還有外籍駐台工程師找不到感染源，對照近來的爆炸性出遊潮，防疫是否會有破口令人擔憂，台南市因觀光人潮多，為防堵疫情決定提前備戰，明天（4日）起將要求室內場所若未能保持安全距離就要戴口罩，勸導期為二周，後續若未能遵守將對相關業者開罰。
台南市長黃偉哲說，後疫情時代管制措施逐步開放，現在疫情可能捲土重來，在與中央流行疫情指揮中心討論後，市府決定將管制措施逐步收攏，第一步就是要求室內場所要戴口罩。
黃偉哲說，確保安全是最重要的，市府相關單位現在仍維持實名制、量測體溫、消毒、戴口罩等措施，明日起會強制民間室內場所也要戴口罩，將宣導2周，並視疫情狀況調整，連用餐隔板都可能再用上，未來若疫情嚴峻，對於一些娛樂場所將會有高強度的限制，業者若不能遵守規定，將根據相關法令開罰甚至勒令停業。
因有專家警告二波疫情將來襲，黃偉哲也建議中央流行疫情指揮中心，針對高風險地區入境民眾，在居家檢疫14天後，還需要進行篩檢，確定未染疫情才能放行，如此確保邊境管制效果。
南市府回復這項管制措施後，預計百貨公司、賣場、電影院、酒店業等娛樂場所將首當其衝，後續效應有待觀察。</t>
  </si>
  <si>
    <t xml:space="preserve">
新冠肺炎肆虐全球，這次高齡及有慢性病的被視為感染高風險族群，而在荷蘭1位101歲婦女確診後，經治療已康復出院，被醫院喻為「希望的火花」。
根據《路透》報導，這名101歲婦女在一周前因呼吸困難入住位於鹿特丹的艾瑟蘭醫院（IJsselland Hospital），病毒篩檢後，反應呈陽性。經住院治療這位百歲人瑞已康復出院，醫院表示，這位女士將回老家休養。
一位肺部疾病專家指出，這位101歲婦人是位堅強的女士，很高興她在治療期間能聽從醫生建議，甚至還告訴我打噴嚏要保持適當距離，也替這這位婦人感到開心已康復出院。
更多 CTWANT 報導
</t>
  </si>
  <si>
    <t xml:space="preserve">什麼！帶N95口罩反而會增加身體負擔？新冠肺炎疫情擴大，人人戴上口罩自保，有些人會選擇戴上過濾效果最好的「N95口罩」防疫。不過胸腔重症醫生蘇一峰卻認為，N95口罩的效果不一定比醫療口罩還好，事實上，一般民眾戴上N95口罩反而還會出現健康問題，對心肺造成負擔。
今（1日）蘇一峰醫師在臉書上表示，「大家在疫情時期，都會戴上口罩多增一層保護，可是戴上N95口罩罩不一定比一般口罩更好」。他指出，這可不是愚人節玩笑，若不是高風險的醫療人員，戴N95口罩恐出現健康疑慮。
蘇一峰舉出2個例子：一位肺阻塞高齡患者因為擔心，就戴起了N95口罩，反而變得越來越喘，導致呼吸困難而送急診，隨後被診斷出「二氧化碳累積」的現象；另外還有一位年輕女性，因為工作需要而戴上N95口罩，反而吸不到空氣，更導致氣喘此急性發作！
為何戴上N95口罩會導致呼吸道疾病發做呢？蘇一峰指出，有4個主要原因：
●N95口罩密合度緊密且空氣阻力大，如果呼吸換氣能力比較差的人使用時，會使得換氣量更少導致氧氣不足，甚至二氧化碳的累積。
●N95口罩的鼻梁壓條壓力較大，戴上後常常會把鼻子壓扁，引發N95所造成的鼻腔阻塞，更進一步造成呼吸換氣不足！
●氣喘的患者常常有鼻過敏的問題，如果鼻腔壓太緊的物理刺激，反而引起鼻子過敏導致呼吸道一併過敏，氣喘也因此急性發作！
●一般健康人久戴N95口罩也會出現，運動走動覺得喘，甚至是換氣不足，產生昏昏欲睡的感覺……。
因此，蘇一峰認為，在疫情期間外出，若無法保持人際距離時應該戴上口罩，但此時建議選擇一般口罩即可，N95口罩不一定會更好！醫生更提醒，「本身有心肺疾病的人，戴N95口罩務必要小心，可能增加對心肺功能的負擔！」
</t>
  </si>
  <si>
    <t>基隆市2日確診數新增3例，對於北市環南市場暴增41例，是否有人流到基隆？基隆市長林右昌表示，北北基桃是生活共同圈，病毒不會分北市、基隆，人的流動來去頻繁，防疫沒有什麼大道理，將「場所防疫管理」、「個人防疫措施」徹底落實就對了。
林右昌說，市場是人流匯聚場所，要把市場管控好，不管是攤商還是消費者，個人的防護要做徹底，基隆倡議的「雙罩一套」成全國市場防疫指引，防疫沒撇步，強調做好「場所防疫管理」、「個人防疫措施落實徹底」這2點，被感染的風險會大幅降低。
針對基隆市有3例確診，林右昌說，案15008為70多歲男性，原匡列養護中心黃區住民，先前PCR七採陰性，6月26日預防性收治三總基隆分院，在6月30日定期監測確診。
他指出，案14977、14978同為30多歲是一對夫妻，案14977陪產採檢確診，無症狀，目前收治於部基醫院，案14978急產入院已順利生產，產後醫院採檢確診無症狀，收治汐止國泰醫院，新生兒女嬰一採陰性；此案另初步匡列家人5人，友人4人共9人。
在1日4個公有市場攤商疫苗施打方面，林右昌表示，成功市場199位、信義市場194位、果菜市場357位、仁愛市場386位，總計1136位攤商完成施打，施打率60.49％，接下來崁仔頂及其他公有市場攤商，已造冊會依序施打疫苗。
林右昌表示，稍早他特別前往培德駕訓班，視察基隆市計程車及貨運司機疫苗施打情形，現場次序動線規畫順暢，計程車司機及貨運司機總計3192名，將分6天進行施打。
林右昌也再次提醒，3日將進行75歲以上長者施打莫德納疫苗，除臥病在床及不良於行的長者，將由里長造冊衛生所到府施打之外，若錯過此次施打時段，之後長者就要自行至醫療院所預約施打疫苗。</t>
  </si>
  <si>
    <t>行政院2日公布「振興三倍券」方案，排除電商、不能找零等問題，引發民眾反彈，因此政府將提出藝文、體育、旅遊票券白名單，納入振興三倍券使用範圍；實體券部分也不會強制規定不得找零，民眾黨立委蔡壁如批評行政團隊一團亂，碰上民眾反彈政策就轉彎。民眾黨立委高虹安也說，感覺振興券跟當初紓困措施一樣不清楚，政府急於公布方案，不過，行政院這次學聰明，刻意提前一個月公布，保留政策彈性調整的空間。
因應新冠肺炎對經濟衝擊，行政院規劃暑假期間推出振興三倍券，採取紙本與電子支付併行，紙本振興券面額為500元及200元，不找零，也不可用於電商、禮券、繳罰單、規費、菸品等商品，預計7月1日起預購，7月15日正式上路實施。
針對振興券排除電商使用，但藝文、體育等活動票券又要透過電商買票，因此政府研擬列出「白名單」將納入振興券使用範圍。高虹安認為，振興券感覺像紓困措施一樣不清楚，政院太急於宣布，施行細節思考不夠仔細，但卻有預留政策滾動檢討的時間，感覺是先拋出方案測風向。以利作為後續政策調整的參考。
另外，振興三倍券令人詬病的是不找零，但三倍券最小面額為200元，民眾普騙認為面額太大，不符合消費習慣與需求，高虹安則建議行政院，三倍券面額應該要小一點，發便民眾使用。
蔡壁如說，近期接到台北市夜市商圈理事長抱怨，振興券最低面額200元，如果不找零，在夜市商圈消費相對不方便，諷刺振興券是「排窮券」。不過，隨後行政團隊又說部會硬性規定不能找零，讓人覺得政府遇到民眾反彈就轉彎，恐怕只會越改越亂。</t>
  </si>
  <si>
    <t>林秉樞毆打立委高嘉瑜，扯出案外案，台北市議員游淑慧接獲檢舉，林秉樞7月15日和10月5日分別在禾馨、台中榮總打莫德納疫苗，但當時只開放50歲以上長者，質疑43歲的林秉樞，是不是特權施打。台北市衛生局今早派員到禾馨了解情形，北市府發言人陳智菡證實，他沒有特殊身分，但確實在7月15日曾在小禾馨民權小兒專科診所接種疫苗。
游淑慧接獲檢舉後，將資料送給北市府，要求盡速調查林秉樞是否有施打特權疫苗的情形，陳智菡今早表示，林男之健保卡上並未註記是第七類國安相關人員，為何他能在7月份接種疫苗，北市會派員稽查。經調查後，陳智菡表示，確定林秉樞無特殊身分，是因為護理師女友的關係才能施打疫苗。
禾馨診所營運長林思宏也親自受訪表示，查證後得知，他是本院一位吳姓護理師的男朋友，當時他是以這種身分施打疫苗，而施打對象是診所醫療人員的同住對象會優先施打，減少感染機會。至於這部分是否合法，林思宏說，這部分是合法的，當時院所可以決定施打對象，沒有問題。</t>
  </si>
  <si>
    <t>新冠肺炎風暴襲來，大陸全力抗疫之餘，也要確保經濟成長平順運轉。大陸海關總署16日推出10條新措施，支持外貿企業抓緊時間復工生產。不過，大陸財政部長劉昆發文坦言，面對疫情，大陸財政可能要拉警報；因減稅關稅收入大減，而為穩增長又擴大財政赤字預算，在減收增支壓力下，今年恐怕要過苦日子。
繼透過中國人民銀行（大陸央行）、財政部、銀保監會等資金政策紓困，大陸海關總署16日也宣布祭出10條新措施，支持外貿企業抓緊時間復工生產。
10條具體措施包括，包含加快驗放進口生產設備和原材料；簡化進口特殊醫療物品檢疫審批並發揮發揮「互聯網+海關」作用，例如需當面驗核紙質材料的可經批准先通過拍照、掃描等方式提供電子文檔，之後補交紙本資料。
此外，劉昆16日在《求是》雜誌發表文章稱，這次災情卻打亂盤算，尤其是經濟下行壓力加大，財政收入面臨壓力，並對財政支出帶來排擠作用，目前的財力吃緊，資金使用缺乏靈活變化，可能在保工資、保運轉、保基本民生面臨困難。
劉昆說，在今年財政收支可能拉警報下，首先須量入為出，更加注重改善支出結構。其次要確實落實執行預算，也要更加靈活，不要太受制於僵化預算的結果。再來各項支出都要明確標準，不能亂花錢。
「地方財政也撙節開銷，堅決把該壓的壓下來，該減的減下去。」他還稱，要有效防控地方政府隱性債務風險，及時發現和處置潛在風險。堅持「資金跟著專案走」，在項目上儲備一批、發行一批、建設一批、接續一批，儘快擴大有效投資，形成對經濟的有效拉動。</t>
  </si>
  <si>
    <t xml:space="preserve">國內一名從美國返台的案16066國籍航空機師已完整接種2劑疫苗，返台後PCR檢測仍確診，為機組員的首例突破性感染個案，中央流行疫情指揮中心指揮官陳時中表示，匡列的26人當中，21人，19人陰性，檢驗中2人，5人待採中。
指揮中心日前指出，將針對完整接種兩劑疫苗的機組員檢疫措施加嚴，陳時中今天指出，因為時間很短，目前匡列了26人，21人陰性，檢驗中2人，5人待採中，我們認為，打完兩劑疫苗又確診，懷疑可能是從國外到國內的降載等流程有疏漏，目前的方向要加嚴整個流程，但目前還沒有決定要怎麼做。
發言人莊人祥補充，所謂加嚴是要求長榮針對案16066在外站的居住環境要有更嚴格的掌握與檢討，至於國內對機組員檢疫措施的加嚴則還要再開會討論。
國籍航空機師若不遵守現行檢疫制度，是否有罰則？陳時中說，有違規行為就罰，但不會因為染疫就認定有違規出現，這對任何人都是一樣。
至於染疫機師在可傳染期間是否有進入到社區，增加社區傳染風險？莊人祥表示，該機師Ct值25，足跡部分則由地方政府來公布。
陳時中強調，無關乎哪種變異病毒，一旦進來之後，針對變異株應該匡列精確，要做的是檢視相關細節是否有執行確實。
</t>
  </si>
  <si>
    <t xml:space="preserve">日本埼玉縣21日發生新冠肺炎輕症患者在家待機時突然死亡的病例，引起社會的震驚，23日又有1名70多歲男性輕症患者在家待機時突然病重，送醫急救後也不治死亡。
70多歲男性4月6日出現發燒、咳嗽等症狀，9日接受病毒檢測後確診。他的症狀不嚴重，保健所便要求他在家療養，等醫院病床空了再通知他住院，沒想到他於14日突然病重。
埼玉縣白岡市50多歲確診男病患21日突然死亡，他1個人獨居，死亡的前1天曾跟保健師表示身體狀況惡化，埼故安排了21日住院。他父親22日因聯絡不到他而心急，到他住處時發現他已無生命跡象。
埼玉縣至23日共有729人確診，其中有357人因為沒有空病床，只能在家等病床空出來。不光是埼玉縣，還有神奈川縣等許多自治體也為沒有空病床而煩惱。
確診患者在家療養時，保健所每天會打1、2通電話確診患者的體溫、咳嗽等症狀，若症狀惡化則安排住院。
有專家指出，光這樣是不夠的，肺炎會因為吸入氧氣的機能逐漸衰弱，並不是馬上就會感覺到呼吸困難等，應該要採用測量血中氧氣濃度的機器，若血液中的氣氧濃度降到一定程度以下，會很快地轉成重症。患者若咳不停，上氣不接下氣時就有可能出現突然病情惡化的危險。
</t>
  </si>
  <si>
    <t xml:space="preserve">
新冠肺炎（COVID-19）疫情在全球肆虐3個月後，全球的病毒株經過不斷變異，讓當初的呼吸道症狀紛紛衍生出許多「非典型症狀」。然而，林口長庚兒童急診醫師吳昌騰指出，近期美國有多名確診青少年腳部出現病變，腳趾上長出不明紅色腫脹，恐是新冠病毒感染的最新特殊症狀。
吳昌騰在臉書《來講兒科急診的543》上指出新冠肺炎出現最新變異—「COVID腳趾」。此發現是由美國芝加哥「羅伯特·H·盧裡」兒童醫院兒科皮膚科醫生艾米·帕勒博士所提出，觀察到有許多確診青少年腳趾上出現莫名的病變跟腫塊，推測這極有可能是無症狀兒童患者的遭新冠病毒感染的新跡象。
吳昌騰指出，該症狀類似水痘或麻疹的病變，而病徵可能出現在單一隻腳趾上，也可能出現在全部腳趾，甚至會冒在腳的頂部或底部。病變特色為鮮紅色，嚴重時還會演變成紫色。
這種特殊症狀會讓病患時而發癢，時而痛苦，吳昌騰說，其中最大的特色就是，「這些人通常沒有任何其他新冠病毒感染跡象」。因此呼籲第一線醫師們要特別注意，若患者腳部有出現類似水痘或麻疹病變的「COVID腳趾」，很有可能是新冠病毒感染的一種新的特殊症狀。
</t>
  </si>
  <si>
    <t>香港爆發新冠肺炎第4波疫情，23日傳出其中一個「跳舞群組」已累積超過百個確診案例，成為全港最大感染群組，而香港娛樂圈大亨林建岳前妻、64歲的影星謝玲玲也牽涉其中，對此她發出聲明，承認自己確診，但她強調自己並不在跳舞群組，而是接觸到在跳舞群組的朋友。
謝玲玲在聲明指出，18日知道在跳舞群組的朋友確診後，她隨即進行第一次檢測，當時結果為陰性，由於21日香港疫情轉趨嚴重，她再進行第2次檢測，隔天便得知確診，目前已住院治療，但沒有任何症狀。她強調，沒有參與跳舞群組任何活動，自行檢測完全是考量家人及大眾健康著想。
謝玲玲生於台灣，8歲時因飾演《婉君表妹》中婉君童年，獲得金馬獎最佳童星獎。1980年她嫁給香港富商林建岳就此息影，育有5個子女，且深受公婆疼愛，但林建岳婚後緋聞不斷，2人最終於1995年分道揚鑣。</t>
  </si>
  <si>
    <t>經營85度C的美食-KY（2723）受惠中國大陸門市逐步恢復營運，2020年3月合併營收谷底回升，惟首季合併營收仍降至5年半低點。展望後市，面對美國門市營運亦受疫情影響，集團以推出套餐、強化外送方式因應，透過衝刺宅家經濟力拚降低營運影響程度。
美食股價3月19日股價下探56.2元新低，今年以來股價已腰斬，近日止跌緩步回升、站回80元之上，近1月反彈近5成。今（13）日開低後一度下跌4.01％至81.3元，隨後在買盤敲進下拉回平盤附近，截至午盤小跌約0.5％。三大法人上周擴大買超達1609張。
美食2020年3月自結合併營收14.86億元，月增7.99％、年減24.98％。累計首季合併營收47.03億元，季減18.14％、年減17.67％，創5年半低點。若以功能性貨幣計算，3月合併營收為人民幣3.46億元，年減19.7％，首季為人民幣10.91億元，年減12.8％。
美食表示，中國大陸門市截至3月底已有約9成恢復營運，隨著各地陸續復工、民眾外出消費增加，3月營收月增逾3成。其他市場3月營收則年減17％，主因美國3月中旬後多家門市暫時關閉，其他門市縮短營業時間、並移除所有內用座位所致。
不過，美食表示，雖然美國各地新冠肺炎確診病例持續增加，但加州、華盛頓州等地的政策反應相對快速，近期已看到新增確診病例增加速度放緩，疫情控制露出曙光，審慎樂觀預期美國民眾可望盡快恢復正常生活。
美食指出，美國各地政府限制民眾外出，社群網站上對外賣麵包的詢問度暴增，對此迅速推出盒裝麵包、與美國前三大外送平台DoorDash合作，消費者可一次購足5個或10個招牌暢銷麵包、每個麵包均獨立包裝，在家也能安心享用門市每日現烤的新鮮麵包。
中國大陸方面，雖然疫情已見趨緩跡象，為確保員工及消費者健康，門市仍減少內用座位數、提高清潔消毒頻率，透過無接觸配送、到店自提方式服務線上客群。同時，也推出門市掃碼送線上點餐優惠券活動，多管齊下衝刺忠誠會員數，力拚第二季營運成長動能。
至於台灣地區，雖然疫情遠較其他國家輕微，仍有不少民眾減少外出用餐次數、改為在家慶生過節。對此，美食加碼推出家庭套餐和兒童套餐因應，凡購買兒童節指定蛋糕，可享加購飲料優惠，與全民一起安心防疫。</t>
  </si>
  <si>
    <t>隨著國內新冠疫情群聚感染的風險拉升，造成此波確診病例大幅增加的原因是感染力更強的變異病毒株所致。新安東京海上產險表示，該公司「健康御守+」健康險，若是因法定傳染病住院時，日額給付最高。
在市售防疫保單中，主要都以提供確診者住院醫療保障，尤其疾病管理署分析確診者案例顯示，住院到解除隔離中位數是27天，最久長達80天，若投保新安東京海上產險「健康御守+」健康保險，一經醫師診斷為確診到康復出院，期間住進負壓隔離病房每日給付最高9,000元，最多可申請45天，新安東京海上產險表示，該保單是應為同業防疫保單中，住院日額給付最高的一張保單。
全台歷經一波搶保「隔離險」熱潮後，其實多數民眾最應該擔心的是確診後所要面臨的自身健康影響及住院期間的薪資損失；新安東京海上產險發言人副總經理呂文泉表示，「健康御守+」是一張專為「法定傳染病」設計的健康保險，除了新冠肺炎外，還包含在台流行的腸病毒感染併發重症、登革熱或新型A型流感等，尤其從各國確診案例顯示感染新冠肺炎很容易引起其他併發症，若出院後14天內再次住院都可視為同次住院，每「一次住院」達90天以上，最高可再獲得150萬元的特別慰問金，讓保戶更無後顧之憂專心療養病後身體健康。
為要全面守護國人的健康，同時也納入不可預期、突發性的意外傷害及疾病所延伸的相關住院醫療等保障，新安東京海上產險表示，投保年齡從0-60歲(可續保70歲)，一年一保，無等待期，不分職業類別都可投保，保費相較同類型商品便宜，以20歲投保年齡為例，保費最低不到千元，最適合尚無任何健康險的年輕族投保，已有一般健康險者，更可填補住院日額的不足。
在防疫的關鍵時刻，新安東京海上產險提醒，除要謹守及配合政府的防疫政策外，更要做好平日健康飲食、維持良好生活習慣、提升自體免疫力外，同時應及早規劃保險來安心防疫。</t>
  </si>
  <si>
    <t xml:space="preserve">隨著疫情逐步趨緩，曾遭新冠肺炎蹂躪的義大利已漸進解封，宅在家超過2個月的義大利人，迫不及待出門透氣，甚至打算開趴狂歡。不過總理孔蒂今天潑了他們一盆冷水，警告民眾不要掉以輕心，否則下一波疫情可能捲土重來。
孔蒂21日在國會表示，「現在不是開趴，過夜生活或辦聚會的時候。在這個階段，更重要的是，尊重安全距離且在必要的地方戴上口罩是基本。」
從巴勒摩到杜林，民眾在比薩店或酒吧外聚會的影像，讓許多地方首長憂心忡忡。他們擔心，這些人慶祝隔離後重獲自由，可能導致感染人數再度上升。截至20日，義大利已有22.7萬確診，超過3萬2千人死亡。
疫情一度慘重的維內托大區首長札伊亞（Luca Zaia），看到幾十個年輕人沒戴口罩，在帕杜瓦酒吧外群聚一堂的照片後，火冒三丈說，「10天內，我會觀察感染率，要是上升，我們會關閉酒吧，餐館，海灘，再把大家關回家。沒有人想要禁止大家喝開胃調酒，但我要拜託大家，在6月2日前避免群聚，戴上口罩。」
</t>
  </si>
  <si>
    <t xml:space="preserve">美國因新冠肺炎而死的民眾，在27日正式跨過10萬大關，總統川普最討厭的假新聞媒體之一，美國有線電視新聞網（CNN），甚至在網頁頭版以斗大的標題寫著，「這10萬美國人可以不必死！」嚴厲批判川普對新冠肺炎的回應措施，才導致疫情如此慘重。
對於這樁慘痛的悲劇，川普在28日上午9時許發推文表達悼念。
We have just reached a very sad milestone with the coronavirus pandemic deaths reaching 100,000. To all of the families &amp; friends of those who have passed, I want to extend my heartfelt sympathy &amp; love for everything that these great people stood for &amp; represent. God be with you!
他難得感性寫道，「我們剛來到一個非常悲痛的里程碑，新冠病毒流行病的死亡人數觸及10萬人。對於亡故者的家人和朋友們，我想要為這些了不起人們（逝者）所代表的一切，表達由衷的慰問與愛。神與你們同在！」
</t>
  </si>
  <si>
    <t xml:space="preserve">美國國家過敏與傳染病研究院（NIAID）院長佛奇（Anthony Fauci）昨（27）日表示，擁有大量突變的新冠變異株「Omicron」有可能已經入侵美國。
在棘狀蛋白（spike protein，S蛋白）上發現32個突變的新冠變異株Omicron已經擴散非洲、歐洲多國，目前美國尚未發現確診病例，不過白宮首席防疫顧問佛奇昨日接受美國國家廣播公司（NBC）「今日週末」（Weekend Today）專訪時表示，如果Omicron已經進入美國，他也「不會感到意外」。
佛奇強調，美國境內目前尚未檢測出Omicron變異株，「但是當你有呈現這種傳播程度的病毒，以及在以色列、比利時及其他地區出現旅遊史相關病例時－當你有這樣的病毒時，幾乎無法避免最後會全面蔓延。」
佛奇說，Omicron令人擔心，是因為它有「大量突變」，有可能讓它比其他變異株更具傳染力。
「我們目前還不知道，但我們將會假設是這個狀況。」佛奇也補充說明，大量突變代表新變異株可能逃脫單株抗體（monoclonal antibody）、康復者血漿（convalescent plasma）等新冠治療方式以及新冠疫苗提供的保護。
佛奇強調，「這些都只是可能，但是這些建議已經夠多了，我們真的必須密切關注，並且為嚴重之事做好準備。」
</t>
  </si>
  <si>
    <t>繼美國食品暨藥物管理局（FDA）緊急核准使用「瑞德西韋」，以治療新冠肺炎重症患者後，日本政府2日召開內閣會議，決定跟進。厚生勞動相加藤勝信表示，已下達指示，一旦開發該藥品的美國吉利德藥廠提出申請，就會「爭取在1周內批准」。
為了解瑞德西韋等新冠肺炎藥物的安全性及有效性，歐美等各國正推動臨床試驗。日本也存在「特例批准」制度，若藥品在海外獲得批准或者許可，就可簡化國內審查手續。日本內閣會議決定，修改《醫藥品醫療器械法》（原藥事法）相關規定，若新冠藥物在美國、英國、加拿大、德國、法國獲得批准或者上市許可，就可適用「特例批准」。
加藤勝信透露，預計吉利德近期就會提出瑞德西韋的申請，一旦核准後，瑞德西韋將成為日本首種新冠治療藥物。
到2日晚間，日本24小時內新增新冠肺炎確診病例266例，累計確診14571例；新增死亡病例26例，累計死亡481例。首相安倍晉三表示，會考慮將5月6日到期的緊急狀態延長1個月左右，5月4日召開會議聽取專家意見後，再宣布相關細節。</t>
  </si>
  <si>
    <t xml:space="preserve">隨著大陸北京再次傳出嚴重新冠肺炎疫情，根據《天天體育》報導，包含林書豪在內的北京首鋼，以及北控兩支CBA球隊，已經決定提前到15日各自前往復賽賽區(北京首鋼前往青島、北控前往東莞)，北京首鋼也宣告取消下周公開訓練。
根據最新消息指出，目前北京再次爆發新一波疫情，過去24小時內增加36起本土病例，幾乎都發生在新發地批發市場附近，北京也再次進入非常時期，為了避免出現封城危機，北京首鋼、北控兩支CBA球隊選擇提前離開北京也屬正常。
原本北京首鋼預計17日前往CBA復賽北區賽區青島，北控則在18日前往南區賽區東莞，如今都已提前到15日出發，林書豪也總算可以離開待了快要3個月的北京，前往青島備戰20日開始的CBA復賽，北京首鋼首戰將跟遼寧交手。
目前北京再次爆發疫情，並未對於CBA復賽帶來影響，CBA也沒拒絕北京媒體前往各賽區進行採訪，卻要求前往賽區人員必須排除是否去過新發地市場，在原本的防疫規定中，更要求前往賽區人員至少進行兩次檢測，且出示相關健康碼。
</t>
  </si>
  <si>
    <t xml:space="preserve">台灣進入三級警戒後禁止內用，夜巿也因生意冷清自主停業，台中大甲知名粉腸攤只能改到自家門前擺攤，生意慘跌到只剩一成，讓當阿公的老闆感嘆快撐不下去，「一家老小15人就靠這個攤子過活啊！」
《東森新聞》報導，傳承60多年的大甲特產粉腸，特製蒜蓉醬汁配香腸的獨特口味，傳承60多年歷史，是大甲知名夜市美食，但受疫情影響夜市關閉後，只能夠在自家門口擺攤，排隊人潮也不復見，只剩老客戶。
康老闆表示，自己已經當阿公了，養活全家老小兒女孫子，一家15口全靠這攤子過活，現在生意慘跌9成，只靠熟客光顧已經快撐不下去，不做又不行，家裡10幾個人要吃飯，日子很難過。
台北市已在6月29日宣布夜市「微解封」，允許4分之1攤位開業，但只提供外帶，指揮中心也表示，三級警戒時間，禁止邊走邊吃，僅能提供外帶或是外送，沒有禁止整個夜市關掉，呼籲三級警戒期間市場、夜市要減少出入口，確實執行實聯制措施，身分證尾數的管制，市場要有人流總數管控，每2.25平方公尺只能有一個人，入場後也要維持1.5公尺社交距離，按規定做好是可以開放的。
</t>
  </si>
  <si>
    <t>新冠肺炎疫情延燒，中央流行疫情指揮中心日前一級開設，由衛福部長陳時中接任指揮官，一級開設後，每次會議都需各部會最高決策者出席，指揮官也可調動所有行政資源，各部會需予以配合。專家認為，此階段不應再堅持有無社區傳播，當前應思考的是如何減災。
指揮中心疫情等級分為三級，第三級由疾管署署長擔任最高指揮官、第二級為衛福部長、第一級的指揮官則由行政院所指派。指揮中心監測應變官莊人祥表示，過去一級開設時，指揮官多為行政院副院長層級，例如毛治國、張善政、朱立倫，此次則是陳時中接任。
莊人祥表示，新冠肺炎疫情過去只發生在大陸，但如今已在世界各國擴散，台灣也需要更多事先因應的措施。一級開設，意味著要多做跨部會的橫向聯繫，國家的檢驗量能也從一天500件，提升到一天2450件。
中國附醫兒童感染科主任黃高彬表示，二級與一級的差別在於，過去開會時，各部會至指揮中心開會，僅需派出承辦的代表即可，一級開設後，每次開會、做決定，都需由各部會部長級的人出席，意味著最高決策者需參與其中。指揮官可指揮調動各種行政資源，包括軍隊等任何單位，而各個部會都需配合指揮官的防疫措施。
抗SARS專家、國衛院名譽研究員蘇益仁表示，新冠肺炎疫情已在國際上升溫，波及的國家增多，未來恐怕越來越嚴重。一級開設後，政府所考量的層次要更大，包括經濟、旅遊、生活、醫療體系等各種面向，都需進行整體的準備。他表示，「假如這次疫情可能帶來100％的損失，就應思考如何將損失減到20％，甚至10％。」
至於民眾對於一級開設應如何應對，黃高彬表示，雖然指揮中心層級有所提升，但民眾必要的防疫措施仍不可少，除了外出配戴口罩，平時也要維持勤洗手的好習慣。</t>
  </si>
  <si>
    <t>香港新冠疫苗顧問專家委員會今（15日）下午開會，討論將科興疫苗接種年齡限制降至3歲。香港醫院藥劑師學會會長崔俊明今早表示，科興有關兒童接種疫苗的第1、2期數據非常少，涉及3至5歲兒童只有50多名，6至11歲者約80名，但相信委員會會通過申請，因為大陸已有逾1億名兒童接種科興且免疫反應良好。
崔俊明表示，兒童接種復必泰的劑量為成年人三分一，但接種科興就需要成年人劑量，才能產生免疫反應，因此日後或需接種第3劑。崔指出，BNT疫苗產生的抗體較高，但科興的副作用較輕微。他建議，應同時商討將BNT的接種年齡限制降至5歲，以供家長選擇。
另外，香港大學感染及傳染病中心總監何栢今在另一電台節目亦同樣認為，基於大陸降低科興疫苗接種年齡後的情況理想，香港也可考慮逐步降低接種年齡，有助家長接受。</t>
  </si>
  <si>
    <t>患難見真情！為築起病毒防線，居家隔離、居家檢疫者都不能隨意外出，垃圾也都由環保局專車清運。台南市政府環保局收運人員洪文弘日前來回200公里前往山區收運防疫垃圾時，垃圾包下竟留有一張寫著「謝謝，辛苦你們」的紙條。他說，當下看到那幾個字，辛苦、壓力全被釋放，眼角竟溼了起來。
洪文弘表示，日前被指派前往偏遠山區清運1戶隔離戶垃圾時，由於他平常的活動範圍都只有在市區，對山區路況陌生，加上導航又只能導到附近，經與該隔離戶前後通了4次電話，還是繞來繞去找不到正確的地址，心裡急得不了。從下午2時出發到載到垃圾，單趟就花了2小時。
洪文弘指出，他揣著一顆七上八下的心，口罩、手套、護目鏡等全副武裝載運垃圾包，腦中只想著趕快完成任務。當時，看見垃圾包下壓著一張紙，雖然覺得有些奇怪，但也沒多想順手揉成團，直到將垃圾包載回到集中消毒區後，取垃圾包時看到那團紙，才有心情打開來看。
洪文弘不好意思地說，簡單幾個字「謝謝，辛苦你們」，怎有那麼大的力量？當下竟然很想哭，彷彿身為第一線防疫基層人員的辛苦、壓力，都隨著這幾個字被釋放、驅散了，也才想起在載運垃圾時，該隔離戶還站在遠處不斷地向他揮手致謝的畫面。
環保局強調，列為居家隔離及居家檢疫者，垃圾不能隨意放入一般家戶清運的垃圾車，如果違反居家隔離或居家檢疫規定，逕自外出丟垃圾者，將依《傳染病防疫法》開罰10萬至100萬元。該局為了便民，特別設立專線06-2686610登記安排清運，再委由專責廢棄物清除處理機構協助專車收運。從今年1月至6月，累計清運居家隔離及居家檢疫戶948戶、檢疫旅館649處次、1萬4821間房間次，收運垃圾為42.83公噸。
環保局長謝世傑認為，疫情暴發以來，該局基層人員默默為防疫付出，一次又一次不分假日或平日執行公共場域環境清潔消毒，不論日夜在第一時間完成確診者足跡清消，以及居家隔離、居家檢疫等的垃圾收運。民眾以紙條表達謝意，對該局第一線防疫人員來說是莫大的鼓勵，期盼市民朋友能給更多的支持，讓環保局的服務愈來愈好。</t>
  </si>
  <si>
    <t>台灣本土疫情今年自5月11日起，這波本土疫情短短2周確診人數迅速累積達3656人，且14日開始，死亡人數累積17人，其中有慢性病者有14例、無慢性病2例、不詳1例。加上今天新增的6死，短短15天以來，就有23人死亡。
指揮中心說明，新增6例死亡個案中，案1341為70多歲男性，有高血壓、糖尿病等慢性病史，5月8日出現咳嗽、發燒、有痰、全身痠痛等症狀，11日就醫並住院，15日確診，20日死亡。
案2558為60多歲男性，有萬華區活動史，5月15日出現發燒、喉嚨痛、咳嗽、肌肉痠痛等症狀，20日確診並收治住院，21日死亡。
案2719為90多歲男性，有糖尿病、癌症等慢性病史，5月14日出現發燒症狀，17日就醫並住院，20日確診，同日死亡。
案3031為60多歲男性，有高血壓、糖尿病等慢性病史，5月15日出現發燒、咳嗽、呼吸困難、喉嚨痛等症狀，20日就醫並住院，21日確診，23日死亡。
案3242為60多歲女性，有糖尿病、高血壓、心血管疾病等慢性病史，5月20日有肌肉痠痛、咳嗽、流鼻水、發燒等症狀，22日確診後至防疫旅館隔離，24日死亡。
案4648為70多歲男性，有糖尿病、高血壓等慢性病史，5月22日出現發燒、呼吸困難、肺炎等症狀，同日就醫並住院，23日死亡，24日確診。
中央流行疫情指揮中心專家小組召集人張上淳表示，國內這次本土疫情可以發現，病人平均年齡比較大，常常都是好幾種病混在一起，確實看到進展很快速，從發病到醫院，就可以看到肺炎很快惡化，確實有這樣的個案，就像今天報告的死亡個案都是這樣的表現。
張上淳表示，過去幾天都有說明，確實在重症的比例比過去都還要更高，預期死亡個案會持續出現。這是因為變種病毒的關係，還是病人的關係，也許兩邊都有影響。一部分我們也看到很多病人確診時CT值很低，身體病毒量很高，可能跟變種病毒株的特性有關；也可能因為中高年齡層長者太多，高血壓糖尿病比較麻煩的疾病造成惡化都有相關的關係。</t>
  </si>
  <si>
    <t xml:space="preserve">25日就要開學了，因應新冠肺炎疫情，新竹市長林智堅已推出「6大校園防疫守則」與「校園防疫手冊」，為開學日嚴陣以備，24日更率同相關單位前往培英國中視察，啟動跨局處機制，確保校園防疫SOP整備完畢。
林智堅表示，今天在開學前夕要針對校園防疫工作一一把關，以「6大校園防疫守則」辦理，包括校園環境消毒、掌握防疫物資、落實自主健康管理、進校量體溫、教導正確勤洗手、確保隔離安置措施，以最嚴謹的態度面對防疫，才能讓校園防疫做到滴水不漏，對抗疫情絕不被動，強化行政團隊橫向聯繫，資訊互通，務必將防疫工作做到滴水不露。
教育處黃錦能處長指出，本月20日已協同新竹市環保局辦理校園環境消毒，希望在開學前將校園環境進行清潔與消毒，讓師生能夠在最安全的校園內，進行學習。
此外，市府已在日前推出「校園防疫手冊」，整理停課標準，若師生1人確診，該班停班停課，若師生2人確診，該校停課，並建立校園防疫SOP，讓教職員師生一目了然掌握防疫步驟。
他強調，手冊中也推出了讓爸媽學生都安心的「6大防疫QA」，提醒市民未來校園將不統一發放口罩、發燒不可進校園、學校團膳廚房每日進行消毒、取消校園場地外借、校園內備有備用口罩、額溫槍與酒精、取消開學典禮等措施。
</t>
  </si>
  <si>
    <t>新冠肺炎襲向全球，蔡英文政府不願對大陸伸援手，但日本不論民間或是官方都對大陸提供物資和捐款。對此，台灣有部份網友竟消遣日本義舉。國民黨議員羅智強感慨表示：「自己不願付出愛心，還要嘲笑別的國家付出愛心」。
羅智強在臉書指出：「在新冠肺炎的這一場防疫戰中，日本、美國、德國都對大陸伸出援手。是因為他們知道中國的防疫長城若崩，遭殃的是全世界的人類，幫助中國大陸就是幫助自己」。
對是否協助大陸防治新冠肺炎，準副總統賴清德1月28日曾表示，「這部分需依照疫情指揮中心的決定」；但他強調「台灣跟中國只有一水之隔，疫情源頭一定要控制住，台灣跟國際社會共同幫助中國，也等於是幫助台灣」。羅智強贊同賴清德發言表示，「助人即是助己，不伸援手，已是自私之愚。還去嘲笑別的國家對中國大陸伸出援手？我們到底怎麼了？」
羅智強大嘆「可惜，民進黨內像賴清德一般清醒者，幾希。」
網友回應羅智強觀點：「人性都到哪𥚃去了！」、「台灣人行善愛心跑到那兒去呢？」、「等臺灣出事，看別國要不要幫」、「民粹的心扼殺了良知與良心」。</t>
  </si>
  <si>
    <t xml:space="preserve">今確診的案393是案384的家人，但卻傳出案393返台前，航空公司完全不知情患者已被註記，被質疑有隱匿通報的嫌疑。指揮中心今天回應，案393返台之所以航空公司事前不知情，是因為個案臨時更改返台班機，過程指揮中心均全程掌握。
案393長期旅居美國，3月29日出現咳嗽有痰，4月1日出現腹瀉，4月11日入境時因有症狀，自機場後送就醫採檢，於今日確診；其家人(案384)已先於4月10日返國，並在4月11日確診，兩人均曾在美國接觸過新冠肺炎確診個案。
中央流行疫情指揮中心發言人莊人祥證實，該名婦人雖沒發燒，但有咳嗽症狀及拉肚子，不過她自稱是因為喝牛奶，後來有後送到醫院檢查，已通報採檢。
莊人祥指出，案393返台前，曾透過案384通知可能搭乘4月10日的班機返台，但後來班機又改成11日，才會發生航空公司後來才得知註記的問題。目前已調閱過該班機座艙名單，匡列12名機組員，7位民眾需要居家隔離。
至於外傳案393為案384所傳染，莊人祥也澄清，指出兩人自2月底就未曾見面，但都曾與一名確診個案一同工作過，研判是在當時所感染，並非由案384傳染給案393。
</t>
  </si>
  <si>
    <t xml:space="preserve">世界衛生大會（WHA）從周一起在日內瓦召開，在澳洲提案，要求世界衛生組織（WHO）獨立調查新冠肺炎因應方式後，已有超過120個成員國連署。
綜合外電18與19日報導，就在WHO同意多數成員國所請，展開調查之際，北京下了重手，對澳洲進口大麥課徵超過80％的懲罰性關稅。
澳洲貿易、旅遊暨投資部部長伯明罕（Simon Birmingham）說，坎培拉對此深感失望。在澳洲出口的大麥中，中國大陸就佔了一半，北京課重稅，對澳洲的大麥貿易可謂揮了一記重拳。
伯明罕說，澳洲官員正與包括印尼在內的其他潛在國際買家會談，以尋求替代市場。此外，他指出，中方隨時都能選擇取消這些關稅，澳洲當然會繼續設法說服他們應該這樣做。而澳洲大麥相關產業在聯合聲明中說，這次北京課徵的關稅對中澳大麥貿易是重大的打擊，1年可能造成5億美元（近150億台幣）的損失。
不過，澳洲農業部長李特普勞德（David Littleproud）說，中澳並沒有在打貿易戰，因此坎培拉不會報復。他說，要是中方把課關稅和澳洲力促WHO獨立調查新冠肺炎掛鉤，那他會非常失望。他強調，這根本是兩回事，而澳洲人應該為政府帶頭，要求進行新冠疫情相關調查感到驕傲。
</t>
  </si>
  <si>
    <t xml:space="preserve">好不容易治癒新冠肺炎，從疫情中康復，首要面對第一個現實的問題，就是「醫療費用」，一位美國高中教師，在醫院待了幾個星期，罹患新冠肺炎痊癒後，終於回到家裡，但他有新的困擾，他收到第一份醫療費用帳單，上面寫著高達84萬美元（約台幣2千5百萬）的金額。
COVID survivor receives $840,000 statement for treatment, with more on the way https://t.co/GT8VPkskEL pic.twitter.com/7D5qbPmxbG
這位高中教師羅伯特（Robert Dennis），新冠肺炎痊癒後，回到家收到84萬0386.94美元的帳單，妻子坦承看到金額時「真的嚇到快窒息」，其中明細包括羅伯特在重症病房插管兩星期的費用，且光醫院藥費就高達25萬美元（約台幣747萬）。
而這還只是第一份帳單，還有其他的費用都還沒算進去，例如羅伯特在康復醫院住院三週的費用等，夫妻倆估計，所有帳單總金額會達到150萬美元（約台幣4千4百萬），令他們慶幸的是，羅伯特有醫療保險，且根據科羅拉多州保險部門指出，病人會受到州緊急條例的保護。
根據外媒報導，治療病人的醫院如果有「冠狀病毒援助、救濟和經濟安全法案」（CARES ACT）的資金資助，醫院就不該向病人寄送醫療帳單。
</t>
  </si>
  <si>
    <t>台灣新冠肺炎急遽升溫！中央流行疫情指揮中心今天公布國內一口氣新增6名確診個案，是有史以來單日天確診數最多的一次，國內累積個案共59案。指揮官陳時中指出，這次新增的54案到59案都是境外移入，讓台灣感到很警惕，因此從今天開始，將擴大篩檢，主動對14天內有歐洲旅遊史者進行採檢，希望將這波從境外感染的衝擊降到最低。
至於這波歐洲疫情會不會走入台灣社區，何時會成為高峰？陳時中坦言，對於何時走入高峰，「我很難預測」，就像這次，若歐洲沒有淪陷，現在台灣的案例發展幾乎可以說已經鬆一口氣，結果歐洲又來，只能說，疫情一波一波的來，我們也只能一波一波的守住。
陳時中表示，上一次新增那麼多名案例，是在2月6日，那天包含2名武漢回台、2名從義大利返台在香港轉機者、以及一名澳門返台者，共有5個案例。陳時中說，累積至今，國內確診個案，本土確診者有27名，境外移入者有32人，加上近日確診的都是境外移入個案，讓防疫單位很警惕。
陳時中表示，雖然已經提升旅遊警示，從歐洲入境都要居家檢疫十四天，但為了避免漏網之魚，今天起，將在往前14天追溯有旅遊史，且有出現症狀者全面採檢。將從健保資料勾稽，放大認定條件，來找到這些人，由檢疫人員評估，有症狀一定要慘減，沒症狀者則依據病例史以及身體狀況評估，同時呼籲輕症者，有旅遊史一定要通報。
另外也呼籲有症狀輕者，這段時間有旅遊史可以自動通報，這兩種人都會經過檢疫人員評估，需不需要慘減，基本上有症狀一定會採，沒有症狀會根據病例史和現在的狀況去判斷。</t>
  </si>
  <si>
    <t>因受新型冠狀病毒肺炎疫情影響，澳門地區現已升級為橙色旅遊警示，並且建議旅客避免非必要之旅行。為回應現行主管機關針對澳門採加強防護措施，台灣虎航4月往返澳門航班將取消。
台虎2020年4月1日起至2020年4月30日，桃園－澳門、台中－澳門、高雄－澳門之往返航班全數取消。針對上述航班取消而影響之旅客，台灣虎航將直接退費至訂單中原始之付款帳戶內，旅客不須進線至客服中心確認亦不需填寫任何表單。謹提醒，退款作業約須4週工作天將退至發卡銀行端，後續相關退款時程，請逕自與發卡銀行聯繫。
它航機票若涉及台灣虎航航段，仍須依照它航作業辦法規定辦理。如原始購票非透過台灣虎航官網購票者，退票款請逕洽原開票旅行社或開票平台洽詢。</t>
  </si>
  <si>
    <t>「印度神童」阿南德日前發出預言，針對歐洲、中東、美國、日本等地，警告「將有大事發生」；結果英國及以色列疫情升溫、日本靜岡爆發奪命土石流、美國邁阿密大樓倒塌。今他呼籲做5件事，可幫助健全身心，度過這波疫情。
阿南德指出，因因疫情影響，許多人身心靈受創，全球超過2億人受憂鬱症所苦。他建議做的5件事，分別為「信仰上帝」、「每天祈禱」、「瑜珈」、「親近大自然」、「遠離社群媒體」。
除了透過宗教力量，來自印度的阿南德認為，瑜珈也能改善身心狀況，這點和許多醫師建議多做運動釋放壓力，有異曲同工之處。親近大自然可鬆弛身心，但台灣目前未完全解封，不建議跨縣市移動。
最後一件事，遠離社群媒體，阿南德說，現代科技是造成憂鬱的原因之一，必須戒掉「科技癮」，讓自己遠離手機、電腦等電子設備，不去看社群平台，免得在疫情緊繃的當下，吸收到更多混亂訊息及負面能量。</t>
  </si>
  <si>
    <t>新北市開放75歲以上長者預約接種莫德納疫苗，今為開放接種第2天，新北市衛生局長陳潤秋今在防疫會議上受訪表示，目前尚未接到莫德納疫苗的不良反應通報；市長侯友宜則強調，新北市不斷優化、調整施打場地，一定讓長者施打過程更安全、更健康，做不好的地方都會虛心檢討。
今天不少衛生所都傳出有長者頂著大太陽，在衛生所外排隊等疫苗施打狀況，對此侯友宜表示，長者施打一定要有細心、有耐心也要有愛心，新北市會不斷優化施打場地，有做不好的地方就虛心檢討，讓所有長者安心施打，接著會按照年齡往下施打，「只要年齡到、時間到、一定打得到」。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疫情影響收入減少、日子難過，勞動部「全時受僱勞工生活補貼」明（12日）起開放申請，只要月投保薪資在3萬4800元以下，5或6月薪水較4月減少逾2成，就可以領到1萬元的生活補貼，《中時新聞網》整理申請、發放方式、證明文件等相關問題及解答，幫助民眾順利領到補貼。
●全時受僱勞工申請生活補貼的對象及資格條件？
適用對象為110年4月30日已參加就業保險，月投保薪資在24000元(含)以上至34800元(含)以下，且同時符合
1.受僱於同一事業單位（公司）的110年5月份或6月份薪資，相較4月份薪資減少達20%以上。
2.薪資減少達20%以上當月份的末日（5月為5月31日，6月為6月30日），應於同一事業單位（公司）加保。
並且未領取其他性質相同的補助、補貼或津貼者，得申請補貼。
●全時受僱勞工生活補貼發放金額為多少？
符合資格者，發給一次性補貼，金額為新臺幣1萬元。
●全時受僱勞工生活補貼的申請及發放方式為何？
1.符合資格的民眾，可於110年8月31日前，備妥「身分證字號/居留證號」、「薪資減少證明影本」及「本人之金融機構帳號」，至勞動部網站線上申請。
(1)第一階段：自110年7月12日10點起，開放「5月份」薪資減少達20%以上的民眾申請。
(2)第二階段：自110年7月23日10點起，開放「6月份」薪資減少達20%以上的民眾申請。
2.發放方式：提出申請待審查通過後，直接撥款至勞工本人金融機構帳戶。
3.符合資格者，如無國內金融機構帳戶，可採書面申請方式，民眾填妥紙本申請書，郵寄至居住地之勞動部勞動力發展署分署，郵寄支票或匯票給民眾。
●何謂「薪資減少證明文件」？可以用薪資單嗎？要公司蓋章嗎？存摺內頁影本可以嗎？
薪資減少證明文件必須足以佐證薪資給付的情形，例如提供薪資單（明細），有載明勞工身分（姓名或身分證字號）、事業單位（公司）名稱，及薪資月份、給付金額等項目。
或是銀行薪資轉帳紀錄（含存摺封面及內頁影本），就不必經過雇主蓋章；如果無法提供薪資單或銀行薪資轉帳紀錄，而是由雇主另行開立的薪資減少證明，載明勞工身分（姓名及身分證字號）、事業單位（公司）名稱，及薪資月份、給付金額等項目，就必須蓋公司章以供確認。
●透過網路線上申請生活補貼，何時會入帳？
只要申請後經審查符合資格者，預計於審核完成3日後即可上網查詢入帳資訊。
●一定要領月薪才能申請生活補貼嗎？如果是按件計酬、按時計酬者可以申請嗎？
勞工只要符合本補貼的資格條件，其計薪方式為何，並無限制。
●何謂薪資減少達20%以上？
以申請5月份薪資減少為例，5月份「應領薪資」較4月份「應領薪資」減少20%以上，或者5月份「實領薪資」較4月份「實領薪資」減少20%以上都是。例如勞工5月份應領薪資25000元，4月份應領薪資33000元，即符合薪資減少達20%以上。（應領對應領，實領對實領）
●勞工110年5月或6月薪資相較4月薪資，都有符合減少達20%以上，可以領2份生活補貼嗎？
不可以。本補貼計畫有規定同一受僱勞工發給一次生活補貼。
●年滿65歲以上勞工，可以申請生活補貼嗎？
不可以。就業保險適用於15歲以上65歲未滿的受僱勞工，65歲以上的勞工，不能再參加就業保險，不符合請領資格條件。因為65歲以上的勞工通常已領取或已可領取社會保險老年給付，業有基本生活保障。
</t>
  </si>
  <si>
    <t>受到新冠肺炎疫情升溫影響，原定3月1日舉行的「東京馬拉松」規模大幅縮減，預計將有3.8萬跑者參與的賽事，最終僅開放200位職業跑者競賽，並且不會退還報名費。消息一出掀起參賽者反感，不過一名住在台灣的日本網紅則點出背後台日差異，直言「台灣太友善了！」
網紅「日本人的歐吉桑」在臉書PO文指出，這次東京馬拉松報名費約16,000日幣，有38,000人參賽，報名費總計約6億日幣（約新台幣1.6億）。根據過往經驗，無論是馬拉松或是腳踏車活動，日本主辦單位絕不會退費，他自己也曾遇過同樣的狀況，當時報名的腳踏車活動，因為颱風來襲而取消，主辦單位同樣公布不退費。
他坦言，「雖然大家覺得不甘心，但是不少人接受沒有退費的事情。因為很多人理解，為了活動準備，他們（主辦單位）已經花很多錢的事情。」反觀台灣主辦單位舉辦相關活動時，若因故取消，願意退費的舉動總讓他大感驚訝，從中發現台日文化差異，直言「台灣的主辦單位太友善…我猜想他們應該賠很多錢。」
貼文一出隨即掀起網友熱議，紛紛留言回應「不可抗拒因素可理解」、「原來有這樣的國情差異」、「台灣消費者意識較強，不退費會被輿論攻擊到死」、「有時候文化差異真的難以想像」、「台灣→投訴媒體、民代立委」。
不過也有人認為「從參加者（消費者）的角度來看，付報名費就是買服務／體驗，活動取消了＝東西不賣了，退費是天經地義的事。主辦單位先花了很多錢準備活動，那是他們的『投資』，活動被迫取消退費若賠錢，那是主辦單位他們理應要負的投資風險，出來辦活動賺錢沒有不用負風險的，推給參加者自己負擔是不對的事情，不覺得可以用國情差異帶過。可以考量成本或時間不退全額，但一塊錢都不退絕對是錯的事情，政府或法律應該要保障參加／消費者的權益才對。」</t>
  </si>
  <si>
    <t xml:space="preserve">台灣疫情爆發，疫苗短缺儼然成為危機。奇美醫學中心加護醫學部主治醫師陳志金表示，肯定想要協助政府買疫苗的企業、地方政府，但即使買到疫苗，施打到發揮效果仍需要一段時間，呼籲大家目前還是要做好個人防護，避免群聚。
陳志金今（3）日於個人臉書粉專《ICU醫生陳志金》寫下，肯定想要協助購買疫苗的企業、地方政府，買得到是一件開心的事，若買不到，也不必灰心，畢竟疫苗原廠並不在台灣，有的也只願意與中央政府接洽，像是嬌生就表示，在疫情緊急狀態期間，不跟第三方或是透過第三方合作。
陳志金也舉了南韓大邱市的例子，大邱市政府透過管道自購3000萬劑輝瑞／BNT疫苗，但南韓CDC判斷，非循正規管道，因此下令禁用。而輝瑞也表示，只跟國家政府提供疫苗，不會以其他途徑供貨。
陳志金說，即便買到疫苗，也開始接種了，但其發揮的效果，還需要一段不短的時間，這段期間，大家還是要做好個人防護、避免群聚，唯有團結一致，才能共同度過。
★《中時新聞網》提醒您：因應新冠肺炎疫情，疾管署持續加強疫情監測與邊境管制措施， 如有疑似症狀，請撥打：1922專線，或 0800-001922， 並依指示配戴口罩儘速就醫，同時主動告知醫師旅遊史及接觸史，以利及時診斷及通報。
</t>
  </si>
  <si>
    <t xml:space="preserve">新冠肺炎疫情變幻莫測，年輕人卻悄悄被新興毒品毒害！台灣高檢署6日統計指出，今年1至3月已有42人因吸食新興毒品死亡，其中施用超級搖頭丸（PMMA）死亡高達31人，遠高於新冠肺炎。為遏阻毒害，檢警擬將非工業用途的PMMA化工原料，提報列管四級毒品，加強查緝。
超級搖頭丸 化工原料擬列管
高檢署昨指出，由於PMMA（副甲氧基甲基安非他命）在年輕族群流行，不少人甚至合併「笑氣」使用，致死率近100%，檢警因暑假將至，擔心年輕人遭毒害，近日將專案查緝。警政署則表示，PMMA致死案一律列管溯源，初步查出，有北部黑幫涉嫌製毒。
緝毒專責檢察官指出，施用新興毒品比被毒蛇咬還恐怖，毒蛇種類有限，可用血清治療，但混用毒品有如賭命，根本沒藥醫。現國際通報的化學合成毒物，短短4年間，已從251種暴增逾700種，遠超過我國檢驗管制能量。
農曆年前，高檢署就曾示警，指法醫研究所在去年第4季10至12月解剖吸毒致死案例，吸食PMMA死亡高達34人，光是12月的1個月內就死28人，案例遍及全國，以桃園最多，最年輕死者僅17歲。
合成毒物暴增 混合施用要命
檢警加強肅毒，但毒害未受控制。今年第一季統計顯示，新興毒品致死42人中，施用PMMA死亡仍高達31人，案件量居高不下，顯示毒害未獲控制。
高檢署說，近年新興毒品快速竄起，以毒咖啡包、液態毒品等混合式毒品正在年輕族群流行，因包裝精美讓人降低警戒性，因性質不定、查緝不易、混合施用後致死率高。尤其搖頭丸、安非他命、K他命等毒品還與笑氣合併施用，更應積極壓制，防止擴散。
高檢署說，PMMA為二級毒品，屬中樞神經興奮劑，但毒性超過搖頭丸、甲基安非他命4倍，50毫克就有中毒可能。但因其毒性作用較慢，施用者常因初期無感，使用過量致死，加上成本低、製程快，常以毒咖啡包出現。吸食後會神智不清、抽搐，甚至大吼大叫，致死率極高。
據高檢署統計，今年1至3月查獲毒品544.2公斤，新興毒品就有447.7公斤，合計超過8成。
</t>
  </si>
  <si>
    <t>疫情指揮中心日前宣布，已接種高端者，若有緊急出國需求，可加打國際認可疫苗。不過一名男子表示，年初打2劑高端後，10月又施打1劑輝瑞／BNT，當時他還高興地喊「我可能是全台灣，甚至是全世界第一個打完2劑高端，再打一劑BNT的人」，但太高調因此被指揮中心註記健保卡，使得他無法完成第二劑BNT接種，如今指揮中心又開放，令他傻眼「到底是我傻，還是政府有問題？」
原PO於10月曾在PTT八卦板指出，自己是高端受試者，於今年2月及3月各施打一劑高端疫苗，也確定打並非安慰劑，由於是受試者，當時健保卡上沒有註劑，因此讓他順利於10月闖關，又加打一劑BNT，令他驚喜地喊「我打到第三劑啦！我可能是全台灣，甚至是全世界第一個，打完2劑高端，再打一劑BNT的人」。
不料，因PO文太高調，健保卡遭指揮中心註記已接種2劑高端，使他無法如期打第四劑疫苗，但指揮中心上周五（12日）政策急轉彎，宣布已施打2劑高端者，若有緊急出國需求，可加打國際疫苗，讓該男子超不爽，昨日再度在PTT發文，「上次把我健保卡註記，不給我打第四劑，現在又開放，是在耍我嗎？」
原PO說，本來是很支持台灣生技和醫療研發產業，才會參加臨床試驗，沒想到政府這樣硬推高端，二期臨床試驗都還沒做完，就上線給民眾打，把人民當白老鼠，自己就像笨蛋一樣，但才加打一劑BNT，就被政府擋下，「現在又開放，到底是我傻，還是政府有問題？」
貼文曝光後，不少鄉民也留言，「有沒有覺得賺到了」、「花公費比別人多打2劑簡直賺到」、「過幾年身體後遺症政府可不會賠你」、「支持政府有很多方式，但我不會拿自己身體開玩笑」、「有實驗精神，給推」、「世界第一恭喜，台灣之光」、「欸欸你賺到了滿滿一堆疫苗假，不要太滿」。</t>
  </si>
  <si>
    <t>國內疫情持續炸鍋，本土個案從5月11日至昨日止，迅速累積3066人確診，今日來到第14天，中央流行疫情指揮中心今（23）日公布再新增590例，其中334本土，256例為校正回歸，至今有84名病患使用呼吸器，面對如此嚴峻的新冠肺炎情勢，雲林某大學一名男同學卻疑似唯恐天下不亂，23日在Dcard發文，自稱當日在新北一連鎖餐飲店用餐，還高呼「誰跟你說內用會染疫的？」叫網友看了傻爆眼。
根據Dcard該則貼文內容，一位自稱是雲林某男大生的網友，日前在新北一連鎖餐飲店用餐，直言「我實在想不通，台灣人原來這麼好操弄，進來餐廳，你要填寫實名制，然後量體溫，然後你就能內用了」，文末還強調只要做好自我防護，「我不知道內用有什麼問題」，因為「店員都是配（佩）戴口罩，當然包含進來的你」。
此文一出，有許多網友認為原PO語出驚人，於是反諷「你484想引戰？技巧很差ㄟ」，還有人高級酸的嗆道「也沒什麼問題啦！頂多就是跟潛伏期帶原者一起用餐而已」，或是出面提醒原PO「沒規定之前你愛怎麼內用那是你的事，規定一下就好好遵守，懂嗎？」不過原PO看了則不甘示弱的回應「我只看到大家都叫外送」、「內用都會確診，我外帶也會確診，好神奇喔」、「講好聽叫減少確診機率，講難聽叫做省事，可憐！」
由於留言論戰延燒不斷，因此有網友看不下去，乾脆打1922詢問，留言回應「我剛剛打去問了1922，你如果鼓勵民眾內用的話是違反傳染病防治法第 63 條『散播有關傳染病流行疫情之謠言或不實訊息，足生損害於公眾或他人者，科新台幣3百萬元以下罰金』」，最後還不忘用嘲諷口吻祝福原PO「保重喔wwwwwwwwwwwww網路上正義使者很多，希望你過幾個月後不要收到法院通知單～～」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香港《文匯報》報導，香港新冠疫苗接種計畫昨日推出第100天，有約50400人接種，首次單日突破5萬大關，成為歷來新高紀錄。
香港公務員事務局局長聶德權表示，近日接種、預約的人數都較踴躍，令人鼓舞，希望各界快打疫苗，建立穩固的保護屏障。BNT復必泰疫苗接種年齡降至12歲，港府在未來一星期將與學校商討12至15歲學童接種疫苗安排。
香港政府公布數據顯示，截至昨晚8時，150.3萬人已接種第一針，接種率為22.9％，約109.5萬人已打第二針，接種率為16.7％。為提醒市民盡快打針，政府昨日在網上公布，社區疫苗接種中心運作進入倒數88天，復必泰疫苗在接種中心尚餘名額為大約193.6萬人，科興疫苗約52.8萬人。</t>
  </si>
  <si>
    <t>新冠肺炎疫情未歇，世界各國都在與時間賽跑，緊鑼密鼓研發疫苗。但英國政府的網路安全機構「國家網路安全中心」（NCSC），16日罕見發布聲明，指控接受俄羅斯政府資助的駭客團體，正針對英、美和加拿大等國參與研發新冠疫苗的組織，發動網路攻擊。
NCSC指出，包括藥廠與研究團體，都已是這個名為APT29駭客組織的下手目標，「它幾乎確定是」克里姆林宮情報體系的一部分。
英國官員並未透露，這些攻擊是否成功達到竊取醫藥機密的目標。但NCSC強調，沒有任何疫苗相關研究因此受牽累。
對英國來說，公開點明其他國家，為網路攻擊幕後黑手的情況相當罕見。但官員指出，英方已與美、加分享其評估報告，兩國稍後也將發表各自的說法。外相拉布痛批，俄羅斯情報單位針對新冠肺炎的研究單位，「令人完全無法接受」。
另外，拉布還加碼指控，俄羅斯駭客在去年12月英國大選期間，非法取得計畫中的英美自由貿易協議敏感文件，並在網路上散播，企圖干預大選。拉布表示，有關文件在大選前遭竊，然後經網路平台Reddit散布。雖然沒有證據顯示，俄羅斯有大規模干預大選的行動，但任何企圖介入民主過程的行為皆不能接受。他表示，英國會保留在未來採取適當回應措施的權利。</t>
  </si>
  <si>
    <t xml:space="preserve">昨天(3/29) 指揮中心宣布新增8例新冠肺炎確診，1例本土7例境外，有7縣市確診人數增加，六都確診接增加，其中新北市新增2例最多，台北市、桃園市、台中市、台南市與高雄市各1例，此外還有新竹市增加1例，全台共累計306例。
據衛福部疾管署公布最新的確診案例地圖，台北市最多共84例、新北市72例、台中市33例、桃園市31例，高雄市25例，彰化縣14例，台南市13例，新竹市7例、屏東縣6例，新竹縣和雲林縣4例，苗栗縣、嘉義市與基隆市3例，南投縣2例。
該圖顯示，整個西半部僅剩「嘉義縣」一塊淨土。目前僅剩下6縣市保持零確診，分別是嘉義縣、花蓮縣、台東縣、澎湖縣、金門縣和連江縣。
</t>
  </si>
  <si>
    <t>美國新冠肺炎確診病例再攀新高，為免疫情加速擴散，美國疾病管制預防中心（CDC）19日勸告美國民眾，下周感恩節假期勿外出旅行，並針對旅遊及聚會活動提出安全建議。
疫情當前，美國很多家庭面對感恩節這類傳統節慶，該不該與親友團聚陷入掙扎，感恩節前後向來是美國的旅遊旺季。
關於要民眾感恩節勿旅行的呼籲，CDC官員沃克（Henry Walke）周四向記者簡報指出，這是「強烈建議」而非硬性規定，係基於新冠肺炎確診數、住院數及死亡數節節攀升所做的建議。
根預CDC資料，11月5日至13日，美國確診感染新冠肺炎的人數超過100萬，病故數在18日跨過25萬大關，單單過去2個月就新增5萬死亡病例。
CDC勸告美國民眾，凡是未同住一個家庭至少14天的人，勿與他們聚會，14天正是新冠病毒的潛伏期。CDC官員表示，針對假期期間仍選擇外出旅遊的美國人，他們也在CDC官網上張貼安全建議。
CDC建議採虛擬聚會，若要親身赴會，賓客應自備食物及餐具，而且盡可能在戶外。如果選在室內慶祝，建議要開窗，在打開的窗戶前擺放風扇，讓賓客所在的房間保持空氣流通，另外準備食物場所的附近要限制人數。
美國汽車協會（AAA）預估，今年感恩節外出旅遊人數至少掉10％，將創2008年來最大年跌幅。AAA根據10月的模式，估算出今年感恩節約5,000萬人出遊，少於去年的5,500萬。
而在CDC公開建議感恩節勿出外旅行後，AAA預期出遊人數恐怕更低。
聯合航空、美國航空與西南航空19日異口同聲指出，受新冠肺炎確診數激增的影響，訂位情況並不熱絡。
聯航周四警告，新冠疫情升溫再一次重創航空旅遊，從訂位數下滑、機位取消增加嗅出端倪。聯航原本計劃第四季班次要較去年同期減55％，照目前看來可能得進一步減班。</t>
  </si>
  <si>
    <t xml:space="preserve">全球新冠肺炎疫情仍緊繃，出門在外還是必須戴口罩、保持社交距離，不過自從疫情爆發以來，發生不少人對無辜民眾咳嗽、吐口水，導致對方感染新冠肺炎，而這次「咳嗽攻擊事件」竟然發生在小嬰兒身上，一名婦人拉下口罩對嬰兒狂咳，最後遭到警方通緝。
這起攻擊事件發生在美國聖荷西一間餐廳，一位叫做莫拉（Mireya Mora）的女子，推著嬰兒車在排隊，這時前方一名婦人不滿莫拉沒有保持社交距離，兩人發生口角衝突，接著婦人突然拉下口罩，靠近不到1歲的嬰兒，對著臉蛋開始狂咳。
婦人行為讓莫拉不可置信，她受訪時表示小孩受到驚嚇，回家後一直睡不安穩，且還出現輕微發燒症狀；但整起攻擊事件，莫拉認為與種族歧視有關，因為自己與奶奶是西班牙裔，原本排隊時都沒事，當她開始說西語時，婦人突然轉身指控她沒有保持社交距離，甚至嗆「妳聽的懂我在講什麼嗎」？
這位白人婦女的行為遭網友撻伐，警方也依襲擊罪名發布通緝，根據公布消息，婦人是年紀大約60多歲的白人女性，身分仍不明，警方呼籲若知道與她相關資訊的民眾，盡速聯繫聖荷西警局。
</t>
  </si>
  <si>
    <t xml:space="preserve">
為避免新型冠狀病毒肺炎(COVID-19)疫情假訊息以訛傳訛，特別是在昨日確認國內出現首例死亡個案後，更應密切注意防疫假訊息散播造謠，企圖引起社會大眾不安、同時強化打擊囤積口罩等防疫物資，警政署長陳家欽特別於昨日（17日）到刑事局召開「查察防疫假訊息專案檢討會議」。並強調對於一切亂傳的假消息絕對嚴辦不姑息。
陳家欽首先對刑事警察局近期嚴查速辦散布假訊息疫情、哄抬囤積防疫物資案件，表達肯定與慰勉之意，並親自蒞臨主持專案檢討會議，會中特別提醒同仁在執勤時要注意自身安全防護，保護自已才能保護國人，另外聽取刑事警察局專案報告假訊息查處情形並指示查處重點及方向，如一查獲就立即對外說明，以降低擴散、遏制不法。
刑事局統計，1月23日至昨日止，警方已偵辦散布新型冠狀病毒疫情假訊息72件，移送43件、64人。另外，針對近日網路謠傳國內有數百人感染新冠肺炎致死的不實訊息，刑事局已積極偵辦中，呼籲民眾勿造謠觸法。
更多 CTWANT 報導
</t>
  </si>
  <si>
    <t xml:space="preserve">台灣企盼已久的首批新冠疫苗終於到手了！今日上午自韓國運送抵台的20萬劑AstraZeneca疫苗，按照疫情指揮中心預定的時程，將在一周內開打。AZ到底是何種類型的疫苗？接種後會產生哪些副作用，第一、二劑須間隔多久施打？有哪些應注意禁忌？《中時新聞網》透過疾管署官網彙整出一份完整的AZ疫苗懶人包，作為大家施打疫苗前參考。
疾管署官網指出，新冠肺炎AstraZeneca疫苗，是一種含有可表現新型冠狀病毒棘蛋白(S protein)的腺病毒載體之疫苗，用於預防新冠肺炎感染，可避免因新冠肺炎感染引起的嚴重併發症。此疫苗目前已通過世界衛生組織（WHO）、歐盟等其他先進國家及我國緊急授權使用，目前優先施打對象為第一線醫護人員。
AZ疫苗在保存條件上具有優勢，其冷儲條件只須在2 ~8°C冷藏儲存，不須要特別的冷鏈系統。在接種的劑量及間隔時間方面，目前依據疫苗仿單的適用接種年齡為18歲以上，接種劑量為0.5mL。AZ疫苗的分2劑接種，目前依WHO建議，AZ的接種間隔為8至12周；衛福部傳染病防治諮詢會預防接種組(ACIP)則建議，間隔施打至少要8周以上。
對於民眾關心的疫苗安全性及保護效果，疾管署指出，AZ疫苗不含可複製的SARS-CoV-2新型冠狀病毒顆粒，不會因為接種本疫苗而感染新冠肺炎。另外，依據目前臨床試驗結果顯示，此疫苗接種完成，2劑間隔12周保護力可達82.4% (62.7%~91.7%)，並可降低新冠肺炎傳播率達67%，並且能有效預防因新冠肺炎感染而造成的嚴重併發症。疫苗的保護效果則視接種對象的年齡或身體狀況而有不同差異。
疫苗接種時仍有禁忌須注意，對於疫苗成分有嚴重過敏反應史，或對於先前接種之疫苗劑次發生嚴重過敏反應者，應不予接種。而在接種過程中也5個注意事項要留意。
1.本疫苗不得與其他疫苗同時接種，目前依ACIP建議，應完成新冠肺炎疫苗接種時程後再接種其他疫苗，並與其他疫苗間隔至少28天，如小於上述間隔，各該疫苗無需再補種。
2.本疫苗不得與其他廠牌交替使用。若不慎使用了兩劑不同新冠肺炎疫苗產品時，不建議再接種任何一種產品。
3.發燒或正患有急性中重度疾病者，宜待病情穩定後再接種。
4.免疫功能低下者，包括接受免疫抑制劑治療的人，對疫苗的免疫反應可能減弱。尚無免疫低下者或正在接受免疫抑制治療者的數據。
5.目前沒有足夠數據建議孕婦可常規接種新冠肺炎疫苗，若自身為高感染風險者，或可能因感染新冠肺炎導致嚴重併發症的情形，可經醫師評估是否接種疫苗，且請醫師告知民眾目前缺乏孕婦接種新冠肺炎疫苗之安全性資料。接種新冠肺炎疫苗前不需進行懷孕篩檢，接種新冠肺炎疫苗後亦不需避孕。
接種後2注意事項，也要加以遵守。為即時處理接種後發生率極低的立即型嚴重過敏反應，接種後應在接種單位或附近稍做休息，並觀察至少30分鐘，無恙後再離開。若有使用抗血小板或抗凝血藥物或凝血功能異常者，施打後於注射部位加壓至少2分鐘，並觀察是否仍有出血或血腫情形。
最後，接種後可能發生的副作用反應及因應措施，以下4狀況須進行相關處置。
1.此疫苗接種後可能發生的反應大多為接種部位疼痛、紅腫，通常於數天內消失，可適度冰敷，請勿揉；抓接種部位。
2.接種疫苗後可能有發燒反應(≧38℃)，通常約48小時可緩解。其他可能反應包含疲倦、頭痛、肌肉痠痛、體溫升高、寒顫、關節痛及噁心，這些症狀隨年齡層增加而減少，通常輕微並於數天內消失。
3.如有接種部位紅腫及硬塊發生膿瘍、持續發燒或嚴重過敏反應(如呼吸困難、氣喘、眩暈、心跳加速、全身紅疹)等不適症狀，應儘速就醫並告知醫師曾接種疫苗，以做為診斷參考，同時請醫師通報當地衛生局或疾病管制署。
4.完成疫苗接種後，雖可降低感染新型冠狀病毒的機率，但仍有可能罹患嚴重特殊傳染性肺炎，民眾還需注重保健與各種防疫措施，以維護身體健康。
</t>
  </si>
  <si>
    <t>桃園一名女子上月接種莫德納後，腋下摸到顆粒般的腫塊，由於沒有任何痛感，因此並未放在心上，後來至醫院檢查後才發現，右乳侵襲癌和右腋下淋巴轉移，確診乳癌，目前正接受治療。乳房外科醫師黃鴻銘表示，打完疫苗後，若有腋下有痛感或無痛腫塊，應立即就醫檢查。
黃鴻銘日前於臉書粉專《杏妍診所》指出，一名近40歲的女子上月施打莫德兩周後，摸到右邊腋下有顆粒般的腫塊，但並無任何不適及疼痛感，一開始不以為意，後來還是決定就醫檢查。黃鴻銘替她觸診右側乳房外側時，隱約摸到一塊軟軟、有彈性的腫塊，但女子卻毫無感覺。
黃鴻銘表示，經超音波檢查後發現，該腫塊大約3公分，再加上女子主訴右腋下摸到腫塊，令他驚覺有異，趕緊將兩處的檢體送至病理中心檢查，結果為右乳異常處侵襲癌，以及右腋下淋巴結淋巴轉移，確診乳癌
黃鴻銘提國外數據說，有高達11%的女性接種第一劑莫德納或輝瑞／BNT後，會有淋巴結腫大的情況發生；打完第二劑疫苗後，同樣的情形在女性身上的比例更提高至16%，且時間長達1至2周。
黃鴻銘進一步說明，疫苗造成一定比例淋巴結腫大的情形，可能會讓不少打疫苗的女性輕忽，因為淋巴結腫大也是罹患乳癌的表徵，未放在心上恐會造成病情延誤。不過他也提醒，打完疫苗後發現淋巴腫大不一定是沒事，但也不一定就是罹患乳癌，若腋下有痛感或無痛腫塊，務必尋求適當的醫療院所安排檢查。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
新冠肺炎253天本土零確診破功，中央流行疫情指揮中心今（22日）宣布新增1名本土個案為廣達女員工（案771），她是確診紐西蘭籍機師的接觸者（案765），12月7日到12日間與機師密切往來。有網友在PTT發問：密切往來5天是什麼意思？一名自稱曾是CCR（Cross Cultural Romance 異國戀）受害者跳出來，揭露台女與外籍機師的秘密。
指揮中心今日表示，紐西蘭機師在疫調時表示無法回想確切活動史，且並未提及曾與案771接觸，12月21日經警政單位調查案765之活動軌跡，發現案765曾於12月7日至12日間與案771密切往來，故列為接觸者，同日由衛生單位安排採檢，於今日確診。
有網友在PTT發問：密切往來5天是什麼意思？一名自稱曾是CCR（Cross Cultural Romance 異國戀）受害者的鄉民回應表示，「有年在女友桌上敲到1張發票+1張收據：南崁麥當勞店2人套餐，時間晚上11點半，日期就是小年夜前1天。收據是計程車的收據大概2百多吧」。
該鄉民直言：「細節就不談了，結論就是，外籍機師們在南崁是有宿舍的，飛來台灣就立即有台女主動坐車去約會了」。
有人問「跟機師約會還要出麥當勞的錢哦」，原PO回應：「細節太複雜就不談了，錢都是老外出的，只是台女個性有節檢美德收據就放包包惹。結論是他們是網路交友認識的，然後洋機師一來台灣，女的就會去付（赴）約。最後重點4，查了很久最後才知，女的不只一個」。
還有人憤怒表示：「ccr害人不淺，防疫破口兼洨祕密」，原PO也回說「她的小密咪被我知道是因為，3月有天忽然跟我說她有了，帶去產檢，醫生跟我說，確定是小年夜前一天中獎的....跟發票日期一樣...」。
</t>
  </si>
  <si>
    <t xml:space="preserve">近日行政院政務委員唐鳳在日本大受歡迎，因開發了「口罩地圖查詢」以及「鑽石公主號旅客路線圖」，成防疫的關鍵角色，日媒還將他封為「天才IT大臣」。唐鳳謙虛表示，自己只是把政府資料、民間社群的貢獻來進行匯集，最辛苦的是藥師朋友們，「願意把每一天的工作狀況，公開給國人，我覺得非常令人感動、佩服。」
唐鳳於「外獨會」網站中留言感謝大家的關心，指出「匯集的列初版確實是我寫的，也很感謝社群朋友們在設計上的輔助」。但願意使用開放資料的方式來釋出資訊，主要歸功於衛福部，「讓我們在剛開始就有一些具有公信力的運用出來，產生一個資料流的生態系。」
唐鳳說，這樣的做法是一個社會創新，最初是民間社群友人Howard（吳展瑋）在口罩超商販賣的階段就做出這樣的運用，健保署再補上藥事機構的資料，「感謝Google的贊助，吸收了本來超商階段的60萬，以及後續地圖使用的費用。」還有辛苦的藥師朋友們，願意將們每天的工作狀況，實際公開給國人知道，「我覺得這個是非常令人感佩的。」
</t>
  </si>
  <si>
    <t>台北兄弟大飯店傳出一名西餐廳廚師確診，但與廚師有接觸的員工仍無被匡列。北市衛生局表示，目前個案太多、無法追蹤；兄弟飯店低調回應，目前遵從北市府、衛生局等主管機關的調查及回應，廚師確診前即已向飯店請假未前往上班，飯店現正常營業。
對於飯店員工陳情，確診者的接觸者未被匡列恐釀防疫破口一事，台北市副市長黃珊珊昨（5／31）日說明，匡列需經由一定標準判斷，目前只要是確診個案的同住家人一定會被匡列，但未必每位同事都被匡列，接到中央通報確診個案後，健康服務中心就會展開疫調，了解同住家人、工作狀況、發病前足跡，再做匡列。
兄弟大飯店低調表示，目前遵從北市府、衛生局等主管機關的調查及回應，飯店不會再做任何回應，並強調飯店每日都會定時固定進行消毒，請民眾不用驚慌，目前仍正常營運中。</t>
  </si>
  <si>
    <t>第六輪高端預約今中午截止，將在8月23日開打，但有許多民眾仍在觀望，無法下定決心。對此，一名網友認為，大家糾結的主因是目前政策規定不能混打，因此現在選高端豈不是把自己未來的路封死了？貼文引起眾人討論，不少人表示，現在就是不確定有效否，如果三期保護力資料出來是有效的，那大家就會主動預約了。
一名網友昨天在PTT上發文表示，先撇開高端疫苗究竟有沒有效，棘蛋白疫苗的副作用較小，但為何很多人還是不去打？他認為主要的原因是目前政策不能混打，所以現在打高端，以後就一定要打高端。
該網友指出，如果政策改成可混打，也許會有更多人預約，畢竟現在打高端雖不知效果，但優點是副作用小，若疫苗有效那就賺到，沒效還能混打國外的疫苗。而且混打完一劑國外的疫苗，至少染疫後不至於重症，之後若有機會再去國外補打第三劑。
該網友認為，如今選高端就等於是把後面打其他疫苗的路給封死了，一個不確定效果怎麼樣的疫苗，畢竟大家也不是傻子，為什麼要賭上自己未來的機會在上面？
貼文引起網友討論，「根本就不知道有沒有效力，為什麼要打？」、「高端最大副作用，把其他疫苗的路封死」、「三期保護力數據出來我就預約，這麼簡單的道理都不懂」、「真的不知道有沒有效」、「高端保護力資料都生不出來，我為何要放一個來路不明的疫苗進入身體？」
但也有網友認為，疫苗沒有效怎麼可能不開放混打，那打到沒有效或是效果不好的疫苗，不就等死？這有可能嗎？現在打疫苗，如果接種者發生嚴重副作用，也是可以改打其他廠牌的疫苗，沒道理如果疫苗沒效或效果差，政府會不給你補。
另有網友表示，如果疫苗真的沒效就會開放混打其他疫苗，這件事情其實很難說，因為有沒有效果是政府認定的，也就是說如果你們相信政府的審核，那你現在應該已經相信高端了，反之若不信政府的人，也沒理由相信政府未來會給公正的審核。</t>
  </si>
  <si>
    <t xml:space="preserve">新冠肺炎疫情在中國陸續實施封城及閉環管理下，至2月底中國境內新增確診人數似有獲得控制，然中國以外地區於2月下旬陸續出現疫情且感染人數大幅攀升超過中國境內，美、歐以及中東相繼出現社區傳播，衝擊市場信心與全球經濟，使美股大幅下跌影響全球股市投資信心。日盛上選基金經理人張亞瑋表示，在全球央行與政府啟動聯手救市下，可望提供市場支撐，美股走勢何時走穩，將攸關投資人持股信心。
張亞瑋指出，在中國消費性電子供應鏈中，因零組件受員工返工限制、閉環管理下的運輸限制，目前以下游組裝廠開工率最低，預期將影響3~4月產出，部分新品開發亦可能遞延。生產端狀況有穩定改善，物流運輸瓶頸為提升重點。若疫情穩定不再惡化，預估供應鏈將於4月回復正常。
張亞瑋分析，產業方面，持續關注Apple新技術應用，包括MiniLED及剪刀腳鍵盤等，以及需求相較不受疫情影響的資料中心伺服器、5G基站、光通訊等供應鏈。伺服器市場在5G、AI引領之下，推動需求不斷看增，大型資料中心仍將是帶動需求成長的主力，資料中心建置增加，帶動2020年伺服器出貨量成長。根據DIGITIMES預估，2019 年全球伺服器出貨量將小幅萎縮1.4%，2020年反彈回升6~7%，挑戰1600萬台。
</t>
  </si>
  <si>
    <t>英國官方21日公布，英國接種第一劑新冠疫苗的人口超過1,760萬，此外近來單日新冠肺炎死亡數及確診數都見下滑。
官方周日的數據顯示，28天內確診罹患新冠肺炎的人數中，又有215人死亡，但較上周六報告445人病故的數據來得少。全英迄今的新冠肺炎死亡數總計120,580人，然7天平均死亡數降低27％。
英國政府周日稍早也宣布，7月31日之前，所有英國成人將完成第一劑新冠疫苗接種，比預定目標起碼提早1個月，原本預計要到9月才能施打完畢。另外50歲以上的健康成人將在4月15日之前打完第1劑疫苗，也較預定的5月1日提前。</t>
  </si>
  <si>
    <t>新冠肺炎本土疫情趨緩，警戒等級降至2級，台北市立兒童新樂園1日起有條件開放，睽違2個多月，再度迎來大小朋友們的歡笑聲。
為做好防疫，採網路預約制，單日限制1600人進場，開放的15項遊樂設施都要先掃QR Code預約，再依照場次分時分流遊玩，工作人員也會在每梯次結束後仔細消毒。</t>
  </si>
  <si>
    <t xml:space="preserve">
台中市府15日首度對居家檢疫卻擅自離開住居所的民眾開罰外，另針對一名具居家檢疫條件卻棲身布棚搭建的場所，安排至檢疫所進行隔離；民政局長吳世瑋指出，市府接獲通知後，迅速追蹤該名民眾居家檢疫資料並妥適安排隔離，確認民眾目前身體狀況良好，將繼續觀察，嚴格堅守疫情防線。
吳世瑋表示，該名民眾是經小三通入境，負責的區公所里幹事昨日接獲通知，迅速追蹤此民眾居家檢疫資料，先以電話關懷，得知民眾身體狀況良好，隨後就親自現地查訪。
發現民眾居住地點為使用布棚搭建的臨時棲身住所，里幹事隨即通知民政系統、轄區派出所及衛生局，並於當日由衛生局、消防局、警察局、民政局及區公所人員到場，順利協助將此民眾安排至檢疫所進行隔離。
吳世瑋強調，民政系統嚴格堅守社區感染這道防線，新冠肺炎防疫期間，台中市里幹事及里長非常關懷民眾居家檢疫的情形，努力堅守防疫，預防任何防疫缺口的出現，務必讓整體基層防護網更加完整。</t>
  </si>
  <si>
    <t xml:space="preserve">
為了預防新冠肺炎疫情擴散，馬來西亞發布行動管制令，禁止全國各地的大型集會及人民移動，包括宗教、體育、社交及文化活動。不過有19名男女不甩政府管制令，租下公寓大白天開趴狂歡，遭警方逮捕。
雪蘭莪州東南部加影市警方接獲民眾報案，指稱有公寓傳出「震震巨響」。據馬來西亞《中國報》報導，警方3日中午12時30分前往察看，赫然發現公寓中有14男5女，竟然大白天開趴狂歡，喝酒跳舞，立即將19人通通逮捕。
警方初步調查，該間公寓以每日170令吉（約新台幣1200元）出租，這批男女每人各繳約20到30令吉，從4天前便合資租下這間公寓。
馬來西亞警方目前以刑法滋擾公共場合罪，以及傳染病法調查這19人。大馬警方更呼籲：「行動管制期間不要隨意外出，好好留在家！」。
★中時新聞網關心您：飲酒過量，有礙健康！
★中時新聞網提醒您：酒後不開車，安全有保障！
</t>
  </si>
  <si>
    <t xml:space="preserve">民主黨總統候選人拜登在黨內初選時呈現的弱點，在11月的大選決戰中，卻可能讓他贏得勝利。
BBC新聞網29日的分析指出，就在民主黨向左傾斜時，拜登走務實的中間路線，卻是個利多，因為無論是五大湖舊工業區的死硬派保守分子，或是搖擺州郊區的婦女，都不會有威脅感。此外，他無法煽動群眾的情緒，也未必是缺點。
畢竟對許多美國人來說，歷經川普主政時期，被迫夜以繼日接受重金屬音樂式轟炸後，令人迫不及待地想來些輕柔舒緩的背景爵士樂。拜登的溫和是關鍵，微笑幾乎是他的哲學。在充滿黨派偏見，拚命抹黑對手的負面政治中，他很難成為憎恨的對象。當然，他也遠不如希拉蕊那麼兩極化。
BBC紐約特派布萊恩特（Nick Bryant）指出，在他報導美國政治新聞30年的生涯中，拜登是他所見過最黯淡無光的總統參選人，甚至比2016年的傑伯‧布希（Jeb Bush），也就是美國前總統小布希的弟弟還糟。起碼身為佛州前州長的傑伯在說了一句強有力的話時，就算沒人鼓掌，他也會把話說完。
而77歲的拜登在愛荷華州和新罕布夏州的造勢活動中，幾乎不知所云，演說成了漫無目標的獨白。他的思維列車千轉百折，經常脫離軌道。拜登在黨內初選中表現並不出色，原本大家以為，他會黯然退出。然而，他卻堅持下去，在一些他根本沒舉行選舉造勢活動中的州獲勝。
或許正由於他沒出現，才在超級星期二民主黨內初選中頻頻獲勝。而拜登競選團隊從愛荷華和新罕布夏汲取的教訓，就是愈多選民親眼見到他，就愈不可能投給他。拜他的隱形選舉戰略之賜，最後終於獲得民主黨黨內提名。
幸運的是，美國各州因新冠肺炎疫情禁足封城，要求保持社交距離，對拜登反倒是福音。他隱身德拉瓦州的家中好幾個月，變得名正言順，也避免了一些婦女對他「毛手毛腳」的指控。
</t>
  </si>
  <si>
    <t>台股電子股吸金，重量級權值股台積電（2330）、聯電（2303）、日月光投控（3711）、聯發科（2454）等股價頻創高點，資金集中在電子股，傳產光芒不如電子，使得股價評價偏低，台股傳產股大股東紛紛逢低買回持股力挺，以實際行動表達對公司正面的支持。
根據統計，2021年1月台股傳產股中買進持股的大股東有堤維西、大億金茂、泰山、統一、太子、南仁湖、泰博、新光鋼、龍邦、大國鋼、台汽電、鈺齊-KY，其中高權投資同步買回統一、太子等統一集團旗下相關企業。
台新投顧副總黃文清認為，大股東買回持股除了看好自家公司未來營運，也是讓廣大投資者放心，公司營運穩健，同時大股東將流通在外股權逐步買回，也有助於股權集中，每年更有穩定的配息入帳，可謂一舉三得。
南仁湖經營國道服務區與休閒事業，營運因疫情受創，大股東詠瑞禾公司2021年1月逢低買進2,886張。
泰博為額/耳溫槍及檢測大廠，2020年受惠於新冠肺炎疫情題材，額/耳溫槍大賣，業績爆發，推升股價一度達到309元新高，然因新冠肺炎疫情逐步趨緩，最恐慌時期已過，股價從309元高點逐步走低，最低167.5元，高低點跌幅達45％以上。
泰博董事長陳朝旺2021年1月買回自家股票911張，逢低買回持股。市場認為陳朝旺看好旗下新冠肺炎快篩試劑正式於2月加入德國健保醫材供應鏈。
製鞋廠鈺齊-KY因疫情因素，衝擊業績，鈺齊-KY自結2020年全年營收 113.46億元，年減11.66％，毛利率20.99％，年增1.3個百分點，稅後純益8.98億元，年減29.83％，每股純益（EPS）為5.06 元，低於前一年EPS為7.81元的規模。
雖然鈺齊-KY業績走低，但董事長林文智2021年1月買回453張，上個月也買回434張，鈺齊-KY股價前低為101元後反彈，18日收在115.5元，股價獲得支撐。</t>
  </si>
  <si>
    <t>心悅生醫（6575）23日宣布，今年辦理的4億元現增案，在台杉生技基金領投下，已順利募足，該資金將用於執行新冠肺炎SNB011及精神分裂症SND11、12、13三項新藥臨床試驗，估計年底前後，SNB011臨床試驗二期解盲及SND13第二次期中分析的臨床報告。
登錄興櫃以來，首次辦理公開募資的心悅，此次引進專業機構投資人，包括台杉投資、兆豐銀行及永豐創投等。
心悅目前共有精神分裂症、重度憂鬱症、失智症、新冠肺炎領域等八項新藥獲得美國FDA臨床許可，其中，治療精神分裂症的SND12及SND13新藥更獲得美國FDA突破性治療認定。
另外，新冠肺炎藥物PentarlandirR，具有抑制病毒進入人體細胞、抑制病毒複製及抗發炎三大機轉，今年4月已啟動美國二期臨床，開發進度在類似機轉的口服藥物中是領先的，心悅已向台灣TFDA申請臨床試驗，五天即獲得核准。而吸入劑型，預計在年底左右進入臨床試驗。</t>
  </si>
  <si>
    <t>法國總統馬克宏辦公室周三表示，馬克宏上周四新冠肺炎檢測結果為陽性後，健康已持續好轉。他依規定七天自我隔離，期間繼續遠距離工作。馬克宏說自己做為康復者，工作效率有點慢，但仍繼續把包括抗疫和英國脫歐談判等列為優先處理任務。</t>
  </si>
  <si>
    <t>國外有醫師使用已康復者的血清治療新冠肺炎患者，國內會不會跟進採取相同作法？專家諮詢會議召集人張上淳指出，過去大陸也有嘗試相同的辦法，但這種做法較適合在病人數目不多時，有緊急需求上可以考慮的方式，但目前追求的是更先進的做法，用康復者的血清細胞做出抗體，將能更廣泛的被使用。</t>
  </si>
  <si>
    <t>因應武漢肺炎衝擊產業紓困，經濟部擬提出20億元的酷碰折扣（抵用券），行政院發言人Kolas說，抵用券絕對不是人人都有的消費券。PTT網友稱，只有817能超過765、時空背景不同啦！
行政院會今天討論因應武漢肺炎衝擊產業的紓困措施，其中經濟部對內需型產業推出上百億的紓困方案，包括疫情結束後推出新台幣20億元的酷碰折扣（抵用券），刺激消費。
行政院發言人Kolas Yotaka（谷辣斯．尤達卡）解釋，抵用券不是消費券，而是民眾要搭配交通部陸續推出的國民旅遊方案使用，日前的夜市券就是一種例子。必須要能同時刺激住宿、運輸、餐旅業的夜市、商圈、餐廳抵用券。
至於抵用券推出的規模、時機、如何使用；王美花說，抵用券原先是提20億元的規模，但因為整體特別預算才600億元，所以抵用券的部分要細談後，才知道會提多少。
王美花指出，行政院長蘇貞昌同意抵用券的規劃；會在商圈、夜市、餐廳做抵用券，等到疫情緩和後推出；由於目前還在防疫階段，經濟部將會配合指揮中心，看什麼時機推出抵用券，讓民眾出來多消費。
王美花也解釋，抵用券是「消費者消費、政府幫你折價」的概念，要消費才有抵用，「方向是刺激未來更多的消費」；等疫情緩和時，政府將大力推動抵用券。
王美花進一步解釋，抵用券不是面額的概念；她舉例，抵用券比較像消費者去餐廳消費花了1000元，可以折抵100元或200元，折抵的部分由政府負擔，這是初步想法。
至於抵用券是否會採取數位方式，藉此提升行動支付普及。王美花說，抵用券規劃設計過程中也有提出要不要推廣、綁定電子支付，不過仍要考慮中小型企業、夜市、商家的現實狀況，目前經濟部都還在規劃中。
PTT網友稱，「只有817能超過765」、「時空背景不同啦！」「馬蔡本來就差不多」、「蔡英文：消費券是煙火政策」、「那當初是在罵幾點的」、「馬英九不行，英皇可以」、「菸粉又吃了一記悶棍」、「菸粉表示真香」、「吾媓萬歲萬萬歲」！</t>
  </si>
  <si>
    <t>全國疫情指揮中心副指揮官陳宗彥今天證實，今天會有一批疫苗抵達，這批疫苗約24萬劑，因為還在飛行途中，預計下午4點左右抵台，這批疫苗效期是今年12月15日。
目前傳出，先有24萬劑的莫德納就在今天下午會抵達台灣，且下一批41萬劑，而美國捐贈的75萬劑疫苗也是莫德納，可望在月底前送達，因此未來兩週內，陸續將再有140萬劑疫苗抵台。</t>
  </si>
  <si>
    <t>台灣化學產業協會（TCIA）日前舉辦第六屆第五次理監事會議，近40位產學研菁英齊聚一堂。TCIA理事長暨李長榮集團總裁李謀偉表示，今年新冠肺炎蔓延，全球化學業都面臨了艱難時刻，感謝會員廠商提供口罩國家隊所需熔噴PP和PE不織布原料，帶領大家渡過難關。
近一年來，政府許多產業政策都與化學產業的發展息息相關，例如：限塑政策、既有化學品登錄、大社工業區降編等議題，協會都站在服務的立場，努力協助大家一起因應。會中並邀請工研院綠能所所長說明用電大戶綠電條款，希望在配合發展綠電的同時，也能兼顧企業的發展。
會議最後通過日前評選出的「2020年台灣化學產業菁英獎暨產品創新獎」。獲獎名單如下：「傑出領導獎」由台塑石化公司陳寶郎董事長獲得；「卓越研發獎」由「四維創新材料公司」及「國家中山科學研究院化學研究所」的研發團隊獲得；「產品創新獎」由長興材料工業公司「新型水性UV/LED固化材料」及財團法人塑膠工業技術發展中心「蔬果保鮮袋」等兩項產品獲得；所有得獎者將於「2020年台灣化學產業高峰論壇」接受頒獎表揚，同時在會場外展出獲獎產品。
今年新冠肺炎疫情蔓延，但協會仍排除萬難，將於9月2日假台北國際會議中心舉辦化學產業高峰論壇，本次已是化學產業協會連續第17年舉辦，為台灣化學業界年度盛事，主題為「跨業合作，共趨永續」，特別邀請Merck及DSM集團，分享國際級化學企業對永續發展的策略作法。同時透過視訊方式，由加拿大多倫多大學教授Alan Aspuru-Guzik分享AI在化學產業上的應用，以及IHS Markit專家分享COVID-19對化學產業之影響。</t>
  </si>
  <si>
    <t>瑞基（4171）繼1月營收以5,257萬元逆勢創下新高後，25 日宣布，已成功開發二種新冠肺炎病毒檢測試劑，分別適用一般實驗室與瑞基POCKIT檢測平台，即日起即可出貨。由於該試劑約85分鐘即可產生檢測結果，目前已引國、內外業者洽談合作計劃，只是短期內產能仍不足。
董事長劉正忠表示，瑞基開發二種新冠肺炎試劑，一種就是WHO所公告基因序列，用於一般QPCR檢測，另一種則是用於瑞基海洋本身所研發及行銷41國的小型可移動檢測儀器POCKIT系列。該二種不同試劑，靈敏度皆已通過檢核，產品只要置入樣本，85分鐘即可產生檢測結果，靈敏度及準確度與國家級實驗室無異。
除了新冠肺炎試劑外，瑞基在鼠疫的測試上也與大陸疾控合作，只是新冠肺炎爆發，大陸試劑需求急如星火，因此，目前新冠肺炎試劑雖開發成功，但卻面臨試劑及POCKIT機器產能不足的問題。
目前因新冠肺炎病毒檢測試劑已有業者洽談合作，公司表示，將視疫情狀況調整產能。</t>
  </si>
  <si>
    <t>指揮中心指出傳統市場恐是最大的防疫破口，嘉義市、基隆市、高雄市呼籲民眾採身分證字號單雙號分流購物；對於新北市是否跟進？市長侯友宜今受訪表示，每個市場動線、經營方式、場域都不一樣，不管是身分證、門牌號碼還是其他方式，能夠落實才是最重要的。
侯友宜說，新北市168個傳統市場均由自治會，訂定各別的管制作業方式，如果沒有辦法做到就停業，用任何方式分流管控都是好方法，大家一起來就現場狀況做最好的分流管制，做不好就停業。</t>
  </si>
  <si>
    <t xml:space="preserve">台灣新冠疫情延燒，立法院預定5月31日針對紓困條例進行修法審查，如果順利通過，第一波紓困資金在6月4日就可以緊急入帳，其中企業薪資補貼2萬為上限做補助。對此，綠委陳明文加碼呼籲政府，針對受薪階級與勞工，每人每月發放1萬元，連續發放3個月，減緩疫情對民間的衝擊。
陳明文昨（27日）在臉書發文表示，他希望政府直接發放現金，幫助人民度過這一次的疫情！新冠肺炎肆虐，全國的疫情越來越嚴重，自己的服務處接到很多鄉親的陳情，包括勞工朋友、小吃店、攤商、餐飲業者、遊覽車司機、受創產業員工等各行各業，他們表示目前的三級防疫狀態已經讓他們的生活遇到困難。
為了協助民眾度過幾乎沒有收入的狀態，陳明文呼籲行政院，趕快啟動紓困補助機制，針對受薪階級與勞工，每人每月發放1萬元，連續發放3個月，減緩疫情對民間的衝擊，讓大家可以安心在家配合政府的防疫工作。最後，陳明文呼籲嘉義鄉親，沒事少出門，出門工作務必要戴口罩，遵守指揮中心的防疫規範，一起度過這一波的疫情。
因應疫情嚴峻，國發會昨於行政院會報告「紓困4.0」初步原則及方向，行政院長蘇貞昌拍板補助3大原則，包括個人加快、產業加強、貸款加碼，除受影響產業營業減免、企業薪資補貼2萬元、勞工紓困貸款最高10萬元外，比照去年針對個人紓困措施，自營工作者3萬元，中低收入戶加碼4500元。國發會主委龔明鑫表示，若在31日完成三讀，部分相關補助及津貼最快可望在6月4日起發放。
</t>
  </si>
  <si>
    <t xml:space="preserve">中央疫情管理中心證實，一名位於台北市某知名酒店的公關小姐成為確診案例後引起台北酒店業恐慌。據了解，該家酒店算是台北市是老字號的高級酒店，旗下在同一地區有至少4家連鎖店，由於酒店小姐大多屬於經紀公司，常會在支援旗下酒店，甚至派往其他酒店內上班，因此要追查接觸史，影響層面恐擴大。
據了解，台北市衛生局昨(8日)深夜與警方聯合派人前往該店稽查，發現酒客仍絡繹不絕，生意門庭若市，熱鬧的讓稽查人員冒出一頭冷汗。
雖然北市衛生局初步掌握接觸者為21人，但實際狀況恐怕不樂觀。因為一般酒店女公關在上班過程中，除了同事外，一個晚上在同包廂或是坐檯接觸的客人，可能超過人50人以上，若又同時跑好幾家支援，狀況可更糟。
而且公關陪酒時，都被規定一定要有肢體或肌膚接觸，才顯得出服務專業與貼心，因此根本是0距離。萬一有的陪酒小姐還兼營做S(性服務)，後果恐怕更為嚴重。
昨晚消息傳出後，許多近期內前往該店消費的男客已經開始緊張，唯恐萬一衛生局追查到自己頭上，將會引起「家庭革命」的嚴重後果。
</t>
  </si>
  <si>
    <t>台灣新冠肺炎疫情趨緩，疫情指揮中心擬在6月7日擴大解禁，不少境外生關注何時也能解禁進入台灣，教育部長潘文忠今天表示，最快這周就會由行政院召開跨部會會議做出評估，目前教育部提出境外生回台相關規畫，對於國外疫情做評估，後續境外生入台時程採分批安排，但仍待跨部會討論後作最後決定。
潘文忠指出，目前境外生共計13萬人，接獲有學校反映應屆畢業生回不回等問題，但他強調，台灣防疫陣線做得相當謹慎，所以，才能守住這個成果，各國疫情及防疫作為不同，目前全球多國仍處於疫情高峰，我們必須需戰戰兢兢、小心因應。
他說，疫情發生後就啟動安心就學，給予境外生最大彈性，接下來何時解禁，預計這周就會針對全球疫情研判，進一步做出討論。至於今年香港因為反送中、通過國安法政治因素，申請到台灣讀書同學成長6成，教育部目前會請各大學支持，外加名額也會評估各校需求，從原有的1％提高，支持願意到台灣求學的學生。</t>
  </si>
  <si>
    <t xml:space="preserve">巴西總統波索納洛（Jair Bolsonaro）驚傳發高燒至攝氏38度，當地時間6日他戴著口罩告訴聚集在總統府外的支持民眾，自己剛做完新冠病毒檢測，「肺部很乾淨，一切都好」，不過也警告民眾不要靠近他。
上周，巴西總統波索納洛驚傳出現包括高燒38度等新冠肺炎症狀，並且開始服用抗瘧疾藥物羥氯奎寧（Hydroxychloroquine），美國有線電視新聞網（CNN）報導，波索納洛周一赴醫院進行病毒檢測，同時一併檢查了肺部。
波索納洛在總統府外告訴支持群眾，「我剛從醫院回來，我做了肺部檢查，我的肺部很乾淨，好嗎？我也去做了新冠病毒檢測，但是一切都很OK。」
CNN指出，波索納洛是戴著口罩向支持群眾說明，不過他也警告民眾不要靠他太近，「你們不能靠我太近，好嗎？這是對所有人的建議。」
當被媒體問及波索納洛是否有發燒時，巴西總統府發言人麥塞多（Cintia Macedo）回應「沒有接獲相關資訊」，「我們現階段不證實這項訊息」，回答相當模稜兩可。
巴西《聖保羅頁報》（Folha de S.Paulo）報導，波索納洛的新冠病毒檢測結果預計當地時間7日出爐。
CNN日前報導，在結束訪美行程、多名隨行官員確診新冠肺炎後，波索納洛於3月12至17日期間共進行了3次病毒檢測，檢測結果均呈現陰性。
巴西是全球疫情第二嚴重的國家，僅次於美國，根據美國約翰霍普金斯大學（Johns Hopkins University）全球疫情統計，截至7日上午9時，巴西確診病例超過162萬例，逾6.5萬人喪命。
儘管疫情嚴峻，波索納洛仍無視公衛專家建議，不甩防疫社交距離政策，持續未戴口罩出席大型造勢活動，並且和支持者擁抱，甚至鼓勵重啟經濟活動。
</t>
  </si>
  <si>
    <t xml:space="preserve">台灣鋼鐵集團旗下扣件線材大廠春雨(2012)2020年3月自結營收7.54億元，為今年來新高，但較去年同期減少15.95%。1-3月自結合併營收19.37億元，較去年同期減少15.73%。展望上半年，春雨審慎以對，主要是新冠肺炎疫情蔓延之不確定性。
春雨表示，國內對於新冠肺炎疫情尚在掌控中，內銷市場相對穩定，惟春日機械及中國大陸子公司因新冠肺炎疫情影響，致使春雨3月整體營收較去年同期減少。
展望今年上半年，春雨審慎以對。主要是新冠肺炎疫情在全球快速蔓延，增添不確定性，針對台灣外銷及中國市場部分，公司會密切觀察疫情後續發展狀況。春雨表示，大陸地區已陸續復工，產線恢復運作；對於台灣、印尼兩地的內需市場仍維持樂觀看法。
春雨進一步說明，只要新冠肺炎疫情控制得當，來自基建、都更及台商回流潮帶動的廠辦興建需求，仍是拉升相關鋼材產品成長的關鍵動能。在印尼廠方面，因當地建築扣件需求持續殷切，出貨保持順暢。整體來看，目前歐美疫情持續延燒，多處仍有封城或管制人員行動措施，致使客戶備貨轉趨保守，但仰賴台、印兩地內需帶動，將可適度抵銷疫情帶來的不確定性。
</t>
  </si>
  <si>
    <t>新冠肺炎(COVID-19)疫情期間，為了讓使用者能夠了解即時且正確的資訊，微軟(Microsoft)、Google 以及蘋果(Apple)三大巨頭都不約而同推出了新冠肺炎專屬網站。不僅如此，Twitter、Facebook 等社群平台也都優化介面，優先顯示在地公衛機構的網站連結。稍早之前，身為全球搜尋引擎龍頭的 Google，又針對新冠肺炎相關搜尋結果進行了介面優化，期待可以協助使用者搜尋到最完整、正確的相關資訊。
目前，無論是透過 Google 搜尋的桌面端。或是手機端的網頁，進行新冠肺炎相關關鍵字的搜尋，都會主動呈現固定的新冠肺炎警示欄位。以桌面端為例，搜尋畫面左邊會呈現固定的「COVID-19警示」區塊，並且提供「總覽、症狀、預防方法、統計資料」的選項，點選後可以快速搜尋(症狀、預防方法等)。右側的知識圖譜面板，則會顯示目前全球新冠肺炎疫情地圖，還有以確診數排序的資料，並且在全球確診數下方就呈現了台灣地區的確診數，搜尋結果很直觀。且如果持續往下滾動網頁，只要沒有離開第一頁的搜尋介面，左側的新冠肺炎警示，就會持續存在。
在Google 搜尋手機端，搜尋新冠肺炎的話，也會呈現類似的數據。當然因為手機顯示介面較小，無法容納過多資訊。因此，新冠肺炎總覽欄位、援助與資訊欄位、統計資料等內容會依序呈現。且同樣在往下滾動畫面時，最頂端的新冠肺炎警示欄位都會持續存在，且以淡粉紅的顏色顯示，很具提醒效果。
以實際測試為例，上述優化搜尋頁面的呈現方式，凡是搜尋新冠肺炎、武漢肺炎、肺炎、COVID-19、COVID、coronavirus、冠狀病毒、SARS-CoV-2等關鍵字，都會呈現同樣的效果，無一疏漏。
為了防止新冠肺炎疫情在全球持續蔓延，Google、蘋果以及 Facebook 都不約而同了公布了以大數據追蹤人群移動情況的資料，結果顯示如果人群降低移動頻率，確實對於有效防控疫情帶來幫助。而 Google 與蘋果也破天荒合作，將會共同開發應用程式介面(API)，來讓 Android 與 iOS App 之間可以共享部分資料，協助追蹤曾與確診者接觸過的使用者，以期進一步防控疫情擴散。這個 API 預計 5 月釋出，已經有 27 個歐洲國家都表態有意使，但是這項技術可能牽涉到的隱私議題也引發關注，歐盟方面將會深入了解。</t>
  </si>
  <si>
    <t>大陸國務院主辦中央直屬黨報《經濟日報》13日報導，近日，兩家美國製藥公司默沙東和輝瑞接連發布新冠口服藥好消息，因為資料樂觀，被不少人視為新冠「特效藥」研發成功，甚至說這樣的新冠「特效藥」可以成為全球疫情「終結者」，有望幫助我們恢復疫情前的正常生活。不過，抗擊疫情需多管齊下，所謂的「特效藥」目前還遠遠不能取代疫苗、口罩、檢測隔離等措施。對國際巨頭的新冠「特效藥」，可以保持關注、借鑒學習，但切不可神化其功效，更不能因此放鬆疫情防控。
《經濟日報》報導，世衛組織發言人就此問題發聲時，顯然持審慎態度。他表示，世衛組織將盡快開始審查默沙東公司此前提交的新冠口服藥莫納皮拉韋（Molnupiravir）的三期臨床試驗資料，並稱「目前全球仍處在新冠疫情大流行之中」。
《經濟日報》指出，「特效藥」為啥不能擔當疫情「終結者」大任？
首先，「特效藥」未必真的有特效，需等待真實世界資料。
目前，默沙東公司研發的莫納皮拉韋已獲英國藥監局批准上市，成為全球第一款獲批的新冠口服藥。根據三期臨床試驗資料，該藥將住院或死亡的風險機率降低了約50％。輝瑞公司研發的口服抗新冠藥物Paxlovid尚未獲批，但其三期臨床試驗資料更好，能將輕、中症且存在基礎疾病的新冠肺炎患者住院或死亡機率降低89％。
但是，臨床試驗一般是在較短時間內，對一小部分選定人群進行研究。判定「特效藥」是否真的有「特效」，臨床研究資料當然重要，不過最終還要看真實世界的治療效果，現在就得出「有效」結論為時過早。等一段時間，看看西方國家的真實療效，看看大規模人群應用中是否出現嚴重副作用，再做評判不遲。
《經濟日報》表示，其次，「特效藥」性價比（CP值）並不高，將影響其普及性。
西方醫藥巨頭的這些「特效藥」，價格非常高。有媒體透露，莫納皮拉韋每個療程定價約為705美元。與「特效藥」相比，新冠疫苗同樣可以將住院或死亡機率降低九成左右，但價格要便宜得多，是更為經濟、更易普及的選擇。
《經濟日報》稱，再次，從切斷傳染病大流行的策略講，防大於治。
在新冠疫情已經全球大流行、病毒還在流行中變異的今天，少數人獲得救治是不能終結疫情的。新冠口服藥不能預防感染，只能減少住院和死亡風險，不會像新冠疫苗那樣幫助阻斷社區傳播。因此，新冠口服藥只是抗擊疫情的有效工具之一，而全球抗疫重點仍應放在做好常態化防控、提高疫苗有效率和接種率上。</t>
  </si>
  <si>
    <t>週二，烏克蘭衛生部公共衛生中心代理負責人庫辛（Ihor Kuzin）對說，烏克蘭已確認首起新冠狀肺炎的病例。
路透社報導，庫辛表示，患者曾去過義大利，他經羅馬尼亞轉機，在2月26日返回烏克蘭。在機場，曾進行了體溫檢查，一切正常。不過由於他去過冠狀病毒的高風險國家，因此被命令隔離。
兩天後，出現咳嗽症狀，在週六前往西部城市切爾諾夫策(Chernivtsi)住院，被確診感染新冠肺炎。
衛生部副部長維克多·萊亞甚科(Viktor Lyashko )隨後在記者會上說明，這名男子目前病情穩定，至於他的妻子，也在家中處於自我隔離狀態。
萊亞甚科說，昨天有4例新冠病毒疑似病例，今天這一起得到證實。所有的體檢樣本被轉發到WHO病毒學實驗室。
新冠肺炎在中國大陸已有趨緩的徵兆，但是在大陸以外的傳播，似乎還處於高速擴散，各國家的機場也正在加大對旅行者的檢查，以遏止感染速度。</t>
  </si>
  <si>
    <t xml:space="preserve">新冠肺炎疫情遲遲未趨緩，若染疫也只能靠自身免疫力戰勝病毒，醫院只是提供支持性療法。大陸工程院院士、抗疫專家鍾南山，建議吃雞蛋、牛奶2種食物增加免疫力、補充蛋白質，平時不妨多吃，早餐更是不能少了它們。
大陸《Lily美食談》報導，84歲的鍾南山老當益壯，持續在一線工作崗位奮戰，他光是早餐，他一人就吃光2顆柳橙、一碗红豆粥、一塊加了奶酪的麵包、雞蛋、牛奶麥片。且特別重視雞蛋和牛奶這兩樣食材，對提升免疫力很有幫助，是早餐不可或缺的食物。
鍾南山提倡「早好午飽晚少」的飲食理念，早餐以奶豆蛋蔬果為主，要吃最好；午餐吃肉魚蛋豆為主，要吃得飽；晚餐要吃少一點，以五股食物類為主。
</t>
  </si>
  <si>
    <t>日盛投信日盛基金經理人楊遠瀚今（14）日表示，新冠肺炎短期受到控制，但仍需觀察病例變化與城市封城、復工狀況，全球景氣原處於緩步回溫狀態，惟新冠肺炎疫情將衝擊中國內需、製造業，並可能影響全球經濟，短期數據可能受創，幸好中國積極注資支撐股市與經濟，廠商2月上旬也逐漸復工，但由於封城與疫情仍嚴峻使回工率偏低，電子供應鏈仍亂，消費也受衝擊，廠商2、3月營收受害大，惟若疫情未再顯著惡化，則最壞情況已過，訂單目前仍未消失而遞延的機率高，可趁震盪期間布局後續產業趨勢明確、產品期待性高的相關個股。
楊遠瀚指出，產業方面可留意包括Macbook鍵盤剪刀腳設計，2020年改款陸續推出；資料中心建置增加，server需求也回溫；Mini Led， 下半年Apple將開始採用，產業將開始起飛；CIS供需吃緊，IC、封裝受惠；iPhone 11淡季備貨優於預期，iPhone 12換機潮期待；Intel、AMD、Nvidia新平台、新顯卡及美日的新款遊戲機將陸續推出；供給受限、需求改善的上游受惠族群如被動元件、記憶體；5G基地台仍處快速增長期，100G/400G升級趨勢，光通訊正向看待；遊戲股為新冠肺炎下的防禦族群，挑選2020年將推出大作的族群。</t>
  </si>
  <si>
    <t>大陸國務院聯防聯控機制在17日召開的新聞發布會上，中國工程院院士王軍志發布一項重要進展稱：大陸新冠病毒的疫苗科研團隊已開始招募受試者。王軍志表示：「大陸目前已有疫苗研發進展較快的單位，同時向國家藥監局遞交臨床試驗申請的材料，並且已展開臨床試驗方案論證、招募志願者等相關工作。目前等待國家藥監局按照有關法規批准後，就會開始臨床試驗。」
王軍志表示：「應該說，大陸新冠疫苗研發的進度，在目前總體上位在國際先進行列，不會慢於國外。」
王志軍說，疫情初期大陸就成立科研攻關組，以最少的時間將疫苗研發工作納入到五大攻關方向，並予以定向優先支持。按照滅活疫苗、基因工程重組亞單位疫苗、腺病毒載體疫苗、減毒流感病毒載體疫苗和核酸疫苗等5條技術方向，並遴選8個團隊全力進行疫苗研發。
預計在4月底，能完成流感病毒載體疫苗的臨床前研究。</t>
  </si>
  <si>
    <t>勤業眾信（Deloitte）聯合會計師事務所23日舉辦「勤業眾信消費產業2021零售力量趨勢與展望OMO虛實整合全通路」線上論壇，面對新冠肺炎帶來的產業衝擊，台灣企業應投入數位資源整合全通路，以緩和疫情期間下滑的業績，並從中建立消費者信心。
針對2021年的零售產業，勤業眾信提出「加速數位化、強化供應鏈韌性、提高健康安全意識及優化企業營運模式」四個發展方向，零售業者應思考如何建構核心能力，並活用各個通路建構新零售模式來應對多元化的消費行為，將會是在後疫情時代中脫穎而出的關鍵。
勤業眾信消費產業負責人謝明忠表示，疫情改變人類的工作、學習和消費型態，而消費產業也隨著金流支付、線上線下整合及數據分析等創新工具與系統發展，帶出前所未見的商業模式及新價值，創造出「無接觸經濟」之概念。
台灣2020年的經濟逐漸自疫情中復甦，經濟呈正成長，成長率也突破3％，但消費行為已明顯受到疫情影響產生變化。2020年消費者透過網路購物的比例增加，網路銷售額年增率達到17.5％。
勤業眾信風險諮詢服務部資深執行副總經理張益紳指出，過去傳統零售業數位轉型時，聚焦於客戶體驗和資料收集以建立互動通路、取得信任和品牌忠誠度。
但面對不斷變革的消費者行為，張益紳建議，零售業的市場策略應從「產品、地點和通路」轉至24小時全天服務，並以消費者體驗做為基石，打造全方位的新競爭模式。
勤業眾信聯合會計師事務所管理顧問服務部協理辜卓洋指出，在疫情的影響下，消費者行為的轉變帶動了市場進入「以客戶為中心、精準溝通和多管道、全場域」的新零售模式，也形成了競爭者M型化的樣態，以擁有及分析顧客資料而繼續長大全通路、一站式的大型零售商與以追求特定消費客群、高度客製化產品為主的「微商」業者同時活躍於市場。
在數位趨勢下，零售業者可利用APP、客戶資料及消費軌跡等資訊，精準地在不同管道做連結及導購，有效縮短與顧客的距離，也貼近顧客的時間及生活。但除了科技得應用與商機的取得，業者應該在導入科技工具之前，謹慎思考策略或商業目的，並且認真看待科技導入之後的獲利狀況，包括資源分配、人力投入、以及通路經營力度等實際效益。</t>
  </si>
  <si>
    <t>新冠肺炎從開始出現明顯疫情，至今已將近半年，對於這種完全新的病毒，疫苗進展如何？何時可以上市？是不是人人都要打？上海復旦大學附屬華山醫院感染科主任、上海市新冠肺炎醫療救治專家組組長張文宏教授，接受陸媒訪問時一一回應。
張文宏說，新冠肺炎疫苗大陸已經走在前面，而且是幾條線路齊頭並進，有的已經進入二期臨床研究。美國也有疫苗開始進入二期了。到底哪個效果好，還要評估它的不良反應，抗體滴度、保護性，還有安全性、阻斷成功率等綜合起來才能判斷。
安全第一 不怕淪白老鼠
我們會不會成為疫苗的白老鼠？張文宏指出，加快研發疫苗進度，不代表放棄對它的療效跟不良反應的評估。就算你想做白老鼠，流程都不可以。安全有效是底線，絕對不能突破，再著急也不能突破。
疫苗為什麼做出來了，現在不能馬上打？張文宏解釋說，就是因為盡快加快了審批流程，但不能降低它的品質，不可以降低對疫苗的要求。肯定是完成了三期臨床研究，安全後再給老百姓打。
新冠疫苗是不是人人都要打？張文宏表示，取決於幾個數據：第一，不良反應有多大；第二，它的保護率有多高；第三，當時全世界的疫情有多高；第四，病死率會降到什麼樣的程度。
每年都打？ 概率偏低
新冠疫苗需要每年都打嗎？他說，如果這個病毒沒有發生大的突變，不需要反復接種。但是談論這個事情為時過早。對於新冠疫苗以後怎麼打，先把它弄出來，弄出來以後再來解決將來是不是需要每年都要打。現在看起來，每年都要打的概率偏低。
常陽患者 仍具傳染性
常陽患者會不會傳染？張文宏表示對新冠常陽，他不是特別同意，因為武漢病例大概是在1月出來的，現在才3個月，3個月一般不認為是常陽，國際上對於慢性攜帶的狀態要長達6個月才算常陽，但是如果3個月到6月一直出現陽性，也會充分關注。
第二，所謂的常陽，特別關注這個是活病毒還是死病毒，查到核酸不代表是活病毒，還有很多科學的東西要做。他覺得關於防控不需要過於糾結，現在所謂的常陽、慢性攜帶，在科學上還沒有確鑿的依據來證實它，對整個人群目前不會造成特別大的影響。
什麼是「常陽患者」？是否具有傳染性？專家表示，這部分患者可能沒有呼吸道症狀，CT（電腦斷層掃描）影像明顯吸收後，持續陽性時間比較長。若患者體內存在活病毒，那麼理論上仍有傳染性。最終能否轉陰、是否可能長期攜帶病毒還需進一步研究。
24日，武漢新冠肺炎重症病例清零。據大陸國家衛健委醫政醫管局監察專員焦雅輝介紹，常陽患者只是核酸一直不轉陰，但已無需治療。
常陽患者是否具有傳染性？北京世紀壇醫院感染科副主任醫師苑曉冬介紹，要看患者體內是否存在活病毒，如果有，理論上仍有傳染性，只不過症狀不明顯者，一般傳染性較弱；如果只是死病毒，會在一段時間內自然代謝掉，不具傳染性。這種陽性會持續多久還沒有標準，參考流感病毒，一般轉陰不會超過一周。
為什麼會出現常陽患者？大陸中央指導組專家、呼吸感染與危重症專家童朝暉介紹，針對常陽這一現狀產生的原因，目前還在研究觀察。既往對其他病毒的研究發現，高齡、合併較多基礎疾病、使用激素的患者，轉陰時間較長。苑曉冬分析，轉陰時長與患者自身免疫反應有關。</t>
  </si>
  <si>
    <t xml:space="preserve">蘋果發布全新iPhone 12款新機，惟繼嬌生疫苗喊卡後，又有美國跨國藥企禮來盤中宣布暫停新冠治療後期試驗，整體消息面多空交雜，台指期今開漲21點、電子期開漲1.6點，金融期則相對偏弱，開盤後小跌約0.6點，目前仍在月線下高檔橫盤整理，台股關鍵支撐落在12700上下50點，近期應偏向高檔震盪或震盪走高。
在台指期淨部位方面，三大法人淨多單增加2005口至8234口，其中外資多單加碼且空單減碼，淨多單增加1941口至31069口；十大交易人中的特定法人全月份台指期淨空單減少2583口至-15028口。
現現階段台股各均線逐漸形成多頭排列，目前在10月8日多方跳空缺口未跌破下，仍有利於盤勢。
永豐期貨表示，目前市場觀望氣氛濃厚，周二價跌量縮，短期仍為震盪格局，隨著營收及第三季財報公布，具基本面支撐的個股為首選。
</t>
  </si>
  <si>
    <t>行政院長蘇貞昌昨日上午邀集立法院民進黨團成員會面，針對振興五倍券討論，會中定調全民免支付1000元，可免費領取五倍券，並規劃「數位加碼」系統，預計10月上路，《中時新聞網》依照目前規劃整理5大重點，包括發放時間、紙本券、數位券，以及可使用範圍等。
●誰可以領五倍券？
五倍券採不排富的普發方式，且不需支付1000元，全民都可以免費領取。
●五倍券面額多少？
紙本面額初步規畫為5張200元、2張500元，及新增3張1000元面額，但仍在討論階段，目前細節尚未定案。
●五倍券發放時間？
依照本來的規劃是9月中下旬，但相關措施仍要視疫情而定，因此估計最快於10月推出。
●五倍券使用範圍？
全國實體店家、攤商皆可使用，包括餐飲、百貨、零售、夜市、旅遊與藝文業等，也可繳納學雜費，不過非消費用途，如水電費、罰單、勞保費、健保費、國民年金保險費及繳稅等，皆不在適用範圍。
至於電商部分，PChome、momo及蝦皮皆不適用，僅有特定電商能使用，規劃比照去年三倍券模式，預計會列出「電商白名單」。
●五倍券發放形式？
發放方式預計依循去年三倍券模式，分為紙本及數位兩種。欲領取紙本券的民眾，可攜帶健保卡至郵局領取，或是至預定平台預購，於4大超商、全聯、美廉社、屈臣氏及康是美等超市藥妝等通路也可領取。
為提升民眾使用數位券意願，目前初步規劃研發五倍券App供民眾下載使用，並使用獨立QR Cord、獨立帳戶提供辨識，讓民眾可比紙本券享有更多優惠。另外，經濟部除了要推出數位加碼，為方便民眾領取，將健保卡插入讀卡機，或超商事務機認證身分後，進行家戶綁定，全家人的數位券即可集中於一人帳戶一次領。</t>
  </si>
  <si>
    <t xml:space="preserve">內政部長徐國勇下午為雲林北港朝天宮除疫息災梁皇大法會開香，對於因新冠肺炎疫情遭隔離者卻四處趴趴走，他強調，視同通緝犯及重大刑案嫌疑犯，下令警方全面搜尋。
徐國勇由朝天宮董事長蔡咏鍀及立委蘇治芬等人陪同，一起跟隨法師誦經跪拜，替全球祈安，希望疫病快遠離。
針對連續有居家檢疫隔離者失聯，徐國勇說，違反居家檢疫隔離到處趴趴走的失聯者，視同通緝犯及重大刑事案件的嫌疑犯，已指示警察機構積極全面尋找，例如3名失聯的香港遊客，警方只花了3小時就找到人，並送檢疫所強檢疫。
徐國勇強調，對自己負責就是對社會與國家負責，有被傳染新冠肺炎疑慮者，自我隔離是保護自己，也是保護他人，居家檢疫或隔離的人不要趴趴走，配合相關政策，社會會更安全平和。
</t>
  </si>
  <si>
    <t xml:space="preserve">大陸一線防疫醫護人員頻傳確診死亡案例，為了保障醫謢人員健康，提升其免疫力，武漢市新冠肺炎疫情防控指揮部今天（21日）明確提出，一線醫護人員工作10天休息不少於2天、醫療隊員用餐標準每人每天200元（人民幣，下同）、按照人均6000元標準發放一次性慰問補助等多項政策待遇。
隨著各省巿派出的200多支醫療隊、3萬多人抵達武漢，武漢市新冠肺炎疫情防控指揮部援漢醫療隊接待協調組日前印發《關於進一步加強援漢醫療隊服務保障工作方案》，詳細規範醫療人員的、衣、住、行與津貼發放等事宜。
包括每餐提供葷素搭配的盒飯和新鮮時令水果，用餐標準每人每天200元；配備取暖器、電熱毯、暖手寶等物資，提供牙刷、牙膏、毛巾等個人生活常備用品，及時解決隊員理髮等生活需求；完善一線醫護人員值班、輪休等制度，每個班次結束後，合理安排休息時間，原則上每工作10天，休息不少於2天；根據各援漢醫療隊工作需要，安排專人專車值班，確保隨叫隨到；對於援漢醫務人員按照人均6000元標準發放一次性慰問補助。
為盡可能向援漢醫療隊提供較好的食宿、出行條件，《工作方案》也指定各區防控指揮長作為第一責任人，親自研究動員、親自走訪看望、親自協調解決重大問題，切實把援漢醫療隊服務保障工作作為重大政治任務。
</t>
  </si>
  <si>
    <t>端午節將至，北高雄家扶中心連續17年為經濟弱勢家庭舉辦親子慶端午的活動，除了民眾的小額捐款外，還有榮譽主委柯男烈伉儷捐助的50萬慶端午基金，讓今年活動不受疫情影響，也讓弱勢民眾備感溫馨。
北高雄家扶中心15日說，此活動的草創源起，是義工聽到了弱勢兒童想要吃粽子的心聲，但家長表示：「家裡沒有錢可以買粽子」，這令義工感到心疼，進而發起義工隊一起出錢出力，包粽子送給弱勢家庭，至今逾2000戶家庭受惠。
今年的活動，由上任的主委陳明和伉儷響應支持，贊助包粽子所需的所有糯米，而義工隊中有許多夥伴及親友團捐助花生、香菇、粽葉等食材，以及小額捐款，集合大家的力量，再一次成就活動。
陳明和14日特地到場勉勵義工夥伴，並與大家一起包粽子，將心意包進粽子裡，期盼家庭收到的不僅是粽子，還有滿滿的溫暖與祝福。</t>
  </si>
  <si>
    <t>行政院會今（23）日通過新冠肺炎防治及紓困振興特別預算追加預算案，追加1500億元、將預算上限自600億元增加至2100億元，全數以舉債支應。其中，以經濟部編列預算追加774億元、勞動部追加310億元、衛福部追加198億元、交通部追加131億元較多。
行政院長蘇貞昌表示，新冠肺炎疫情蔓延全球，追加預算案今日通過後，將立即送請立法院審議，明（24）日將至立法院進行報告並備詢，請相關部會妥為準備，積極與立法院溝通協調，早日通過該追加預算案。
蘇貞昌表示，由於疫情對經濟及產業衝擊態勢嚴峻，在追加預算案尚未通過前，依特別條例第11條規定，相關經費報經行政院同意可先行支付部分經費，請各部會積極辦理相關紓困工作。
主計總處表示，此次追加編列1500億元預算後，各部會編列總預算依序為經濟部979億元、衛福部368億元、勞動部310億元、交通部299億元、農委會55.4億元、文化部40.2億元、教育部23.5億元、其他機關合計10.2億元。
其中，經濟部追加達774.4億元最多，包括辦理製造業、商業服務業與會展產業等薪資及營運資金補貼383億元，企業貸款融資保證及利息補貼等212億元，刺激國內民眾消費措施等111億元，以及補貼營業用水電費65億元。
而首波紓困振興計畫中未編列預算的勞動部，此次追加編列310.2億元，主要為辦理勞工紓困貸款利息補貼10億元，以及受疫情影響的自營作業者及無一定雇主勞工生活補貼300億元。
衛福部追加編列198億元，包括發給醫療機構與相關人員獎勵及津貼、接受隔離及檢疫者與其請假照顧家屬防疫補償金等71.4億元，徵用及採購防疫物資35.5億元，加發關懷弱勢生活補助41.3億元，辦理病患隔離收治、集中檢疫場所維運及增設等23.8億元等。
交通部追加編列131.3億元，包括辦理受疫情影響的旅行（宿）業、觀光遊樂業、計程車、遊覽車與客運業等薪資及營運資金補貼96.1億元，擴大補貼航空業及機場業者降落費、土地房屋使用費、權利金及貸款利息等23.2億元，海運及航空業者貸款利息補貼6.5億元。
其他部會預算追加編列狀況，尚有文化部追加32.2億元、教育部追加23.5億元、農委會追加19.9億元、財政部追加5億元、內政部追加3.7億元、通傳會（NCC）追加1.6億元。</t>
  </si>
  <si>
    <t xml:space="preserve">中央流行疫情指揮中心專家諮詢小組召集人張上淳22日分析目前台灣確診個案，指出19日時唯一一例使用呼吸器的個案，後續有出現併發症而重新戴上呼器，今日則正式宣告順利脫離呼吸器；此外，最後二例使用葉克膜案例中，其中一例死亡，另一例也已順利脫離。
張上淳表示，最後2例使用葉克膜，前一例不幸過世，另外一例則順利解除葉克膜，9成以上的個案都出院，還在住院的人越來越低。張上淳指出，最後2例當中的1例，與確診個案接觸病史，隔離期間出現症狀，去醫院就診確診，住院以後出現衰竭，很快就裝上呼吸器，後來又裝上葉克膜，使用33天，現在離開加護病房了，5/11脫離呼吸器，目前逐漸康復中。
對於解除隔離的時間，張上淳表示，住院到解除隔離，中位數要25天，因為我們採取比較高的標準，因此會讓天數看起來比較長，專家小組目前正在考慮是否需要調整政策。
</t>
  </si>
  <si>
    <t xml:space="preserve">章子怡與音樂人汪峰結婚5年，今年初湊得一個「好」字，在美國迎接兒子報到，沒想到時隔不到半年，章子怡今(5/18)於微博宣告正式復工，曝光一天的工作行程，足見即使身為國際巨星又天生麗質，產後要回歸幕前，都需要相當嚴苛的自我要求。
章子怡今在微博宣告生完二胎後光速復工，並拍攝影片曝光一整天的工作歷程，首先因為疫情仍在，章子怡及團隊工作時仍嚴格量體溫及消毒，她的服裝噴了酒精還經過高溫熨燙，連化妝用品都是全套新的，防疫相當到位。
特別的是，章子怡帶了瑜珈墊上工，工作時飲食也讓工作人員驚嘆，因為她表示不吃飯，吃燕窩就好，拍攝廣告的空檔也不休息，在瑜珈墊上做足了1分半的平板支撐，還抓時間關心老公、孩子吃飯問題，一結束工作馬上趕回家照顧新生兒，行程緊湊而嚴苛。
章子怡復工，也問候同樣產後返回職場的媽媽們，並分享困惑，「鬆弛的肚皮要瘦回去，不間斷的備奶，沒有整夜覺的疲憊」，表示以自身來說，體能恢復是最困難的，為了快點回到目前，她每天認真運動，深知邊帶孩子邊工作的媽媽相當不容易，「辛苦，但沒有選擇！帶娃、修身、工作，缺一不可，一起加油吧！」。
</t>
  </si>
  <si>
    <t>台灣昨爆一例本土，為中研院P3實驗室的研究人員，初判是11月操作實驗時，不慎被老鼠咬到而感染，推估感染的病毒株是Delta，目前已匡列85名接觸者。毒理學專家招名威表示，令人匪夷所思的是，個案明明是被Alpha老鼠咬到，怎麼感染的是Delta？而且個案男友採檢結果竟是陰性，這也很離奇，讓人好奇男友到底是打哪牌疫苗。
招名威昨天在臉書發文表示，被老鼠咬到到底會不會確診新冠肺炎？令他匪夷所思的是，明明昨晚新增的本土個案（案16816）已完整接種兩劑莫德納，然後被Alpha老鼠咬到，最後卻感染Delta？怎麼看都覺得好像哪裡怪怪的，雖然指揮中心說，個案操作過多種病毒，但研究人員的男友是陰性，也是非常離奇，很想知道男友是打哪牌疫苗？
招名威指出，可能實驗室的SOP有問題，像是明明被特殊老鼠咬到了，為何沒有在第一時間通報？搞得民眾誤以為台灣的實驗室是不是都在亂搞什麼？
招名威坦言，只要是念過生科領域的人都知道，P3等級的實驗室可不是泛泛之輩，因為國內也不過只有18間P3實驗室而已，而且不是實驗室想稱自己是P3就可以是，要被稱之為P3是有一定程度的標準的。
招名威解釋，P3實驗室全名為生物安全第三等級實驗室（Biosafety Level 3 Lab），也稱作防護等級三Protect3（P3）實驗室，能操作很多第三級危險群微生物或高濃度、具高度氣膠擴散危險的第二級危險群微生物的實驗室，包含炭區桿菌、SARS，不僅須設置高壓蒸氣滅菌器等外，實驗室還需具負壓定向氣流，以免病原菌外洩。
招名威也說，P3實驗室操作過的所有物品移出都必須進行除污，實驗室研究人員須受過專業訓練，在人員操作規範上，除了會管制實驗以外人員進入外，實驗人員需要穿戴長袖且正面不開口之防護衣、手套、鞋套，以及 N95 口罩，視情況甚至需穿戴呼吸防護裝備，不論著裝或卸裝也都有一套SOP，非常嚴謹。
招名威透露，在嚴謹的情況下卻還能確診，非常不尋常，再加上Delta到底從何而來，這也是非常離奇的事。總之，應該要以「最壞的打算、最嚴格的處置」來對應這次的狀況，希望大家操作試驗都小心謹慎一點，不要再有第二個這種狀況再爆出來了。</t>
  </si>
  <si>
    <t>新冠肺炎疫情嚴峻，其中「隱形缺氧」因事前無任何徵兆，且致死率高，讓不少民眾瘋買血氧機方便檢測。近日有一名男子在網路上購買了3台血氧機，測試女兒的布偶娃娃，竟然也有血氧、心跳，令她氣得大罵難怪一堆人隱形缺氧，「無良商人一定會下地獄」，對此，奇美醫學中心加護醫學部主治醫師陳志金也教大家3步驟分辨真偽。
一名男子日前於個人臉書分享，前陣子在網路買了3個血氧機放在家裡，以備不時之需，等了好一陣子後，終於到貨，他興沖沖地將電池裝上後，立刻將手指放入其中測試，電子面板顯示血氧98、心跳72，他立刻拿給太太監測。
豈知，女兒為了好玩將血氧機夾布偶的耳朵，竟然測到血氧88，且還有心跳，讓他當場傻眼，再測試了3次結果都一樣。他趕緊上網查看當初購買的網站，才發現受騙，欲哭無淚地表示，難怪一堆人隱形缺氧，用到假的血氧機，無論怎麼監測都會是98，「無良商人一定會下地獄」。
對此，陳志金醫師也在臉書教大家辨別血氧機真偽3步驟，首先，只有活人的手指才會有訊號，非生命體是沒有訊號的，若將筆夾入血氧機內，仍然可看到血氧和心跳2個跳動的數字，就是假貨。
第二，心跳的數字會隨著監測人靜止或運動後而大幅變化，兩者的數字差異不大，就是假貨；最後，監測者閉氣後，血氧數字會出現典型下降，如果血氧沒有明顯下降，或者下降情況不典型，就是假貨。
陳志金表示，開始閉氣時的血氧達98%，34秒後血氧就會降至95%，恢復呼吸後血氧仍會持續掉至81%，待心臟把血疫送到指尖需要時間，因此會漸漸再回升至99%，不過他也警告有心血管或肺部疾病患者請勿嘗試。
★《中時新聞網》提醒您：因應新冠肺炎疫情，疾管署持續加強疫情監測與邊境管制措施， 如有疑似症狀，請撥打：1922專線，或 0800-001922， 並依指示配戴口罩儘速就醫，同時主動告知醫師旅遊史及接觸史，以利及時診斷及通報。</t>
  </si>
  <si>
    <t>關於醫護人員的防疫津貼，不只照顧病人的醫師、護理師，中央流行疫情指揮中心指揮官陳時中今（9）日表示，包括清潔工、檢驗師等參與防疫的人員都有一定比例的補助，詳細辦法最快明天公布。
對於新冠肺炎防疫的第一線人員的補助，政府擬發「防疫津貼」，陳時中曾經在立院答詢指出，目前規劃加護病房不管醫師、護理人員等給予1天1萬元的風險津貼。
到了3月8日陳時中進一步表示，由於醫護人員面臨高風險工作，因此醫護人員因照顧病患而感染者，可以補助35萬元。
針對醫護人員的補助，今（9）日陳時中說，這2天討論的是根據振興紓困特別條例相關編列的預算，如何適當補給個人直接照顧病人或醫療機構，相關費用的分配至少要有一定比例要給參與防疫的人員，包括清潔工、檢驗師、放射師等。
這些醫護人員的補助金額來源，陳時中指出，就是政府規定醫院拿了多少錢後，要從中拿出一定比例補給其他人員，至於多少比例會在明天定案。
這些補助的規畫主要是傳染病防治法對於因為照顧病人而染病，就要從染病、重傷到死亡等不同程度的的給付分配。</t>
  </si>
  <si>
    <t>原定7月24開幕的2020年東京奧運會，受到新冠肺炎疫情影響而被迫到明年，雖然東京都在24日當天放煙火祈禱疫情能盡快過去，但已建蓋好的場館卻是異常冷清，甚至還傳出雜草叢生，讓外界不禁感慨萬分。
本應是全球注目焦點的東京奧運會，沒想到卻因為疫情肆虐全球導致這場盛會會落得如此下場。眼看著世紀疫情還沒有趨緩的態勢，不少專家認為東京奧運恐怕無法如期在明年舉辦，就連日本高達7成的民眾也不看好。
根據日本媒體報導，國立競技場(田徑)在封館的狀態下周邊人煙稀少，東京體育館(桌球)、代代木體育館(手球)更是連奧運的五環標誌都沒有掛上。位於東京都江東區的有明ARINA場館(排球)自今年2月開館以來，也只辦過幾場音樂會。但隨著疫情爆發，如今這裡被寫著「安全第一」的牌子包圍了起來，外人根本無法隨便出入；至於舉行BMX賽車項目的場館裡則是雜草長得比人還高。
當前疫情籠罩的東京都絲毫感受不到奧運會的氣氛，就連銀座與東京火車站等人潮眾多的地點也看不到奧運會相關宣傳標語和旗幟。
1960年東京奧運讓日本成功復甦，進而走向快速成長的道路，相隔64年東京再次取得舉辦奧運的權利，沒想到新冠肺炎打亂了日本想要再創奇蹟的夢想，還有可能一舉重挫日本經濟，來回之間猶如天壤之別。</t>
  </si>
  <si>
    <t>國內疫情居高不下，台灣科技大學傳出1名學生確診。台科大校長顏家鈺發布校內信，向教職員生表達，今(28)日進行宿舍與校園徹底消毒，強調校方會以最慎重的方式，採取各式因應的相關措施，並進行校內疫調，確定需匡列人員，協助進行隔離。
顏家鈺在信中表示，台灣已升級至全國第三級防疫警戒逾1周，確診個案遽增，疫情仍嚴峻。校內有1位學生，已接獲衛生單位通報為確診個案。此學生雖為本校住宿生，但疫情發生期間，大多數的時間都住在校外。學校配合衛生單位進行校內疫調，確定需匡列人員，協助進行隔離。
顏家鈺提醒校內教職員生務必注意自身健康狀況，戴好口罩，若有接觸到公共區域的物件如電梯按鈕、門把等務必要勤洗手。現階段盡量避免外出移動，防疫期間學校已經全面改採線上授課，請老師同學們儘量不要來校園，儘量減少人與人的接觸，防堵疫情擴散，用具體行動共同守護台灣。
顏家鈺說，由於疫情情勢變化很快，請大家務必從官方管道和學校防疫相關公告了解正確的防疫資訊與消息，遵守各項防疫規定，若有任何健康狀況或疑問，請不要緊張或驚慌，和官方單位聯繫，並遵從相關指示和後續安排。
顏家鈺指出，防疫期間還請大家忍耐，共同維護學校的安全。透過每一位的努力，我們才能有更安全的校園，也才能共同抗疫，讓台灣更快且安全度過此次疫情。
顏家鈺強調，台科大會持續針對疫情有各項對應措施，不論是遠距教學、居家辦公、異地辦公，或是繼續加強校園人流管制與消毒，面對疫情，若有不安或恐懼，我們也啟動相關諮商輔導、關懷機制，請每一位同學、老師、同仁們保持正向抗疫，大家攜手努力，期能平安度過。</t>
  </si>
  <si>
    <t>大陸境內新冠肺炎官方統計數字，確診已破8萬例，武漢市宣布共要建30間以上的方艙醫院，收治輕症患者。近日有醫生、病患相繼表示，院內伙食非常好，甚至有「甲魚」可以吃。不過大陸網友看了之後大驚，認為甲魚應屬「野味」，由於政府已經禁止食用野生動物，也引起熱議。
一名大陸網友在微博貼出方艙醫院的便當，表示有小白菜、紅燒牛楠和蘿蔔，還有主菜杏鮑菇燒甲魚，她並開心寫下「我們被政府強制隔離的人，是不是比在家快要斷糧的你更有口福？」一名關姓醫生也貼出便當影片說：「方艙醫院伙食不錯，有甲魚吃啊！」
不過由於新冠病毒一開始被懷疑是由華南海鮮市場的野生動物傳播出來，大陸政府已明令不可食用野味，再加上方艙醫院的伙食是由專業營養師設計，竟然還會出現甲魚，也引起網友熱烈討論。
許多網友直言「不要吃甲魚」、「甲魚這麼貴，不可能吧」、「甲於在廣東被列為野味，不給賣了」、「恐怖」、「無知者無畏」。不過許多網友說「湖北甲魚算不得什麼」、「那海鮮不都是野生的嗎」、「養殖甲魚在湖北菜裡很常見」、「甲魚也算野味？我們逢年過節必吃」、「人工養殖也算野味？我真服了」。
更多 CTWANT 報導</t>
  </si>
  <si>
    <t>保險局10日才宣布新醫療險保單可以對法定傳染病取消或縮短等待期，國泰人壽11日就宣布，即日起對10張現售住院醫療險以批註條款方式，取消法定傳染病的30天等待期，保戶不必再額外付費，先前已投保且還在等待期的保戶，直接進入保障期。
國壽應是新制後第一家針對新冠肺炎取消醫療險等待期的公司，其他如富邦人壽、新光人壽也將陸續推出類似的新保單或批註條款。
不過，國壽這個針對法定傳染病取消現售醫療險等待期的批註條款，初步只開放到6月30日，之後再視新冠疫情狀況，調整開放期，若未延長，則7月1日之後投保的保戶，就會恢復所有疾病都有30天的等待期。
國壽取消等待期的10張住院醫療險，包括安安醫療終身險、超安心住院醫療終身險、漾安心住院醫療終身險、三高鑫安定期健康險、康愛無憂住院醫療終身A型、Hen健康定期健康險、心安逸一年期定期住院日額健康險、新永健住院日額健康險附約、大心住院醫療健康險附約、新真全意住院醫療附約。
另外，富邦人壽11日也強調，為關懷保戶，所有個人險有效契約保戶，若在5月底前確診新冠肺炎住院治療，若是醫護人員，則富邦人壽額外致贈5萬元慰問金，若不是醫護人員但是醫事人員或衛福部、疾管局、各地衛生局的防疫人員，且因負責新冠肺炎疫調、檢驗、管控追蹤等工作，罹患新冠肺炎者，則富邦人壽給付慰問金2萬元，其餘非屬防疫人員的確診新冠肺炎保戶一律給付6,000元慰問金。
由於是壽險、醫療險、意外險等保戶都適用，即強調沒有用慰問金促銷保單的意味，只是純關懷保戶。而富邦人壽對所有個人險保戶只要確診新冠肺炎，就致贈慰問金，則是所有壽險公司關懷措施中「最大方」。</t>
  </si>
  <si>
    <t>中央流行疫情指揮中心今(10)日公布國內新增263例本土個案，確診個案中新增28例死亡，連日以來確診死亡數皆為雙位數，目前致死率仍高於全球平均2.16％。前疾管局長、現任陽明大學教授張鴻仁指出，分析台灣死亡個案有3種情況，其中「直接死在家裡」最嚴重，代表防疫措施跟不上病毒擴散，必須擴大篩檢才行。
張鴻仁日前在公視節目中指出，死亡個案可以分為3種情況，這3種情況也能反映出不同的防疫缺口。依嚴重程度，第一就是「找都還沒找到就直接死在家裡」，這類感染者未能接受醫療收治，便在家中身故，顯示防疫部署追不上病毒，需要擴大定點普篩的量能，儘快找出感染者給予適當治療。
第二種是「來不及收治而死亡」，這顯示雖然已經找出感染者，但醫療量能不足、資源不夠，無法立即給予救治的情況，通常發生在疫情初期，應變方式如陳時中部長之前執行醫院降載，讓輕症患者先出院的做法。
最後一種是「收治後仍死亡」，如果這類情況最多，就得檢視臨床診治上的不足，例如藥物不夠等問題。
張鴻仁也說，要降低感染致死率，必須把三種狀況的缺口都補齊，接著再納入患者的年齡、慢性病等因素計算死亡率，如果計算出來與全球各國數值相近，就代表將缺口補足了。</t>
  </si>
  <si>
    <t>中央流行疫情指揮中心今天公布嘉義市新增2例及1例校正回歸案例，共3例本土案例，分別是案6548、6549、6550，1男2女年齡介於40多歲至70多歲，3例都是與親友接觸而感染，案6549是昨天確診的案6104的家人。
嘉義市長黃敏惠今天下午3點直播公布嘉義市新增的3例本土個案足跡及接觸史，案6548為50多歲女性，5月16日曾與北部友人接觸，5月23日得知北部友人確診且自己也出現疑似症狀，因此主動聯繫嘉義市衛生局安排採檢，5月27日確診。18到20日曾到7-11湖子內門市、南山人壽、共和市場、小三美日、光南大批發、新宏祥藥局、種杏中醫診所及超頻電腦3c量販，停留都約10-30分鐘，外出全程有戴口罩。目前各地已清消完成，匡列接觸者1名家人已列入居家隔離。
案6549為案6104的家庭接觸者，為案6104的40多歲母親，無相關症狀，5月25日採檢，27日確診，接觸者3位（均為家人）居家隔離中，相關涉足地點與案6104相同都已清消完成。
案6550為70多歲男性，因工作關係於5月17日及21日分別接觸北部及中部的同事開車外出洽公，且一起用餐，5月23日因同事確診，5月24日本局接獲其他縣市衛生局轉介通知，立即安排採檢且列為居家隔離，21上午在嘉義市先期交通轉運中心搭乘客運北上，當天又搭乘客運從三重南下至嘉義轉運站，匡列接觸者1名家人已列入居家隔離。
黃敏惠也公布台中市確診個案6100，於5月17日自台中搭乘自強號139車次抵達嘉義車站，並由親友開車接送返家，已確診後收治醫院治療，並匡列接觸者2位（均為家人）居家隔離。
黃敏惠表示，民眾應從自身做起，避免縣市之間的移動，嘉義市政府也積極研議、爭取各項紓困措施，盤點相關資源，包括減稅、租金減免、安心上工延長等11項措施。</t>
  </si>
  <si>
    <t xml:space="preserve">新冠肺炎疫情重創美國，死亡人數27日正式跨過10萬大關。儘管各州逐步解封，重開經濟，但先前各種防疫、封鎖限制導致百業蕭條，失業人口暴增。據勞工部28日上午公布的前周（5月23日為止的當周）新增的申請失業救濟金人數，達212萬人，也就是說，10周累計申請失業補助的人口，已經正式突破4千萬大關。
這數據比前一周的244萬人略降，是自3月以來連續第3周降到3百萬以下，也是連續第8周下降；另外，數據也與財經網站MarketWatch經濟學家估計的212萬持平。10周以來，累計已有4094萬人丟掉工作，換算等於每4個人就有1個人申請失業補助金。
3月疫情在美國大爆炸後，申請失業救濟金的人數就扶搖直上，其中3月底甚至衝到690萬人。
</t>
  </si>
  <si>
    <t>因應新冠肺炎疫情不只未降溫且有升溫跡象，2月25日開學在即，各校開啟防疫大作戰，繼昨天邀集各區中心學校校長代表針對「上學期間」、「訪客到校」等不同情境做體溫量測實際演練，今起３天於各分區辦理共9場學校實際演練，供各校觀摩辦理，因應實際狀況修正流程，為迎接開學日做好準備。
目前大校反映擔心上學尖峰時間量測體溫會造成交通打結，另外也擔心學童發燒、家長未必能第一時間接走，各校因應防疫也增派人力進行分道分流防疫作為，招募人力不無壓力。
教育局長鄭新輝說，目前已制訂「校園防疫須知」及「防疫手冊」，明列校園應有防疫措施作為，內容包含防疫組織建立、學校師生追蹤、防疫物資整備、校園環境管理、校園門禁管制、強化衛教宣導、緊急通報作為等七大項措施，並訂定相關標準作業流程供學校遵循。
教育局表示，開學後相關防疫措施如出入口管制量測體溫、每日進行環境清潔消毒、落實教職員工生「生病不上課不上班」等。每日學生到校，將分道分流進行體溫量測，如有疑似發燒學生則由護理師接續複檢及後續處理。
校外人士若有進入校園之需要，也要配合校門口測量體溫並配戴口罩，並至訪客會談區，不可直接進入辦公區或教學區。
目前學校額溫槍除了各校自備以外，教育局已每9班增補1支，加上後續教育部撥補之額溫槍，預估各校至少每5班會有1支額溫槍，校方也將結合導護人員、志工及行政人員量測學生體溫，可加快測量體溫作業。
新冠肺炎，台南</t>
  </si>
  <si>
    <t xml:space="preserve">目前跟隊友戈貝爾都已宣告從新冠肺炎病情痊癒的爵士明星射手米契爾，29日公開自己確診前夕到隔離至今的內心煎熬過程，米契爾除了坦承自己在等待檢驗結果出爐的那一晚，只睡了短短25分鐘，更承認自己確診過後，曾有可能死亡念頭。
時間回到3月12日這天，爵士來到奧克拉荷馬客場面對雷霆，這是一場攸關季後賽排名的重要賽事，沒想到在跳球前夕就被喊卡，當時保全人員衝進場內，讓米契爾感覺就像特勤人員保護總統一樣，接著他們就被告知戈貝爾確診消息。
爵士全體隊職員就在奧克拉荷馬市直接被隔離，米契爾透露，在隔離6到7小時期間，他跟隊友打牌消磨時間，大約只睡了25分鐘左右，畢竟他很擔心自己可能確診，沒想到隔天一大早，他真的確診了，這讓他非常困惑，因為他很健康。
「我從未出現過新冠肺炎症狀，現在也沒有，那是最瘋狂的，你可以出門逛街，看到面帶微笑的人們，突然之間你確診了，其他人也確診了，」米契爾說，「我確實想過可能因為新冠肺炎死亡，卻很感激那些替自己與隊友檢驗的醫療人員。」
最後談到自己隔離的生活，米契爾表示自己仍跟家人住在一起，大家卻要戴上口罩，且保持一定的接觸距離，不過更讓米契爾受不了的是，身為第一批確診新冠肺炎的NBA球員，人們會不斷跟他提出各式各樣的問題，讓他感到很瘋狂！
</t>
  </si>
  <si>
    <t>疫情指揮中心日前證實，國內有3個批號、共7萬劑的莫德納疫苗即將在8月6日到期，又以北市1萬多劑最多，如各縣市政府尚未安排接種計畫，將在本月28日前收回，提供教師等第7類專案對象接種。陳時中今天強調，經過一天和地方政府確認，都掛保證一定會在效期內用完，因此不會隨意介入、回收，等地方真的打不完，再來啟動備案。
剩下七萬默德納疫苗，日前指揮中心發言人莊人祥表示，指揮中心預計在7月28日前，將各縣市尚未安排施打計畫的量收回至中央，供教師等第7類專案對象接種，屆時收回多少即期疫苗，就會再配送相同分量的新疫苗，提供地方政府為公費對象及第二劑接種使用。
今天包含診所醫師林應然在內，呼籲不要再回收，因為疫苗運送過程中恐怕會壞掉，建議直接讓醫護人員可以混打或是比照一到三類人員間隔28天就接種來解套。
陳時中今天表示，讓剩餘的疫苗放到過期是不被允許的，需要有完整規劃以防萬一，因此昨天一天和地方政府再三確認，地方都回報說，一定會積極催促接種，且保證會在效期把原本納入計劃中的對象都打完。
陳時中說，地方政府都有完整計畫，我們也再三確認，也確認超過一周，大家都可以在比較近的時間算比較清楚，在可以打得完的情況下不用啟動備用計畫，但我們還是每天都會維持密切聯繫。一但計畫和他們計劃不同，需要中央來消化使用以免過期，「我們就會啟動備用計畫。」
至於備案是什麼？陳時中說，就是一直問、天天問，隨時盤點地方是否有按照計劃進行，他也坦言，疫苗不會無緣無故收回，也要避免移動疫苗才不會報銷，所以需要中央地方合作，每天問，看需要什麼幫忙。</t>
  </si>
  <si>
    <t>中國工程院院士鍾南山、李蘭娟昨出席新冠疫情防控經驗國際線上分享會。鍾南山警告，如果一些國家控制不了疫情，會給全世界帶來災難。他還說，「我有點擔心美國即將發生的情況，美國的問題將是全球的問題，聯邦政府必須要採取更激烈的、更強有力的舉措。」
當被問及現階段最擔心的事情時，鍾南山表示，「我現在擔心，疫情在一些國家擴散很快。過多的病人會給醫療系統帶來巨大的負擔，沒有床位、沒有醫療設施、沒有專業人士，這會造成惡性循環。」他續稱，如果一些國家控制不了疫情，會給全世界帶來災難，沒有哪個國家能夠置身事外。
李蘭娟則表示，發現和控制傳染源是疫情控製的最大的挑戰。傳染源一旦控製了，就相對容易控製疫情。同時，防止進一步擴散、減少危重症發生、減少病死率也同樣值得注意。此外，兩位院士均表示，戴口罩、維持一定距離非常重要。</t>
  </si>
  <si>
    <t>109學年度全國學生表演藝術類競賽原訂3月舉辦決賽，教育部以衛福部立桃園醫院發生疫情為由決定停辦，讓認真練習且甫通過預賽的孩子們感到無奈；學生家長17日向市議會國民黨團陳情，懇請教育部給孩子證明自我的機會。黨團書記長陳振顯說，希教育部收回成命，讓決賽恢復舉辦。
台中市一群原訂參加3月全國學生表演藝術類競賽的學生家長，17日拜會國民黨團，由黨團書記長陳政顯接見，教育局長楊振昇作陪。
家長代表說，109學年度全國學生表演藝術類競賽，去年11月已經舉辦過團體組、合唱團與管協樂團的初賽，通過初賽獲得決賽資格的學生們都很珍惜全國比賽的機會；但教育部卻以衛福部立桃園醫院發生疫情為由決定停辦，這讓學生、老師與家長們都很錯愕。
陳政顯接受家長陳情後指出，看著來陳情的家長感受到他們的焦急與無奈，心疼努力認真練習的孩子們，他們持續不斷的努力練習，要的只是一個證明與比賽的機會。
陳政顯說，去年度因疫情突發已經停辦１次，教育部經過１年的時間，在「超前部署」下，理應做好萬全的準備，可以因應各種新狀況的發生；但教育部卻以鴕鳥心態，讓這些孩子們的心血輕易被抹煞，教育部高官們隨意取消的作為，根本就是在打臉超前部署。
陳政顯強調，防疫非常重要這當然是絕對的，但透過落實各種防疫措施的情況下，甚至戴上面罩來比賽，決賽真的不能舉辦嗎？停辦只能是唯一選項嗎？懇請執政的中央政府教育部的高官們，不要抹煞孩子們努力與家長的用心？趕緊收回成命，讓決賽恢復舉辦。</t>
  </si>
  <si>
    <t>擔憂新冠肺炎疫情持續擴散，美國股市連兩天賣壓湧現，拖累道瓊指數連續兩個交易日大跌近2千點，美國總統川普為此大為震怒，直批衛生官員的警告嚇壞了投資人。
美國疾病控制與預防中心（CDC）免疫和呼吸系統疾病中心主任Nancy Messonnier周二警告，疫情可能會在美國境內造成社區傳播，這是遲早會發生的事，提醒民眾要有最壞的心理準備，屆時學校可能會停課，以及取消大型聚會活動等。
但CDC的這番示警，顯然川普並不知情。華盛頓郵報引述消息人士指出，川普對美股周二大屠殺相當生氣，由於擔憂美股進一步大跌，川普警告助理們，不可揣測疫情可能造成的影響。
美股繼周一大跌超過千點後，周二再度狂殺近900點，其中一大原因就是衛生官員表示，新冠肺炎可能會在美國出現社區傳播。</t>
  </si>
  <si>
    <t xml:space="preserve">美股受新冠肺炎疫情單日確診人數攀升，選情膠著影響連日修正，台股周五同樣收黑116.57點下跌0.92%，收12,546.34點，成交量1,972.64億。富蘭克林華美投信認為，受美歐新冠肺炎疫情單日確診人數再攀高，加上美國總統大選前市場觀望氣氛濃厚，美國股市持續修正，影響台股拉回整理，建議不妨持續觀察，留意逢低進場的機會。
操作策略上，周書玄建議，看好電子產業的趨勢不改變，但因新冠肺炎疫情似乎有捲土重來的情況，部分國家重啟封城與隔離狀態，對於居家隔離、居家上班所需要的工具例如筆電、網通、伺服器與顯示器等仍有表現機會；此外，由於上半年的疫情經驗，目前醫療水準於可掌控的範圍之內，死亡率並不至於攀高，而居家健身器材、自行車、航運、電商等仍然可留意。
富蘭克林華美第一富基金經理人周書玄認為，面對這波新冠疫情Covid-19再度擴大，仍然會影響不少商業活動運行，歐美地區部分國家如法國、德國已下令暫時關閉部分商場與店家，重啟居家隔離政策，將再次衝擊各國經濟表現。市場除擔憂疫情惡化之外，加上美國總統大選下周11月初啟動開票，盤面觀望氣氛濃厚，資金出現暫時停看聽的觀望態度。
進一步觀察，周書玄也分析，科技產業新趨勢不變，前三季受疫情影響居家隔離，如:桌上/筆記型電腦、網通雲端、伺服器等表現不俗，搭載英特爾/超微高速運算的新晶片規格之伺服器新產品第四季將上市，也預告明年這塊市場應用，表現將淡季不淡，但短線股價漲多仍有高檔賣壓，建議投資人不妨可趁拉回修正時，逢低挑選具業績成長支撐者。
</t>
  </si>
  <si>
    <t>日本政府25日制定因應新冠肺炎疫情擴大的基本方針，包括一般醫院也要接受感染新冠病毒的患者；民眾出現發燒等症狀時要請假，避免外出；症狀輕的人原則上居家靜養等。日本全國知事會則對中央政府至今的防疫措施感到不滿，認為不該讓地方政府瞎子摸象。
鑽石公主號19名台籍旅客21日返台，接受2次採檢後，入住檢疫所集中檢疫。醫福會執行長王必勝表示，昨日早晨出現一名發燒個案，考量鑽石公主號危險性高，已安排對方入住負壓隔離病房並進行採檢，結果今出爐。
截至25日，日本新冠肺炎確診累計達862例，其中691例為公主號郵輪乘客和工作人員。此外，又一80多歲乘客送醫不治。據報導，國際奧委會（IOC）委員可能5月決定東京奧運是否舉辦。</t>
  </si>
  <si>
    <t xml:space="preserve">台中34歲洪姓男子在防疫期間化名「KN Aug」、「Na Kina」、「Ar ch」在網路臉書平台社團上PO文販賣口罩圖利，在收取買家訂金後，卻遲不交貨，經被害人向台中市政府警察局第三分局報案，警方12小時內鎖定他並在彰化找到洪男並將他帶案偵辦，未料他竟稱出現疑染疫腹瀉症狀，檢警為謹慎起見立即送醫採驗，並啟動隔離偵訊。
台中郭姓民眾4月12日向台中市第三分局報案，指稱於網路臉書上之台中拍賣二手區等社團上看到洪男以每1盒(50個)100元，PO文販賣防疫口罩，遂與洪嫌約定面交取貨，但洪男面交時，收取被害人訂金並開立收據交被害人後，就利用話術拖延交貨，進而封鎖被害人，讓他求償無門。
警方受理後立即組專案小組派員偵查、蒐集相關證據，並在檢察官指揮下，持拘票於當日12日11時40分，在彰化縣彰化市長安街查獲洪嫌到案，併帶回台中住居所扣得犯案用手機2支、收據本1本、台新台幣2200元等贓證物帶案偵辦。
專案小組調查，洪嫌利用此手法，已於網路上詐騙被害人20人以上。由於洪嫌到案自稱有腹瀉情形，檢警為謹慎起見，立即送醫採驗，並啟動隔離偵訊規定，與地檢署透過LINE軟體同步遠端進行視訊偵詢，檢察官在偵查庭內遠距與分局連線視訊完成複訊程序，並移請法院聲請羈押獲准，檢警偵辦與複訊、法院羈押庭訊等，全採取遠距視訊方式完成法定程序。
洪嫌自3月1日起，利用臉書社團平台，在大臺中市各二手拍賣社團PO文販賣口罩，行詐騙之行為，被害人應為數不少，本案已在檢察官指揮下擴大清查，請被害人勇於出面報案。警方也藉此呼籲，非法銷售口罩是觸法的行為，口罩屬於防疫物資，嚴禁囤積、哄抬價格銷售
，違者可處五年以下有期徒刑，得併科新台幣五百萬元以下罰金，民眾千萬不要以身試法。
</t>
  </si>
  <si>
    <t>指揮中心日前宣布，明年1月1日起，全國26種從業人員須完成兩劑疫苗接種，遭民眾反應政策太倉促。指揮中心發言人莊人祥表示，本次規範的類別，都是我國自三級降為二級時就有訂出的復業指引，當初就有規範第一劑疫苗接種須達六至八成，認為在一定基礎上要達標較為容易，而非倉促拍板。
莊人祥表示，目前全國疫苗接種覆蓋率，第二劑已突破六成，加上先前開放的24類人員，都是從三級降到二級準備復業時就有提出指引，要求至少接種一劑疫苗達6至8成才能復工，若沒有則必須每3到7天進行一次採檢，因此有一定的基礎，所以才決定要在元旦來實施。
莊人祥說，而昨天新增的一、二、三、七類，以及殯葬、監所的部分，這類人員的第一劑與第二劑涵蓋率都非常高，超過九成，也是目前認為在現有基礎上比較容易達標的族群，才會選擇來實施，並非倉促實施。</t>
  </si>
  <si>
    <t>疫情來襲，許多家長擔憂密閉空間容易感染，因而將假日郊遊行程轉移至戶外空間，其中高雄市立壽山動物園寓教於樂皆具，佔地廣大寬闊，變成家長防疫期間的「遛兒」第一首選，假日平均前來參觀人數高達3千多名，讓小朋友邊玩邊學，拉近與大自然的距離。
雖然疫情尚未緩解，但每逢假日家長總是希望多帶學孩子出去走走，增進親子感情，屬於室外空曠又富有教育價值的壽山動物園成為首選之地，根據園方統計，若天氣好假日2天，可能會有近萬人湧進動物園，真正影響入園人數的反而是天氣部分。
營運股股長謝忠麒表示，疫情多少還是有些許影響，但不是特別顯著，加上動物園是戶外空間，原本要帶孩子們到其他密閉場館參觀的家長，反而會改至動物園遊玩，相形互補之下近期來動物園的民眾並沒有下滑，反而下雨天遊客人數會大大減少。
儘管如此，為了全力防止疫情進入動物園，園方每天都會做定期消毒，特別會在公共廁所、圍牆、欄杆等民眾可能接觸的地方做最更深入的消毒工作，也宣導民眾戴口罩、勤洗手，入園前也派人在入口處量體溫，防疫工作相當嚴謹。</t>
  </si>
  <si>
    <t xml:space="preserve">中國大陸宣布全面禁食野生動物後，引發龜鱉養殖業反彈。對此，中國農業農村部昨天緊急發出通知，將中華鱉（甲魚）與烏龜列入水生動物管理，這也代表甲魚與烏龜今後在大陸還是可以養殖食用。
據《中央社》報導，大陸官方認定武漢肺炎疫情起源於食用野生動物。中國13屆全國人民代表大會常務委員會2月24日表決通過一項決定，宣布將在「野生動物保護法」的基礎上，擴大法律調整範圍，確立「全面禁止食用野生動物」的制度。
深圳人大常委會官網隔天公告「深圳經濟特區全面禁止食用野生動物條例（草案徵求意見稿）」，祭出最嚴「禁食令」，並在草案說明強調，經人工繁育、飼養的龜、甲魚、蛇、鳥、昆蟲等野生動物，也具有不小的疫病傳播風險，無法保證食用的安全性，因此也將上述動物排除在可食用動物範圍之外。
但是官方這種「一刀切」政策，卻嚴重衝擊相關水產的養殖業生計，尤其是龜、甲魚、牛蛙這類餐桌上常見的兩棲動物，是否也在禁止之列，引發爭議與反彈。
報導引述《中國經營報》報導指出，近日廣東省龜鱉養殖行業協會、湖南省龜鱉產業協會、杭州市龜鱉行業協會等行業協會在網上發文呼籲，懇請深圳市人大常委會勿將龜鱉列入禁食行列。農業農村部主管的中《國水產雜誌社》也指出，2018年大陸中華鱉養殖產量31.9萬噸，產值逾人民幣300億元，從業人員幾十萬。中華鱉養殖產業鏈上下游總產值達數千億元，大陸20幾個省份都有養殖。
文章強調，中國人工養殖食用龜鱉已有7000餘年的歷史。根據目前龜鱉類流行病調查結果來看，沒有從龜鱉類動物體內分離到冠狀病毒的報導，更沒有發現龜鱉類水產動物與冠狀病毒有任何直接聯繫；也沒有任何實驗可以證明，冠狀病毒可從龜鱉類回傳至哺乳動物。
對此，大陸農業農村部4日緊急發出通知將中華鱉、烏龜等列入水生動物相關名錄的兩棲爬行類動物，按照水生動物管理，不列入全面禁食野生動物的範圍內。
</t>
  </si>
  <si>
    <t xml:space="preserve">美聯社指出，美國東岸新英格蘭地區已經成為全美各州的防疫典範，該地區6個州超過60%民眾至少接種過1劑疫苗，即便當地擴大疫苗接種順位的速度較慢，但是專家指出當地政府更專注在讓脆弱族群優先施打疫苗，現在疫苗接種率甚至超越全美平均。
美聯社指出，美國新英格蘭地區（New England）成功對抗新冠病毒的經驗或許能夠成為其他州的典範。新英格蘭地區一共包含緬因州、新罕布夏州、佛蒙特州、麻州、羅德島州、康乃狄克州等東岸6個州。
以麻州為例，麻州衛生官員上周才宣布州內沒有一座城市處於新冠高風險狀態，羅德島州的新冠住院數降至8個月來新低，佛蒙特州、新罕布夏州過去7天的平均每日新冠死亡數降至不到1人。
波士頓布里翰婦女醫院（Brigham and Women's Hospital）急診醫師佛斯特（Jeremy Faust）表示，5月底陣亡將士紀念日（Memorial Day）後他才意識到，新冠肺炎已經不再是他工作的重心，因為2次值班他都沒有遇到新冠患者。當地最繁忙的波士頓醫學中心（Boston Medical Center）也是同樣狀況，急診護士拉巴貝拉（Kerry LaBarbera）說同一個周末她只遇到2名新冠患者，她描述過去一年半來就像經歷了龍捲風，為了活下去拚命堅持，然後就克服了，她說現在感覺像是「剛剛發生了什麼事？」
美聯社指出，新英格蘭地區成為防疫典範在於當地疫苗接種率更高，尤其6個州的居民，至少接種過1劑疫苗的比例全部都超過60%，讓當地新病例、住院數、死亡數快速下降。這個數字高於全美的50%，更遠高於南部由阿拉巴馬州、路易斯安那州、密西西比州等組成的深南部（Deep South）州，當地只有35%民眾接種過1劑疫苗，
根據《紐約時報》（New York Times）追蹤的疫苗數據，新英格蘭6州佔全美完整接種疫苗比例前6名，全部超過50%，目前全美完整接種疫苗比例為42%。
前美國疾病管制暨預防中心（CDC）主任佛利登（Thomas Frieden）指出，新英格蘭地區做對了一件事是：它擴大疫苗接種資格的速度比美國其他地區還要慢，但是它更專注在讓脆弱族群施打疫苗。
Boston.com報導，除了第一線醫護人員之外，麻州將街友收容所、監獄等列為第一順位接種名單，比高齡長者還要前面，多數州民甚至直到4月才有機會接種疫苗。
除此之外，耶魯大學公共衛生學院（Yale School of Public Health）流行病學系主任柯博士（Dr. Albert Ko）表示，整個疫情期間，新英格蘭地區的主管機關聽從公衛專家建議，將防疫置於經濟發展之前，也有助疫情降溫。他說新冠散播初期，當地疫情真的非常嚴重，那段經歷在當地居民心中留下了很大印記。
儘管新英格蘭地區疫苗接種率名列前茅，但是布朗大學（Brown University）公衛學院院長吉哈（Ashish Jha）仍提醒「工作還沒結束」，貧困區域的疫苗接種率仍低，還有種族不平衡問題，需要加把勁。
目前全美每日平均新增確診數約為1.5萬例，平均新冠死亡數降至約430人，據約翰霍普金斯大學（Johns Hopkins University）全球疫情統計，目前全美累積確診人數超過3,337萬人，死亡人數將近60萬人。
現在新英格蘭地區的醫院已經開始處理其他疾病患者，即使新冠病例下降，但是醫院繁忙不減，因為疫情延後醫療照護的患者一波波返回醫院。
</t>
  </si>
  <si>
    <t>大陸經濟原本受到中美貿易戰的干擾，已呈現成長趨緩態勢，如今再遭逢新冠肺炎風暴的侵襲，更讓大陸經濟成長拉警報。為了穩增長，大陸各省市也卯盡全力催動公共工程建設（大陸稱鐵公基）上路，透過大量政府投資，帶動民間資金向前衝。據估計，包括雲南等7個省市，這次不惜下血本，整個投資規模高達近25兆（人民幣，下同）。
恒大集團首席經濟學家任澤平也在2日發文表示，啟動「新」一輪基建，關鍵在「新」，要用改革創新的方式推動新一輪基礎設施建設，而不是簡單重走老路，導致過剩浪費和「鬼城」現象。未來「新」一輪基建主要應有四「新」，就是新的地區、新的主體、新的方式、新的領域。要在補齊鐵路、公路、軌道交通等傳統基建的基礎上大力發展5G、人工智慧、工業互聯網、智慧城市、教育醫療等新型基建，以改革創新穩成長。
雲南領頭投5兆人幣
《第一財經日報》報導，在新冠肺炎疫情衝擊和經濟下行壓力下，多省分最
近密集推出龐大投資計畫。
不僅如此，推出新一輪大規模基建的呼聲也在不斷成長。雲南省是這新一輪基建的領頭羊，規模也最大，高達5兆規模，預計2020年計畫完成投資4400多億元。
繼雲南之後，河南省也公布今年要力推的建設計畫，總投資3.3兆元，今年計畫完成投資8372億元，涵蓋了產業轉型發展、創新驅動、基礎設施、新型城鎮化、生態環保、民生和社會事業六大領域。
中西部春節前已發布
福建省發改委同時公布了今年重要建設計畫達1567個，總投資3.84兆元。其中在建規畫有1257個，總投資2.97兆元，年度計畫投資5005億元；預備項目310個，投資0.87兆元。
事實上，早在春節前，四川、重慶、陝西和河北等省分都陸續公布當年度重大建設計畫。其中，四川省推出700個規畫，總投資約4.4兆元，年度預計投資6000億元以上；重慶市重大計畫有1136個，總投資2.6兆元，年度計畫完成投資3476億元；陝西省重點項目600個，總投資3.38兆元，年度投資5014億元；河北省重點專案536個，總投資1.88億元，年計畫投資2402億元。</t>
  </si>
  <si>
    <t>新北市長侯友宜今（25日）上午視察新店集中檢疫中心並慰問檢疫中心的醫護人員、房務後勤人員，關於北市傳出施打疫苗後的牙醫師染疫及確診者年輕化趨勢，侯強調，不斷篩檢才能夠有效的控制疫情，所以社區篩檢、企業篩檢、居家篩檢都希望市民出來篩檢，「不怕確診高只怕你不出來，大家一起來篩，找到隱形的傳播鏈！」
侯友宜表示，新北市從一開始在整個篩檢的量就是全國第一，不斷的篩檢，不斷希望能夠把隱形的傳播鏈找出來，所以新北市設的40處的社區篩檢站，幾乎90％以上找到無症狀確診者，目前已經找到了1100多個，陽性率大概平均是1％。
無症狀者如果不趕快找出來，其實在社區的傳播就會大肆地往上，讓市民染疫的機率提高，所以篩檢再篩檢、不斷的篩，絕對是新北市從一開始到現在的方向，所以也不斷的篩才能夠有效的控制疫情，所以社區的篩檢、企業篩檢、居家篩檢，所有的篩檢都希望市民朋友大家出來篩檢，讓這個篩檢找出可能還有社區的隱藏的黑數，「不怕確診高只怕你不出來，大家一起來篩，找到隱形的傳播鏈，及時控制疫情不要擴散。」</t>
  </si>
  <si>
    <t xml:space="preserve">國內疫情延燒，繼企業快篩開放後，中央疫情指揮中心指揮官陳時中首度鬆口開放居家快篩。前民進黨立委郭正亮表示，陳時中是牙醫出身，對醫療產業不太熟悉，但他質疑，衛福部不可能沒人知道這些事情，但為何這些聲音沒有被聽到？郭正亮還擔心，是不是有人沒把訊息告訴陳時中？
郭正亮今(13日)在政論節目《新聞大白話》中表示，陳時中知道醫療資源緊張，很多人抱怨，他要急著講自己有做，「事實上阿中部長是牙醫出身，我跟他認識很久，他以前就是牙醫公會理事長，他對醫療產業一定比較不熟，因為每個人術業有專攻」，比如他之前到立院備詢開放居家快篩時，槓上時代力量立委邱顯智，說沒人來申請。
郭正亮指出，有人在臉書上講，香港賣的快篩試劑是台灣製的，所以怎麼會說台灣沒有？後來我們去查，食藥署通過的快篩試劑，得到台灣執照的，就有10幾家，台灣的快篩試劑廠商一堆。
郭正亮認為，衛福部不可能沒人知道，問題是這個聲音為何沒聽到？現在擔心的是這種事情，比如我們看到死亡率高，有人說可能是發病到確診時間差太長，沒有PCR資源，導致給予治療時間太慢，那你就會去問為何這麼慢？可能就是資源調度出現問題。
郭正亮擔心，是不是很多人沒把訊息告訴陳時中，這太奇怪，比如快篩，對台灣醫療產業稍微了解就知道，這是台灣生技產最大一塊。
</t>
  </si>
  <si>
    <t xml:space="preserve">美國目前已有約半數州的企業陸續恢復生產營業，但隨著經濟活動重啟，一些州的新冠肺炎疫情出現反彈。美東時間5月2日，疫情重災區紐約州的單日新增死亡病例仍未見下降趨勢，紐約州州長表示，不能要錢不要命，過早重啟經濟顯然不是最佳選項。
《央視新聞》指出，截至5月1號，包括德州和喬治亞州在內的美國20多個州進入復工複產階段。與此同時，美國有線電視新聞網(CNN)報導稱，華盛頓特區、路易斯安那州和喬治亞州等地的疫情出現反彈，單日新增確診病例大幅上升。
當地時間5月2號，美國紐約州州長科莫在每日疫情發佈會上表示，當天紐約州新增299例死亡病例，這一數字仍然高的可怕，不僅沒有出現下降，反而還出現上升。
報導說，對於儘快重啟經濟的建議，科莫表示拒絕，他認為這是「把金錢放在人命之上」的做法。科莫說，儘管紐約州財政面臨巨大的問題，但紐約州仍不會貿然重啟經濟活動，並將繼續執行強制佩戴口罩等規定。
目前，美國是全球新冠肺炎確診病例和死亡病例最多的國家，單日新增確診和死亡病例居高不下，疫情防控形勢依然嚴峻。美國公共衛生專家擔憂，過早「解封」可能會讓先前的防疫努力付諸東流。
</t>
  </si>
  <si>
    <t>鑒於新冠肺炎疫情快速蔓延，美國多州政府已相繼祭出居家避疫命令，影響所及全美約有三分之一人口遭到禁足。面臨疫情日益嚴峻，由共和黨主導的1.3兆美元抗疫紓困案，卻因為過度偏重企業利益，周日在參議院遭到封殺。
共和黨居多數的參議院周日（22日）針對紓困案進行程序投票，但民主黨認為該方案對企業做得太多，對員工卻照顧不足，最後表決以47張同意票對47張反對票，沒能讓該案過關。該案要獲得通過，必須要達60張同意票的門檻。
在表決結束後，共和民主兩黨雖然各自把造成該僵局的責任歸咎對方，但也矢言將持續協商，希望能盡早針對該案達成協議。參議院少數黨領袖舒默（Chuck Schumer）稍後也對該案可能過關釋出正面訊息。他聲稱未來24小時兩黨可望就分歧部分達成共識。舒默發言人之後也補充，兩黨與財政部長穆努欽（Steven Mnuchin）的會談極具成果。
此外，該疫情也延燒到國會，共和黨參議員保羅（Rand Paul）證實確診罹患新冠肺炎，成為首位感染該肺炎的參議員，同時也是第3位確診的美國國會議員。其他兩名曾與保羅互動密切的議員也已在家進行檢疫。
繼紐約州、加州、伊利諾州、康乃迪克州與紐澤西州發布居家檢疫令後，目前又有俄亥俄州、路易斯安納與德拉瓦州加入該行列，使得美國發布禁足令已達8州，約占全美三分之一的人口。
疫情爆發迄今，美國確診人數已超過3.2萬人，並有逾415人死亡。當中紐約是疫情最嚴重的地區，確診人數高占全美三分之一、死亡數也攀升到63人。
針對疫情一發不可收拾，紐約市長白思豪（Bill de Blasio）形容這波流行病是美國自1930年代經濟大蕭條以來所面臨的最大危機，並向川普政府要求全面動員軍隊，以避免醫療照護系統負擔過重。他並警告，未來10天如果紐約市無法取得更多呼吸器，恐怕將有更多人因而枉死。</t>
  </si>
  <si>
    <t>南京市衛健委副主任楊大鎖今（8／1）日上午表示，自本輪疫情發生以來，南京市已經進行了三輪全市大規模新冠病毒核酸檢測。其中，三輪期間發現確診病例74例、81例以及49例，共發現確診204例。
楊大鎖表示，從疫情發生到第一輪大規模核酸檢測結束，共檢測923.36萬份，期間發現確診病例74例；第二輪大規模核酸檢測847.8萬份，期間發現確診病例81例；截至7月31日24時，第三輪大規模核酸檢測已採樣890萬份，其中876萬份採樣結果已完成檢測，期間截至7月31日24時，發現確診病例49例。</t>
  </si>
  <si>
    <t xml:space="preserve">為防止新冠肺炎疫情擴散，民眾除了在出入公共場所時盡量配戴口罩、勤洗手外，居家環境建議也應確實清潔。一般家具、廚房設施可以使用1：100的稀釋漂白水（500 ppm）調配後擦拭，並且隨時確保室內空氣暢通，保持良好通風環境。而浴室、馬桶等衛浴設備則建議用1：10的稀釋漂白水（5000 ppm）來消毒。消毒應該每日一次，並且使用當日調配的漂白水最有效。
</t>
  </si>
  <si>
    <t>台灣採購新冠疫苗波折不斷，中央流行疫情指揮中心指揮官陳時中日前受訪抱怨，原訂向德國BNT採購500萬劑疫苗，但因有外力介入而計劃生變，還稱「有人不希望台灣太高興」，對此國民黨立委鄭麗文接受《中時新聞網》訪問痛批陳時中，在疫苗採買上不但沒有超前部署，所有的接洽都比其他國家慢很多拍，而且去年他還跟大家拍胸脯說3月就可以開打，結果進度嚴重落後統統跳票，現在再來扯三道四胡亂甩鍋，是沒有辦法實質去解決今天我們沒有疫苗可打的窘境。
而德國BNT公司今（18）日發聲明強調仍計劃提供疫苗給台灣，鄭麗文則諷道，陳時中一下說德國BNT跳票買不到疫苗，一下稱讚德國人道醫療情操讓人敬佩，這也不過才一天的時間，事情就有這麼大的轉折，代表陳時中整個狀況外，根本無法掌握疫苗採買的進度，質疑政府在和廠商洽談的中間有嚴重的溝通不良。
鄭麗文也表示，國民黨立法院黨團已要求行政院在正式開議的第一天，針對此一事做專案報告，要說清楚為什麼採購疫苗的說法會一變再變，希望屆時陳時中能秉實和國會交代，不要再用政治性的藉口來模糊焦點。</t>
  </si>
  <si>
    <t xml:space="preserve">新冠肺炎再傳好消息！中央流行疫情指揮中心表示，繼先前女台商後，我國再出現第2名可出院的個案，個案為第10例確診新冠肺炎的男子，因狀況好轉，最快今日解除隔離，近日可出院。男子坦言，入住負壓隔離病房後，家人全部都變成全民公敵，即便如此，仍然感謝防疫人員，想對他們說一聲「辛苦了！謝謝你們！」。
案10為在武漢工作的台商，在太太（案9）確診後，原列為接觸者，卻在上月底確診新冠肺炎，研判為太太的傳染者。醫福會執行長王必勝表示，這名男子病程較長，症狀輕微。為謹慎起見，衛生單位為他進行3次採檢，確認陰性後，報請指揮官，經專家評估後，最快今解除隔離，出院時間未定。
男子表示，自己過去一直在大陸工作，卻不習慣在大陸看醫生，返台後因流鼻水前往就診，CT、喉嚨觀察都無異狀。太太確診新冠肺炎3天後，自己也確診，夫妻倆一前一後入住負壓隔離病房。
「入住醫院後，家人全部都變成全民公敵。」男子明白人性都是擔心自己，深怕被傳染，但生病之後才能同理病人的無奈與無助。他感謝家人、朋友、醫護人員的陪伴，只要家人、社會大眾都能平安，「我願意被隔離」。
「一線的醫生、護理人員，為了要治療我們，必須近距離接觸我們」，男子表示，醫護人員除了量血壓、體溫、採檢體，不厭其煩地說明病情，還要照顧患者的日常。康復後，還得再自主隔離14天，付出令人感動。他感慨，台灣的醫療實力可以讓國人受到良好的醫療照護，想對第一線所有防疫人員說聲，「辛苦了！謝謝你們！」。
</t>
  </si>
  <si>
    <t>新冠肺炎疫情升高，南韓在短短幾天全國淪陷，被視為疫情源頭的「新天地教會」教主李萬熙2日首次下跪道歉，仍止不住民眾努火，沒想到網上現還流出一份藝人信徒名單，掀起熱議。
新天地教會在韓國擁有逾20萬信徒，這回新冠肺炎疫情爆發，至少有兩千個確診案例都與新天地有關，沒想到，近來網上傳出一些藝人也是新天地教徒，其中包含《鬼怪》的陰間使者李棟旭和女歌手Ivy，但兩人第一時間都跳出否認謠言。
李棟旭所屬經紀公司「King Kong」今透過IG發聲明：「最近有人散布旗下藝人與特定宗教有關的虛假事實，我社將對散布失實謠言、誹謗及損害名譽的行為採取強硬的法律行動。」並強調會持續監測，絕不容忍損害藝人的行為。
KINGKONG by STARSHIP（@kkbyss）分享的貼文 於 PST 2020 年 3月 月 3 日 上午 1:06 張貼
而Ivy也親自在IG發文：「這種時候總是會有很多流言蜚語，令大家忘記本來的目的，真的荒謬到笑不出聲，請大家小心謠言，在這個被虛假主導的世界上。」看得出滿滿無奈。</t>
  </si>
  <si>
    <t>在新冠肺炎的疫情影響下，優惠的購物節成為了消費者的小確幸，而小米也看準時機一口氣推出了11款新品，並於7日到12日進行一年一度的米粉節，而此次的新品最亮眼的，當然少不了一次到位的旗艦級米家掃拖機器人，能夠以全新的LDS雷射導航，以即時建構清掃範圍的地圖，更支援3種掃拖模式包括掃拖、單掃及單拖，配合智慧電控水箱，即能因應不同材質的地板給水，清掃之餘也能顧好地板。
另外還有米兔兒童聲波電動牙刷、小米液晶手寫板、小米無線雙模滑鼠靜音版等新品，而7日早上10時到12日的晚上11時59分期間，小米將推出逾百個品項的直降優惠，像Redmi Note 7就直降2000元、米家掃地機器人直降千元等，另外如小米手環及米家石英表等都享買就送或買1送1優惠。</t>
  </si>
  <si>
    <t>受新冠肺炎影響，民眾大幅減少外出，新北市立圖書館借閱電子書與使用自助借還書機的冊數明顯增加，據統計，今年1月電子書借閱冊數相較於去年同期成長4成，利用總館自助借還書機的冊數也增加7％；此外，各分館也提供自助式書籍除菌機，方便讀者幫書本清潔消毒，落實防疫。
新北市圖表示，新北市有10餘萬種電子書，提供豐富多元的學習資源，全天候提供市民免費線上閱讀或下載借閱，讓民眾宅在家也可以借書，透過閱讀防疫又療癒。
據統計，新北市去年電子書借閱人數突破10萬人，電子書的利用人次更較前年成長超過46萬人次；另外，市圖透過物流運輸，提供市民免費、快速的網路借書與跨區還書服務，2019年共有236萬餘人利用線上借書，年借閱冊數約450萬冊，使用網路預約借書的人數較2018年增加121萬人。
市圖指出，去年借閱總人數為406萬人次，25到34歲的女性最愛借書，占6成；熱門借閱排行榜中，語文類和藝術類最夯，是新北市讀者的最愛。108年度最受歡迎的熱門預約書冠軍為《被討厭的勇氣》，心理勵志書籍《你的善良必須有點鋒芒》則為電子書的借閱冠軍。</t>
  </si>
  <si>
    <t>日前滯留湖北的血友病童，與母親回台後，採檢都呈現陰性，送到隔離所展開為期14天的隔離，母子2人10日凌晨解禁，並由親友在今早8點接送返回高雄，此外母子還透過手寫信感謝各界援助，「非常感謝一路走來所有幫助我們的貴人們，感謝所有衛福人員貼心的照顧！」
血友病母子的手寫感謝信中寫道「非常感謝這一路走了所有幫助我們的貴人們，感謝所有衛福人員貼心的照顧，謝謝您們，辛苦了，感謝去接我們的張醫師，感謝陳部長帶領的所有站在第一線的工作人員和醫護人員，謝謝，您們辛苦了！希望疫情趕快離開，大家都平平安安，再次深深的感謝！」</t>
  </si>
  <si>
    <t>投資人對新冠狀病毒疫苖的開發抱持樂觀看法，周一隔夜盤美股指數期貨走高，展開因國定假日而縮短的一周交易。
美國周一（5月25日）為陣亡將士紀念日，美股休市，因此期貨市場交投仍顯清淡。
目前道瓊指數期貨漲311點或1.27%，為24,735點。標普500指數期貨漲1.31%，為2,991.75點。那斯達克100指數期貨漲1.50%，為9,547.00點。
美國生技公司Novavax宣布其實驗性的新冠狀病毒疫苗展開第一次人體臨床試驗，將在澳洲兩地招募約130名年齡介於18歲至59歲的健康成人參與這項研究，預計可在7月獲得疫苖安全性與人體免疫反應的初步試驗結果。
其美國同業Moderna上周宣布其疫苖試驗獲得正面進展，所有45位參與者在注射疫苖後都出現新冠狀病毒的抗體。</t>
  </si>
  <si>
    <t xml:space="preserve">本土疫情嚴峻，其中又以雙北病例最多，被視為「重災區」，一名網友表示，他同事的父親過世，因此從台北南下屏東奔喪，沒想到竟遭屏東老家的左鄰右舍大罵防疫破口，甚至說「把台北的病毒帶來屏東想害死誰？」不禁令他質疑，現在的正義魔人到底有多病態？
原PO在臉書社團《爆怨2公社》表示，公司有一個同事，老家在屏東，但是他是在台北工作，上周他住在屏東老家的父親過世，因此從台北回屏東奔喪，畢竟父親過世，作為子女的回家處理後事也屬正常。
沒想到他同事回到老家之後，承受不少左鄰右舍的壓力，因為左鄰右舍都知道他在台北工作，左鄰右舍竟大罵他是防疫破口，甚至不客氣的說「把台北的病毒帶來屏東想害死誰？」
原PO強調，他同事自始至終都沒有染疫，回故鄉奔喪也有做好個人防護，質疑現在的正義魔人到底有多病態？難道自己父親過世，做兒子的不能回家奔喪嗎？如果喪禮上沒出現，是不是又要被罵不孝子？原PO詢問大家，該同事到底該不該回去？
貼文一出引起熱議，網友紛紛回應「不用理會那些只會嘴的三姑六婆」、「官方一直強調非必要不要返鄉，父親就過世了，這就是必要！必要！必要！」、「3+11都沒關系了，守孝就是破口？」、「台北工作何時變原罪，不是在台北每個人都陽性」。
有網友建議可以回去，但不要搭乘大眾交通工具，回去以後盡量不要出門，或事先通報當地里長或者村長，有特殊原因不得已才回去，並且最好在家裡自主健康管理14天，以策安全。
</t>
  </si>
  <si>
    <t xml:space="preserve">新竹一名居家檢疫男「林東京」27日因居家檢疫失聯，因多次修改居住地址，讓防疫人員遲遲無法聯繫，只好靠縣政府公告協尋。發現他竟到處「趴趴走」，逼得新竹縣衛生局祭出重罰100萬元，隨著尋獲本尊，林東京身家也遭起底，父母竟是竹北大地主，破億身家就此曝光。
根據《ettoday》指出，因為新冠肺炎疫情影響，林東京於2月25日自北京返台，因從疫區返台需受規定在家居家檢疫14天，但林男卻絲毫不遵守指示，反而還跑到台北「白沙灣」散心，由於數度更正檢疫居家地址，根據最後一次更改紀錄是在台北萬華區，防疫人員經家訪無法尋獲林東京本人，透過警政機關協尋，仍無本人蹤影。
起初，北六家派出所員警不斷打電話給林男都無法順利連繫，直到警方聯繫上林男家人後，建議對林東京採取溫情勸說，包括了林男的女友都加入喊話行列。透過不斷地簡訊、電話苦勸，終於使林東京卸下心房，說服他到派出所報到。
不過面對林男居家檢疫者卻到處「趴趴走」的行徑，新竹縣衛生局決定，將依《嚴重特殊傳染性肺炎防治及紓困振興特別條例》重罰他最高罰金100萬元，希望能達到殺雞儆猴的作用，也讓他成為因此法規受到重罰的首例。
沒想到藉由這齣「居家檢疫搞消失」鬧劇竟意外曝光了林東京的身家背景，據了解，林男父母是竹北地區的大地主，身家上億，而林東京本人打扮時髦，曾赴日學習餐飲，加上又是家中么子，受到許多寵愛，可能也因此，作風相當我行我素，如今受到重罰，也希望他能因此獲得教訓。
</t>
  </si>
  <si>
    <t xml:space="preserve">義大利新冠肺炎疫情嚴峻，呼吸器等醫療設備相當缺乏，羅馬當局早就禁止呼吸器出口，現在傳出，義大利近期扣押近2,000台運往希臘的呼吸器。
法新社報導，義大利海關昨（24）日宣布，扣押1,840台運往希臘的呼吸器。官員表示，這些呼吸器包含輸送氧氣的氣閥、面罩以及導管，成人及小孩都適用，他們主要是從一輛卡車上攔截這批呼吸器。
截至24日，義大利有超過64,000人感染新冠肺炎，逾6,000人喪命，義大利成為全球疫情中心，如海嘯般的患者湧入醫院，當地醫療體系近乎崩潰，醫療設備嚴重缺乏，義大利早於上月25日就宣布，禁止呼吸器出口。
不過因為醫療設備缺乏而發生的悲劇仍不斷上演，一名義大利神父在放棄使用呼吸器後喪命。英國《每日郵報》（Daily Mail）報導，義北倫巴底地區高齡72歲的神父貝拉爾代利（Giuseppe Berardelli）因感染新冠肺炎住進醫院，他的教徒聞訊後贈送一台呼吸器，不過貝拉爾代利最後決定將呼吸器捐給另一名他並不認識的年輕病患，年輕的新冠患者被認為有較高的存活率，貝拉爾代利近日不幸過世。
</t>
  </si>
  <si>
    <t>93萬劑BNT疫苗今天清晨抵台，12到17歲青少年是首批開打對象，18至22歲為第二批優先，外界相關關心下一批會開放哪個年齡層，中央流行疫情指揮中心指揮官陳時中表示，先把第一波做完整，下一波會再做討論。
截至今天下午1點的指揮中心最新意願登記統計，共有335萬3928人想打BNT疫苗，其中24萬3131人一心一意只想打BNT，未選擇其他品牌的疫苗。
有40多歲民眾反映想要打mRNA疫苗，之前就登記了莫德納但一直等不到，現在看到BNT來了，卻先給年輕人打，似乎落得兩頭空。對此陳時中回應，無法保證接下來的到貨量會比現在大，所以將來還是會照著年齡層開放；不會讓中間永遠放在那個地方，不過現在怎麼安排最恰當，也很抱歉讓大家久等。
至於如何按照年齡層開放，會從年輕還是年長的人先開放？陳時中說：「容我們規劃完再跟大家報告。」
另外，有大學教授不滿BNT讓學生先打，教授卻不能打，希望開放大學教職員也修先施打。陳時中僅表示，「我們也希望讓教授能夠打」。
首批BNT疫苗抵台後，需要14天時間封緘檢驗，但過去莫德納僅10天就放行，對此陳時中說明，檢驗封緘有一定的標準，標準品先來的話就可以先做，第二批如果沒有問題，時間就會比較短。
有家長反映，有本國籍孩子長年在國外讀書，近期返台後因為無國內學籍，家長擔心該如何打疫苗。陳時中表示，12到18歲青少年大部分都在學校，但也有一些自學或輟學的青少年，會另外處理，都會讓他們有機會可以打，但都希望有監護人或家長同意。</t>
  </si>
  <si>
    <t>環南市場在7月2日驗出41位PCR陽性確診者後即休市3日，並進行大範圍清消，今(6)日為復市首日，台北市長柯文哲、副市長黃珊珊、衛福部長陳時中以及前進指揮所指揮官王必勝今早均於現場視察，陳時中表示，北農與環南市場的基因定序結果顯示為英國變種病毒株為主，和南部Delta群聚應該是沒有關聯性。
陳時中指出，環南篩檢站昨日對市場周遭做篩檢964人，其中陽性3人，不過2人是舊案，新案1人初步疫調為批貨者而非攤商，環南篩檢站在市場今早復市後，篩檢站會移至鄰近的雙園國中繼續執行採檢工作，7月8日會再展開一次大規模採檢，且三市場開始實施工作人員憑數位PCR陰性證明入場之措施，過程順利秩序良好，人員降載50%也沒有問題。
此外，北農環南市場群聚的基因定序也做了，基本上以英國變種病毒株為主，和南部Delta群聚應該是沒有關聯性。
指揮中心訂定之環南市場復市的六大條件包含進場查驗PCR陰性證明、固定工作人員必須佩戴口罩及面罩、降載人流至原先50%、進行各樓層動線分流、各攤位工作者實名登錄，以及落實工作人員健康監測。
另根據最新統計，北農第一果菜市場(萬大市場)確診人數97人、第二果菜市場(濱江市場)確診人數23人，環南市場截至昨日110人確診，總計確診人數為230人，其中環南市場接觸者匡列291人，居家隔離人數為276人。</t>
  </si>
  <si>
    <t>中央流行疫情指揮中心今天公布1例接種AZ疫苗發生疑似嚴重過敏反應個案，為一名50多歲女性，4月6日施打AZ疫苗10分鐘後出現嘴唇、舌尖麻痺、腫脹等症狀，被食藥署ADR中心改判為疑似嚴重過敏個案，但指揮中心發言人莊人祥強調，個案雖然有發生噁心、發熱、發紅、呼吸喘等症狀，透過抗過敏藥物治療後已有明顯好轉。截至目前AZ接種人數累計3萬2450人。
莊人祥表示，國內AZ疫苗開打後，目前累積3例疑似嚴重過敏個案，今公布的個案原先被歸類為非嚴重個案，但經食藥署判定後認為與過敏有關，因此近日已改列疑似嚴重過敏個案。
此外，莊人祥也指出，上周末共新增24例AZ疫苗不良事件通報，其中有1例被列為嚴重不良事件，一名20多歲女性注射AZ後出現疲倦、四肢痠痛、畏寒、發燒、關節痛等症狀，目前已經好轉。
為了讓自費民眾到醫院後都能順利打到AZ疫苗，莊人祥表示，上周已與醫院與衛生所溝通，將1瓶多劑量型AZ疫苗，人數從湊足10人，放寬至8人就可接種。莊人祥解釋，我國採購的AZ疫苗為每瓶10人份，但許多醫院礙於湊不滿10人始終無法開打，因此在上周決議予以放寬，但若是當日最後一瓶AZ疫苗，則至少要打完6人。
至於今日有多家醫院傳出，AZ疫苗自費接種門診預約額滿，莊人祥指出，還是要看實際開打後會有多少人施打，這部分還有待觀察，目前供應自費市場的一萬劑主要是提供5千人施打，只要接下來有超過5千人預約，就會再評估釋出更多AZ疫苗。
衛福部長陳時中上午在立院指出，若接下來AZ疫苗一次到貨量太大，就會拒收，對此莊人祥解釋，若疫苗一次到貨量太大，在短期內無法立刻施打完，或是即將到貨的疫苗效期太短，就會與業者協調分批運送或請業者提供更長效期的產品因應，並不是拒收疫苗。</t>
  </si>
  <si>
    <t xml:space="preserve">本土零確診再度破功！繼中研院女助理（案16816）染疫後，台北市一名8旬老婦人今證實確診。她日前因身體不適，自行到醫院就醫，採檢後確診。初步了解，這名老婦不常出門，大部分時間都待在家裡，足跡相對單純，目前匡列3名家人居家隔離。
個案Ct值也出爐，為39.9，研判應為舊案。據指出，該名老婦與中研院女助理、北市中正區防疫旅館房客確診，經調查後無關聯，細節將待台北市衛生局整理後，統一對外發布。
</t>
  </si>
  <si>
    <t xml:space="preserve">新冠肺炎疫情持續延燒，屏東縣出現首例確診案例，疾管署各縣市確診地圖，原本確診數為0的屏東縣。增為1例確診，為境外移入個案，目前收治於縣內負壓隔離病房治療中。縣府21日下午也召開「屏東縣疫情指揮中心會議」，縣長潘孟安指示縣府24小時待命防疫。
屏東縣出現首例確診個案，在屏東的地方網路社群上引發一陣騷動，哀嚎「屏東縣也淪陷了！」縣府衛生局表示，該案例無社區活動史，接觸史相對單純，目前縣內各項防護措施都已啟動，呼籲民眾不需過度恐慌。
截至22日上午，屏東縣居家檢疫有656人，縣府表示，防疫旅館已整備待命，提供居家檢疫者家屬居住，讓需要居家檢疫的家庭有更多的選擇。縣府21日再次召開「屏東縣疫情指揮中心會議」，由縣長潘孟安主持，指示縣府24小時待命防疫。
為了擴大醫療服務及防疫量能，縣府於屏北、屏中及屏南地區共指定14家急救責任醫院，擔任社區採檢點進行篩檢任務，避免個案集中大醫院造成醫療量能壅塞及院內感染風險增加。另外為提升疑似病患就醫分流機制，及輕症病人就地治療，急救責任醫院將進行專責病房開設及相關整備作業。
縣府也呼籲居家檢疫或居家隔離民眾，都應確實遵守各項規定，切勿心存僥倖擅離處所，以免觸法受罰。也感謝配合居家檢疫、居家隔離民眾，與政府共同努力為疫情設下防線。
</t>
  </si>
  <si>
    <t>先前傳出許多偶像歌手和團體的演唱會，因疫情關係紛紛喊停，連世界級天團BTS防彈少年團也不例外，在南韓當地4場演唱會取消外，北美洲巡迴也延期；但日前BTS卻給全球粉絲大禮，決定要在18、19日連2天辦線上演唱會。
防彈少年團9日晚上在官方推特發文，驚喜宣布要舉辦「線上演唱會」，並分享參與活動詳細訊息；原本防彈少年團分別在11、12、18和19日，4天要在首爾奧林匹克主競技場開唱，但因為新冠肺炎疫情影響，全部取消，而海外場次則延期。
不過，防彈少年團寵粉出名，不想讓粉絲們期待落空，決定於18、19日在官方YouTube頻道舉辦線上演唱會，讓大家不用出門也能追星，並表示會放映他們出道的心路歷程；目前官方推特僅透露演唱會開始時間，詳細觀看規定仍待官方公告。
線上演唱會消息一推出，全球粉絲都瘋狂，紛紛熱情轉推，各國粉絲還主動翻譯訊息，讓在地人都看得懂，相約一起線上追星。</t>
  </si>
  <si>
    <t>據日本NHK在15日報導，聯合國國際民航組織（ICAO）發表的預測數據顯示，由於新冠肺炎疫情不斷蔓延，大陸遊客大幅減少，日本的旅遊產業在截至今年3月末的3個月期間，預計損失約1400億日圓（約台幣382億元）。
這一預測是由制定民航國際規則的聯合國專門機構ICAO公布的。預測顯示，由於新冠肺炎疫情的影響，世界各家航空公司紛紛做出應對，已有70家航空公司暫停了在大陸起飛和降落的國際航線，50家航空公司減少了相關航線等，運送能力下降至正常水平的80％。國際民航組織認為，此次疫情的影響將超過2003年非典型肺炎SARS流行時。
因此，國際民航組織預測，大陸遊客大幅減少，日本的旅遊產業在截至今年3月末的3個月期間，預計損失12億9000萬美元，約合1400億日圓。</t>
  </si>
  <si>
    <t xml:space="preserve">葡萄王(1707)在新冠肺炎一開始即提供一線防疫人員生技營養品，4月中更是擴大捐贈機能飲料給全台疫情較嚴峻的重度收治醫院，包含17間醫學中心及14間區域醫院；同時配合地方政府居家檢疫及隔離政策，提供機能飲料給居家檢疫及隔離民眾健康補給，落實疫情期間社會關懷與企業責任。
葡萄王指出，在台灣疫情開始即提供市值超過100萬元、4,800瓶葡眾樟芝益菌絲體生技營養品，並陸續提供6,000瓶獲抗疲勞認證的黃金康貝特能量飲料給全台北中南的重點防疫醫院及4,800瓶Power BOMB爆能能量飲料作為桃園市政府第一線防疫人員物資，希望透過營養品補給品與能量飲料與為防疫前線人員與醫護補充能量。
葡萄王生技董事長曾盛麟說，目前疫情擴及全球，台灣防疫能如此成功仰賴醫護人員的努力，希望所有醫護與前線人員在繁忙之餘更要照顧自己的健康。葡萄王提供營養品與能量飲料盼藉此照顧前線人員的健康與體力，讓葡萄王成為防疫最堅強的後盾。
</t>
  </si>
  <si>
    <t xml:space="preserve">新冠肺炎全球肆虐，世界各國老早疫情整得天翻地覆，馬來西亞就是其一，且自出現疫情至今，狀況都沒能好轉，始終維持在每天6千確診數左右，而政府在第一時間就宣布了全面封鎖令，但因情況始終不明朗，日前又宣布全國封鎖無限期延長，除非確診數降到4千、接種疫苗全國人數達10%，否則不會鬆綁，這讓定居該處的金馬影后李心潔忍不住崩潰，在2個孩子面前痛哭。
事實上，李心潔居家防疫已經1年多，而6月初馬來西亞政府終究是宣布全國封鎖，當時李心潔還po文，自我鼓勵要好好待在家，「和孩子們學習如何把24小時黏在一起的苦與樂」，不料7/2大馬政府又宣布「全國封鎖措施無限延長」，讓她難以承受。
據《聯合報》報導，李心潔防疫在家一打二，一直以來都堅強撐著，但眼見解禁遙遙無期，坦言狀況嚴重到「看不見未來」，自己又得一肩扛起持家重擔，她某天突然撐不住了，在兒子面前崩潰落淚，說出自己很累，而孩子們靜靜地看著，「第一次意識到他們媽媽也會累」。
李心潔透露，在她大崩潰後，如今已先將孩子託付給家裡長輩照顧，獨自靜坐、念經，體會「以靜治(制)動」，讓心情安定下來，如今已找回正向積極態度，笑言現在無論孩子如何調皮，「我都能把他們安定下來，讓天下太平」，而因為疫情禁令，大馬許多民眾的生活陷入困頓，民間發起白旗計畫，鼓勵有困難的人將白旗掛在門上，尋求協助，向來熱心公益的李心潔也響應，在臉書上轉貼相關文章，呼籲大家一起幫忙，一同挺過難關。
</t>
  </si>
  <si>
    <t>中央疫情流行指揮中心24日公布國內新增新冠肺炎本土確診病例，校正回歸部分苗栗縣出現2例確症，其中案4905住在三灣鄉，近期並無出國史，5月20日發現身體不適，連續3日都未外出，23日確診，案4906則住在造橋，是一名業務員，有萬華活動史，曾自行開車前往桃園、宜蘭等地拜訪客戶，21日就醫急診後，23日確診，衛生局已匡列接觸者共14人，實施居家隔離中。
中央疫情流行指揮中心24日所公布本土確診病例，校正回歸中苗栗新增2例，案4905，是53歲男性，家住三灣，同住有10名家人，目前縣府衛生局所公布的疫調足跡非當簡單，僅指他於5月17日至19日間，除上班外未外出，5月20日至22日，因身體不適未外出，23日上午10點至1點30分，曾赴永和山水庫散步，全程都有配戴口罩。
案4906則是63歲男性，4名家人同住，從5月18日起至20日止，曾自行開車分別至桃園南崁、桃園觀音、宜蘭冬山等3地拜訪客戶，21日因身體不適赴苗栗某醫院急診，22日在家未門，23日確診。
衛生局獲報立即啟動疫調、採檢及清消等防疫工作，並安排確診者進入醫院負壓病房收治中，目前已掌握同住接觸者共14人，都予居家隔離及採檢中。其餘接觸者及足跡正擴大調查中。</t>
  </si>
  <si>
    <t>近日台灣疫情趨緩，疫苗也持續拚接種率，不過民眾對於防疫、新冠疫苗相當謹慎的優點，也出現了不少「打完疫苗能不能ＸＸ」的疑問。例如打完疫苗能不能運動、能不能打手槍、能不能喝酒等。對此胸腔內科暨重症醫學黃軒醫師逐一為大家解惑！
●打完疫苗可以「揉、壓注射點」嗎？
對此黃軒醫師表示不用。以往打其他疫苗，許多時候醫護人員可能會提醒揉按一下，主要是因為劑量相較較高，通常約3~5c.c，藉揉按的方式達擴散的效果，避免集中。不過新冠疫苗劑量較低，約在0.3~0.5c.c，不需要特別做此動作。另一方面，注射點也是一種傷口，雖新冠疫苗的注射點非常小，但若手部不清潔，一樣有造成細菌感染的風險，即便機率不高，還是需留意。
●打完疫苗可以「運動、打球」嗎？
對於這點黃軒醫師表示不建議，不過也視情況。主要看是否為激烈運動，像是打球、跑步、拳擊、重訓等就不大建議，但散步等較輕鬆的運動還是可以視個人情況斟酌。原因在於較激烈的運動後，身體難免會有許多不適，例如喘、肌肉痠痛等，打完疫苗後就開始運動，身體的不適恐難以辨別是疫苗的副作用、不良反應、還是因為運動所致。因此建議先停個兩、三天，這也不會影響到個人長久的運動習慣。
●打完疫苗可以「打手槍/自慰/性愛」嗎？
此問題在黃軒醫師的粉專上意外的相當多人詢問，不過確實也是個相當重要的問題，值得重視。對此黃軒醫師表示可以，不論男女，新冠疫苗對這些行為都不會有所影響，也不會讓疫苗失效，疫苗不會藉此排出體外。不過還是有需要留意的地方，如前述避免太過激烈的行為，以免身體痠痛、疲憊等不適，無法辨別是疫苗引起或是性行為引起。
●打完疫苗可以「喝酒」嗎？
對此黃軒醫師表示不建議，若要喝可淺酌。除了酒精性飲品本身就不利身體健康，有礙免疫力，主要也包括了喝酒往往都會頭暈、頭痛、宿醉等，這些情況出現也會讓人難以辨別、忽略了疫苗可能帶來的副作用或不良反應，會讓自己置身於風險當中。因此若真的要喝，建議避免超過1個shot杯，淺酌即可。
●打完疫苗可以「喝咖啡、茶」嗎？
對於這點黃軒醫師表示是可以的，不必對疫苗特別侷限，疫苗和咖啡不會有所影響。不過還是要提醒民眾酌量，留意咖啡因每日的攝取上限，不可過多，咖啡因過多也可能造成心悸，到時就有可能造成身體不適，也可能難以辨別是否為疫苗所引起。
●打完疫苗可以「做醫美」嗎？
隨自由意識抬頭，現代人不必在意別人的眼光，可以適度讓自己變得更近於自己喜歡的樣貌，醫美也相當受歡迎。對於新冠疫苗，黃軒醫師表示可以，但建議審慎評估，並和醫師討論。以大方向來說，原因在於身體對外來物的排斥，如玻尿酸，較容易讓身體有明顯的免疫反應，雖通常危險性低，但一樣可能造成發炎、腫脹等情況，對部分較注重隱私的民眾而言就有可能「洩底」，而此情況在６個月左右一樣可能會出現。因此不論疫苗或醫美何者為先，前後可間隔一些時間，建議4~8周，並經醫師評估進行。若在進行醫美後輪到接種疫苗，就在醫師評估可行後盡早接種。
●打完疫苗可以「打其他疫苗」嗎？
對此黃軒醫師表示可以，但需間隔時間，並和醫師討論。以CDC建議為7日，而以往建議普遍為14日，民眾可做參考。主要原因在於各疫苗施打目的都是在於提升抗體、免疫力，多會有相關的副作用出現，若沒間隔時間，雖疫苗之間通常不會互相影響，但也容易難以分辨當下的副作用起因為哪支疫苗所起。
●打完疫苗可以「熬夜」嗎？
對此黃軒醫師表示相當不建議，一方面熬夜本就是個不利於身體健康的行為，另一方面熬夜如前述幾個例子一樣，身體容易因為疲勞、頭暈等不適，使得不易辨識當下的情況是否為疫苗的副作用。因此不論是施打前後都不建議熬夜，應早點休息為佳，平日也建議最好還是調整回正常作息。
●打完疫苗可以「吃藥/中藥」嗎？
藥物不盡相同，黃軒醫師提醒務必和醫師討論並遵照醫囑。以慢性病藥物來說，如糖尿病、高血壓等，病情需受到穩定的控制，施打完疫苗後一般而言自然是要繼續規律的服藥，以避免情況惡化，甚至發生性命危險。中藥方面，常見的科學中藥普遍不會有所影響，但為防範於未然，一樣需要與中醫師討論，以確保安全。
●打完疫苗可以吃「保健品/營養食品」嗎？
對此黃軒醫師表示可以，但一樣要酌量、注意來源、品質。一般而言不論是保健品或營養食品，都並非為藥物，可視為如食物般的額外營養補充，對身體的直接影響並不大。不過若是來源不明、使用偏方、品質不佳者，就有很多的不確定風險存在，可能造成身體負擔或不可預期的情況，這不論是否在施打疫苗後都需注意。</t>
  </si>
  <si>
    <t>打新冠肺炎若出問題，將有保單可理賠。保險局局長施瓊華22日在立法院財委會透露，已有一、二家產險公司正在設計疫苗醫療費用保險，即被保險人若因施打新冠肺炎疫苗出現問題，相關醫療費用將有保單可承保，金管會將會盡速審查讓其問市。
衛福部引進的新冠肺炎疫苗將開始施打，但因為國外有部分民眾施打後出現不適症狀，恐影響國內民眾的施打意願。
立委賴士葆詢問這種情況是否有保單承保時，施瓊華表示，已有產險公司正在加速研發，供一般民眾投保，若因施打新冠肺炎疫苗出現身體不適，衍生的相關醫療費用，將由保單理賠，但因仍在設計中，因此確切的承保內容、保費，乃未確定。</t>
  </si>
  <si>
    <t xml:space="preserve">
日本捐贈124萬劑AZ疫苗日前完成檢驗封緘，也已配發到各縣市施打，然而身為重災區的雙北所配發到的疫苗卻比高雄來得少，遭疑「大小眼」，中央流行疫情指揮中心指揮官陳時中表示，配發給各縣市的疫苗中包含國軍專案的施打疫苗，並非算在目標接種對象群，也因為雙北是高風險區，所以疫苗上才加發75歲以上10%，中高風險5% 。
陳時中表示，這兩天針對各縣市疫苗配發的數目有些爭議，例如為何高雄分到的比雙北多，因為每個縣市情況都不同，前一波雙北已經開放1、2、3類的人施打，其他縣市只有開放第一類施打。
再者，高雄拿到的8萬劑加上1萬多劑，那1萬多劑是直接要給國軍施打的，而是給高雄施打，其次台北市說配發到7萬劑，有1.2萬是中央掌控，其實並非中央掌控，而是因為中央政府機關很多在台北市，那些工作人員還是歸在台北的住民當中，不是說只有中央能用，地方還是放在整體分配量裡來使用。
陳時中說，以桃園為例，桃園可能會說桃園機場裡有很多疫苗的需求，所以算在桃園配發到的量中並不公平，但是機場裡也有不少桃園住民，當中1、2、3類的我們也都有設算到裡面，在此澄清。
中央有中央扣留的第7類，就不會算在地方的量裡面，軍人就沒有放在各縣市的量，但會先發下去，無論如何雙北還是風險區，所以疫苗加發75歲以上10%，中高風險5% 。
媒體問到，很多縣市首長反映緊急配發第一劑AZ疫苗時，地方政府都沒有被即時告知，一般民眾施打的疫苗量也應該分開撥配，資訊才能更透明，指揮中心怎麼看？
陳時中回應，配發量現在已經很透明，6月17日就會陸續往下配送，讓大家有充分的量可以及早準備，另外接種量和到貨時間都很緊迫，很難去掌握進貨的時間和量，只能盡一切可能讓大家知道，6月4日進來封緘檢驗一到兩周時，大家都知道有124萬劑，也馬上訂出1到6類的目標接種對象群。
陳時中指出，6月9日有和各衛生局視訊討論，希望能擴大施打量能，目標一周能施打100萬劑，請各地方的醫療機構、社區接種以及外展服務等提早做好準備，希望各縣市先掌握一個基礎的施打量，之後就能算出一天可以施打多少，如果疫苗量不是很多，就不用火力全開，可以分配到多天來施打。
陳時中強調，有些縣市宣稱兩三天就要打完，這樣會讓大家壓力很大，我們希望快，但不要緊迫，還是要根據工作量能做最適當的分配。</t>
  </si>
  <si>
    <t xml:space="preserve">新冠肺炎全球蔓延，第一線醫護人員之前在網路發起「i stay at work for you ，you stay at home for us」，呼籲民眾多待在家中，引起好萊塢眾多藝人響應，由演員凱文貝肯發起名為「#IStayHomeFor」的Hashtag活動，包括影星蜜雪兒菲佛，史嘉蕾喬韓森、達珂塔芬妮、歌手瑪麗亞凱莉、艾爾頓強等人陸續參與，台灣娛樂圈近日則有董事長樂團貝斯手大鈞、八十八顆芭樂籽主唱阿強、金曲客語歌后官靈芝、音樂製作人王爺（王斯禹）以及戴祖雄等人相繼響應，盼為疫情風暴盡一己之力。
董事長樂團貝斯手大鈞配合防疫，目前公開演出都已暫緩或取消，長時間待在家裡，他靠自組模型打發時間，趁此機會重拾興趣。正在台灣居家自主健康管理的戴祖雄則每日透過直播與家人、粉絲問好，他還大方示範運動、分享下廚與護膚的等經驗，只是自主管理第二天他到家附近藥局買口罩，卻被網友抨擊怎能出門，他為此特別開直播解釋「居家自主健康管理」，並強調外出絕對有遵守台灣相關規定，且全程戴口罩。
曾擔任鄭秀文、李玟、張信哲、徐若瑄等巨星音樂製作人王爺（王斯禹），身兼洛客班樂團主唱，2004年洛客班搭配電影「17歲的天空」超夯主題曲《我想你的快樂是因為我》，發行至今唯一一張專輯「人生證明」，原定規劃出道15周年復出的洛客班，因為成員各自忙碌而計畫不斷順延，趁此機會開始投入新歌創作，希望今年年底有新作品問世。
</t>
  </si>
  <si>
    <t xml:space="preserve">大陸國家主席、中共中央總書記習近平今日召開政治局常務委員會議時指出，在全國上下和廣大人民群眾共同努力下，全國疫情防控形勢持續向好、生產生活秩序加快恢復，但也面臨境外疫情擴散及其對世界經濟產生不利影響的問題。國內疫情反彈風險依然存在，特別是國際疫情快速蔓延帶來的輸入性風險增加。
據《新華社》報導，習近平3月18日召開政治局常委會會議分析國內外新冠肺炎疫情防控和經濟形勢，研究部署統籌抓好疫情防控和經濟社會發展重點工作。他指出，全國疫情防控形勢持續向好、生產生活秩序加快恢復，疫情防控和經濟社會發展工作取得積極成效，但是也面臨著不少新情況新問題，特別是境外疫情擴散蔓延及其對世界經濟產生不利影響，也給中國大陸疫情防控和經濟發展帶來新的挑戰。要準確把握國內外疫情防控和經濟形勢的階段性變化，確保實現決勝全面建成小康社會、決戰脫貧攻堅目標任務。
習近平強調，在充分肯定我國疫情防控工作成績的同時，要清醒看到國內外疫情形勢的複雜性和嚴峻性。湖北和武漢醫療救治、社區防控和後續工作任務依然艱巨繁重，其他地區人員流動和聚集增加帶來疫情反彈風險依然存在，特別是國際疫情快速蔓延帶來的輸入性風險增加。要加強疫情防控國際合作，同世界衛生組織緊密合作，加強全球疫情變化分析預測。
會議強調，要科學精準做好重點地區疫情防控工作，繼續加強醫療救治，努力提高治癒率、降低病亡率。要完善社區防控措施，有序擴展無疫社區居民活動空間。武漢市要逐步推進復工複產，湖北省其他地區要穩妥有序解除管控措施。
會議要求，要落實外防輸入重點任務，完善資料共用、資訊通報和入境人員核查機制，航空運輸、口岸檢疫、目的地送達、社區防控要形成閉環。
會議指出，受國內外多種因素影響，當前我國經濟下行壓力持續加大。各級黨委和政府要加快建立同疫情防控相適應的經濟社會運行秩序，積極有序推進企事業單位復工複產，努力把疫情造成的損失降到最低限度，要以省域為單元推動經濟社會秩序恢復。
</t>
  </si>
  <si>
    <t>巴西央行周三宣布調降Selic基準利率75個基點至3%，改寫歷史新低，雖然已是連續第7度降息，但該央行暗示將進一步降息，以緩解新冠肺炎疫情與相關封鎖措施對經濟造成的衝擊。
巴西央行貨幣政策委員會（Copom）周三一致通過降息決議，其中有兩位委員建議提高降息幅度。市場普遍預期巴西央行此次降息50個基點。
該央行在政策聲明中表示，下次會議的決定，將取決於財政狀況與經濟數據，委員會將考慮貨幣政策的最後一次調整，但調整幅度不會超過本次。
巴西已經成為新冠狀病毒大流行的新熱區，近來感染病例急速飆升，根據該國衛生部的數據，過去24小時內，巴西新冠肺炎確診病例新增10,503人，改寫4月30日創下單日新高記錄7,288人。新增死亡病例達615人，亦創單日新高。
截至目前為止，巴西的新冠肺炎總確診病例已經達到12萬5,218人，累計死亡病例達8,536人。該國衛生部長提出警告，應該在疫情嚴重的地區實施嚴格的封鎖措施。目前巴西多數州已經關閉非必要事業，但僅有聖路易斯一個城市實施封城令。</t>
  </si>
  <si>
    <t>台北市政府8日晚間爆出，產發局一名女公務員確診，該名同仁在5月底因身體不適前往快篩與核酸檢測（PCR），得知快篩結果為陰性，但6月8日收到PCR結果出爐卻呈陽性，北市府雖已採居家辦公，但6月4日該名女公務員曾到達北市府內拿資料，產業局緊急執行府內防疫SOP，並將座位圖送至北市衛生局做匡列。
北市產發局主祕劉寶緞證實，確診同仁5月底曾有身體不適狀況，自行前往快篩與PCR檢測，快篩結果為陰性，但6月8日PCR出爐，卻呈現陽性，產發局於下午接獲通報後，立刻啟動北市府擬定的防疫標準流程。
劉寶緞說，同仁到府內都有配戴口罩，衛生局說如配戴口罩有接觸15分鐘以上才會匡列，目前已將座位圖交給衛生局，確切匡列人數尚未得知，北市府固定每周都有消毒。</t>
  </si>
  <si>
    <t>新冠肺炎疫情於全球延燒，針對即將陸續召開的公司股東會，金管會指示集保結算所制訂開會防疫指引。集保調查，指引公告後召開股東常會或臨時會的公司，均未出現發燒股東親自出席，多數股東均採電子投票表達意見，對此呼籲加強宣導股東以電子投票行使參與權。
防疫指引規定，若發現體溫過高股東，股東會現場應設置隔離區，讓發燒股東可在隔離區內行使發言及表決權。不過，因應疫情持續嚴峻、指揮中心呼籲管制措施趨嚴，據了解，集保已對此進行滾動式檢討，向金管會討論是否調整指引相關措施，但目前尚未定案。
據證交法規定，目前約1950家上市、上櫃及興櫃公司需在6月底前召開股東常會，為降低群聚感染風險，集保3月4日邀集股務協會、股務代理機構、上市公司代表及證券周邊單位等共同研議，制定「因應防疫召開股東會之作業指引」、並於3月16日公告。
集保統計，上述防疫指引公告後，在3月底前已召開股東常會或臨時會的公司，均配合防疫政策量測現場出席股東體溫，並請股東全程配戴口罩等措施。多數股東均採電子投票表達意見，僅零星少數股東親自出席，且未遇到發燒股東親自出席情形發生。
集保以3月下旬某上市公司租借飯店召開股東常會為例，指出親自出席股東需由飯店人員量測體溫、消毒手部才能進場，報到前由公司人員再次量測體溫。為有效控制室內座位距離至少保持1公尺、不超過100人以上集會，會場座位採梅花座排列及設置備用會場因應。
隨著股東會旺季來臨，5、6月將有越來越多公司召開股東常會。集保表示，將持續透過不同管道，向投資大眾宣導採用電子投票出席，不親臨現場也能表達意見、保障股東權利，且避免被感染風險，是防範疫情並維護股東參與會議權利的最佳方式。</t>
  </si>
  <si>
    <t>美國已成為全球新冠肺炎確診病例最多的國家，紐約州疫情尤其嚴重，累計病例達37802例，占全國逾4成，最新一天病亡人數激增逾100人，累計達454例。而人口稠密的紐約市死亡人數為281人，則占全州的73％。由於醫療物資嚴重短缺，市內有醫院已開始試行2名患者共同1個呼吸器。紐約市長白思豪25日更警告，全市最終可能有一半人感染。
疫情持續惡化的同時，美國的醫護人力似也已告急。據香港中通社報導，美國國務院領事事務局26日在社交平台發文，鼓勵各國的醫療工作者赴美，幫助美國抗疫，尤其是那些致力於治療或緩解新冠肺炎疫情的專業人員。
目前在全美重災區紐約市，停屍間已經爆滿，當局調動45部冷凍貨櫃車充當臨時停屍間，每間可容納44具遺體。市政府同時在搭建冷凍帳篷儲存屍體。官員稱，臨時措施會使紐約市能容納3600具遺體。皇后區是紐約市確診感染人數最多的區，在當地的艾姆赫斯特醫院，1天之內就有13人死於新冠肺炎。
紐約市醫療系統不勝負荷瀕臨崩潰，曼哈頓西奈山西區醫院先前有3名護士因防護裝備耗盡，只好穿上用黑色垃圾袋自製的防護衣，照片在社交媒體廣傳。如今同院48歲男助理護士長凱利則感染新冠肺炎身亡。凱利於2周前確診，上周二入院搶救，24日不治身亡。凱利至少有4名同事亦確診染疫，多名同事直指，院方無法為前線醫護提供足夠防護裝備，要為凱利之死負責。
與紐約相鄰的新澤西州，近日疫情也不斷加重，26日猛增2492例，刷新單日新增紀錄，確診總數達6876例，死亡81人，已經超越加州，成為全美疫情第二嚴重的州。新澤西州衛生部25日公布，該州伍德布里奇市一間老人院爆發集體感染，院內94人料全部受感染，包括院友及職員。</t>
  </si>
  <si>
    <t>春節國人返台檢疫規範有望再放寬！衛福部長陳時中今天透露，由於防疫旅館數量不足等多重因素，擬將10+4的檢疫方案改為7+7，最快本周就會宣布，否則會來不及。
由於春節期間返台人數眾多，指揮中心估計今年返台人數將超過4萬人，但防疫旅館數量仍然跟不上，按照陳時中估算，目前加上集中檢疫所，最多只能開出3萬5000間的量能，遠遠不及有需求的民眾。
為因應龐大的返台人潮，指揮中心日前宣布可讓國人改採10+4的居家檢疫模式，入住防疫旅館第10天，若採檢結果為陰性即可返家，但效果不彰引發地方抱怨執行面窒礙難行，今陳時中則再透露，考慮改為7+7，但相關配套還再討論，目前尚未定案。
至於何時會宣布？陳時中說本周一定會說明，否則再晚也來不及，指揮中心的原則是14天檢疫不能鬆綁，但地點上可以來討論，因此研議7+7的檢疫方案。
陳時中補充，7+7的檢疫還有一些配套措施待討論，因此確定今天下午不會宣布，只是證實現在有這一些討論。</t>
  </si>
  <si>
    <t xml:space="preserve">AZ疫苗打氣不佳，中央流行疫情指揮中心昨日宣布，21日起開放民眾自費接種。對此，台北市議員游淑慧質疑，疫苗的有效期只到6月15日，假設民眾於21日馬上施打，但兩劑施打至少要相隔8周，自費民眾可能沒有第二劑可打，「是頭洗一半就沒水的冤大頭？」
游淑慧昨（14）日於個人臉書粉專表示，根據AZ疫苗仿單說明，AZ第一劑施打後，3周後才開始具有防護力；施打第二劑的15天後，才具備完整保護力，而且兩周施打時間至少要相隔8周以上。
游淑慧質疑，指揮中心宣布至21日起開放自費施打，假設民眾第一時間馬上接種第一劑，8周後是6月16日以後，但台灣現有的兩批疫苗有效期分別是5月31日、6月15日，「請問這些自費施打的民眾，去哪裡找第二劑來打？衛福部能保證？這是在裝孝維？根本是頭洗一半就沒水的冤大頭？」
貼文底下不少網友也留言回應，「先不管AZ疫苗會不會引起血栓或其他副作用，要打兩劑的疫苗中間要間隔8週，結果買來的都快過期，有哪個白痴會自願花錢去白打一針，這就算是莫德納、BNT、嬌生都一樣」、「真的是亂七八糟」、「衛福部的算術真是一級棒」。
</t>
  </si>
  <si>
    <t xml:space="preserve">不少大型活動或賽事都因新冠肺炎疫情延燒陸續取消，但2月26日到3月1日在高雄登場的港都盃田徑賽事如期，僅取消開閉幕儀式；高市府新聞局長鄭照新表示，那是開放、戶外型，基本上是尊重專業主辦單位，除非中央有特殊的針對大型戶外賽事，或是活動相關的建議或措施，地方都會配合，目前沒有收到那樣的建議。
另罷韓第二階段連署書火速衝破51萬份，引發韓粉不滿反制，繼先前有韓粉寄給罷韓團體恐嚇信，如今又有燒紙錢影片來詛咒；鄭照新說，尊重不同市民的意見，現在市府同仁精力全神貫注在防疫上，就算有一分鐘回答政治性問題，萬一因為這樣分心導致有市民受感染，「我們晚上都會睡不著覺，沒有多餘精力回答政治性問題。」
</t>
  </si>
  <si>
    <t xml:space="preserve">面對新冠肺炎疫情，台灣前一波守得不錯，備受國人肯定也贏得國外推祟，豈知歐美疫情急劇升溫，從歐洲返國的民眾成為新一波防疫危機，連2天增添14例，恐將辛苦防疫的成果毀於一旦。對於硬要出國旅遊的民眾，中山醫大小兒感染科主任謝宗學怒嗆，「出國一時爽，全國火葬場！」
根據中央流行疫情指揮中心資料，15日及16日新增的確診案例，除一例是旅遊日本、泰國感染外，其餘13例均有歐洲旅遊史，顯見國人非必要的出國旅遊，已為台灣防疫帶來沈重壓力。
謝宗學在臉書「Dr.E小兒急診室日誌」上表示，昨日新冠肺炎新增8例境外移入案例，加上前天的6個案例，兩天總共增加14例境外移入案例，聽到這樣嚴峻的狀況，心中只浮現一句話：「出國一時爽，全國火葬場！」
境外案例暴增入，網友紛紛表達不滿，「沒品沒公德心，罰錢拜託」、「真的很讓人生氣!出國還很理直氣壯」、「憤怒外加悲傷，真正的大戰要開始了」、「可以先送那位揪團去西班牙葡萄牙的里長去火葬場嗎」、「限制醫護人員出國，結果國人一直出國來累死醫護人員…那些人是在哈囉？」、「一直出去玩 就不要回來了」、「被健保慣壞的台灣人」、「難怪網友會想肉搜」。
</t>
  </si>
  <si>
    <t>新冠肺炎疫情引發全球股災，道瓊指數12日崩跌2,352點，創1987年「黑色星期一」以來最大跌幅，13日台股開盤前財長蘇建榮親上火線，宣示國安基金隨時備戰，必要時將召開臨時會議討論進場護盤。
總統蔡英文也信心喊話，指台灣經濟體質良好，疫情控制也較其他國家穩定。政府不僅通過600億紓困預算，更全力推動各項防疫及振興經濟措施，對股市有實質支撐。
美股12日崩跌，財政部擔心影響投資人信心，昨一大早6時50分就緊急通知，搶在台股開盤前的8時15分召開記者會，強調國安基金正密切關注台股，會適時因應。
蘇建榮表示，隨新冠肺炎全球擴散，全球經濟面臨嚴峻挑戰，已是無可避免，但國內經濟仍審慎樂觀，希望投資人能有信心，讓股市、匯市穩健發展，包含金管會、央行及財政部都會陸續因應。
財政部次長、國安基金執行秘書阮清華則指出，股市若出現不理性失序情況、達到國安基金進場要件，絕對會即時召開臨時會議，討論進場護盤，穩定國內股市。
阮清華指出，觀察2月24日至3月12日，全球主要股市均呈跌勢，歐美股市跌幅較大，其中法股達32.93％、德股32.54％、英股29.26％、美國道瓊26.88％，反觀台股僅下跌10.82％，跌幅只比陸股的3.82％大。
阮清華說，近期亞股跌幅較小，主因已先行反映，與歐美現正面臨疫情擴散，造成股市大跌不同。台灣疫情控制穩定有序，基本面良好，本益比及殖利率佳，且出口持續成長，「不是別人跌，我們（台灣）就一定要跌。」
行政院發言人Kolas Yotaka也強調，政府會盡全力穩定股市動能。對國安基金昨未召開會議，Kolas解釋說，2016年政黨輪替以來，國安基金就沒有進場過，儘管股匯市歷經幾次衝擊，期間也發生過因國際市場波動與中美貿易戰單日跌破萬點，但因台灣總體經濟面穩健，危機過後依然可快速止跌回升。</t>
  </si>
  <si>
    <t>大陸國家衛健委今（27日）公布，前一日大陸新增71例新冠肺炎確診病例。其中江蘇再多31例本土確診病例，新增病例一連兩日達雙位數。南京祿口機場疫情持續擴大，已涉及5省9市，南京疫情傳播鏈已經達到了126人。南京市疾控中心今召開記者會，會上指出，引起此次疫情病毒為Delta病毒。
南京市今（27日）上午舉行第七場新冠肺炎疫情防控記者會，通報疫情防控最新情況。據通報，引起這次疫情的病毒毒株是Delta病毒。並稱，目前南京物資保障充足，完全能保障全市的基本供應。
南京市商務局副局長富寧宏說，南京專門成立了生活物資保障指揮部，發布了首批全市56家重點生活必需品保供企業名錄。這56家保供企業包括了農批市場、副食品生產企業、商超、餐飲企業。
目前，南京全城已經展開了第2輪全員核酸檢測，有的重點區域開展了3輪，排查追蹤到大量密切接觸者和次密接，透過對這些人群應檢盡檢、分時段檢測，病例不斷被發現。
南京今也發布最新防疫規定，包括嚴格大型活動管理，並倡導喜事緩辦、喪事簡辦；減少聚餐，實行分餐制、用公筷；暫停KTV、電影院、健身房、室內游泳館、麻將館等密閉場所；農貿（集貿）市場、藥店、批發市場、商場超市等重點場所，要落實限流等管控措施；司機、快遞人員等重點群體也要嚴格管理，落實防護要求、定期健康監測。此外，針對企業單位、醫療機構也要嚴格控管，民眾非必要不外出。</t>
  </si>
  <si>
    <t xml:space="preserve">國內疫情大爆發，全國更是統一升至三級警戒，雙北疫情險峻，即便台北市長柯文哲再三呼籲「沒事乖乖待在家裡」，但上週末陽明山仍出現大批遊客及車潮，眼見仍有許多不守規矩的民眾，讓藝人吳鳳痛批：「疫情就是這樣擴散的更快」。
吳鳳日前表示國內疫情爆發一個星期，相信大家心裡會有悶的感覺，但切勿忘記國外的人過這樣的生活超過一年，我們只是剛開始而已，不過卻有很多民眾認為去偏僻的地方就沒事，結果周末陽明山出現車潮導致塞車，讓他無奈表示：「如果我們第一個禮拜這樣，那接下來的日子怎麼辦？」接著強調：「疫情就是這樣擴散的更快」。
吳鳳表示台灣目前過的日子不是在開玩笑，只能靠防疫人員跟人民自律，眼見站在第一線的醫護人員如此辛苦，若民眾還是堅持要出門，那=這種行為根本就是自私，接著再三呼籲：「想要世界看見台灣的團結跟優秀表現，就一起好好自律吧！不然未來的日子會有太多後悔的回憶」。
對於吳鳳苦口婆心的提醒，網友們紛紛留言：「想恢復正常生活要靠全體國民，看看辛苦為疫情付出的醫護人員、警消人員，真要有同理心」、「希望全台灣人能跟您一樣有正能量，而不是只有口水」、「就是有人這麼不自愛，疫情會擴散不是沒理由，非必要不要出門待在家裡做好防疫，自律就這麼難嗎」、「身為台灣人更應該好好守護台灣，自律換自由，同島一命」。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對本來就受電商衝擊而身處困境的傳統零售業來說，新冠肺炎疫情造成了更致命打擊，這慘況在美國是現在進行式。據美國勞工統計局統計，全美零售業員工有近1600萬人，多面臨衝擊，且面臨無薪假風險的多是基層員工；另外，據彭博社統計，自疫情爆發以來，美國零售業無薪休假的人數已超過60萬。
為了應對疫情，美國總統川普已經下令諸如零售服飾店面之類的非必要商業停工，相關保持社交距離的限制令又延長到了4月30日；有鑑於此，全美零售業連鎖商店兩周前開始出現關閉門市潮，數百萬名傳統零售業勞工面臨無薪假或被解僱的風險。
此前，梅西百貨就在3月30日表示，旗下775家門店全部暫停營業，公司12.5萬名員工中的一部分人將於當周開始無薪休假，至少延續到5月；同時，該公司還宣布下調其董事及以上級別管理人員的薪酬，公司執行長Jeff Gennette在此期間將不會獲得任何薪資。
而知名平價服飾GAP也宣布，門市暫停營業的時間超乎預期，因此，決定讓美國和加拿大的部分員工休無薪假，不過，GAP也承諾，將持續支付津貼直到重新營業。而GAP也提到，要進行人員精簡措施，但裁員數並未透露。
受到衝擊，美國勞工統計局的數據顯示，全美零售業員工有近1600萬人，且面臨無薪假風險的許多人都是底層員工。根據彭博社統計的數據，自新冠肺炎疫情暴發以來，美國零售業無薪休假的人數已超過60萬。
另外，美國研究機構Coresight分析顯示，防疫措施將重創美國零售業，全美將有約63萬家零售業商店面臨關閉。對此，美國零售商協會（NRF）預期，美國零售業未來3個月的營業額，恐少收4300億元（美元，下同），多少業者能支撐到疫情過後是未知數。
目前，美國政府批准了總共3000億元的延期納稅，加上計畫推出的上兆美元財政刺激計畫，有望為在疫情中苦苦掙扎的零售企業找到一條生機。</t>
  </si>
  <si>
    <t xml:space="preserve">15日大陸網上盛傳武漢病毒所一名女性研究生為新冠肺炎「零號病人」，武漢病毒研究所人員對此回應稱，可以保證武漢病毒所目前「零感染」。
陸媒《新京報》報導，15日有一則關於「武漢病毒研究所一名女研究生黃燕玲是新型冠狀病毒肺炎零號病人」的消息在網上瘋傳，暗指新型冠狀病毒的起源來自於武漢病毒研究所。
網上流傳的截圖顯示：「武漢（新冠）病毒肺炎的零號病人是黃燕玲，系武漢病毒所科研人員，2012年考入武漢病毒研究所的碩士研究生。」而15日晚間，媒體就此事向大陸中國科學院武漢病毒研究所研究員石正麗、流感病毒實驗室研究員陳全姣求證後，兩人均表示，對病毒所是否有一位名叫黃燕玲的女研究生並不掌握，但可以保證「武漢病毒所目前無一人感染新冠肺炎」。
「怎麼可能？這個一看就是假新聞。」石正麗說，「我可以保證，包括研究生在內，我們所沒有一個人被病毒感染過，我們所是零感染。」對於上述資訊，陳全姣也表示，「我們武漢病毒研究所沒有一例感染，我們病毒所絕對不是『零號』」。
報導說，據中科院武漢病毒研究所發佈於2011年11月4日的《2012年度推薦免試碩士研究生擬錄取名單公示》顯示，黃燕玲系西南交大推薦的學術性碩士。
網民對於武漢病毒所研究員的說法提出質疑稱，如果連黃燕玲此人的訊息都「不能掌握」，如何「保證」沒有人被病毒感染？其他網下的回應則表示，「把黃燕玲找出來或查就醫記錄跟體內核酸就清楚了，至少也讓她現身。
但也有網民回應表示，「一個2012年入學的碩士，不管是碩士還是轉博，都應該已經畢業了，怎麼可能扯到病毒這件事情上，另外頭像不放照片不是很正常嗎？這種都能被人挖出來，網民真的是太閒了」。
武漢病毒研究所在新型冠狀病毒肺炎疫情擴散之際，研究所與疫情的關係一直是網上言論質疑的對象，網上傳聞稱，病毒來源可能來自於處理實驗用動物時未按規定處理，導致應銷毀的動物外流，引發病毒流傳造成疫情。而所謂「零號病人」，正是指在外界得知感染病毒患者之前的那位不在記錄中的病患，即可能是被病毒研究所所方隱瞞的感染者。
</t>
  </si>
  <si>
    <t>新冠肺炎在亞洲全面蔓延，亞股昨幾乎全倒，晚間開盤的美股期指也重挫，道瓊指數一度大跌近千點達997.04點，歐股開盤重挫3％、義大利更是跌破4％，宛如2008年金融海嘯重現；華南投顧董事長儲祥生解讀，疫情擴散比想像中嚴重，全球無一倖免，美股收盤若無法控制在1.5％跌幅內，台股恐守不住前波低點。
國泰證期研究部分析師蔡明翰表示，亞股這波下跌，是疫情對亞洲股市進行第二波攻勢，第一波是在陸股農曆年後第一天開市；除南韓跌幅3.74％最顯著外，同是疫情災區的香港、新加坡等，也都超過1％以上。
蔡明翰認為，大陸疫情高峰已過，預估韓國再經歷2、3個交易日應該能緩和，甚至出現跌深反彈的跡象。
摩根投信環球市場策略師林雅慧指出，新冠肺炎疫情延燒，韓國、日本確診病例有驟增跡象，加上美國最新製造業、服務業數據雙雙陷入停滯，引發投資人對全球景氣疑慮，上周主要國家股價指數均已下跌坐收，從股票、金融市場的資金動能上，可以窺探出國際資金布局力道有收斂趨勢。
安聯台灣科技基金經理人廖哲宏表示，連美股都表現出擔憂的氣氛，美股四大指數上周皆呈跌勢，是壓抑亞股近來表現的原因之一；觀察近期台股盤勢，加上2月營收公布期靠近，市場可能持續受干擾，或提前反應，台股近期將呈持續盤整的格局。</t>
  </si>
  <si>
    <t>疫苗突破性感染令許多國家開始規劃加強劑的施打，但在低收入地區如非洲，民眾至少接種1劑疫苗的比例卻只有1.3％。對疫苗覆蓋率高的國家而言，加強劑的接種可有效對抗印度變異株（Delta），但隱憂在於可能導致新的變異株問世。而對疫苗覆蓋率低的國家來說，重症、致死率則無法下降。學者認為，若要減少健康不平等問題，應讓疫情高的國家先打第1劑，且需是保護持續力高的廠牌，才能讓全球疫情漸漸受控。
公衛學者任小萱表示，疫苗就像蹺蹺板，在高收入國家，已經有半數以上民眾接種至少1劑疫苗，相較而言，低收入國家如非洲，卻只有1.3-5％的民眾接種1劑疫苗。以以色列為例，當地為60歲以上民眾施打BNT加強劑後，顯示能預防86％感染，副作用與第2劑相近，能有效對抗Delta，目前該國也將加強劑年齡下修至40歲，另美國繼讓長者施打加強劑後，9月20日起也將加強劑的施打擴大至全民。
任小萱表示，高收入國與低收入國面臨的問題不一，對高收入國家來說，施打加強劑的隱憂在於可能導致免疫識別逃脫情形更嚴重，令病毒再度變異，甚至比Delta傳播力更強。對低收入國來說，則會因為疫苗覆蓋率不足，住院、死亡風險都較高。
由於部分高疫苗取得的國家會將疫苗贈送給低疫苗取得國家，有研究分析指出，若贈送的疫苗屬於免疫保護持續力差的廠牌（如：科興）， 在即便疫苗打的慢或疫情高漲，即便獲贈，疫情仍無法有效控制。若為免疫保護持續力較佳的疫苗（如：莫德納），即便疫苗打的慢或疫情高漲，適當分配能仍有效控制疫情。長遠來看，持續力差的廠牌，若能有效分配，3-5年後，低疫苗取得國家的疫情仍可下降，而若是持續力高的廠牌，有效分配則能達到更有效的控制。
台大公衛學院教授陳秀熙表示，全球若要維持健康平等，一定要選擇高效能的疫苗給施打率低的國家。他認為要讓疫情高的國家先打第1劑，才能產生平衡效果 讓全球疫情慢慢受控。若能像美國同時接種加強劑、贈送疫苗來達到「雙贏」最好，不過在無法兼顧的前提下，則需要普及化的第1劑及高效能的疫苗，低效能的疫苗則不宜考慮，這是全球疫苗的重要挑戰。</t>
  </si>
  <si>
    <t xml:space="preserve">
中央流行疫情指揮中心24日召開疫情說明記者會，宣布調升韓國的旅遊疫情建議等級，至於是否也會調升日本的建議等級，中央流行疫情指揮中心指揮官陳時中坦言，日本地區的確診案例也是在上升中，「在（調整等級）的邊緣」。
陳時中表示，日本的確診案例持續上升中，指揮中心也一直與國外交換訊息，其實日本當地也有發生部分群聚感染，會時時刻刻檢討，及早因應調整。
中央流行疫情指揮中心表示，考量目前列為新冠肺炎旅遊疫情建議等級第一級（泰國、義大利、伊朗）及第二級（新加坡、日本）國家的確診病例持續上升，且陸續傳出社區及醫院群聚，因此即日起自旅遊疫情建議第一級與第二級國家入境的旅客，入境後14天內，應落實自主健康管理措施。</t>
  </si>
  <si>
    <t>中央流行疫情指揮中心今(13)日公布國內新增1例境外移入COVID-19(新冠肺炎)病例，為本國籍40多歲男性(案530)，今(2020)年2月至中國江蘇工作，10月11日返台。是時隔8個月以來再傳台商染疫。
指揮中心表示，個案返台前，曾於10月1日出現流鼻水及有痰等症狀，僅自行買藥服用，未在當地就醫，其辦公室有另2名同事有感冒症狀，亦自行服藥未就醫。個案10月11日返台休假，因入境時有咳嗽、流鼻水及鼻塞等症狀，於機場進行採檢，並於今日確診，目前住院隔離治療。距離上一例大陸返台的個案是二月的時候。
指揮中心指出，衛生單位已掌握個案同班機接觸者共17人，其中10人為前後二排座位旅客，列為居家隔離對象，7人為機組員，未入境。
指揮中心統計，國內截至目前累計97,166例新型冠狀病毒肺炎相關通報(含96,055例排除)，其中530例確診，分別為438例境外移入、55例本土病例、36例敦睦艦隊及1例不明。確診個案中7人死亡、489人解除隔離、34人住院隔離中。</t>
  </si>
  <si>
    <t>大陸國家衛健委通報，5月30日0至24時，31個省（自治區、直轄市）和新疆生產建設兵團報告新增確診病例27例，其中境外輸入病例7例（廣東3例，上海2例，福建1例，河南1例），本土病例20例（均在廣東）；無新增死亡病例；無新增疑似病例。
其中，廣東新增本土確診病例20例（其中16例為無症狀感染者轉確診），廣州報告18例（其中14例為無症狀感染者轉確診），佛山報告2例（均為無症狀感染者轉確診）；新增本土無症狀感染者3例，深圳報告2例，佛山報告1例。
全省新增境外輸入確診病例3例，廣州報告，分別來自柬埔寨、印尼和坦尚尼亞。新增境外輸入無症狀感染者3例，廣州報告2例，分別來自中非和阿拉伯聯合大公國；佛山報告1例，來自法國。新增出院2例。
截至5月30日24時，全廣東省累計報告新冠肺炎確診病例2455例（境外輸入1033例）。目前在院64例。</t>
  </si>
  <si>
    <t>台北市長柯文哲與中央疫情指揮中心指揮官陳時中為了是否公布病例地點屢次隔空交火，柯還曾酸「現在都要順時中，別逆時中」，如今北市的防疫旅館地點卻不公開，柯4日受訪表示「這不是只有我們片面決定，這個就真的只好順時中了。」
柯文哲表示，防疫旅館是中央的計畫，北市是承辦單位，北市還是資源比較豐富，所以會先做出來寫SOP，據他所知有9個縣市都跟進，所以這是整個台灣的計畫，北市只是一個承辦單位負責寫SOP，然後全台灣有9個縣市跟進，這就不是只有他片面決定，這個就真的只好「順時中」了。
柯強調，系統要嘛就一致，要嘛就全部公開，要嘛就不要，現在已有9個縣市，依照這個速度，應該全台灣都會建立，總不能北市公開、其他都不公開，像這種事情就要全部一致，按照中央的規定處理。
媒體詢問，那陽明山防疫所是否公開？柯說，其實他從頭到尾都主張公開，但如果到現在為止，中央的政策是不想那麼透明，那這樣他就不要自己搞自己。</t>
  </si>
  <si>
    <t xml:space="preserve">
全國各縣市疫苗紛紛開打，台北市今（15日）起替預約接種的85歲以上長者及65歲以上原住民施打疫苗，但信義區長輩卻必須頂著艷陽，在飽受高溫曝曬的天氣下排隊等待，引起討論。
財經網美胡采蘋在臉書「Emmy追劇時間」分享北市信義區國中外，長輩排隊接種疫苗的照片。畫面中可看到許多高齡長者，其中有人還拄著拐杖、坐著輪椅，仍必須頂著33-34度的高溫，排成一列長長的隊伍等待接種。
胡采蘋寫道，「這張85歲老人們在艷陽下排隊的照片，就是在我所就讀的國中所拍攝，我在國中時期，曾經有兩次在升旗典禮朝會上被曬到昏厥，老師主動上來要我回教室休息。」
對此，網友也紛紛留言表示，「這種天氣，中暑了怎麼辦？」、「這種規劃完全是在考驗台北老人家的生存意志」、「如果這是我的爺爺奶奶在這樣的地方排隊，我一定會當場哭出來」、「如果我是85歲老人，拐杖早就丟過去了」。
</t>
  </si>
  <si>
    <t xml:space="preserve">新竹市政府為促進民間景氣復甦，持續推動「後疫情」紓困振興方案，並決定針對市府委外營運的OT廠商減收3月至5月50％、為期3個月的促參案件權利金、土地租金，包括委外經營藝文場館如辛志平校長故居以及市場攤商、停車場等都受惠。
市府指出，此次推動的紓困振興方案，是針對市府委外營運單位（公辦民營）的OT廠商減收3月至5月一半不等的權利金與土地租金，包括辛志平校長故居、李克承博士故居、將軍村、湖畔料亭、玻璃工坊、氣象站等，讓在疫情暴發以來人潮至少減少4至6成的廠商都能受惠。
此外，市府也對公有市場、動物園營運單位等祭出租金減免，共有超過2000家攤商業者受惠。公有零售市場所有攤商的4、5月租金也減收50％，果菜市場與漁港直銷中心所有攤商兩個月減租30％。
另，樹林頭臨時攤販集中場、假日花市、園藝市集及農特產直銷中心所有攤商，3、4、5月都減租50％租金。
香山溼地生態館因疫情關閉生態館展區，民眾只能外帶，營運受影響，市府也減收3個月30％租金。新竹市立動物園親子餐廳、餐車、遊客中心及禮品部等業者，3個月租金減半。
此外，停車場業者也能申請權利金減免方案，業者須檢附今年3月至5月任連續2個月總營業額較去年同期減少達15％的證明，就能申請減收3、4、5月計3個月50％權利金，包括府後、北區行政大樓、明志書院等10個公有停車場都符合資格。
</t>
  </si>
  <si>
    <t>新冠肺炎疫情持續升溫延燒，嘉義市累計3例確診案例，防疫再升級，27日學生幾乎都戴口罩上課，市府雖仍舉辦春祭國殤典禮，但市長黃敏惠及參加祭祀者都距離至少1.5公尺，原訂28日辦理的反毒街舞大賽活動則暫停。
春祭國殤祭典27日在射日塔忠烈祠舉行，由黃敏惠主祭，民意代表、嘉義後備指揮部及市府各單位主管到場與祭，黃還致贈家屬慰問金。鑑於新冠肺炎疫情持續升溫，祭典也縮減規模，由原訂250人縮減至40多人，但氣氛依舊莊嚴肅穆。
主辦反毒街舞大賽的國際獅子會300-D1區總監張秀華議員則說，結合嘉市府舉辦的反毒饒舌街舞大賽，因疫情變化已經改期3次才終於敲定本月28日舉辦，有13隊參加，選手們都練舞很久，期待大展伸手；惟疫情嚴峻，防疫優先，只好忍痛暫停，擇期再辦。
此外，嘉縣教育處也緊急召開國中小校長會議，鼓勵學生戴口罩（含布口罩）進入校園，昨天國中小學生幾乎人人戴口罩上課，還有學生戴口罩上體育課。
教育處長林立生說，新冠肺炎主要是飛沫、接觸傳染；據台北市立聯合陽明醫院胸腔內科醫師蘇一峰說，布口罩對飛沫有防護效果，且布口罩洗淨消毒能重複使用，鼓勵學生戴口罩自我保護，也保護他人。</t>
  </si>
  <si>
    <t>新冠肺炎確診人數持續攀增，新北市長侯友宜今召開新冠疫情第26次應變會議，會後新北市衛生局長陳潤秋宣佈，新北市53家醫院一般病房、142家護理之家，20日起全面禁止探病、陪病限1人；加護病房則需訂定探病時段，每次最多2人探病。
此外，陳潤秋表示，新北住宿型安養、養護及長照機構共214間，全面改以視訊探病為原則，若有特殊狀況需當面探病，須在非照顧區的獨立會客室進行，且限時30分鐘，減少長者感染。</t>
  </si>
  <si>
    <t xml:space="preserve">清明連假期間，不少國人到各大熱門景點趴趴走，連假過後，急診呼吸道症狀患者暴增，陽明醫學博士胸腔重症醫師蘇一峰爆料，短短一小時內就來了三個連假出遊後發生呼吸道症狀的患者，預估連假後的大量篩檢潮將出現！
蘇一峰今天在臉書發文指出，在美國急診看病要十幾萬台幣，台灣只要五百元不到，台灣就是就醫太方便又超級便宜，就算全世界都已經怕爆新冠肺炎了，不少台灣民眾還是照常出遊和出國，他預估連假後的大量篩檢潮將出現，還有大量海歸與本土疑似個案，他感嘆「你的歲月靜好，是有人負重前行」。
中央流行疫情指揮中心表示，清明連假民眾南來北往互動頻繁，且部分觀光景點人潮密集，為確保國內社區防疫安全，民眾若在連假期間曾至人潮擁擠的地方活動，請自主健康管理14天。至於下一波五一連假是否會為防疫而取消？指揮官陳時中表示，會視疫情變化調整。
</t>
  </si>
  <si>
    <t>近來本土疫情增溫，教育部今（11）日公布最新全國學生確診人數統計，截至10日下午5點半，新增本土和境外各1名學生確診，總人數增至746人，其中本土確診學生720人，境外移入26人。
教育部校安中心統計4月20日至9月10日下午5點半學生確診人數，本土確診學生人數有720人，以大專校院211人最多，高中119人、國中113人、國小189人、幼兒園88人。
根據教育部資料顯示，另有26名確診學生是境外移入，其中24人是大專生，1名國中生及1名國小生。
教育部也公布行政院孩童家庭防疫補貼網最新統計資訊，目前已領到孩童家庭防疫補貼的人數比率約96.91％，合計共230萬9813人符合領取資格。</t>
  </si>
  <si>
    <t>全國各級學校因疫情從5月下旬便停課至今，疫情期間實體課程改為線上遠距教學，上課方式新穎、新奇，此舉意外吸引中輟生參與，桃園的國中小中輟生有50人回歸學習。
桃園市國中小中輟生原有103位，每位中輟生有不同的狀況，包括抗拒到校、不願離開家中、情緒困擾、有焦慮狀等。教育局學輔校安室主任鄭淑玲指出，這次因疫情改為線上教學，有50位中輟生穩定接受線上學習，從中輟生名單上結案，目前桃園市國中小中輟生僅剩53位。
教育局統計，大崗國中原有8位中輟生，現有1位；八德國中原有6位中輟生，現有4位；桃園國中原有6位，現剩下2位。鄭淑玲分析，相較傳統授課模式，線上教學時間彈性，對學生來說更為新奇，學習意願提高，若開學後若中輟生想繼續使用線上教學也可以，會提供學生多元管道學習。
鄭淑玲表示，線上學習讓學生有新鮮感，且藉由線上學習，減少人際關係或肢體誤會的干擾，讓學生更能勇於發言，增加學習效能，而老師也能在線上學習的視訊中，了解學生狀況並進一步評估後續輔導措施，協助學生持續穩定就學。
大崗國中校長徐如君說，學校一直以來都有持續追蹤中輟生去向，大多數是家庭問題，學校都會扮演協調者，協助孩子與家長修復關係。由於中輟生輟學時間都在使用電腦、手機，這次線上教學多少也會增加其學習意願，詢問中輟生們願不願意改為線上上課，多數都答應。
桃園市中輟復學措施有2種，包括高關懷課程及適性化課程，高關懷課程是針對中輟生、可能中輟的學生去規畫，推出烹飪、烘焙、騎腳踏車、走繩等課程，現有59校國中申請中輟線上學習計畫，希望以多元彈性課程，吸引中輟學生返回校園穩定就學。</t>
  </si>
  <si>
    <t xml:space="preserve">39歲男星黃少谷是強辯樂團主唱兼吉他手、龍之家族吉他手，去年與37歲Weather Girl天氣女孩林采薇結婚，今年3月宣布太太有喜，本以為事業、婚姻皆得意，想不到新冠肺炎重創經濟，黃少谷頓時失去工作機會，眼看老婆快生了，他決定放下音樂夢、轉職當上班族。
黃少谷14日在臉書沉痛發文：「這個疫情，也對我的夢想判了死刑嗎？」他表示疫情前進修吳皓昇老師的表演課，對方告知「如果我要拚！就是這兩年了」未料拍完八點檔、準備第二張專輯《命運》時，疫情忽然爆發，出唱片的夢想因此夭折。
黃少谷坦言在音樂領域看不到什麼成就，「我也不是什麼實力派歌手，我只是愛寫歌，愛分享我的創作，但這個世界慢慢的往飆高音+技術面的歌手前進時，純粹的創作與態度，對我來說已經不合時宜了」他離開音樂公司、轉戰戲劇圈，疫情卻越來越嚴重，再度失去機會。
看著嬌妻林采薇的孕期來到7個月，「有一天她一臉擔心，跟我討論著未來，我心想！放棄吧，放棄那個未知的等待。於是我在求職網站上，找了個工作！」後來黃少谷向吳皓昇老師坦承當上班族，「聊了很久，他說那時候跟我拍戲，看不到我的潛力，後來幫我上課，才慢慢的發現我很多地方可以發揮，這兩年他也很期待我可以發展。」這通電話讓黃少谷傷心不已，因為還沒準備好時機會來了，等到真的準備好又失去機會。
同為演員的邱琦雯看到這篇貼文，安慰黃少谷：「老弟，很多同行也都停擺停工，不要灰心，待疫情過後也許機會就來臨了！」五月天士杰也留言打氣：「機會是留給準備好的人，而不是留給放棄的人喔，你現在選擇相對侷限，不是你的問題，不要往心裡面去，而是要趁現在充實自己，從不同面向去體會人生，才有可能給觀眾&amp;也給自己新的觀點～小朋友剛要出生，人生才是真正的重新開始。」最感人的是，老婆林采薇也站出來挺丈夫，「老公謝謝你為家庭的付出，每次看著你那麼認真那麼努力一直一直不斷的做功課練習，我都默默在一旁幫你加油打氣著，這行需要很多的是機緣跟運氣，你每天在家的努力我都看到了，老公我會一直在！一直陪你走下去！」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新冠肺炎防疫打持久戰，依規定須居家隔離、居家檢疫、自主健康管理者，在14天的隔離期間若有非發燒與呼吸道症狀的就醫需求，即日起可撥打防疫專線（05）2341150，由嘉義市衛生局指定22家醫療院所視訊看診。
市衛生局表示，衛生局首先確認民眾身分、身體狀況與就醫需求，依民眾的就醫習慣，指定合適的醫院或診所做遠距離診療，由專人或個案管理師與病人約定看診時間、通訊軟體，再由醫師在診間與病人視訊通話看診，通訊診療會截圖與錄音。
通訊看診後，領藥、繳款需由家屬或委託代理人完成，醫院會憑著健保卡提供藥物，並安排繳費，由家屬與代理人把藥送給居家檢疫、居家隔離、自主健康管理者。
衛生局表示，目前嘉義市還沒有民眾提出通訊看診的需求，若是居家隔離、居家檢疫與自主健康管理民眾有發燒、呼吸道症狀，不適用視訊診療，須通知衛生局或撥打1922，協助安排迅速就醫。</t>
  </si>
  <si>
    <t>在一對前往夏威夷旅遊的日本夫妻返回名古屋，傳出入院治療新冠肺炎的消息後。達美航空（Delta Airlines）與夏威夷航空（Hawaiian Airlines）正與美日衛生當局合作，追蹤他們曾行經的路線。
據《今日美國報》（USA TODAY）與CNN新聞網17日報導，一對60多歲的夫妻1月28日搭乘夏威夷航空，前往度假勝地夏威夷，在當地玩了將近10天，2月6日搭乘達美航空611班機從檀香山返回名古屋。接著就傳出，兩人因罹患新冠肺炎，入院治療的消息。
此外，達美說，他們正主動連絡那些最近搭乘該班機的乘客。聲明中指出，他們正與美國疾病管制與預防中心（CDC），還有名古屋衛生當局合作，以採取必要措施，以確保顧客和機組人員的安全。
儘管加州等美國7州已出現15宗病例，但夏威夷官員說，至今當地還沒有出現新冠肺炎確診病例。</t>
  </si>
  <si>
    <t xml:space="preserve">國防部規劃，這批17具自動化核酸分析儀，將優先部署於執行長期偵巡任務之船艦單位、外離島偏遠單位、及各作戰區國軍醫院，俾利單位醫官運用小型自動化核酸分析儀設備，針對疑似出現新冠肺炎各類症狀之出勤官兵，實施早期採檢及初步診斷，以利及時通報應處，精進國軍防疫整備工作。
據了解，這批新購的小型自動化核酸分析儀，是運用熱隔絕恆溫聚合酶連鎖反應技術(insulated isothermal PCR, iiPCR)進行核酸擴增反應，具有無須反覆加熱及冷卻、反應條件單純、設備體積小及反應時間短(85分鐘)等優點，可同時檢測8個檢體，並具備自動除汙消毒功能，避免人員感染及後續檢測汙染。另設備體積小，適合部署於空間狹窄之船艦單位，亦可依任務，彈性調撥至須採檢之其他單位。
國防部軍醫局表示，自動化核酸分析儀已完成採購及交貨，並配發海軍、外離島及各國軍醫院，合計17台，亦完成專責操作人員教育訓練，共計3場次、141人次參與。
國防部說，自動化核酸分析儀設置後，可因應疫情，由單位專責人員即時進行疑似個案初步篩檢，強化適切之防疫應處作為，確維官兵健康並持續執行國軍各項年度戰演訓任務。
</t>
  </si>
  <si>
    <t xml:space="preserve">美國部分學區近期相繼打開大門讓師生返校上課，不過現在傳出，有中學開學第一天就傳出學生感染新冠肺炎，迫使校方在開學幾小時就祭出隔離措施。
綜合《紐約時報》（New York Times）、美國哥倫比亞廣播公司新聞網（CBS News）報導，美國印第安納州（Indiana）葛林斐德中央中學（Greenfield Central Junior High School）7月30日讓師生重返學校上課，開學第一天幾小時後就傳出有學生新冠病毒檢測呈現陽性。
當地衛生官員指出，該名學生是在回學校前幾天進行病毒檢測，當天下午檢測結果出爐後，當局立刻通知學生家長以及有關單位。
據了解，該名染疫學生當天曾在學校走廊上穿梭、並且出席不同教室的課程。學校在接獲通知後已立即要求學生以及所有相關接觸者隔離14天。目前尚不清楚染疫學生是否感染了其他人。
主管印第安納州葛林斐德中央地區學校的教育局長歐林（Harold Olin）表示，當局早就預期今年秋天學校可能會出現確診病例，只是沒有想到開學第一天就發生這種事。
儘管學校重新開放才幾小時就傳出確診消息，當地學區仍不改開學計畫，只是因應情況啟動病毒檢測方案，所有密切接觸者必須隔離14天才能重回學校，確診者必須隔離10天，並且在出現症狀的72小時後才能回到學校。
除了葛林斐德中央中學，印第安納州印第安納波利斯市（Indianapolis）的雅芳高中（Avon High School）一名教職人員也傳出確診新冠，所幸該名職員近期並未到校，因此校方不需要對相關人員祭出隔離措施。
不過美國學校復學後傳出確診並非單一事件，美國有線電視新聞網（CNN）報導，密西西比州科林斯高中（Corinth High school）在開學一周後，一名學生也傳出新冠病毒檢測結果為陽性，該名學生及相關接觸人員已被要求在家隔離。
《紐約時報》指出，隨著部分學區堅持讓學校重新開放，校方也得做好師生面臨隔離或是學校重新關閉的準備，不過學校是否關閉，各地區有各自的規定，以紐約市為例，一個班級若有1至2人確診，全班必須停課、隔離14天，若一個學校不同班級有2名以上師生染疫，學校必須關閉至少14天進行調查；加州則是2周內全校有超過5%的師生染疫後才須關閉。
</t>
  </si>
  <si>
    <t>美中貿易戰和科技戰後，由於美國對大陸高科技的管制造成下單轉單效應也使台灣的科技業商機暢旺。尤其是半導體的搶單轉單效應，以及AI、5G、物聯網等技術的開展，對半導體需求量大增的情況下，成為各方爭搶訂單的標的，而使台積電贏得「護國神山」的美名。其次，COVID-19的肆虐，導致遠距醫療、遠距工作、遠距學習、遠距娛樂等蔚為潮流，也帶動筆電、雲端、資訊安全的需求。此外，在新生活型態的帶動下，共享經濟、平台經濟、外送經濟等新的平台、跨域合作大放異彩。
雖然台灣獲利於新冠肺炎、美中科技戰，也使台灣在科技業的訂單源源不絕。但深入分析，台灣受惠的絕大多數是代工、硬體，而非軟體、服務、智財權與品牌。如遠距的需求，台灣還是以筆電、伺服器等硬體為主，對遠距的視訊軟體、資訊安全軟體的著墨相對較少。同時，在共享經濟、外送經濟蔚為潮流之下，台灣除了Ubike之外缺乏自己的平台，Uber Eats、Food Panda均為外來的品牌。
而台灣冀以重望的半導體目前在搶單的情況下，訂單已經超額下訂到12至18個月。其中有些訂單並不扎實，一旦景氣下滑，這些訂單也可能會毀約，屆時台灣能否繼續維持這麼熱絡的景氣，也有一定程度的不確定性。
就股市而言，台積電占台灣上市櫃公司市值近30％，其他前十大市值公司的九家總和，僅占台積電的一半。而且前述十大市值的公司，多數是成立30年以上的半導體、電子、石化公司，皆為硬體製造業。和美國、韓國、中國股市的多樣化有著相當大的差異。美國軟、硬體各半；韓國近年來網路、生技、鋰電池產業崛起；中國則在網際網路及相關應用服務大放異彩，股市的表現更多樣化，更向新經濟靠攏。此外，如再以初次上市櫃企業（IPO）的金額觀之，那斯達克（Nasdaq）有570多億美元，香港有510多億美元，台灣則只有100多億元新台幣，相去甚遠。
由產業多元化、股市成交值內涵及IPO金額等新經濟的指標觀察，台灣和新經濟還有一大段的距離。
至於台灣如何拉近和新經濟的距離？由於台灣和歐洲距離較遠、地緣關係不強，日本則吝於技術的移轉，而美國仍是AI、5G技術的主要源頭。因此，和美國的接軌，將是台灣未來和新經濟接軌的主要驅動力。
台灣和美國在科技上接軌可以透過以下三個方向進行：第一，供應鏈的接軌；第二，人才、技術、商業模式的接軌；第三則是資金、資本市場的接軌。
在供應鏈的接軌上，台灣經由大陸、東南亞，乃至墨西哥的投資布局，接軌美國市場，已經相當完整。但隨著美中科技戰的開打，潔淨網絡（clean network）的布建，區隔非紅色、紅色供應鏈，值得廠商正視，也是政府可以支援的課題。另外，美國推動再工業化、創造就業機會，台灣是最好的策略夥伴。台灣可以慎選一、兩個重點產業，提供海外供應鏈的協助，幫助美國再工業化、創造就業機會，贏得台灣在美國政界及一般民眾的信任。
在人才、技術、商業模式的接軌上，AI、5G、物聯網等技術源頭仍在美國，台灣可以透過創業投資、透過購併美國廠商取得人才、技術，鏈結美國在新經濟的生態鏈。一方面投資美國，另一方面台灣可以取得先進的技術、商業模式模式，在科技上繼續領先中國、東南亞。
在資本市場的接軌上，其一，台灣可以參考那斯達克的改革經驗。那斯達克過去面對上市企業減少的困境，開始透過資金的挹注，扶植新創企業，讓新創企業可以源源不絕的上市，為那斯達克資本市場注入活水。其二，改變企業上市的準則，從新經濟的角度，鬆綁缺乏彈性的準則，尤其是透過矩陣式的規範，讓企業在資本、營業額、獲利率等不同準則上，有更多彈性的選擇，增加新創企業上市的機會。
其三，台灣的創新板可以選擇和那斯達克合作，因為那斯達克有嚴格的審核程序（SOP），有國際的品牌，更容易引進國際的資金。因為它有國際的聲譽，更容易取得國際投資人的認可，資金將可源源不絕而來。比台灣自行推動創新板來得簡單，而且投資人來自全球各地，影響更為廣泛。又，台灣可以組成一個創業20（20家台灣最好的新創企業），在那斯達克的台灣板掛牌，接軌美國，引進國際資金，為台灣的新創企業，開啟接軌國際資本市場的出海口。
當然，台灣的產業應該更多元化，尤其是扶植生技醫療、軟體服務、網際網路的新創企業，才能夠和國際資金想要投資的產業相吻合，如此台灣將更容易取得國際資金的青睞。</t>
  </si>
  <si>
    <t xml:space="preserve">新冠肺炎疫情延燒中，前國民黨副祕書長蔡正元上午在臉書發文，指台北市政府最應在全台防疫工作發揮領導作用，急診醫師出身的台北市長柯文哲，也應比牙醫出身的疫情指揮中心指揮官陳時中，更懂如何準備，卻連演練都不做超前陪署。他呼籲「柯文哲該加油了吧？」
蔡正元說，柯文哲是大牌醫師出身，面對冠狀病毒疫情，照說應該有突出的表現，但是柯文哲領導的台北市府，從疫情爆發到現在，卻沒有什麼特別的表現；平常話術很多的柯文哲，最近講起話來也淡如水。是柯文哲改變為低調作風，還是老柯江郎才盡？
他說，其實台北市府最應該在防疫工作上，發揮全台的領導作用，而不是做個平庸的角色；特別在防疫期間，作為市長的柯文哲，更該想到台北市最多回台人口，要如何防杜社區感染？ 急診醫師出身的柯文哲總該比牙醫出身的陳時中，更懂得如何準備吧？
蔡正元說，台北市也最會在地震上受傷，現在既是防疫期間，也是地震易發時期，若同時發生，台北市總不會連個演練，都不做超前部署吧？該做的事很多，柯文哲該加點油了吧？
</t>
  </si>
  <si>
    <t xml:space="preserve">昨（2月29日）中央流行疫情指揮中心公布新增5例新冠肺炎確診，台灣境內已出現院內感染。受到疫情影響，許多行業收入銳減，計程車若不跑車載客，就沒有收入；一名網友貼出搭車照片，只見小黃司機自製「防疫神簾」，短短半天就破7萬網友按讚，網友大讚司機超有才！
一名網友在臉書社團「爆料公社」發文，「今天遇到這個計程車大哥太有才了！」大讚是遠離新冠肺炎的最佳示範，原來司機買了一張大片的透明塑膠布，將前、後座完全隔離成兩個空間，用來避免飛沫感染。
原PO表示，在防疫神簾下方有一個盤子，是司機特意準備的，用來付錢、找錢，可以減少肌膚接觸；至於她在搭車的期間，司機也全程開窗保持通風，原PO大讚：「不讓他紅不行！」
網友看後也紛紛大讚「這個很可以」、「很懂得保護自己，讚啦」、「保護自己也就是保護別人」、「生活靠智慧」、「這防疫做的好嚴密」。不過也有網友提醒「透明布要洗才有效果，否則反而把病毒留在距離呼吸道更近的地方」、「冷氣空調開車內循環就破功了」、「這還存有很大的空隙，並未做到完全隔離，沒啥作用只是求心安而已」。
更多 CTWANT 報導
</t>
  </si>
  <si>
    <t xml:space="preserve">是方(6561)堪稱中華電(2412)小雞金，去年每股大賺8.67元，以歷史成長軌跡來看，今年有機會挺進1個股本，獲利在疫情中突圍，加上101%的配息率，台股績優生當之無愧，市場就斷言，「在這波疫情下、帶動靠雲端相關維繫生命的技術大獲全勝」，可以預期在2021年以及之後雲市場將持續呈現雙位數成長，是方不僅有雲，加上IDC機房、數據網路等產品相互幫襯，長線發展確實值得拭目以待。
總經理劉耀元接受專訪時就表示，是方一直在邁向國際化的路上，也持續在為國際化做準備，包括FAMG四大科技巨頭(Facebook+Amazon+Microsoft+Google)都是是方客戶，是方也與東南亞各地電信業者緊密合作，持續增加電信機房服務據點，「國際化」將為是方絕對也必須走的路！
問：2020年全球遭到covid-19衝擊，產業環境遭逢重大改變，是方營運卻逆勢突圍，去年每股獲利8.67元，營收、獲利同創新高， 2020年是方營運表現及成長因素？此外，是方嗅到的「疫」外商機？
是方產品主要分為四大類別，包括IDC機房、數據網路、語音通信，以及雲端應用服務等，劉耀元談到，就去年這波疫情來看，衍生出來的就是「無接觸式服務」，其帶來許多數位商機，市場對於雲端的需求攀升，網路流量使用增加也促使對IDC機房的擴增，還有視訊會議等服務，上述服務不僅不受到疫情打擊，反而是因更多公司往雲端化、數位化發展，且電商生意更好，對流量的要求也更高，這都是是方2020年在疫情下，加分的項目。
當然，有利則有弊，劉耀元說，疫情對是方也有帶來負面影響，是方的客戶群很廣，其中也有旅行社、餐飲業等採用是方主機代管，這方面營收服務就突然銳減，但整體來說，正面的貢獻絕對大於負面的衝擊，而類似旅行社、餐飲業等佔比是方客戶不到5%。
以是方070遠端視訊系統來說，最主要不僅是雲端視訊系統，也是一個雲端總機，以前客戶需要自己安裝交換器，但透過是方的雲端總機，客戶只要透過申請服務，不管事企業內部分機、視訊會議以及電子白板等，對客戶來說相當方便，也因為疫情客戶多出2~3成。
</t>
  </si>
  <si>
    <t>台北市公布2例確診者足跡，其中案15907在10日確診，初判可能感染源尚待釐清中，個案曾在8月7日到過遠百寶慶店，10日曾到過台灣銀行萬華分行，皆已完成清消，遠百寶慶店今停業1天；個案曾搭乘的捷運8／10已完成清消。
另外，個案15908在10日確診，初判可能感染源為家戶感染，個案曾在7日到過大同區的易明軒庭園餐廳；9日曾到過錢都涮涮鍋台北延平店，8／10完成清消，8／10-8／12停業3天，至8／23禁止內用僅能外帶。</t>
  </si>
  <si>
    <t>台中市清水區一處社區6日晚間傳出有住戶確診COVID-19被安置到醫院隔離治療；對此台中市衛生局指出，是5名孟加拉籍船員租屋在此，已解隔離後要再登船做PCR篩檢，未料5人中有1人為陽性，令人憂心的是其中1人10月29日入境解隔離後已入住該社區超過半個月，另4人11月18日入境也在上周解隔離入住該社區還在自主健康管理中。
台中清水社區6日晚間傳出有民眾確診，晚間救護車進進出出將住戶隔離安置，台中市衛生局證實為境外移入個案，是5名孟加拉籍船員入境檢疫期滿，要再登船做PCR檢驗，其中1人呈現陽性，衛生局不敢輕忽已立即隔離安置，並重新採檢送驗。
衛生局表示，新增境外移入陽性個案為新加坡入境孟加拉籍船員，其中4名個案曾施打過1-2劑新冠疫苗。這5人有1人是10月29日入境，另4人11月18日入境，自桃園機場入境，入境時都持3日內陰性報告自新加坡來台，入境唾液檢驗及檢疫期滿前鼻咽採檢皆為陰性，檢疫期滿後入住公司租屋處，其中1人11月中就已入住該社區，另4人上周入住，還在自主健康管理中。
對於該群聚確診是否整個社區民眾都有被傳染之虞，台中市衛生局指稱，5人中有4人還在自主健康管理中，經調查個案外出皆有佩戴口罩，出門時無於社區大樓逗留，因語言不通無與其他住戶接觸，目前尚待疾管署檢驗血清等釐清感染源。</t>
  </si>
  <si>
    <t>11月初荷蘭新冠肺炎住院人數再飆高，令政府考慮重啟防疫限制，可能成為今夏以來西歐第一個提高防疫限制的國家。由防疫專家組成的疫情管理團隊近日建議，政府應下令取消大型集會活動、關閉電影院，並縮短餐飲業營業時間。
荷蘭總理呂特（Mark Rutte）可能在12日做出決策。儘管荷蘭成人疫苗接種率逼近85％，但新冠肺炎住院人數大增令許多醫院被迫縮減日常醫療人力。</t>
  </si>
  <si>
    <t>「印度神童」阿南德多次預言成功，讓不少網友深信不疑。他曾警告12月要更加小心，全球疫情可能會加劇，沒想到Omicron變異株就出現，讓世界各國紛紛祭出邊境政策，近日他又有最新預言，他提醒12月有6件事要特別小心，包括疫情與病毒範圍會擴大、國際政治局勢、洪水氾濫、房地產業及畜牧業等。
阿南德上月26日於YouTube頻道《Conscience》上傳影片警告，大家要特別注意12月的第二周，這個時間點可能會看到更大的疫情危機，與病毒傳染的範圍會再擴大，且在明（2022）年全球將面臨多個災難。
阿南德表示，受到木星逆行的關係，許多疫苗接種率高的國家，也會面臨高感染率，包括英國、以色列、法國、西班牙、瑞典及日本等，多達17個國家都已出現疑似Omicron變異株病例，也要注意國際政治局勢變化，特別是大陸與印度邊界的發展，有可能在明年3月至4月間，出現狀況。
阿南德說，全球氣候變遷也要注意，特別是洪水氾濫問題；另外，因為月偏食的關係，是血月、紅月亮，在這2至3個月內，要留意房地產業、畜牧業的發展，最後他也說，印度的經濟也是值得關注的事。
阿南德也提醒，疫情雖然嚴峻，但疫苗並非萬靈丹，建議大家從大自然中得到防衛武器，也就是保持健康的生活方式，才能對抗疾病，可吃沒有加工過的食品、呼吸新鮮空氣、多曬太陽，別重度使用3C產品，要適時釋放壓力。
★《中時新聞網》提醒您：民俗傳說僅供參考，請勿過度迷信。</t>
  </si>
  <si>
    <t>UVC LED消毒殺菌應用多元、且技術門檻較高，隆達電子（3698）身為光電半導體解決方案提供者，專注於光、機、電、熱的技術整合及產品創新，也是業界少數可提供晶粒、封裝、模組一條龍生產的LED光源提供者，近年也積極開發UVC LED。為滿足使用者的多元需求，近期更推出多款UVC LED新品，PU35CL1能耗低、封裝小，特別適用於隨身型殺菌用品，民眾在外可隨時清潔，不把病毒帶回家! 而PU35CM1適用於100ma typ.13~15mW的強度，能在有限空間快速殺菌，可安裝在空氣清淨機、空調..等白色家電中，是居家防疫不可缺少的利器。
隆達深耕LED多年，是業界少數同時可提供UV晶粒、封裝及模組之全方位技術製造商，光電設計技術團隊，可針對客戶需求開發客製化產品。
新冠肺炎疫情在全球釀成極大恐慌，為防止病毒感染及散播，人們格外重視殺菌。UV-C紫外線已被証明能消滅細菌、病毒、黴菌等微生物。近期中國國家衛生委員會針對冠狀病毒相關治療指南中指出，紫外線將可消滅COVID-19病毒。</t>
  </si>
  <si>
    <t>大陸浙江寧波市疾控中心日前針對新冠肺炎感染案例進行特徵分析，其中發現，1月22日~2月22日期間，寧波市累積的157起確診個案中，有近9成為群聚感染，最大宗的群聚感染事件則是來自1月19日的一場大型佛寺活動，總共導致了67起確診病例以及15個無症狀感染者。
該份研究名為《寧波市新型冠狀病毒肺炎病例流行特徵分析》，於4月10日刊登在《預防醫學》期刊當中，作者為寧波市疾控中心張棟樑、易波等人。
該研究指出，1月22日~2月22日期間寧波市本地感染病例為106起，佔總數67.52％；而首位確診病例是寧波某公司財務人員，曾在1月14日前前往杭州參加會議，並在當時與來自武漢的同事討論，並在1月22日返回寧波被診斷感染新冠病毒。
值得注意的是，研究當中提到，在1月19日舉辦的某場大型佛事集體活動，發生嚴重群聚感染致社區疫情暴發，確診病例共有67例，無症狀感染者15例。確診病例中，男性17例、女性50例； 50歲以上病例48例，佔71.64％。
研究指出，寧波市1月22日報告首例確診病例，且為本地病例，當日即出現病例發病峰值，呈現本地病例和輸入病例共同流行趨勢，與1月19日那場大型佛教集體活動造成的聚集性感染進一步導致社區暴發有關。
此外在這段期間，寧波市下轄10個縣市都有確診病例。數量居前三位的分別為海曙區69例、慈溪市26例以及鄞州區16例，佔10.19％。海曙區確診病例數主要與前述大型佛事集體活動導致的聚集性疫情所致。
事實上，早在2月上旬，寧波官方就曾公告這場佛教集體活動導致的聚集性疫情，當時稱有25人確診。</t>
  </si>
  <si>
    <t>首批混打預約今天上午10點開搶，截至下午1點，已有17萬人預約，預約已於今天下午4點截止。原定混打將在11月20日、21日進行，但考量適逢周末，中央流行疫情指揮中心宣布延長至24日。
有民眾今天一早上網預約混打，意外發現24日前皆可預約。指揮官陳時中說明，原本開放混打日期為11月20至21日，但明後天是周末，有些地方沒有開那麼多站，因此延長至24日，下周一到周三都可以預約接種。
陳時中也說，第14輪混打疫苗共有26萬8984人登記，已預約混打共16萬9597人，其中選擇莫德納約有11萬人、BNT則有5萬4千多人。</t>
  </si>
  <si>
    <t>JYJ成員金在中昨(1日)稱罹患新冠肺炎，結果不到1小時內又自首稱是「愚人節玩笑」，引發軒然大波，韓國網友怒上青瓦台網站請願要求懲罰金在中，消息傳到PTT，台灣網友則虧他成了「確診中」。韓媒報導，多次散布假消息引發民眾不安可能處以一年以下有期徒刑，但警方表示，因金在中沒有反覆發布假消息，而是只發一次，被懲罰的機率很低。
金在中昨晚二度發表道歉聲明，稱自己的父親日前接受肺癌手術，在醫院內看到醫護人員為抗疫做出的努力，相反的是周遭人穿著普通衣服在沒戴口罩的狀態下如往常無異的享受生活，更讓他覺得應該提高警覺心，還稱：「今天的文章雖然有些過分，但如果因此引發矚目的話，或許會有更多人聽勸？」
而人在日本工作的金在中，昨晚緊急取消了NHK廣播節目「古家正亨のPOP★A」，今風波繼續延燒，原定5日在5日在NHK BS premium的「《the covers》名曲選2020」演出也突然宣布取消，3日將參加音樂廣播《M Station》特別節目是否也被取消則是未知數。
另一方面，韓國網友也不領情金在中的道歉，昨下午已有人在青瓦台請願嚴懲金在中，截自2日凌晨已超過2萬人連署。韓國警方則說，根據當地法律，多次散播造成人民恐慌的假消息，將處以1年以下有期徒刑或罰款1000萬以下韓元（約24萬台幣），但因金在中並沒多次傳播，可能無法適用這項罰則，而傳南韓中央防疫對策本部討論此例是否適用《傳染病防治法》第18條，若未有正當理由提出假資料，最高可處2年以下有期徒刑和2000萬以下韓元罰金（約48萬台幣），最新消息是此法僅適用於醫療人員，金在中並不適用。</t>
  </si>
  <si>
    <t>不用戳鼻孔、也不用等待24小時，只需對小袋子呼氣30秒，就可以在5到10分鐘內確認新冠檢測結果的技術已不是夢想。近日線上發表於國際學術刊物《呼吸研究雜誌》一篇論文表明，北京大學環境學院教授要茂盛團隊與北京朝陽區疾病預防與控制中心等團隊合作，集成呼出氣採樣、氣相色譜－離子遷移譜檢測和機器學習模型，研發出新冠感染的「無創呼出氣揮發性有機物組合指紋篩查系統」，並已申請大陸國家發明專利。
「實驗已經證明這種方法有效。檢測不但快，而且足夠靈敏。」要茂盛說明，目前無創呼出氣篩查系統正計畫擴大樣本量，進一步優化與測試以實現推廣應用。
據《科技日報》引述要茂盛表示，該檢測中無需任何檢測試劑，被試者使用一次性呼吸袋，只要呼氣30秒便可完成樣品採集。最快能在5到10分鐘內實現新冠患者快速篩查。相比核酸檢測，這種方法不僅簡便省時，還十分經濟。
要茂盛認為，新冠核酸檢測有時會出現「假陰性」的隱患，特別許多場所和場景都需要快速篩查，例如高層會議、海關入境、特殊航班、隔離酒店、收治醫院等，可在這些地方填補核酸檢測在時間和靈敏度方面的不足，做到「雙保險」。</t>
  </si>
  <si>
    <t>全國三級警戒延至6/28，許多人關注是否再繼續延長，台大醫院前副院長王明鉅發文表示，是否延長應看這5個指標，並表示要完成這些指標，就必須要「主動、大量、快速的採集檢體與完成檢驗的能量」，否則就算達成了，也只是所有人忍耐、自動封城的結果，一旦解除了三級警戒的管制，疫情大火必將重新燃起。
王明鉅今（12日）在臉書發文表示，台灣5/15起雙北提升至三級警戒，緊接著停課、停止聚會、停止餐飲內用、公司改採居家辦公，全國進入半封城狀態，雖然這個三警戒狀態在大家的努力配合下，已經撐4週，但到昨天單日確診數仍高達286人，死亡人數24人，甚至還有3人是死亡當天或死後才確診、2人是在確診3天內死亡。
王明鉅指出，目前台灣延長三級警戒至6/28，未來是否可以降級，他認為可以觀察這5個指標，分別是「死亡人數」、「死亡當日確診或死亡後才確診的病人數」、「確診後3天內死亡人數」、「雙北連14天確診數持續下降、或維持在10人以下」以及「全國各地區連14天不再出現確診新高峰」。
王明鉅認為，死亡人數代表台灣應對新冠病毒大流行的診斷（找出每位確診者）、治療（確診者能獲得足夠且相當品質的醫療照顧）以及因疫苗施打而減少感染者與預防死亡的整體醫療能量。因此應該要連續14天，每一天的死亡人數都要持續減少到剩個下位數，甚至少到變成3人以下。
王明鉅解釋，死亡當日確診或死亡後才確診的病人數代表台灣公衛和醫療體系，能早期診斷出染疫者的能力，這項指標應該要是0人，而且要連續14天都是0人。只要出現一個這樣的案例，就代表社區內還有太多感染者因沒被發現，而無法得到好的醫療監測，才會在死亡當天或死後確診；確診後3天內死亡人數最好也要是0人，而且是連續14天內都是0人，但如果做不到，連續14天內也應該只有非常少的天數出現1人。
王明鉅也說，新北市與台北市的每日篩查人數持續增加，而且確診人數連續14天的期間內，能持續下降或維持在10人以下；除了雙北之外的地區，每日篩查人數也要持續增加，且每個地區連14天都不再出現確診人數新高峰，這樣才能避免台灣內部任何一個新破口的出現。
王明鉅表示，在台灣疫苗施打人數達到70%之前，要達成上述的5個指標的方法只有一個，那就是「主動、大量、快速的採集檢體與完成檢驗的能量」，如果沒有就要達成上述5點的可能性很低，就算達成了也可能是靠著全國民眾的忍耐與配合自動封城的結果，「一旦解除了三級警戒與管制，疫情大火必將重新燃起。」
王明鉅也提到，只要有一個無症狀的感染者猝死，只要仍然有無症狀的感染者死亡後才確診，全國民眾心中的恐慌將很難消除。只要這種恐懼不消除，目前已幾乎完全停擺的服務業與其他產業，就算政府在其他考量下降低三級警戒，在實質上恐怕也很難達到恢復經濟的效果。</t>
  </si>
  <si>
    <t xml:space="preserve">新冠肺炎疫情攻入南半球，澳洲和紐西蘭19日皆宣布，將自20日晚間起全面禁止外國人入境，因為確診病例以境外移入為主。不過一場婚禮讓澳洲GG了，確診病例一下子暴增35例，而且全是境內感染。
新冠肺炎疫情嚴峻，敏感期間該辦婚禮嗎？澳洲南威爾斯一對新人沒想到自己一場喜事竟然會造成群聚感染。該省衛生局下令，所有參與3月6日在雪梨以南海灘小鎮這場婚禮的人士都必須在家隔離14天，直到3月20日。據報導，已知31名與會者受到感染確診，繼而再傳染給另外4人，其中一位確診者是聯邦參議員布雷格（Andrew Bragg）。
布雷格推文表示，自己之前出現流感症狀，遵循指示，接受篩檢，結果為陽性。他會按規定居家隔離14天。
澳洲當局宣佈自20日晚間起禁止外籍人士入境，並呼籲所有海外國人返國，但返國後必須自主隔離14天。根據最新數據，澳洲確診人數已超過700人，死亡人數累計至7人。
</t>
  </si>
  <si>
    <t xml:space="preserve">中央流行疫情指揮中心昨晚宣布，國內又新增第24例新冠肺炎確診個案，為北部一名60多歲的退休女性，近2年都無出國史，感染源還在調查中。Icu醫生陳志金表示，最令人擔憂的是，台灣首例是1月20日入境，第24例1月22日發病，是否代表更早就感染了？
陳志金在臉書發文指出，台灣首例是1月20日入境，第24例1月22日發病，有可能更早就感染了，並擔心她過年期間有無家聚？而且1月22至29日到底去了幾家診所就醫？1月29日前往醫院急診，留院觀察待了多久？從1月30日至2月17日住院到加護病房，都不是隔離病房，
第24例從發病到確診29天，密切接觸者共360人，陳志金擔憂這中間有接觸多少醫護人員？陳志金強調，「潛伏期」是指被傳染後到出現症狀的期間，並不是出現症狀後到確診的時間，目前第24例的潛伏期並不清楚，29天是她「發病」出現症狀到「確診」的時間，重點是不知道她在「何時」被「誰」傳染的。
</t>
  </si>
  <si>
    <t xml:space="preserve">繼西班牙巴塞隆那大學研究指出當地在2019年3月12日採集的廢水發現新冠病毒後，巴西聖卡塔琳娜聯邦大學昨(2)日宣布，在巴西聖卡塔琳娜州首府弗洛里亞諾波利斯市發現去年11月份的下水道水樣中存在新冠肺炎病毒。顯示新冠肺炎病毒早在大陸武漢爆發疫情前已散佈世界各地。
據報導，巴西這份題為《2019年11月巴西聖卡塔琳娜下水道發現新冠肺炎病毒》的研究報告由14位聖卡塔琳娜聯邦大學的研究人員聯名發布。這一發現比美洲大陸官方宣布的第一例新冠肺炎確診病例——今年1月21日美國確診第一例新冠肺炎病例早兩個月，比巴西政府宣布的今年2月底出現的新冠肺炎確診病例早了三個月。
參與這一研究的方格羅教授稱，他們對弗洛里亞諾波利斯市每個月的下水道水樣冰凍樣本做例行檢查時，在去年11月的樣本中發現了新冠肺炎病毒。起初科學家們對這一結果有所懷疑，然後在不同實驗室間用不同病毒標記物進行了二次測試，重複了所有數據，跟踪了病毒基因組，得出的結論始終一致。
</t>
  </si>
  <si>
    <t>全球醫療及科學家團隊都積極研究採用何種藥物治療新冠患者，一份近期發表於刺胳針呼吸醫學雜誌（The Lancet Respiratory Medicine）指出「吸入劑Budesonide」可做為改善緩解COVID-19症狀的選擇用藥之一。
北醫附設胸腔內科主任周百謙指出，治療新冠肺炎，使用合適劑量的系統性類固醇，在新英格蘭醫學雜誌顯現出，可以下降高危險群重症與呼吸衰竭的機率，這說明了適度使用合適劑量類固醇在理論上可以降低病毒相關發炎問題，以及免疫風暴的機率。針對這個概念，臨床研究嘗試使用副作用更小的吸入性類固醇，來調控呼吸道免疫環境，將可改善病毒引發發炎及過敏反應造成的氣道狹窄，與痰量增加，以及病毒感染所造成病患廣泛呈現的呼吸障礙問題。
根據BBC報導，英國牛津大學研究發現，用於治療氣喘的吸入式藥物Budesonide能夠加速病患康復，衛生部長丘吉爾（Jo Churchill）也證實，政府1項研究發現，「吸入劑布地奈德Budesonide讓患者自我報告的康復時間減少了3天」。而牛津大學教授、呼吸內科醫師巴法爾德（Mona Bafadhel）指出，Budesonide能在新冠病毒可能產生影響的地方發揮最大效用，皮質類固醇可以減緩發炎，該藥物「有可能」可以減少病毒複製，但目前仍需繼續對服用的患者後續評估。
周百謙主任特別提醒對於高風險族群，許多藥物治療必須提早，才能夠下降相關的重症率及致死率。類固醇雖然可以降低重症風險，但仍可能因免疫抑制造成部分副作用，不過，吸入型類固醇主要透過呼吸道調控，對全身影響不大，副作用極少，孕婦同樣可以使用。相信善用吸入型藥物的特性，可以有效下降新冠肺炎的影響，更可望改善罹病後恢復期的氣道，早日恢復罹病族群的健康。
全球都在尋求老藥新用，以對抗新冠病毒感染後的重症威脅，並持續臨床研究及觀察，以保衛人類健康。這個成分的吸入劑用藥，經查詢衛福部食品藥物管理署資料，有國產和輸入2個來源，顯示未來國內患者需要治療時，應可無虞。</t>
  </si>
  <si>
    <t>慈濟大學一位學生因咳嗽、呼吸道感染，且有發燒症狀，懷疑染上新冠肺炎，經慈濟醫院篩檢並安排胸腔科診斷，確認感染的是「肺結核」，雖虛驚一場，不過肺結核傳染力很強，花蓮縣衛生局在學校配合下，大規模召回一百多名學生返校拍肺部X光片，學生則表示雖然被臨時召回感到錯愕，但支持校方作法。
因新冠肺炎，慈濟大學稍早已宣布門禁，除了師生與洽公外，外人無法進入校區。昨天慈濟醫院安排X光車開進校園大喜館前停駐，許多學生陸續報到。學生告訴媒體，接獲校方「重要通知」，指近期有一位同學因確診肺結核，為了讓同學對此疾病有所瞭解，安排實體說明會，結束後進行胸部X光檢查，時間4月22日，還叮嚀學生攜帶健保卡。
花蓮縣衛生局副局長鍾美珠證實慈大學生感染肺結核，她說，該大學生3月9日因咳嗽、呼吸道感染還有發燒等症狀就醫，疑似染上肺結核，轉慈濟醫院胸腔科確診，當時入院就醫，已先辦理休學，至3月30日轉回南衛生福利部院胸腔病院接續治療。</t>
  </si>
  <si>
    <t xml:space="preserve">台語金曲歌后李愛綺與外籍老公Duke結婚13年，育有1子1女，近年來她與從事健身運動事業的老公，一同合開複合式健身房，豈料受到疫情影響，損失嚴重，加上昨雙北市宣布防疫警戒提升至第3級，健身房、遊藝場所等休閒娛樂場所應關閉，李愛綺緊急通知上課的學員們，健身房已暫停營業，不要到場撲空。
李愛綺表示健身房將暫停營業至28日，至於後續開業狀況？她說：「一切依照指揮中心、配合政府法令規定。」她與老公已熬過去年疫情難關，希望今年順利度過，憶起去年受到疫情影響，3個月慘賠3百萬元，十分無奈，對於今年的損失？她語帶保留說目前剛開始，損失還無法估計。
但他們健身房去年因疫情影響，1個月約損失1百萬，現在健身房先暫停2周，粗估損失50萬元。李愛綺與老公用心經營健身房，業績穩定，卻因為疫情減少許多客流量，她呼籲希望政府之後可以有紓困、振興或補助方案，協助運動產業度過難關。
</t>
  </si>
  <si>
    <t>新北市某幼兒園群聚案，各界猜疑埃及爸就是這起事件的傳染源，疫情指揮中心發言人莊人祥表示，目前無法確定是境外或國內染疫，會盡量做基因定序釐清感染途徑，但不會回頭匡列當時與埃及爸搭同班機入境的旅客，因為即便有確診者都已不具傳染力。對此，腎臟科名醫江守山直言，「這樣子疫調真的不會死嗎？」
江守山昨（10）日於個人臉書粉專《江守山醫師》分析，當時搭乘同班機入境的旅客，指揮中心說即便有確診者，研判都已不具傳染力，因此不會回頭再去匡列，「但這樣子疫調真的不會死嗎」？
江守山認為，這樣的疫調方式真的太危險了，若同機不只埃及爸、埃及爸親哥及表哥染疫，就算都是無症狀感染者，解隔離後難道就不會感染家人及同事嗎？此時應匡列同機旅客，並進行PCR篩檢及抗體監測，任何陽性需要擴大匡列其家人及同事，才能找到隱形傳播鏈，絕不能因為現在病毒量低，就推測當時不具傳染。
江守山說，疫調的同時，應盡快確認在邊境口水快篩、居隔篩檢，甚至是最後的PCR採檢，中間過程是否有問題，導致偽陰性比例偏高，尤其是對Delta變異株檢測是否還有效？若無法使用有效的產品守護國門，就會產生虛假的安全感。
中央流行疫情指揮中心副組長羅一鈞回應，各國旅客入境本來就有14天隔離規定，與埃及籍確診者同班機的旅客也不例外，各種採檢都有，目前同班機確診只有個案的2位親戚，另外還有1位是期滿採檢，CT值36，無法追尋源頭，但推測應不是飛機上互相感染。
★《中時新聞網》提醒您：因應新冠肺炎疫情，疾管署持續加強疫情監測與邊境管制措施， 如有疑似症狀，請撥打：1922專線，或 0800-001922， 並依指示配戴口罩儘速就醫，同時主動告知醫師旅遊史及接觸史，以利及時診斷及通報。</t>
  </si>
  <si>
    <t>基隆市長林右昌日前表示，要各院A1醫護人員與基層診所醫師全面施打疫苗，如此才能守護醫療人力，確保醫療量能充足。他在今日進一步表示，全市共有701位A1醫護人員，目前已有400位施打完畢，扣除私人因素不便接種外，預計明天中午之前會全部打完。
林右昌下午與基隆長庚醫院、三軍總醫院基隆分院、部立基隆醫院、礦工醫院、市立醫院開會，決議長庚未來收治重症病患，輕症、無症狀患者則往其他醫院送，以分流來確保醫療能量。4大醫院的篩檢站也會與急診室保持距離，避免影響常態急診功能。
林再次呼籲，2類人要做篩檢，與確診者有接觸史，或有上呼吸道、發燒症狀才符合，去之前要先撥打衛生局專線通報，由市府安排篩檢地點、時間，不要抱著篩看看的心情。此外，明天中午之前，全市701位直接或間接照顧確診個案的A1醫護人員，將全數接種疫苗。</t>
  </si>
  <si>
    <t xml:space="preserve">新冠肺炎疫情在南韓急遽攀升，這段時間內，確診病例數已遠遠超越日本，但台灣網友卻指出，「大家看到南韓病例數炸裂，但這是靠政府積極篩檢，可見韓國政府做得比日本好吧」？
近日南韓新冠肺炎疫情嚴峻，原PO卻在PTT八卦版發文，「韓國政府做事情比日本好吧？」，他認為，相較日本不積極的隔離和檢驗，韓國做的還比較好，畢竟韓國也政黨輪替好幾輪了，不像日本自民黨幾乎算萬年執政，一堆官二代、政二代，一般年輕人根本無法參與政治，跟韓國比起來不算真正的民主吧？雖然韓國也有財閥的問題就是了，可見民主政治政府的公務員素質反而比較高吧？
底下網友看到後也紛紛回應，「韓國猛驗、日本敷衍、印尼裝死」、「至少韓國態度跟應對有在緊張 日本根本已放棄」、「中央厚勞省只會裝死」、「日本為了奧運，直接放推，黑數很多！」、「日本黑數超多，要自費8萬日元驗驗」。
</t>
  </si>
  <si>
    <t xml:space="preserve">威潤(6465)跨入防疫領域，成立新品牌「滅菌者聯盟UVengers」，規畫開發一系列搭載深紫外線(UV-C)殺菌技術的消毒產品，最新宣布，攜手桃園敏盛醫院，提供威潤旗下防疫新品牌滅菌者聯盟UVengers高科技深紫外線(UV-C)攜帶式除菌棒UV1，協助第一線醫護人員強化自身防護，另外，UVengers也預計在第二季推出相關新品。
威潤有鑑於深紫外線燈珠的功率是決定消毒棒除菌效果的關鍵，故UV1即是採用旭化成高品質、高功率的60mW和最佳除菌265nm波長的深紫外線燈珠，旭化成相當認可威潤於防疫產品線的投入與行銷推廣能力，已將威潤列為旭化成全力輔導的模範製造商，未來也會陸續介紹客戶給威潤，雙方攜手搶攻防疫市場商機。
滅菌者聯盟UVengers為威潤因應全球防疫趨勢，跨界防疫產業創立的新品牌，期能以研發高規格車聯網產品的精神，開發出各式高品質、高功能的深紫外線除菌產品。滅菌者聯盟UVengers首款產品UV1已於LIFESTYLE WEEK Tokyo、台灣國際醫療暨健康照護展、LED Japan 等國內外專業大型展覽展出，吸引大批關注抗菌防疫議題民眾及專業買主洽詢，讓台灣除了全民防疫精神被全球看見，在防疫抗菌產品上的研發技術也更進一步被國際市場認可，可謂成果豐碩。威潤表示，目前已積極著手研發更大型、功率更強、適用於更多不同應用場域的深紫外線除菌產品。
另外，威潤也表示，相關新品預計在今年第二季陸續推出，期能為全球防疫貢獻心力，同時也為威潤創造新一波成長動能。
</t>
  </si>
  <si>
    <t>新冠肺炎若進入社區傳播，如何找出輕症或無症狀患者，將決定疫情傳播速度，專家學者表示，目前國內尚無快篩，無法進行全面普篩，但可重點區域防護，如進入總統府或進醫院的人，可先做PCR（聚合酶連鎖反應），等兩天拿到結果後才可進出。另有醫師建議，醫院篩檢量能若足夠，可考慮開放自費篩檢，讓自覺有疑慮但又不符通報篩檢民眾自費篩檢，藉此多找出輕症病患。
消弭民眾憂心染病恐慌
三總內科部主治醫師張峰義指出，最近海外台灣人都擠回來，有人可能旅途勞累出現不適症狀，有些人很擔心，陸續到醫院想自費篩檢，但相關單位對這部分無進一步規定，如自費要多少錢？可刷健保卡收診察費嗎？各醫院無所適從，做法差異很大，目前醫院篩檢量能若足夠，建議開放自費篩檢，除可消弭心理恐慌，也可多找出一些輕症。
專家建議重點區域防護
台大麻醉科教授王明鉅表示，現在對國外回來的民眾，還可用旅遊史做篩檢判別條件，但14天後入境者變很少，居家檢疫民眾也可出來活動，屆時拿什麼做為篩檢初判條件？要將輕症篩選出來，快篩是重要工具，但目前國內尚無，屆時還是只能做PCR。
王明鉅說，在篩檢量能有限前提下，可以將篩檢放在重點區域上，例如總統府很重要，進出的人都要先做篩檢，等拿到報告後再進入，醫院也是，這樣就可避免院內感染的事發生。
疫情中心回應暫不考慮
對現階段是否開放自費篩檢，疫情指揮中心疫情監測組組長周志浩表示，目前國內一天最多可篩檢3200件檢體，昨日單日篩檢了1400個人，雖然檢驗量能還有餘，但仍在擴充篩檢對象中，有些人1人需採檢2次，有些則採檢1次，現階段資源仍應留給風險高者，暫未考慮開放自費採檢。</t>
  </si>
  <si>
    <t>新冠肺炎延燒全球，美國聯準會（Fed）武器全開，一口氣降息4碼，利率趨近於「零」，大動作反引起恐慌，台股終止史上最長萬點行情，美股周一開盤立刻暴跌2250點，跌幅達9.71％，S&amp;P500指數也下殺8.14％，開盤瞬間即啟動暫停15分鐘的熔斷機制，道瓊指數一度跌超過2700多點。
分析師表示，若美股收盤跌幅控制在5％內，台股今跌幅將縮小，短期9500點有支撐。
台股萬點行情 暫告終
Fed意外全力出手，美股投資人卻喝倒彩，周一開盤馬上崩跌至觸及熔斷機制，恢復交易後跌勢進一步擴大，道瓊工業指數狂瀉2770點、12％，報20409點，標普5百與那斯達克指數也分別暴跌11與12％。今年3月以來，美股已3度開盤因崩跌而暫停交易。
新冠肺炎疫情重創全球經濟，美國限制歐洲各國旅客入境，加深全球金融市場動盪，股價大跌，G7會員國昨天以視訊會議形式舉行高峰會，商討後續應對措施。澳洲與南韓亦呼籲20國集團（G20）領袖與財金首長開會協調經濟刺激行動，引發市場期待國際社會聯手推出「救市聯盟」。
此外，國際貨幣基金（IMF）也表示，已經接獲至少20多個國家要求援助，已準備好調動其1兆美元的放款機制，以協助全球各個受新冠肺炎重創經濟的國家。
G7急會商 IMF忙金援
萬寶投顧投資總監蔡明彰表示，聯準會降得太快又太急、弄巧成拙，不僅美股大跌、亞股也幾乎全趴，包括澳洲、菲律賓、泰國、印度以及深證成指等，跌幅都超過5％以上；台股昨在跌勢拉大後，連續摜破萬點、9900、9800點等整數關卡，終場大跌411點、收在9717點，台股史上最長萬點行情暫告一段落。
華南投顧董事長儲祥生表示，美股暴漲暴跌恐怕還要維持一段時間，若美股底部出現，即近來的最低點，1、2周都沒有跌破，且波動度降低，美股震盪才有趨緩的跡象。
富邦投顧董事長蕭乾祥認為，台股長期向上趨勢線已被破壞，加上Fed大幅降息，暗示國際疫情衝擊不容小覷，預期今年大盤高點已過，加權指數區間將下移至10年線附近，約在9114點左右，因此短線縱使有反彈機會，投資人仍須調節基本面受疫情衝擊較大的個股。</t>
  </si>
  <si>
    <t>中研院基因體研究中心P3實驗室爆發感染，其中一名女研究助理疑未落實SOP，兩度被實驗小鼠咬傷，成為染疫關鍵。國家政策研究基金會今針對中研院的調查報告提出五大質疑，認為管理實驗室的關鍵人物詹中校（詹家琮），應出面把整起事件說清楚，而非由中研院長廖俊智一個人扛。
國家政策研究基金會永續發展組召集人陳宜民表示，整起事件的第一個疑點就是，為何研究助理會只戴一層手套就進入實驗室？難道是赤手空拳卸下防護衣、鞋套等裝備？
陳宜民指出，自己曾待過陽明大學的P3實驗室，當時就要求助理進入實驗室前一定要戴兩層手套，且要用膠帶密封，若要離開實驗室，必須先於操作台脫第一層手套，將手套丟入生物安全櫃中，第二步驟才是脫防護衣、鞋套等裝備，完成後才能再脫第二層手套。
第二大疑點則是，研究助理不過是幫小鼠換墊料，為何還會被咬？陳宜民表示，換墊料能被老鼠咬可說是天下奇聞，而研究助理未在生物安全櫃中操作換墊料過程，更是另一天下奇聞。
而研究助理僅著單層手套幫小鼠換墊料，又疑似未於生物安全櫃中操作，陳宜民再提出第三點質疑，認為該研究助理曾操作感染Delta、Apha以及其他病毒株的小鼠，難道都用同一個手套操作？未戴兩層手套恐造成交叉感染，「換墊料可以混在一起換嗎？這樣的實驗結果可信嗎？」
陳宜民說，本次的中研院事件是將一個實驗室內能犯的錯誤都犯了，第四個質疑點為，發生被咬意外時，首要本能應是先自救，而非救老鼠，先將手套脫掉，試著將血水擠出來，然後沖水、消毒，接著進入緩衝區脫防護衣，再來才是包紮、通報，但看起來一個單純的意外事故都沒有處理好。
陳宜民提出的第五項質疑則是，當天研究助理找不到實驗室負責人通報，「長官不在，那請問職務代理人是誰？」負責人若去休假，職務代理人必須被通知，接著才是向上逐級通報，而疾管署也應該要被通知。
陳宜民說，「廖俊智院長願意出來承擔很好，可是他不是做動物實驗的，並不了解其中狀況，要找實驗室的負責人出來講，而詹中校到底有沒有把事情講清楚，我是懷疑的。」</t>
  </si>
  <si>
    <t>新北市衛生局預計9月22日開始學生接種BNT疫苗，全校採居家線上授課2天，如果不適可以請疫苗假，北市是否會跟進，北市副市長蔡炳坤說，學生接種後有需要的話，可以請3天的疫苗假；至於線上教學部分，蔡指出，台北市這部分都非常成熟，有任何學生個別停課或班級停課，其實在家中都可以透過線上來教學，用這些維護學生權益。
蔡炳坤強調，這次校園接種BNT疫苗，家長有提出會不會有後遺症，北市會進一步宣導，學生如果接種後可請3天接種疫苗假；至於目前運作採各校線上教學，北市都很成熟，有任何學生班級停課在家中都可以在線上教學，來維護學生權益。</t>
  </si>
  <si>
    <t xml:space="preserve">庶民信心在2020年初如同坐雲霄飛車般大起大落。國泰金控20日公布2月國民經濟信心調查結果，今年元月民眾才因總統大選結果將出爐、中美貿易戰暫歇，而對未來信心指數大增到10，創56個月最樂觀，但2月馬上就有50.3％的受訪民眾預期未來半年景氣會惡化，未來景氣樂觀指數急降到-27.9，創94個月最大跌幅。
上次出現民眾對未來景氣預期「狂喜狂悲」，是在2012年4月，當時因為油電雙漲、民生物資喊漲、及課微證所稅等三大利空，造成未來景氣樂觀指數由28直接降到-26.1，當時也有近50％的受訪民眾預期未來半年景氣要惡化。
國泰金分析，雖然國發會最新公布的12月景氣對策信號維持綠燈，領先指標上升，同時指標亦改善，景氣穩健，但受到新冠肺炎疫情爆發的影響，民眾信心急凍，未來景氣樂觀指數、未來就業樂觀指數、非耐久財消費意願指數都創15個月新低。
雖然台股仍相對抗跌，但民眾對未來台股的樂觀指數亦下跌，創13個月新低，有52.1％的受訪者預估未來半年台股會走跌，則是15個月來再度有逾半民眾看跌。
但也可能有不少投資人打算「富貴險中求」，即趁這波疫情影響股市回檔之際，逢低進場，因此在將現金轉進股市投資的風險偏好指數上，2月仍是維持正數，達1.3，比元月的5.1略降，即今年是連二月維持正數，仍有25％的受訪者有意「錢」進股市。
</t>
  </si>
  <si>
    <t xml:space="preserve">全球爆發新冠肺炎人人自危，經常需要出國的超模娜歐蜜坎貝兒（Naomi Campbell）為了防疫出動醫療人員的配備現身機場，讓網友都看傻眼。
照片中，娜歐蜜身穿白色防護衣、戴著護目鏡、口罩和手術手套，全身包到只留下眼睛看路，她拖著行李箱出現在機場，仍不忘擺出pose拍照，可見得身上就算穿得密不通風，還是包不住骨子裡的超模魂。
除了完整的防疫裝扮，本來就重視清潔的她，搭飛機前就會自備殺菌紙巾消毒座位，連冷氣孔都不放過，想盡辦法徹底隔絕感染新冠肺炎的機會。
</t>
  </si>
  <si>
    <t xml:space="preserve">台灣14日暴增180例本土病例，指揮中心緊急宣布雙北地區升到第3級警戒，不少名人也呼籲大家戴好口罩、沒事少出門，不過仍有人不遵守，讓網紅潔哥相當憤怒，提出「一新政策」防堵那些仍不戴口罩的人，讓網友都讚爆。
潔哥先是在臉書曬出戴著口罩的自拍照，接著開始抱怨還是有許多路人不戴口罩，讓她忍不住建議「接下來我希望政府可以推行一個政策，只要是走在路上看到有人沒戴口罩，任何路人都可以拿拖鞋往他們頭上貓（打）下去！然後說『幹！防疫啦』」，這樣她相信這一些白目的人，被多貓（打）幾次，口罩就會戴好戴滿了。
此話一出，立刻引起上萬網友按讚，表示認同與支持，「真的！還一堆人不戴口罩出門，看了很生氣」、「這個提議好欸～磨拳擦掌中」、「每次看到真的超想貓下去，太實用的政策」、「還有那些口罩外層都已經起毛球還不丟的」。
潔哥也補充說明，「有些人罰錢可能還不怕，直接打下去可能成效比較佳」，網紅鬼才阿水也附和「我今天早上回新竹家，才遇到我們社區的長輩完全不戴口罩，也不把疫情當一回事」，語氣相當無奈。
雙北目前規定外出全程戴口罩，新北市長侯友宜也表示，若有民眾違反相關規定，他相信中央會公布相關罰則，希望民眾自發配合，他也會不斷派人稽查，若規勸不聽該罰救罰。
</t>
  </si>
  <si>
    <t>新北市今日新增195本土病例、115名校正回歸，共增310例本土個案，累計3947人；新北市長侯友宜下午主持防疫會議表示，今天新增個案以板橋39例最多，土城區因為有長照機構群聚染疫事件，導致數字大幅增加，若扣除長照機構染疫人數，整體數字沒有上升，此外三重30人、中和27人，皆比平常略高。
侯友宜說，提醒大家新北市沒有樂觀權利，每日仍增加百例，一定要低度再低度的活動，截至今日累計3947人，板橋區885、中和區635、三重區452，另外樹林、汐止、林口、三峽、泰山還是要密切觀察。</t>
  </si>
  <si>
    <t xml:space="preserve">
新冠肺炎持續擴散，全球病例數已超過4萬人，學者研究潛伏期恐長達42天，民眾恐在不知不覺中被感染，此次瘟疫不禁回想起1918年的「西班牙大流感」（1918 flu pandemic），曾造成全球5億人感染，至少5000萬人死亡。
根據美國「國家過敏與傳染病研究院」（National Institute of Allergy and Infectious Disease）主任佛奇（Anthony S.Fauci）表示，新冠肺炎的傳染性極高，不排除成為大流行，但是否會造成災難性流行病，仍無法評斷。不過，許多流行病學模型推估，實際病例數恐高達10萬，甚至更多，這也讓不少專家想起1918年肆虐全球的「西班牙大流感」；該病是有史以來感染性最廣泛、致死率最高的流行病。
西班牙流感並非起源於西班牙，因當時剛好是第一次世界大戰期間，大部份消息都被戰爭所掩蓋，西班牙身為中立國，因大肆報導疫情慘況，讓人誤以為西班牙疫情最為嚴重，而病因則來自於H1N1病毒，全球約有5億人口感染，超過2千萬人死亡，流感死亡率達到10%，因物資缺乏及無法獲得良好照顧之下，流感奪走人數比一戰還多，成為人類歷史上最致命的流行感冒之一。
最早出現群據感染記錄，是在美國堪薩斯州（Kansas）的軍營，但症狀與普通流感相當，只有頭痛、高燒、肌肉酸痛和食慾不振等，卻隨著戰爭緣故，一夕演變成致命病毒，迅速蔓延全球，症狀包括肺部積水、呼吸困難及皮膚轉紫黑色等，就連台灣也難逃一劫，首波疫情出現在基隆地區，加上當時台灣爆發霍亂和流行性腦炎等疾病，造成民心慌亂，時任台灣總督的明石元二郎，也不敵病毒甚至併發肺炎，不幸病逝。
西班牙流感席捲全球，然而卻在18個月後，突然神祕消失，直到今日，科學家仍在努力地研究這個世紀病毒。回顧人類過網重大疫情，像是愛滋病、SARS和禽流感等，其病毒來自於動物；有專家就推斷，全球氣候變遷正改變動物的習性，野生物種入侵人類居住環境覓食，進而帶來傳染病，加上空間擁擠，形同加速病毒傳播。
更多 CTWANT 報導
</t>
  </si>
  <si>
    <t>台股上周連四日收紅，一舉站上月線及季線，摩爾投顧分析師鐘崑禎指出，以周線格局，本周大盤高點預期將至12,000點，隨後將進入高檔震盪，投資人可趁2月財報公布前積極的來回操作；本周投資組合前兩大為國巨（2327）、中美晶（5483），再選入南亞科（2408）、聯鈞（3450）與環球晶（6488）。
台股經11個交易日的震盪洗盤，11,600點附近的大量區已由壓力轉為支撐，雖還未完全收復1月30日的長黑，但以價量結構觀察，短線底部確立，就14日的收盤位置來看，大盤已可視為初步的由空轉多。
總經方面，整體國際經濟勢必受新冠肺炎一定程度的衝擊，預期各大企業第一季財報將會明顯下滑，尤其2月交易日少，須慎防3月初月報公布後的失望性賣壓出籠，因此本周操作上可以朝整理後突破前高的個股挑選。
類股方面，蘋果供應鏈受此次新冠肺炎劇烈衝擊，其中最重要的復工關鍵在電子製造服務（EMS）廠，包括鴻海及和碩，這兩間大廠的復工進度目前都在六成以下，陸廠的舜宇與立訊復工進度也不到四成，再加上缺工與人員進出限制，預期整體供應鏈至3月中旬後才有望慢慢回穩。
至於被動元件族群因積層陶瓷電容（MLCC）供需缺口持續擴大，各大廠相繼宣布交期延長三個月以上，龍頭廠國巨也預期將從3月起調漲MLCC、電阻價格約三成，且稼動率短期不易大幅拉升下，被動元件族群可望受惠漲價的預期心理，吸引大量資金轉入。</t>
  </si>
  <si>
    <t>中央流行疫情指揮中心昨（10日）新增176例疫苗接種後不良事件，其中包含7例死亡，4例為接種AZ疫苗、3例為接種莫德納疫苗。目前國內疫苗接種後死亡個案累計1055例。
疫情指揮中心莊人祥說明，疫苗接種後不良事件新增通報176件，分別為121件非嚴重不良事件，7件死亡，48件其他疑似嚴重不良事件。
7例接種後死亡個案中，4例為接種AZ後79天到117天發生，2女2男，年齡為57至64歲；另外3例為接種莫德納後11至21天發生，1女2男，年齡為67至69歲。
指揮中心統計，目前國內累計1055例疫苗接種後發生死亡之不良事件，其中752例為接種AZ，253例為接種莫德納，30例為接種高端，20例為接種BNT。</t>
  </si>
  <si>
    <t>新冠肺炎疫情未退，香港有確診病患飼養的寵物犬驗出冠狀病毒弱陽性，香港證實新型冠狀病毒會人畜傳播。我中央流行疫情指揮中心執行官周志浩28日在記者會說明，目前不排除這種可能，但仍需要檢測。此外，最新研究指出，龜類也可能是新冠病毒潛在中間宿主。
疫情中心稱 不排除可能性
《香港01》報導，港府漁農自然護理署昨天凌晨0時55分發稿，指有一名新冠肺炎確診者的小狗，需交給漁護署暫管。漁護署人員26日傍晚接走狗，並從其口腔、鼻腔及肛門取樣測試新冠病毒，結果發現口腔及鼻腔的樣本呈弱陽性反應。但小狗並沒有出現任何症狀，或是相關病兆，還要確認是否真的感染，還是僅沾染到病毒。
香港食物及衛生局長陳肇始表示，現時漁護署沒有足夠資料顯示狗如何受感染或發病，也沒有證據顯示狗會傳播病毒給人，呼籲養寵物民眾注意個人衛生。
哺乳類寵物 必要時應檢驗
漁護署發言人表示，雖然沒有數據證明「寵物會感染而發病，或傳播新冠肺炎」，但強烈建議確診者的「哺乳類寵物」接受14天的檢疫、監察，必要時也要進行病毒的檢驗。
世界衛生組織稍早曾指出，沒有證據顯示貓狗等寵物會感染新冠肺炎病毒，但建議接觸寵物後，「要用肥皂及清水洗手，永遠是好主意」，以減少其他常見細菌在寵物和人類之間的傳播。
病毒感染龜 恐演化傳給人
香港東網報導，最新研究指出，繼早前有研究指新冠病毒的潛在中間宿主是穿山甲後，由廣州暨南大學、湖北醫藥學院組成的團隊26日發表研究論文稱，龜類也是病毒的潛在中間宿主，不排除病毒感染龜類後，演化成可感染人類。
研究人員對比新冠病毒、非典病毒、動物樣本中發現的疑似SARS冠狀病毒，及其他冠狀病毒間的刺突蛋白，在結構模擬中發現相比蝙蝠，龜類、穿山甲與人類的相互作用更為近似。西部錦龜、綠海龜、中華鱉等，可能是將新冠病毒傳播給人類的潛在中間宿主，但仍需進一步確認。目前已知龜類作為宿主能攜帶多種病毒，與禁止交易的穿山甲相比，龜類在動物市場上更普遍。</t>
  </si>
  <si>
    <t>台股拚重新吸聚人氣，外資圈再出招，麥格理證券看好景碩（3189）營運自2020年起翻揚、最壞情況已過，升評至「優於大盤」，摩根士丹利除同步重申看好景碩，還針對華邦電（2344）發出戰術性買進報告（RTI），疾呼現在就是買點，給予21元推測合理股價估值。
全球股市頂著新冠肺炎逆風，近期走出反彈波，台股也跟上腳步，且除了高價股得研究機構關注，最能有效吸引當地投資人目光的中低價、低基期股，也獲得外資青睞。
麥格理證券指出，景碩經連三季淨損，2019年第四季受惠智慧機與DRAM表現優於預期，單季營業利益終於轉正，亦超越市場共識。且儘管元月開工天數因農曆年假期影響，景碩營收年減也僅11％，意味營運動能正在轉佳。
麥格理進一步說明，景碩於2019年全年每股淨損4.53元後，隨淡出虧損的SLP事業，將產能轉向ABF，2020年營運狀況將會持續好轉；其次，儘管目前有新冠肺炎影響需求，但偏向高端奢侈品的智慧型手機（蘋果iPhone）需求不會消失，只是遞延到第二季與下半年，對景碩衝擊非常有限。
摩根士丹利證券表示，景碩中長線受惠5G的系統級晶片（SoC）、數據機、整合天線封裝（AiP）、基地台，加上穿戴式裝置（AirPods Pro）與高頻寬行動裝置DRAM貢獻，毛利率將持續回溫，現在股價淨值比只有0.8倍，比起過去循環中間值的1.2倍低了不少，評價十分便宜，看好估值修復，賦予60元推測合理股價。
大摩在低價、低基期族群中，也特別點名因2019年第四季意外轉虧、股價近期回檔劇烈的華邦電，並向客戶分析，該虧損為一次性，且主要是因美國主要客戶訂單變更，公司方面需要花一點時間尋求新客戶，因而打消25奈米新產品（2Gb LPDDR 4 DRAM）。
必須留意的是，華邦電先前也說明，此問題將在3月獲得解決，大摩判斷，這代表該批庫存最終將售往終端客戶處，華邦電上半年可望獲得庫存回沖挹注。
外資分析，不論是DRAM或NOR的報價都還處在上升軌道，推估華邦電每股純益將從2019年的0.3元，數倍增長為2020年的1.03元，2021年再持續大增近八成至1.8元。</t>
  </si>
  <si>
    <t>高雄鳳山賭場群聚案共造成15人染疫，先前卻一直找不到感染源，經過多日調查，高市府2日召開防疫會議，宣布抓到感染源頭，凶手竟是先前確診的仁惠醫院男行政人員，該男確診後，對衛生局疫調人員隱匿曾到鳳山瑞竹路賭場打牌的事實，高市府將對他依傳染病防治法43條、67條處以30萬元罰款。</t>
  </si>
  <si>
    <t>近期影響美股盤面，主要在於聯準會主席鮑爾的聽證演說、肺炎疫情發展、企業財報及經濟數據公布。鮑爾的演說內容，再次強調對於美國經濟的正面看待，且景氣擴張將邁入第11年，目前的低失業率、薪資穩健成長將持續支撐經濟成長。
不過，鮑爾也提到債務日益上升的問題，因數十年後，政府大多稅收必須用來償還債務，將排擠其他支出，但整體談話內容偏向正面，帶動市場情緒持續樂觀，美股近期表現相對強勢。然而，目前市場最大不確定性仍在新冠肺炎後續發展，湖北感染人數暴增，主要原因是將臨床診斷病例數字納入確診病例進行公布，並非疫情急速擴大，而美國境內出現第15例病患確診，為先前自大陸撤離的人士，返美後，已在德州的空軍基地進行隔離，因此疫情擴散的機率並不高，對市場影響不大。
從技術線型來看，由於美股受到疫情衝擊相對亞股較小，目前三大指數在1月底回測季線後，多方攻勢重啟目前皆回到原先的上升軌道，多方氣勢高漲。
操作上，可先以月線當作支撐參考依據，只要月線未跌破前，短線創高格局不至於遭到破壞，多方操作依舊存在優勢，建議投資人可多加利用「美國道瓊期貨」、「美國標普500期貨」與「美國那斯達克100期貨」三項商品來參與美股行情波動。</t>
  </si>
  <si>
    <t xml:space="preserve">繼藝人賈永婕募集342台「救命神器」高流量氧氣鼻導管全配系統HFNC，分送各大醫院後，中央流行疫情指揮中心指揮官陳時中昨(13)日也宣布，目前已購買500台HFNC，卻遭批評慢半拍。一名自稱是HFNC設備從業人員的網友揭內幕表示，確實6月4日有接到中央詢價的消息，不過最後似乎並沒有成功接單。
這名網友在網路論壇《PTT》表示，6月4日有接到中央詢價採購500台HFNC的消息，公司內部為了這件事烽火連天的忙了一周，不過今天才從電視新聞得知，衛福部已經出貨200台，因此接到單的似乎並不是他們的廠。
該名員工感嘆，為了這個案子，公部門與使用單位都急如星火，公司也已提前下單訂貨，深怕來不及交給第一線，但今天看電視才得知，衛福部已經出貨，至於衛福部已出貨的200台，他不知道是哪間公司的，總之他還沒有接到要回公司加班出貨的消息。
至於哪個品牌的HFNC好用？原PO則指出，只能說青菜、蘿蔔各有所好，每台設備都有優缺點，國產的不一定不好，外國的也不一定比較猛，最重要的是能救命、用對方式、用對地方，能有效減輕設備不足壓力的，都是好東西。
對於在賈永婕善舉後，指揮中心13日才宣布，已購買500台HFNC，其中200台當天到貨，遭外界批評動作太慢，若都要靠民間募資，那政府編列預算有甚麼用？有PTT網友無奈回應「政府採購，有跟學校、公家交手過就知道 ，沒人注意的才會快…不能說再多了」。
</t>
  </si>
  <si>
    <t>新冠肺炎病毒擴散，防疫成熱門話題，長榮女中邀請奇美醫院中醫部長許堯欽客座授課，教學生製作養生茶與防疫香包，內服外用提升免疫力，對抗病毒。
防疫除了勤洗手、戴口罩外，增強免疫力是防病毒入侵最基本方式。長榮女中餐飲科與美容科師生移到戶外大樹下授課，請來許堯欽教導增強防疫課程，教學生如何製作防疫香包及養生茶增強抵抗力，課程呼應時勢。
許堯欽指出，根據大陸抗疫經驗證實，西醫消滅病毒、中醫調理身體，雙管齊下，對新冠肺炎患者有更好療效，平時若能提升自體免疫力，創造病毒不愛的環境，能使疾病遠離自己。
許堯欽調配的香包，含有藿香、菖蒲、艾葉等能保健腸胃、護心肺的中藥材，攪碎後裝入過濾袋，香包放在書房或臥室，味道能驅走病毒。美容科學生將網紗布料縫製成香包袋，傳統香包更添時尚感。
許堯欽調配補中益氣的養生茶、健脾化痰的檸檬香茅，餐飲科學生現場沖泡給師生品嘗，外有薰香護體、內有茶飲補身，內服外用達到防疫效果。
長女校長蔡玉敏表示，為了防堵疫情，寒假期間學校即成立防疫小組，包括學生到校量體溫、一般教室不關門窗、專業教室強化消毒等。校方也將部分課程改到戶外進行。
今年長女畢業成果發表會，捨棄設備一流的大禮堂；美容科、時尚造型科的造型走秀移師到學校後花園，餐飲科、觀光科預訂在林蔭大道擺攤，選在較為安全的開放環境進行。</t>
  </si>
  <si>
    <t xml:space="preserve">一向自詡為「防疫模範生」的台灣，近期卻從華航機師染疫起疫情持續擴大，中小企業好不容易從去年的疫情中恢復，如今又再度面臨因為疫情導致經營危機；民眾則面對沒有疫苗可以打的焦慮與恐慌，對蔡政府來說是前所未有的執政危機。根據媒體數新調查，新北市長侯友宜在31個政治人物中被看好度第一，高達79.1%民眾認為侯友宜最有潛力成為後蔡英文時期的政治領袖；台北市長柯文哲排名第二。
《ETtoday新聞雲》於2021年5月30日至6月1日，以「手機簡訊」進行調查，回收有效樣本數為1,520份。本問卷提供台灣目前最有知名度以及影響力的31位政治人物名單，由受訪者選出十個，依據挑選次數最多的前十名做為榜單的依據。
調查結果顯示：新北市長侯友宜在31個政治人物中被看好度第一，高達79.1%民眾認為侯友宜最有潛力成為後蔡英文時期的政治領袖；台北市長柯文哲排名第二；副總統賴清德排名第三；鴻海創辦人郭台銘排名第四；立法委員蔣萬安排名第五。第六到第十名的排名依次為前國民黨主席朱立倫、台中市長盧秀燕、桃園市長鄭文燦、高雄市長陳其邁、衛生福利部長陳時中。
和前次調查結果相比（2021年3月），侯友宜維持高看好度續居第一名；柯文哲憑藉醫生專業，包括醫護徵召與防疫旅館等快、狠、準的果斷決策，在此次疫情中抗疫表現突出，獲得民眾看好，排名從第六名上升到第二名；郭台銘則因近日新冠肺炎疫情嚴峻，在國內急需疫苗的情況下，提出申請進口500萬劑BNT疫苗，首次進入榜內就一舉衝到第四名；賴清德及蔣萬安都小幅下滑一名，分列第三名與第五名。
在後續排名，朱立倫看好度提升，從第八名上升至第六名，為藍營人士入榜的第三名；而首度進入榜內的還有盧秀燕，除多次針對中火發電廠增設等議題與中央對抗外，面對本次新冠肺炎社區感染擴散，迅速指揮展開積極抗疫，獲得人氣與看好度，排名大幅躍進至第七名，為十大中唯一的女性政治人物；受部桃群聚感染與華航諾富特事件的影響，鄭文燦由前次的第三名下滑至第八名；陳其邁由第七名下滑至第九名；同樣受到疫情影響，前次第五名的陳時中，因華航機師檢疫期限放寬成「3+11」導致出現防疫破口，指揮部署遭受質疑，加上疫苗採購爭議，失去人氣以及好感度，排名下滑至第十名。
</t>
  </si>
  <si>
    <t>上海市衛生健康委員會宣布，30日報告6例境外輸入性新冠肺炎確診病例，其中1例來自台灣，為台灣民眾。若消息為真，這應是台灣輸出至大陸的第4例新冠肺炎確診病例。不國中央流行疫情指揮中心發言人莊人祥表示，一早也是看到新聞就立刻與陸方聯繫，陸方回覆會儘速確認後告知，台灣還沒收到進一步的消息。
根據上海通報，該名確診患者在台灣生活，12月27日自台灣出發，當日抵達上海浦東國際機場，入關後即被集中隔離觀察，期間出現症狀。綜合流行病學史、臨床症狀、實驗室檢測和影像學檢查結果等，診斷為確診病例。</t>
  </si>
  <si>
    <t>5G新機開賣前夕，宏達電再傳人事異動，上任不到1年的原執行長Yves Maitre辭職獲准，由董事長王雪紅回鍋兼任，這是王雪紅去年9月17日卸任執行長後，二度兼任執行長。
搶攻5G換機商機，宏達電本周宣布HTC U20 5G正式在台灣開賣，並預計於9月5日陸續上架至各大通路及網路門市。由於U20 5G標榜專為台灣市場設計、完整支援5G EN-DC頻段、SA及NSA雙模設計，被宏達電寄予厚望。
沒想到就在新機開賣前夕，Yves Maitre閃電離職。事實上，宏達電近年人事更迭，前執行長周永明於2015年3月淡出核心後，就是由王雪紅首度親自擔任執行長，並由前財務長張嘉臨輔佐，直至去年才交棒Yves Maitre。
Yves Maitre在加入宏達電前，曾在全球電信巨擘Orange電信擔任Consumer Equipment and Partnerships執行副總裁，雙方是2005年因業務關係而有合作機會，Yves Maitre也對宏達電印象不錯，因而被王雪紅延攬。
Yves Maitre上任後，除了貫徹王雪紅訂出的轉型目標，在XR（延展實境）與AI（人工智慧）領域積極拓展新業務，希望能在未來5G發展上搶占先機並奪得強而有力的地位，也持續推動新機上市，鞏固在台市占率。
對於Yves Maitre到職未滿1年就離開，宏達電表示，新冠肺炎改變全球人類的生活方式與商業行為，使全球差旅備受限制，Yves Maitre考量家庭與工作難兼顧，董事會通過其辭任，對於他的未來發展給予祝福。
業界認為，王雪紅過去就有兼任宏達電執行長的經驗，重操兵符不是難事，但宏達電近年積極轉型，公司挑戰不小，恐怕還是得找個專業經理人分擔重任，完成轉型大計。
業界認為，相較於宏達電在XR的內容研發實力逐漸成熟，眼前更需殷切補足的，恐怕還是智慧型手機市場這塊，尤其5G換機潮在即，大陸手機因政治干擾無法來台，空出的價格帶是大有可為的機會，應該好好把握。</t>
  </si>
  <si>
    <t xml:space="preserve">辛辛那提紅人隊被驗出有1位球員感染新冠肺炎，大聯盟緊急喊停16日、17日剩餘的兩場海盜系列賽，進一步檢測與追蹤。國聯中區由於聖路易紅雀隊長期停賽被搞得賽程混亂，唯一沒受影響的是紅人，現在紅人終於也中鏢了，預估最快周二回歸打雙重賽。
苦熬17天的「憤怒鳥」紅雀隊16日重見天日，復賽首局就打了4分，奮力以5比1、6比3連續兩場擊退白襪，這是只打7局的雙重賽，他們用14局打了11分一吐怨氣。紅雀接下來要瘋狂趕進度，到8月底都沒有休息日，每天都要比賽，周二開始有「小熊5連戰」。
大聯盟設計的雙重賽打7局制度引來球迷不滿，但對於進度落後的球隊很有幫助，如果紅雀沒再碰到意外，9月28日例行賽結束時仍可以完賽60場；只是打者的數據會比較吃虧，紅雀復賽後有22場比賽都只打7局，每場都會損失1至2局的打擊機會。
</t>
  </si>
  <si>
    <t>新冠肺炎疫情升溫，北部傳出有醫護感染情況，為超前部署，同時配合年前清潔工作，台中市環保局特別針對人潮聚集熱點執行環境防疫消毒，也加強巡檢清除積水容器及孳生源、疏通水溝；值得一提的是，日前還發生清潔人員協助民眾疏通水溝時，竟衝出大批老鼠，所幸經過近2小時清淤，讓水溝恢復乾淨。
清水溝 衝出大批老鼠
環保局長陳宏益指出，因應新冠肺炎發展，清潔隊去年初就成立防疫消毒大隊，去年二月開始持續在台灣燈會會場、針對大眾交通工具及全市464所高中以下學校及127輛校車等進行環境及公共區域消毒作業。
陳宏益表示，為全面強化防疫工作，消毒大隊每月也持續針對百貨商圈、交通場站及民眾洽公機關等全市579處人潮聚集熱點，進行戶外環境加強消毒，至今完成6300處次重點場所消毒工作；此外，針對農曆新年前後，民眾外出採買年貨或出遊，也規畫增加消毒頻率，只要衛生單位通報，清潔消毒人員立即出動。
防新冠 也阻絕登革熱
確實的清理與消毒不只可防範新冠疫情，也可防範登革熱疫情，陳宏益強調，台中市前幾年發生登革熱本土病例，為防堵，環保局秉持「孳生源清除為主，化學噴藥為輔」的原則，定期清除積水容器、杜絕孳生源，清潔隊員每月並到熱點區進行公共環境巡檢，去年總計動員近12萬人次、清理積水容器超過3萬個。
在清理水溝部分，日前清潔隊接獲通報，指樂業國小旁一處水溝不通且頻傳惡臭，經現場會勘，發現是攤販清洗魚蝦時丟棄海鮮殘渣，導致惡臭。
東南區清潔隊長蔡明昌說，清潔人員到場後先灌水沖洗水溝，接著2人鑽進窄小水溝查看，突然有一群老鼠衝向隊員，幸好他們處變不驚，持續2小時終於清完溝內約0.5公噸垃圾。</t>
  </si>
  <si>
    <t>新竹縣25日新增一名確診個案，新竹縣長楊文科25日下午宣布，該名確診者為案5299，為本國籍20多歲女性，住在竹北市，在發病前的公共地區活動史，僅有花蓮縣1處民宿，另外針對新竹市通報的確診者在新竹縣的足跡，新竹縣政府環保局也完成消毒。
楊文科指出，案5299在5月21日至23日則與家人開車前往花蓮，處理家中事務，期間居住在花蓮縣新城鄉一處民宿，但因旅館屬於不公開的足跡，新竹縣政府也通報花蓮縣政府，並完成消毒。
案5299在5月24日晚間因出現發燒，由家人陪同就醫及採檢，確定為陽性後，由救護車後送至醫院隔離治療。楊文科表示，案5299的疫調結果已經交給中央判讀，並釐清其感染源。其15名接觸者及同住家人，也依據風險程度，安排採檢、居家隔離或自主健康管理。
另外新竹縣政府上午也接到新竹市政府通知，新竹市確診個案有前往寶山鄉1處寵物樂園、竹北市縣政九路一間自助餐的足跡，環保局也已消毒完畢。
楊文科表示，中央流行疫情指揮中心25日宣布，三級警戒延長至6月14日，各級學校也停課至6月14日，對於線上教學不足之處，縣府也做滾動式檢討，公播課程會加入低年級課程、國中勞權教育課程，遠距教學線上支援平台也會整合新竹縣輔導團、教育部及其他縣市的線上教學平台，另外國小學力測驗則延長至7月1日施測。
楊文科也感謝普生股份有限公司，捐贈新竹縣1萬人份的「新冠肺炎核酸檢驗試劑PCR」，支援醫療能量。</t>
  </si>
  <si>
    <t>南非爆出最新變種病毒Omicron，各國嚴陣以待，擔心疫情再次蔓延；高端今指出，已著手展開因應方案，評估高端疫苗第3劑追加施打的免疫生成性，及疫苗混打評估的可行性。
高端疫苗指出，已建構Omicron偽病毒，評估現有高端新冠肺炎疫苗對Omicron的中和抗體效價。
在全球展開第3劑追加免疫的評估，藉由高劑量或第3劑疫苗誘導更高的免疫反應，提升中和抗體濃度以對抗Omicron這種高突變變異株；高端疫苗也評估追加施打第3劑的延伸試驗已在進行中，此外，包含兩劑AZ疫苗與第3針混打高端疫苗的試驗結果也已在進行數據分析；期望能以優異的免疫生成性對抗變種病毒。
高端疫苗指出，日前參加WHO團結試驗，受試者族群橫跨美、亞、非三大洲，目前Omicron變異株的流行地區也在收案範疇中；倘若該病毒於團結試驗位於非洲之臨床試驗點流行，將可以評估現有疫苗對抗Omicron變異株之保護力等實證資料。
對於新種突變Omicron變異株，目前雖尚無強烈證據顯示Omicron的免疫脫逃程度，高端表示，已同步進行基因序列評估，並開始進行抗原建立之測試工作，以利在最短的時間內啟動Omicron株抗原的量產準備。</t>
  </si>
  <si>
    <t xml:space="preserve">
因應開學防疫，全澎湖縣學校24日展開防疫機制總體檢，各校已成立防疫小組，擬定防疫管理措施計畫，縣長賴峰偉親率隊視察，重申確實測量體溫，宣布400人以上學校補助購置紅外線體溫儀。
縣府強調，即日起開學後，校園是人群聚集互動最頻繁的地區，防疫考驗才真正開始，校園衛生安全決不能失守，守護學生健康，讓家長放心。
教育處表示，所有防疫物資額(耳)溫槍、消毒水、肥皂、緊急備用口罩等都已到位，同時責令全縣學校成立防疫小組，擬定防疫管理措施計畫及自主防疫檢合表，製作肺炎防疫作業Q＆A供各校參考運用，隨時監控掌握防疫現況。
各校都設置發燒檢測站，控管學生進出校園動線，每天確實實施測量體溫，發現學生體溫超過37.5度，立刻安排至保健室隔離，並通知家長帶往醫院檢查，尤其宣導勤洗手及注意咳嗽禮節。
教育處大聲疾呼，通報機制最重要，一發現疑似感染新冠肺炎症狀學生，盡速通報衛生局或撥打1922協助，落實校安通報。
賴峰偉表示，防疫視同作戰，防疫細節務必零缺口，針對學校人數達400人以上學校，縣府將補助學校添購紅外線體溫檢測儀，提供學生安全學習環境。
</t>
  </si>
  <si>
    <t xml:space="preserve">
新冠肺炎疫情嚴峻，台灣累計確診人數382人，對此，中山醫學大學附設醫院兒童急診科主任謝宗學醫師發文表示，9日中央流行疫情指揮中心指揮官陳時中語重心長的警語，「台灣沒有大意的本錢」，且新冠肺炎傳染力遠大於SARS，若病人突然暴增可能造成醫療資源不足，那時的致死率甚至會比SARS還高。
謝宗學醫師在臉書發文表示，9日下午開車接孩子下課，看到下班下課時間人潮眾多，便當店、飲料店大排長龍，好像世界沒有新冠肺炎肆虐，心中不禁想，這樣平靜的生活能一直維持嗎？會不會一覺醒來爆疫情大爆發，使平常熟悉的一切灰飛煙滅，開始禁足和封城？
謝宗學也指出，台灣現在面臨的嚴峻危機，一、世界各國疫情沒有趨緩的現象，大陸繼續掩飾疫情拚復工，二、清明連假人潮群聚的危機，至少還要10天才能解除，三、國人開始鬆懈，街上看到不少人沒戴口罩。
謝宗學也表示，每天維持高強度防疫的生活很痛苦，但要保有現在如常的生活模式真的只能這樣。清明連假後他開始配戴N95口罩，因為現在國外旅遊史與接觸史已不再是判斷新冠肺炎唯一參考依據，他知道職責所在，不能讓自己染病，所以開始適應12小時緊戴N95工作。他希望大家能持續做好個人防護措施，不要參加人多的活動、不要到密閉空間及人潮擁擠的地方去，出門一定要戴口罩、勤洗手，保護自己也保護家人，更是保護國家，台灣真的沒有大意的本錢。
</t>
  </si>
  <si>
    <t xml:space="preserve">受新冠肺炎疫情及各地不同程度封城影響，大陸大眾運輸載客量大減，飛機票價更是跌得比客運車票還低。今天從上海飛往重慶的機票，最高才人民幣59元，最低更只要49元（新台幣約211元）。
《中央社》報導，26日從上海飛往哈爾濱的機票，最低也只要99元人民幣(合台幣434元)。上海至重慶直線距離約1410公里，空中飛行時間平均約需2小時30分；上海至哈爾濱直線距離則達1680公里，空中飛行時間平均約需2小時近40分。
陸媒《新京報》用「吐血價」3字形容上述票價（不含規費）。並指各大城市相繼推動復工，航空業便抓住一切機會「流血復工」，包括高層主管帶頭降薪甚至不支薪、員工無薪休假、推出「吐血價」機票等措施。
報導說，上述不到100元人民幣的機票，雖是由廉航春秋航空推出，但一線航空公司如東方航空及山東航空開出的上海至哈爾濱票價，也只要170元(合台幣745元)，是非疫情時期的1折左右。
除上海外，北京、廣州等大陸一線城市飛往哈爾濱、重慶、成都的經濟艙票價，也大多報出1至3折的超低價。
報導指出，受疫情影響，大陸航空雖然流血復工，但以24日當天上午10時30分的情況為例，大陸全境1萬3110個航班中仍取消了7809班，取消率將近60%。
報導說，大陸航空業者的自救措施除壓低票價，像是以機上餐點豐富聞名的四川航空，甚至推出團體營養餐業務，對外承包機關團體、企業等單位等集體配餐業務，以補貼收入。
</t>
  </si>
  <si>
    <t xml:space="preserve">全台疫情持續嚴峻，目前人在大陸的張鈞甯心繫台灣，這段期間得知各大醫院有物資的需求，希望醫護同仁們都能在安全的防護措施下為民眾服務，她協助提供防水高筒鞋套及防水隔離衣等，表示現在所需的物資已經陸續到位，希望能幫所有前線醫護人員加油打氣，也藉著這個機會對所有在崗位上辛勞努力的醫護人員們說：「辛苦了！」
而被問捐助物資的金額，張鈞甯經紀人表示：「金額的部分不重要啦！能夠盡己之力為醫護人員幫上忙才是鈞甯的一點心意。」張鈞甯也不忘呼籲大家：「一起『甯』聚愛的力量，努力度過這段艱困的時刻，端午假期乖乖待在家裡不要返鄉移動哦！」
有鑒於台灣各地，仍有許多弱勢兒少受限於家庭資源及經濟，沒有足夠的網路及電腦設備進行遠距學習，張鈞甯也與言承旭一同用行動支持台灣世界展望會，她今（9日）在臉書轉發，邀請大家加入「你捐款，貧童遠距學習不中斷！」活動，募集數位設備送到偏鄉，幫助弱勢兒少穩定學習。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 xml:space="preserve">聯詠(3034)第二季營收創下歷史新高，帶動今股價開高走高，漲幅一度達8%，股價衝上291元歷史新高。
聯詠6月受到面板驅動IC業務減少影響，單月營收58.53億元，月減5.77%，但累計第2季營收仍達186.1億元，季增10.2%，超過177億~185億元的財測目標，改寫歷史單季新高紀錄。
聯詠今年上半年儘管受到新冠肺炎衝擊，但整體營運表現依舊穩住，第二季營收還創下歷史新高，展望第三季，聯詠預期市場將開始回穩，供應鏈拉貨力道可望轉強，因為下半年OLED驅動IC、TDDI等需求持續提升，聯詠預計今年營運將更勝去年，由於聯詠去年全年營收就創下歷史新高，換句話說，聯詠今年營收將有實力持續創高。
除OLED驅動IC、TDDI外，今年在5G手機的策動下，聯詠光是上半年AMOLED的出貨就會比去年全年多，因為聯詠主要供應商之一為大陸京東方，京東方又為大陸最大面板廠，供貨給各品牌手機廠，故隨著大陸5G智慧機快速滲透下，聯詠將受惠AMOLED毛利率較佳，也會順勢帶動獲利表現，除手機應用AMOLED外，聯詠也積極導入AMOLED的其他應用。
</t>
  </si>
  <si>
    <t xml:space="preserve">國民黨主席江啟臣今天在中常會重批政府振興政策，並指朝野互信因罷韓越顯薄弱，民進黨無視當前紓困振興工作混亂，國際局勢變化，在內外交迫中，不放棄以行政手段協助罷韓；而國民黨要更積極串連包括高雄市在內的執政縣市共推安心旅遊、防疫旅遊，超前部署振興工作。他再次懇求高雄鄉親投票前，重新思考，市府團隊的努力與成績，值得再給一次機會，繼續延續高雄的幸福。
江啟臣說，前天國內連續43天零本土個案，居家隔離人數首度歸零，創下「雙零」紀錄。同時，高雄市政府也宣布連續4個月無本土病例，並且結合高雄市內37家旅館舉行點燈活動。中央與地方同步宣示國內疫情緩和，即將逐步展開振興工作。
但行政院推出的振興政策卻令人難以期待，要求民眾以1000元購買3000元面額的振興券，令人費解，分不清楚這是商業促銷還是政府振興政策？金融海嘯時期，馬政府發放消費券，不僅帶動了經濟活水，也讓民眾在消費時，花了比消費券還多的金額，刺激經濟，這種做法才是最實質的振興！
他說，面對接下來的振興需求，國民黨仍舊主張，發放現金。日前國民黨立法院黨團也正式提案，每人發放6000元，希望透過發放現今來刺激消費，活絡因為疫情凍結的經濟，讓各行各業能逐漸回歸正軌。
江啟臣說，然而國際疫情仍未平息，邊境管理不能鬆懈，兩岸國際局勢變化更瞬息萬變，美陸對峙、競合的局勢顯然將在疫情過後更加明確。香港局勢變化也牽動兩岸互動，同樣值得關注與擔憂。此刻，更應是朝野共同面對世界變局的關鍵時間，但朝野間的互信卻因為罷免韓國瑜市長的動作越顯薄弱。
他說，國民黨擔憂，台灣社會持續虛耗空轉、對立激化，絕對不利於因應快速的國際局勢變化。令人遺憾的是，執政的民進黨無視當前紓困振興工作混亂，國際局勢變化，在內外交迫中，仍不放棄以行政手段協助罷韓工作的可能性。
江啟臣指出，在中央紓困振興作為不力的情況下，國民黨要更積極串連地方政府進行振興工作。上週新北市長侯友宜、金門縣長楊鎮浯已經展開縣市互惠的國旅振興規劃，國民黨執政縣市也無不用心共同推動振興工作，包括台中市政府已規劃擴大辦理「臺中購物節」、高雄市政府也推動「高雄振興購物嘉年華」，台東縣政府也推出「獎勵旅遊及度假會議計畫」。黨中央也將更持續積極連結執政縣市，共同推動安心旅遊、防疫旅遊，希望攜手面對後疫情的經濟衝擊，超前部署振興工作。
江啟臣強調，藉由中常會，他再次重申，黨中央力挺每位黨籍從政同志，包括15位黨籍縣市長。黨中央有責任與韓國瑜市長及所有的地方政府共同合作，用市政成績證明國民黨的執政經得起考驗。面對各種的意見與批評，國民黨除了虛心檢討，更再次懇求高雄鄉親投票前，重新思考，市府團隊的努力與成績，值得再給一次機會，繼續延續高雄的幸福。
</t>
  </si>
  <si>
    <t>台北市松山區某國中學生染疫，周邊校園紛紛預防性停課，昨日共有12校受影響、4399名學生請防疫假。北市副市長蔡炳坤今日指出，今日請防疫假的人數已從4339名，增加到5113名，目前共有61個班仍在停課中，共有1550名學生受到影響。
北市府下午舉行防疫記者會，媒體詢問今日請防疫假的人數，停課學校總數和影響學生人數有多少？不少學校即將在周一恢復上課，周邊補習班和家教班是否也比照作法，一併在周一恢復實體授課？
蔡炳坤表示，昨天請防疫假的人數為4339名，佔總學生數的1.34％，今日已增加到5113人，佔總數的1.58％，等於增加了774位；停課部分則有61個班，包括國中28個班、國小6個班、幼稚園27個班，共有7校、5園，停課所影響的學生則有1550人。
至於復課部分，蔡表示，除了松山區的2個國中，跟中山區的1個國小，人數總共619位，星期一可以復課，其他學校還要等和核酸檢測（PCR）結果才能做出決定。北市副市長黃珊珊也補充，有確診學生的那班還是會持續停課，因為學生都在居家隔離。</t>
  </si>
  <si>
    <t xml:space="preserve">美國一名65歲男子在接種第2劑莫德納（Moderna）疫苗10天後，因為持續頭痛、腿部疼痛住院，並且確診血栓併血小板低下症候群（Thrombosis with Thrombocytopenia Syndrome，TTS），男子在接受積極治療後仍不幸身亡，這是全美首起因為接種莫德納疫苗引發罕見血栓的案例。
綜合英國《每日郵報》（Daily Mail）、「今日俄羅斯」（Russia Today，RT）報導，美國匹茲堡艾勒翰尼醫療體系（Allegheny Health Network）的研究人員昨（28）日在美國《內科醫學年鑑》（Annals of Internal Medicine）上發布美國首起接種莫德納疫苗引發罕見血栓不幸喪命的案例。
報告指出，這名65歲男子在接種第2劑莫德納疫苗10天後住院，接種疫苗後他反覆頭痛、雙腿疼痛一周，就醫前2天開始呼吸困難。
男子本身患有高血壓、高血脂症（Hyperlipidemia）等慢性疾病，就醫後很快就被診斷出血栓併血小板低下症候群的罕見血栓症狀，他同時有深部靜脈栓塞（Deep Vein Thrombosis，DVT）及血小板減少症（Thrombocytopenia）。
醫療團隊試圖找出男子出現血栓併血小板低下症候群的原因，包括感染新冠肺炎、其他病毒，或是由栓塞性血小板減少性紫斑症（thrombotic thrombocytopenic purpura，TTP）造成，不過上述所有因素全被排除，最終團隊總結男子出現的罕見血栓症狀是由疫苗所誘發。
報告指出男子在住院3天後就出現腦靜脈竇血栓（cerebral venous sinus thrombosis），這是一種罕見的血栓型態，可能導致出血。儘管經過12天快速治療，團隊也窮盡各種方式，包括用下腔靜脈濾器收集大血塊、以及使用Bivalirudin等抗血栓藥物，男子最終仍不幸病逝。
先前科學家僅證實接種腺病毒為載體的AZ、嬌生疫苗會併發罕見血栓，這份研究顯示接種mRNA技術的疫苗也可能出現罕見血栓。
據了解，這是美國至今唯一一起接種莫德納或輝瑞/BNT疫苗後出現血栓併血小板低下症候群的案例，美國目前已經施打超過3.06億劑莫德納與BNT疫苗。
匹茲堡的研究團隊強調，mRNA疫苗已被證實安全、有效，而且數百萬人接種後沒有出現這個問題，他們認為65歲男子的不幸例子是相當罕見的案例，就算後續證實有其他案例，接種疫苗的好處仍舊較大。
研究團隊也指出，如果團隊能更早一步發現男子的的症狀是「疫苗誘發的免疫性血栓併血小板低下症」（vaccine-induced immune thrombotic thrombocytopenia，VITT），他們就會早一點用不同的方式為他治療。
</t>
  </si>
  <si>
    <t xml:space="preserve">在新冠肺炎疫情橫掃下，據約翰霍普金斯大學（Johns Hopkins University）統計，至今美國已有直逼19萬人確診，而死亡人數也突破4,000。
據俄羅斯衛星網1日報導，聯合國祕書長古特瑞斯（Antonio Guterres）周二警告，全球正面臨的，可能是第二次世界大戰以來最具挑戰性的危機。
世界衛生組織（WHO）已宣佈，新冠肺炎疫情是「大流行（Pandemic）。而根據世衛最新的統計數字顯示，全球有超過75.4萬人確診，逾3.6萬人喪生。
</t>
  </si>
  <si>
    <t>教育部23日早上表示，受新冠肺炎影響，為避免因學生個人或父母等主要家庭成員，發生非自願失業、減班休息或經濟急難等情況，導致學生本人就學及生活出現困難，已積極研擬規畫對學生的紓困計畫。
教育部指出，為讓未來計畫執行更順利，教育部已召開兩場次說明會徵詢學校意見，目前正依學校回饋建議進行執行方式的調整，待計畫確定後，近日就會正式對外發布施行。
對此，網友們傻眼了，直呼蔡英文政府竟然沒有記取之前紓困之亂的教訓，還在巧立名目、亂發錢，真正需要紓困的勞工朋友卻沒有辦法順利拿到錢、度過難關，到底在搞甚麼！
教育部傍晚隨即透過新聞稿澄清，強調已在2月份與大專校院研議，啟動相關助學機制，在這之上，將持續協助照顧更多需要幫忙的學生，應無另立紓困方案之準備。
宅神朱學恒在臉書表示：教育部啊教育部【掩面】！</t>
  </si>
  <si>
    <t>普生(4117)搶攻新冠肺炎檢驗試劑市場率先告捷。普生表示，核酸檢驗產品已出貨印度、印尼、墨西哥與馬來西亞等國，營運加速衝刺。本月底包括印度及尼泊爾都會有大型標案結果出爐，若順利得標，可望挹注新一波動能。
普生新冠肺炎核酸檢測產品5月開始出貨，已交貨印度、印尼、墨西哥及馬來西亞等國，帶動營收跳升。目前一班制產能已達80-100萬劑，未來將視各區需求，得以加班開到兩班制，將產能拉高到160萬劑以上。
普生新冠肺炎之核酸檢驗產品除出貨印度、印尼、墨西哥與馬來西亞等國，並在5月底向美國FDA送件申請EUA，待確認獲准後，將開始出貨美國；另還有印度、尼泊爾都有500萬劑以上的大型標案進行參與中，月底前結果將陸續出爐。
普生指出，除核酸產品外，也有與中研院合作的抗原檢測試劑及最新發表的雙重抗體檢驗試劑。其中，抗體檢驗試劑是全球少數可以同時檢測IgG、IgM的抗體檢測產品，目前抗體檢測全球僅3個國家7隻產品獲准，公司已送出如美國FDA、TFDA與CE等相關申請。另與中研院的抗原檢驗試劑正進行臨床試驗中，預計結果在8月中下旬出爐。</t>
  </si>
  <si>
    <t>大陸國家衛健委6日通報，截至6月5日，全大陸31個省（自治區、直轄市）和新疆生產建設兵團，累計報告接種新冠病毒疫苗7億6306萬劑次；截至6月4日，累計向80多個國家捐贈、向40多個國家出口疫苗3億5701萬劑，同時大陸滅活疫苗、重組蛋白疫苗、腺病毒載體疫苗已也累計在全球90多個國家和地區獲批上市或緊急使用。
據央視引述大陸國家衛生健康委副主任曾益新表示，目前來看病毒仍在不斷變異，但還在疫苗防控範圍內，強調要繼續觀察病毒的變異，一旦病毒的變異超出現在疫苗防控範圍，就要對疫苗進行升級、改造，升級到兩價疫苗，甚至三價疫苗來防控。
大陸國家衛健委指出，在新冠病毒疫苗研發、生產、使用等方面均在積極開展國際合作。部分疫苗研發單位元已經與阿拉伯聯合大公國、巴西、烏茲別克、菲律賓、巴基斯坦等20多個國家的相關機構合作展開Ⅲ期臨床試驗。
同時有部分疫苗研發單位，正在與國外企業合作核酸疫苗研發，部分疫苗研發單位獲得流行病防範創新聯盟經費支持，目前也正進行境外Ⅱ／Ⅲ期臨床試驗。
生產方面，大陸疫苗生產企業與多個發展中國家展開合作，迅速推進疫苗的大規模生產。部分企業生產的原液已運往巴西、印尼、埃及、阿拉伯聯合大公國、巴基斯坦、馬來西亞等國，並啟動境外分包裝工作。</t>
  </si>
  <si>
    <t>桃園28日新增2起本土確診案例創新低，其中1人是一間大型護理之家的住民，有糖尿病史，18日曾施打疫苗，但25日因血糖飆高送醫，採檢確診，雖然CT值高且二採陰性，不排除感染已久，但衛生局不敢大意，連夜將護理之家住民和工作人員共110人全採檢，晚間結果出爐全都陰性。
衛生局長王文彥指出，桃園28日新增2例本土確診個案，年齡介於50多歲至60多歲之間，其中案14795感染源待釐清，是桃園市某護理之家的女住民，有糖尿病史，18日曾打過第一劑AZ疫苗，因為血糖控制不佳，25日曾飆到500緊急送醫，醫院採檢陽性確診。
王文彥說，該名奶奶CT值35.3，且28日再度採檢是陰性，不排除是很久以前感染，但因她居住的護理之家規模很大，衛生局第一時間完成匡列採檢、連夜疫調，整個護理之家扣除確診者所有住民有83位，工作人員包括護理員、照顧服務員和看護有27名，110人全匡列採檢。
晚間採檢結果出爐，110人採檢結果全都陰性，據悉該院大部分住民和工作人員都已施打完第一劑疫苗。</t>
  </si>
  <si>
    <t>北京市海淀區1名赴京人員，今天（12月2日）核酸檢測結果為陽性。經初步調查，該陽性人員常住哈爾濱市，11月26日與哈爾濱市確診病例在密閉空間有接觸，11月28日乘坐CZ2628航班從哈爾濱太平國際機場到達北京大興國際機場，在京暫住地為海淀區琨御府東區7號樓。
海淀區已在第一時間啟動應急響應，立即開展疫調排查，對相關人員活動涉及海淀區軌跡琨御府東區採取管控措施，啟動相關區域人員核酸檢測。
下一步，海淀區將加快疫調溯源和核酸檢測，快速排查風險人員，嚴格落實管控。
★上海新增2例新冠肺炎本土確診病例　一地被列為中風險地區
此外，據央視網報導，今天（12月2日）18時，上海舉行新冠肺炎疫情防控工作新聞發布會，會上介紹，截至今天（12月2日）17時，上海市新增2例新冠肺炎本土確診病例。
上海市、區疫情防控應急處置機制立即啟動，全面開展流行病學調查、相關人員排查、採樣檢測和隔離管控，落實相關場所及環境終末消毒等防疫措施。這2例病例均已轉運至上海市公共衞生臨床中心隔離治療，目前病情穩定。
上海市衞健委正在開展流行病學調查、溯源和防控管理等工作，截至目前，暫未發現與此前的疫情有關聯。
根據國務院聯防聯控機制有關要求，經市新冠肺炎疫情防控工作領導小組辦公室研究決定，將浦東新區花木街道牡丹路186弄小區列為中風險地區，上海市其他區域風險等級不變。</t>
  </si>
  <si>
    <t xml:space="preserve">李英宏14日情人節在IG曬出與女友的甜蜜合照，浪漫說：「啾咪一波。」據悉，他與女友交往多年，女友曾在他4年前的〈台北直直撞〉MV參與拍攝，李英宏昨回應：「關於放閃，只想讓對方開心一下，沒想太多，大家就一起情人節快樂吧。」
不過有許多粉絲在他的IG紛紛留言：「心碎了！」、「已失戀。」他聽聞後，傻笑說：「始料未及，聽到有人哭了，鄭重道歉。」而他時隔4年，將推出新專輯《水哥2020》，他在官方YouTube頻道上，釋出整張新作，讓歌迷全曲目免費試聽，也是送給歌迷一個最好的情人節禮物。
此外，近來新冠肺炎肆虐，他的5場商演皆延後、取消，廣告代言相關活動也都暫停，粗估少賺近百萬，李英宏現也專心在寫歌創作上，也多了許多時間去聆聽他人的創作。
談到新專輯「水哥」取自台語的「水氣」，有形容「帥、酷、豪爽」，被問及自認最水哥的地方在哪？他故意甩頭髮、打趣：「從小到大，不知道追女生的感覺是什麼！」似乎異性緣十分好。
</t>
  </si>
  <si>
    <t>半導體測試板廠雍智（6683）11日公告第一季財報，受惠於5G及WiFi 6等晶圓測試板及IC老化測試載板出貨暢旺，第一季合併營收、平均毛利率、營業利益、稅後淨利、每股淨利等同步創下歷史新高，單季每股淨利2.52元優於預期。新冠肺炎疫情帶動在家遠距工作需求，5G及WiFi 6需求強勁，第二季營運表現將明顯優於第一季。
測試廠今年大量釋出IC老化測試載板訂單，加上5G晶片及WiFi 6網路晶片的晶圓測試板訂單強勁，雍智第一季財報亮麗，合併營收季增17.2％達2.47億元，較去年同期成長28.1％，創下季度營收歷史新高，平均毛利率季增0.2個百分點達58.6％，較去年同期提升7.7個百分點，改寫季度毛利率新高紀錄。
雍智第一季營業利益季增26.4％達0.83億元，與去年同期相較明顯成長38.9％，稅後淨利季增39.9％達0.68億元，與去年同期相較成長39.1％，每股淨利2.52元。亦即雍智第一季營業利益、稅後淨利、每股淨利等均創下歷史新高，並大幅優於市場預期。
雖然新冠肺炎疫情造成終端需求放緩，但半導體生產鏈未受衝擊，受惠於中國加快5G新基建帶動基地台、智慧型手機等相關晶片需求增加，加上在家遠距工作推動WiFi 6路由器熱賣並造成WiFi 6晶片缺貨。所以，包括聯發科、華為海思、瑞昱等業者已增加5G或WiFi 6的相關晶圓投片，雍智可望直接受惠。
雍智公告4月合併營收月增6.0％達0.97億元，較去年同期大幅成長66.0％，並創下單月營收歷史新高。累計前4個月合併營收3.44億元，與去年同期相較明顯成長36.9％，並為歷年同期歷史新高。法人看好雍智第二季營收將續創季度歷史新高。
法人表示，雍智接單維持強勁，智慧型手機應用處理器的晶圓測試板訂單能見度高，電源管理IC、WiFi 6、射頻IC等IC老化測試載板等訂單優於預期，而今年測試廠擴大預燒（burn-in）測試產能，對雍智的IC老化測試載板下單量明顯增加，雍智今年仍有機會維持逐季成長動能，看好今年獲利將賺逾一個股本。</t>
  </si>
  <si>
    <t>近期國內的確診個案中，從歐美返國的民眾有不少為嗅、味覺喪失，中央流行疫情指揮中心專家諮詢小組召集人張上淳證實，國內嗅味覺喪失的患者基本上都是歐洲、美洲返國的境外移入者，因此不排除當地的病毒株已有變異，目前國內的大陸、亞洲旅遊史病患並未發現這種狀況，但詳情還需要國內醫學的研究與探討，至於喪失味覺嗅覺者是否會增加重症機率，目前還沒有確切證據。
新北市長侯友宜最近再度呼籲中央，應全面對入境者進行普篩，但中央流行疫情指揮中心今天仍不願妥協，指揮官陳時中表示，機場普篩還是會有偽陰性、偽陽性的問題，若全面實施恐會造成更大的防疫漏洞，因此目前對於邊境防疫，還是採取折衷方案，對入境者有症狀者就直送集中檢疫所採檢，只要是陰性就可返家居家檢疫，另外對於居家檢疫者在結束14天管制前也會依照民眾的症狀來判斷是否需安排採檢，有症狀者才會採檢，這樣就不會有偽陰性、偽陽性的問題。</t>
  </si>
  <si>
    <t>「清明連假去過國家級警報示警的11個景點嗎？」台南市議會國民黨團6日要求市府，主動調查公部門員工及學生的清明旅遊史，並建議有前往11景點旅遊的公務員及同學們，上班、上學一定要戴口罩，不要成為防疫破口。未來還有勞動節和端午節連假，黨團也希望市府能提早研擬一套旅遊防疫措施，不要讓台南市的景點再遭國家級警報點名。
黨團書記長王家貞表示，在此防疫第一的當下，新北市政府已要求去過11個國家級警報景點的員工，一定要戴口罩上班，富邦金控、國泰金控、鴻海等公司也紛紛在夜間緊急發文，要求去過11個景點的員工居家辦公7天或14天；11個國家級警報景點，台南市的關子嶺、烏山頭也上榜，人擠人擠出大家對疫情的關切，市府在清明連假之後，是否也要跟進新北市的作法？
王家貞表示，她鼓勵親子共遊，但全球新冠肺炎確診病例及死亡數一直快速增加，台灣是地球村的一分子，有多少樂觀的本錢？家長真愛自己的孩子，就不會在此疫情緊張的時刻帶著孩子出遊，讓孩子身歷險境。
「不讓防疫出現破口人人有責」，黨團要求市府應做表率，調查有多少公部門員工在清明連假去過11個景點？並要求他們都戴口罩上班；學校裡有多少學生也去過這11個景點？並請學生們這段時間上學戴口罩進入校園，不要讓校園成為防疫破口。未來還有勞動節和端午節連假，希望市府能提早研擬一套旅遊防疫措施，不要讓台南市景點又遭國家級警報點名，這樣對景區和民眾傷害更大。</t>
  </si>
  <si>
    <t>全球政經環境危機四伏，知名經濟學家馬凱表示，新型冠狀病毒肺炎疫情可能拖累大陸經濟無法「保5」，經濟成長下滑20%左右，進而影響全球40%的經濟成長動能。但他說，新冠肺炎疫情最快在2月底獲得控制，加上貿易戰和緩、香港反送中問題降溫、英國脫歐塵埃落定，因此判斷今年是好年，全球經濟仍有正面發展。
馬凱在台北經營管理研究院7日舉辦的「世界經濟走向與台商對策論壇」上表示，大陸經濟成長占全球比重高達3到4成左右，近年全球經濟欲振乏力，原因就在於大陸經濟成長下滑，「給全球經濟出現往下拖的力量。」
而開春至今新冠肺炎疫情延燒，馬凱指出，當然會拖累大陸經濟，出現「保6」，甚至「保5」危機，但他認為，一方面，最近幾天新增病例數放緩；另一方面，大陸政府封城後，向外傳播的狀況並未進一步擴散，尤其與大陸往來最密切的香港病例數不超過20例，再加上按照目前國際研發團隊研發藥物的速度，疫苗等相關藥品問世的喜訊很快就能聽見，因此預測本月底疫情就能獲得控制，大陸經濟有機會反彈。
中美貿易戰告一段落
馬凱更指出，影響大陸經濟的另一個關鍵就是中美貿易戰，過去市場各界提心吊膽，總是擔憂關稅再增加、新關稅課徵等，但情況在1月15日中美正式簽署第一階段貿易協議後得到改善，目前雙方之間的關稅戰已從不斷升高到反轉下降，他說，未來可能拉回大陸去年流失的投資，從負投資轉正，「否極泰來」。
同時，馬凱表示，英國脫歐1月31號塵埃落定後，脫歐陰霾消散，可能造就一個「更有活力的英國」，並對沉寂多年的歐盟形成鯰魚效應，使得歐洲開始祭出相關措施，刺激經濟成長；而武漢肺炎意外使得香港群眾運動降溫，有助於整體回歸理性，「對香港當然是好的。」綜合這些因素，馬凱認為，對全球經濟來說，今年是個好年。
此外，馬凱強調，若未來中美貿易戰進一步反轉，在大陸的企業不需轉單、外移產線，部分產線就不外移，部分之前外移的生產線甚至會回大陸，台灣失去這個助力，將會成為反面殺傷力，這是必須持續關注的重點。</t>
  </si>
  <si>
    <t>公費新冠肺炎疫苗今起開放第九類18歲以上有重大疾病患者，以及第十類50歲以上民眾接種，共有94萬1095人完成預約，今起可依預約時間前往醫療院所施打，但如果因故不小心錯過預約怎麼辦？如果臨時想要更改疫苗廠牌又該怎麼做？《中時新聞網》整理出五個疫苗登記與預約的常見問題供民眾參考。
◎疫苗意願登記時間
疫苗意願登記每周一將統一結單，符合接種資格者將會收到預約簡訊。目前除了第九類與第十類的公費疫苗接種對象外，民國92年以前出生（18歲以上者）也可以登入系統進行疫苗施打意願登記。
◎疫苗接種預約方式有哪些？
收到預約簡訊的民眾可透過公費疫苗預約平台或健保快易通App線上預約，或親自前往四大超商、藥局或是衛生所插卡預約打疫苗的時間與地點，且在預約期間內，民眾也可以透過網站或App來修改接種地點或時間。
◎要怎麼修改疫苗意願登記？
民眾登記疫苗施打意願之後，如果想要修改想接種的疫苗廠牌，並不需要重新登記，可以登入公費疫苗預約平台或健保快易通App，上面會顯示已登記的資訊，下方可選擇「修改登記」的按鈕，就能更改原先勾選的疫苗廠牌。
◎錯過接種疫苗時間怎麼辦？
如果不小心錯過預約打疫苗的時段也別慌，可以在當天告知現場的工作人員，選擇同一天的不同時段接種，但如果沒辦法在當天打疫苗的話，就須要等收到下一輪的簡訊通知，再重新預約接種疫苗的時間與地點。
◎先登記意願就可先打疫苗？
中央流行疫情指揮中心曾在記者會上解釋，疫苗意願的登記先後順序與收到預約簡訊的先後順序並沒有關聯，將會以「長幼有序」方式排列，依出生年序發布預約通知。</t>
  </si>
  <si>
    <t xml:space="preserve">為幫助因新冠肺炎疫情影響生計的民眾，勞動部日前推出「安心即時上工計畫」，但因申請門檻太嚴格，新竹市政府7日再推出放寬應聘條件的「安心即時上工2.0」就業博覽會，錄取者每月可有80小時工時、1萬2640元補助、最高6個月。
新竹市「安心即時上工2.0」就業博覽會今天在市府內廣場舉行，市長林智堅特別前往關心，他說，未來巿府安心即時上工額度將再提升，期待能提供勞工朋友500個巿府工作職缺，協助穩定勞工經濟生活。
他說，「安心即時上工計畫」2.0版繼上月成功媒合187人於市府就業後，此次再加碼139個職缺，增加就業機會，且這次求職更便利，市府提供1站式1對1專人服務，從提出申請、資格審核、提供職缺、現場面試1次完成。
此外，未來表現良好的即時上工員工也將納入未來市府人才庫，作為市府未來徵聘臨時人員的重要參考。
市府勞工處指出，勞動部之前推出的「安心即時上工計畫」申請門檻太嚴格，難以適用許多有需求的民眾，市府立即向行政院反應，行政院也快速放寬條件，原本是半年內有勞保或就保2個月，放寬到1年內有投保即可。另，原本勞保薪資額度2萬3800元以下也放寬成無限制；竹市職缺也從326個增加至500個。
此次計有衛生局、環保局、社會處及民政處等單位釋出139個職缺，主要協助幫洽公民眾量測體溫、防疫物資整備、環境清潔、防疫宣導及相關文書等工作，今天現場有近200位勞工朋友洽詢。
勞工處強調，「安心即時上工計畫2.0」放寬資格，只要申請登記日前1年有勞工保險或就業保險投保紀錄者都可適用。符合資格的勞工經錄取後，到巿府相關局處從事計時工作，每小時按基本工資158元核給工作津貼，每月最高工作80小時，每月最多核給1萬2640元，每人最長以補助6個月為限，目的是穩定勞工的經濟生活。
</t>
  </si>
  <si>
    <t>新冠肺炎疫情持續擴散，衝擊到大陸宏觀經濟的表現，多家外資投行甚至預估今年首季大陸GDP年增速恐怕連「保5」都有困難，有鑑於此，大陸官媒開始預期「降準、降息」已經不遠，新華社旗下的刊物《中國證券報》12日就報導指出，隨著中國人民銀行（大陸央行）逆回購操作已達高峰，加上下周開始逆回購到期資金較為集中，屆時人行因應疫情而進行定向降準的機會不低。
事實上，新冠肺炎疫情爆發以來，多位學者專家及投行均探討過人行降息、降準的可能性。瑞銀投資研究部首席中國經濟學家汪濤就預估，為了確保大陸經濟動的順暢，人行2月可能會有一次降息，降幅大約是10個基點左右，汪濤並估計今年大陸約有100個基點的降準空間。
對中小銀行定向降準
另外，北京大學滙豐金融研究院執行院長巴曙松更在12日指出，如果本次疫情對大陸經濟的影響進一步加重，那麼對於中小銀行提供定向降準將是可行的手段。
相對於各機構熱議，大陸官媒近期倒是鮮少評論人行是否應該降準、降息，不過，《中國證券報》12日刊出的一篇文章，則是因為預估人行可能會在下周降息，甚至降準，而引起外界關注。
文意指出，從上周人行在兩天之內，就透過逆回購操作釋出1.7兆元人民幣資金來看，可以看出近期人行實施超大規模流動性投放帶有應急性質，首要目的可能是提振市場信心，穩定金融市場。但考慮到春節後現金回流推高流動性的季節性規律，人行繼續超常規投放流動性必要性下降。
貨幣調控易鬆難緊
不過，由於下周開始，人行此前經由逆回購釋出的資金將密集到期回籠，在實體經濟仍因疫情而高度不安的情況下，《中國證券報》指出，屆時MLF操作利率下調進而牽引本月貸款市場報價利率（LPR）下降將是大概率事件。
此外，對疫情波及領域給予定向支持，也是人行接下來的另一看點所在。報導指出，考慮到疫情令經濟開局形勢更加複雜嚴峻，對於人行後續在定向降準工具的運用仍值得期待。
不過，業內人士認為，人行「大水漫灌」的措施仍不致於「重現江湖」，但貨幣調控易鬆難緊將是確定的，預計未來一兩個季度內都難以明顯轉向，這或許將引導市場利率有較為明顯的下降趨勢。</t>
  </si>
  <si>
    <t xml:space="preserve">新冠肺炎疫情肆虐全球，台灣靠著衛福部長陳時中坐鎮指揮，防疫措施獲得各國肯定，不過歌手楊培安卻在微博嘲諷：「蔡政府沒了陳時中，疫情還能控制在現在這樣的狀況嗎」，對此女星郭昱晴不滿反嗆：「扯台灣後腿的人」。
楊培安在微博發文，認為台灣疫情控制得當，應該歸功陳時中部長領導的整個衛福部和防疫團隊專家，光靠執政團隊是不會有能力解決疫情以外的問題，接著嘲諷：「蔡政府沒了陳時中，疫情還能控制在現在這樣的狀況嗎」？對此郭昱晴發文怒嗆：「台灣最不缺的就是這種，抱對岸大腿，扯台灣後腿的人」。
對此網友也紛紛留言：「歲月改變不了人的本性，但人民幣會」、「人民幣的魔力，讓他可以毫無尊嚴的活下去」、「又來一個因為不紅硬要刷存在感的」。
</t>
  </si>
  <si>
    <t>受疫情影響，許多海外國人不便返國，超過2年未入境，遭依法遷出戶籍，恐影響健保等權益。對此，內政部表示，為了正確戶籍資料，出境2年以上，依法應遷出登記。只要出境未逾4年，一回國立即可參加健保，其他相關權益政府也都有因應措施，可確保海外國人權益。
內政部表示，出境2年戶籍遷出，是依戶籍法規定，以落實戶籍管理制度。且行政法院曾有判例表示，遷徙是事實行為，遷徙登記應依事實認定。因此，當事人既然人在國外，則應依事實辦理遷出登記。但民眾不必擔心，戶籍被遷出者仍具有中華民國國民身分，未來只要持中華民國護照，或入國證明文件入境後，即可辦理遷入登記。
對於海外國人戶籍遷出後，恐影響健保、國民年金與勞工保險之老年給付、個人綜合所得稅率、地價稅率等，政府相關單位包括僑委會、衛福部、勞動部、財政部及內政部等已有開會協調，相關權益都不會受影響，內政部並特別提供圖片解說相關規定，請民眾可以放心。
健保方面，內政部指出，國人出境若未超過4年，回台後可馬上恢復戶籍和健保。若超過4年才回台，一般須等待6個月後再加保，但只要設籍後找到受雇單位，便可立即加保，無須等待。
內政部表示，國保、勞保、課稅等權益，相關業務主管機關也都有因應作為，例如，國民年金之老年給付，可向我駐外館處申請開立驗證「身分或居住相關證明文件」，郵寄至勞動部勞保局審查後，就會照常給付。民眾如有相關問題，可進一步向各業務主管機關洽詢，確保自身的權益。</t>
  </si>
  <si>
    <t>基隆市政府從疫情爆發迄今累積22例，只有1案感染源來自桃園，其餘都和萬華群聚案有關，其中有一案2564為一名年約60多歲男子，平時在成功市場擺攤，5月2日、10日前往西門町紅寶石歌廳消費，13日不舒服，但仍有在市場做生意，市長林右昌緊急下令，成功市場今天中午關閉，至5月30日零時。
林右昌表示，案2564平時生活規律，5月1日至16日有7天，從早上7點至10點在成功市場擺攤，其中5月2日、10日早上11點搭乘台鐵區間車從三坑至台北，下車後步行到西門町紅寶石歌聽，直到下午5點再搭火車回基隆。
林右昌說，該名長者5月13日開始不舒服，晚上7點前往仁愛區南榮路43號王大夫診所看診，醫生建議若有不舒服要到醫院篩檢，而5月15、16日仍前往成功市場擺攤，爾後身體仍不適，直到今日確診。
林右昌指出，早上已緊急通知成功市場，從今天中午12點起到5月30日零時暫時休業，並請環保局前往執行消毒作業。</t>
  </si>
  <si>
    <t>雲林縣今（5日）新增第13例新冠肺炎確診案，案10663是家住台西鄉蚊港村的77歲男性，他3日出現症狀後病情就急轉直下，確診當天下午血氧濃度掉到54％，CT值29，緊急插管收住於負壓隔離病房，目前感染源不明，衛生局今下午緊急進駐台西鄉蚊港旭安府做快篩。
衛生局長曾春美指出，案10663老翁3日咳嗽、發燒、腹瀉、肌肉痠痛、倦怠、呼吸短促、重度呼吸窘迫而就診，目前收治於負壓加護病房，感染源不明，匡列隔離16人。
麥寮六輕廠區昨天傳出一對夫妻（案女10467、案男10653）確診，其19歲就學中的女兒（案10468）也感染，因3人均設籍於台中市，個案管理歸台中市清水區，雲林縣府今公布一家3口在雲林縣的足跡。
曾春美表示，案10467是51歲女性，原本於麥寮六輕上班，5月29日出現發燒、盜汗、咳嗽、頭痛及肌肉痛症狀而到診所就醫，30日辦理離職手續，6月3日確診，CT值23，居家隔離15人，目前於醫院治療。
衛生局長曾春美表示，該確診女性的足跡單純，進六輕廠區辦公室的時間僅早上7點到8點30分、下午1點至2點、4點40分至5點，其餘時間外派駐點巡查，下班後回宿舍。
案10653是案10467的丈夫，男性52歲，在麥寮六輕廠區工作，3日因妻子快篩陽性，他自行至醫院採檢，4日陽性確診，CT值16，匡列31人居家隔離，目前於醫院治療。他確診前的足跡都在辦公室、宿舍。
案10468是這對夫妻的女兒，6月3日因母親確診，她被匡列居家隔離並採檢，4日採檢結果陽性，目前於醫院治療。她確診前的足跡大多在台中市家中。
雲林縣長張麗善表示，昨天（4日）六輕廠區一傳出有確診案例，衛生局立即緊急要求廠區快篩275名員工，都是陰性。未來也會循此模式，只要有社區、工業區發生感染案，就立即前進設置快篩站。</t>
  </si>
  <si>
    <t>日本贈送的124萬劑AZ（AstraZeneca）疫苗日前開打，連日來已傳出多例接種後死亡事件，國民黨立委陳以信指出，「這五天累計死亡通報數是65例，除下來發現最近五天打AZ後的死亡通報率高達「百萬分之105」，已經突破萬分之一，這麼高的長者死亡率，CDC（指揮中心）還要繼續鼓吹長者打AZ嗎？」
陳以信表示，現在美國贈送250萬劑莫德納疫苗，「我們非常感謝美國的愛心，對台灣太有幫助，但是現在長者施打AZ疫苗，死亡通報率這麼高，CDC應該認真考慮，長者是否應即停打AZ，和孕婦產婦一樣，改打莫德納疫苗。」陳以信建議，AZ留給年輕人來打，「這樣才能增加國人存活率不是嗎？」
陳以信指出，從6月15日開打的AZ疫苗，到昨天6月19日為止，施打人數是470951人，四天內的死亡通報數是47例，死亡通報率是百萬分之99點7，幾乎達到萬分之一，「（今天）下午兩點所公布最新數據，昨天確診者有11例死亡，打AZ疫苗後卻新增18例死亡通報，沒想到打疫苗後死亡的人數，竟比確診後死亡的人數還要多。」
陳以信直言，「人命關天，請CDC根據真實數據結果，儘快調整施打疫苗順序，才能挽救更多長者寶貴性命。」</t>
  </si>
  <si>
    <t>銀行也是新冠肺炎疫情受災戶。金管會5日公布，國銀3月稅前獲利182億元，創十年來同期獲利最低水準，且比去年同期大幅衰退44％，是歷年3月最大衰退幅度。累計國銀首季稅前獲利809.5億元，較去年同期衰退16.9％，也是史上成長動能最弱的第一季。
銀行局副局長莊琇媛分析，今年3月非常特別，新冠肺炎疫情蔓延全球，世界衛生組織（WHO）定義為全球公共衛生緊急事件，造成全球資本市場波動，除了股市下挫，債券價格也下跌，加上各國競相降息，如美國連降兩次共6碼（1碼是0.25百分點），台灣央行也降息1碼，使得銀行投資收益及利息收益都減少。
銀行局統計，今年首季銀行國內總分行投資淨利是222.9億元，比去年同期少了283.4億元，衰退幅度達55.97％；至於全行投資淨利是224.2億元，比去年同期減少285.9億元，衰退56％以上。
另外，因為新冠肺炎造成停工及封城等，企業營運受影響，銀行判斷海外分行及國際金融業務分行（OBU）授信風險提高，因此增提呆帳準備。
OBU首季提列呆帳準備比去年同期增加21.7億元，3月就比2月再多提存11.6億元，代表3月銀行預期外幣授信等風險比2月升高。海外分行首季提存呆帳準備同樣比去年同期增加17.3億元，3月則比2月多提3億元。
成本大幅增加下，OBU首季稅前獲利235.7億元，同比衰退9.5％，3月單月更只賺48億元，應也是近年3月OBU獲利最少的一年；至於海外分行首季獲利81.6億元，年減23.2％，3月單月只賺22.7億元，也是15個月新低。
首季國銀只有大陸分行稅前獲利15.6億元，比去年同期成長12.2％，是唯一有成長的單位。
莊琇媛表示，應是去年大陸分行提存金額較多，今年則較少，首季提存呆帳費用比去年同期少1.5億元，3月呆帳費用提列則比2月減少4.3億元。</t>
  </si>
  <si>
    <t>國際新冠肺炎疫情再爆發，我國自11月8日起至今，以連續5天出現確診個案，指揮中心今宣布，我國再增5例境外移入，發言人莊人祥今（12日）下午2時舉行記者會說明。
今天再增5例確診，指揮中心統計，國其中589例確診，分別為497例境外移入，55例本⼟病例，36例敦睦艦隊及1例不明（比利時工程師）；另1例(案530)移除為空號。確診個案中7人死亡、528人解除隔離、45人住院隔離中。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TOCC)，以供及時診斷通報。
指揮中心再次提醒，民眾應持續做好手部衛生與咳嗽禮節；外出若無法與他人保持社交距離，請全程佩戴口罩。自國外入境時，如有發燒、咳嗽等不適症狀，應主動通報機場及港口檢疫人員並配合防疫措施；返國後應落實居家檢疫，如出現疑似症狀，請務必聯繫衛生局或各縣市關懷中心，並依指示就醫，切勿搭乘大眾運輸工具；就醫時，請務必告知醫師旅遊史、職業別、接觸史及是否群聚(TOCC)，以供及時診斷通報。</t>
  </si>
  <si>
    <t>台北市某診所遭爆8日深夜違規替不符資格者施打AZ疫苗，北市政府昨（9）對診所重罰200萬元，並終止合約。市長柯文哲坦言管控有問題，在記者會現場認錯並將案件送政風處調查，此事也引發綠營群起撻伐。藥師林士峰認為，此事凸顯了政府疫苗採購不力與政治操作兩大關鍵，在大動作攻擊政敵的同時，「都不怕火燒到自己」。
林士峰昨日在臉書發文表示，他看到台北市診所偷打疫苗新聞的時候，其實他還滿佩服民進黨團的操作，畢竟「享特權」的確一向讓人深惡痛絕，特別是現在大部分民眾對疫苗抱持引頸期盼的態度，才會出現「是不是有人偷打疫苗」的質疑。
對此，林士峰指出兩大關鍵：第一，這個消息不就是突顯了，台灣疫苗嚴重不足的問題嗎？買疫苗在世界各國都是國家的事，追根究柢，是政府疫苗採購不力，才會衍生出這些亂象，結果我們執政黨不好好檢討就算了，還從這件事情衍生出的問題，大動作去攻擊政敵做政治操作，都不怕火燒到自己。第二，派發疫苗到台北市的診所，指揮中心就有資料，如果診所敢未依指示只打前三類的人員施打，肯定會受罰的，在事件還沒明朗前，新聞倒是鬧得挺大的。
此文一出，引發網路熱議，留言數高達近300則，網友紛紛回應：「綠營想轉移注意力，結果最後結論又回到——疫苗不足」、「可以轉移執政黨防疫不力焦點，當然集全黨之力往死裡打囉」、「如果疫苗充足，現在就沒有偷打的顧慮了」、「看到現在。真的覺得心累。原本以為台灣的環境再糟也就這些年的谷底。最壞也就這樣。這一次的疫情讓我覺得有能力還是自我求生吧」。</t>
  </si>
  <si>
    <t>中央疫情指揮中心今天公布國內323例新冠肺炎確診病例，另有400例本土個案為校正回歸上週各日個案，藍委陳玉珍痛批，真的是有政府會作帳，人民將對政府公布數據的公信力失去信心；國民黨文傳會副主委鄭照新開酸，「這不是蓋牌，而是校正回歸」；朱立倫辦公室發言人凌濤嘲諷，如此玩弄數字，指揮官陳時中簡直媲美「數字管理大師」。
今天新增的323例新冠肺炎確診病例，其中有321例本土、2例境外移入，另有400例本土個案為校正回歸上週各日個案，指揮中心指揮官陳時中下午表示，由於採檢塞車，因此依照採檢日把確診案例，回歸到先前，從5月16日起，本土案例統統增加，加上今天的數字，7天累計2365人。
「校正回歸」說法一出引發熱議，藍委陳玉珍痛批，真的是「有政府、會作帳」，照疫情揮中心的說法，過兩天後，也可以說今天的323例，也會被校正回歸成423、523例？她指出，甚至有民眾希望校正回歸到沒有民進黨的日子。
陳玉珍質疑，政府公布數字沒有一個標準嗎？那每天公布的數字有何意義，所有數字都可隨指揮中心調整，民眾將對政府公布數據的公信力失去信心。
「這不是蓋牌，而是校正回歸喔」，國民黨文傳會副主委鄭照新嘲諷，大家懷疑的「520少報降低衝擊這件事，一定又是中共認知作戰」，並拿自己體重來比擬，「我沒有破百，昨天以前一直是75公斤標準身材，只是今天宣布我的體重」。
朱立倫辦公室發言人凌濤驚呼，新增確診總計仍是721名，其中400名回歸前幾日，這種統計方式前所未聞，他質疑，那前幾天數字是怎樣？蓋牌？隱匿資訊？行政流程還沒報上來？如此玩弄數字，當「數字管理大師」，只會讓人民對於政府資訊越來越不信任而已，絕對不利於整體防疫工作。</t>
  </si>
  <si>
    <t>疫情嚴峻，台北市長柯文哲認為「最難搞的是發病前就開始傳染的案例」，3日下午在防疫記者會重申，無症狀的確診者都送防疫專責旅館，除了可避免家戶傳染外，也防止老人疫情變壞、來不及送醫，或是單獨在家死掉卻沒人知道。
柯說，為避免家戶感染，有懷疑的就快篩，快篩陽性就快做PCR檢測，起先因醫院床位不夠，所以55歲以下、沒症狀者先在家，但現在既然家戶感染這麼多，確診者就全都住防疫旅館。
此外，柯也提到，確診者都送防疫旅館，除防止年輕人傳染給家人，也防止老人在家病情惡化、來不及送醫，因防疫旅館有醫護人員在，防疫旅館也和醫院形成區域聯防，更可馬上送醫院。
「怕單獨死在家沒人知道！」柯說，若無症狀確診者想在家待，「除非你跟我講你家房間很大，還有獨立浴廁，都乖乖待17天不要出來，但我還是怕你單獨死在家，可能缺氧、急速變壞，然後沒人知道，所以還是去住防疫旅館」。
柯說，防疫專責的醫院病房床位，已從600增加至1300床，防疫專責旅館床位也從0變成1800床，現在已開始擴張病房，同時也要感謝很多招募來的醫護人員，他每天開會都一定會問「昨天有沒有遇到救護車上的病人送不進急診室？」因過去2、3天都沒此情形了，他就認為整個處理疫情的醫療量很OK。
柯表示，旅館開始用線上登錄，直到昨晚，防疫旅館還有200個空床，另外有300多個床位是有人剛出去、還沒消毒完畢，醫院動員已完成，旅館也差不多了，現有醫療防線上，還能應付。</t>
  </si>
  <si>
    <t>以搞笑、綜藝起家的日本藝人志村健，靠著「怪叔叔」、「瞳婆婆」一角，創下演藝事業高峰，受封喜劇王的他在螢幕上活躍48年，卻在全球爆發新冠肺炎時染疫過世。志村健留下的14億資產和他的私生活，再度成熱議。
出生公教嚴肅家庭 志村健為爸爸成諧星
志村健出生傳統家庭，爸爸是小學副校長，家中排行老三的他，兩個哥哥是公務員，志村健之所以會成為諧星，全和爸爸有關。志村健發現嚴肅的爸爸只看到搞笑節目，就會難得露出笑容，這也促使志村健努力朝喜劇演員的之路邁進。
1972年入行的志村健，出道前曾擔任諧星加藤茶的助理，隔年他以實習身分加入TBS電視台的招牌節目《8時全員集合》固定班底，志村健以滑稽、誇張表演方式爆紅，接著在《漂流者大爆笑》、《志村大爆笑》等節目，都可以看到志村健的演出。
其中，志村健以節目《志村大爆笑》最為廣受人知，並以「怪叔叔」一角，創下演藝事業高峰，同時，志村健在「傻瓜殿下」不計形象，把臉塗白、畫粗眉毛，加上他砍脖子的動作更是經典，志村健獨特的肢體動作和幽默喜劇節奏，不只逗樂日本觀眾，他在台灣、泰國甚至歐美都享有高知名度。
志村健對台灣演藝圈也影響不小，陽帆模仿的「楊婆婆」，和陶晶瑩與謝祖武的愛情情境喜劇《安室愛美惠》，還有綜藝大哥胡瓜的主持風格，也都是當年受到志村健搞笑風格的影響。
志村愛台灣 愛吃美食愛美女卻無婚無子
志村健生前和台灣淵源很深，多次因工作或私下來台旅遊，對台灣美食和文化更是瞭若指掌，志村健最後一次抵達寶島應該是2017年，當時他為節目《天才！志村動物園》來台出外景，除了在IG曬造訪自由廣場、吃美食照外，還被藝人山豬捕獲到志村健現身西門町。
在藝界打滾48年，志村健帶給觀眾無限歡樂，他風光受封「喜劇王」外，感情生活也屢成焦點，70歲的志村健風流一生，曾與女星優香、加藤綾子以及前AV女優朝美穗香傳緋聞，但志村健卻始終未婚，他也曾透露，和每任女友都是以結婚為前提交往，自己也很想有自己的孩子，但都沒能如願。
抽煙喝酒樣樣來 才立志養生就染疫
志村健確診新冠肺炎前，就曾傳出健康狀態亮紅燈，志村健嗜酒、菸癮很重，他在2016年、2018年傳出得肺炎和肝病，而有肝臟慢性病的志村健，在年初因被檢查出胃部有瘜肉，讓志村健開始重視養生，但他卻在此刻確診新冠肺炎。
志村健3月17日因疲勞症狀在家休息，19日出現發燒和呼吸困難症狀，20日住院、被診斷有嚴重肺炎，並在23日確診新冠肺炎，未料志村健搶救後仍在29日晚上宣告不治，享壽70歲。
志村健原本要為2020東京奧運傳遞聖火，如今卻不幸染疫辭世，成為他永遠都無法完成的任務，志村健輝煌搞笑48年，日本喜劇泰斗在70歲畫下句點，不過他留下的財產也不容小覷，據悉高達50億日幣（約14億台幣），由於志村健未婚、沒有子女，由於他沒有立遺囑，日媒分析他的2個哥哥將會成為法定繼承人，但他在多年前發表的書籍中，曾提及自己有一個私生子，若出現認親，恐怕也讓財產繼承添下變數。
※喝酒警語
中時新聞網提醒您：酒後不開車，安全有保障
中時新聞網關心您：喝酒過量，有礙健康！
※吸菸警語
中時新聞網提醒您：吸菸有害健康</t>
  </si>
  <si>
    <t xml:space="preserve">資深媒體人周玉蔻今又再度「獨家」爆料，表示最新一批的疫苗將在5月底、6月中旬準時抵台，引發網友討論，有網友就譏諷，已經有周玉蔻了，不知道還要衛福部長陳時中幹嘛，另有網友指出，這則訊息之前就有相關報導，不曉得「她這個獨家是lag了多久」。
周玉蔻今（18日）在臉書上表示，有個「獨家好消息」，AZ以及莫德納疫苗將在5月底、6月中旬分批抵台，就在發文不久後，周玉蔻就將「AZ與莫德納」的敘述刪除。
對於周玉蔻再一次獨家爆料，批踢踢網友表示，「如果能公布的話，為什麼不是由衛福部公告新聞」、「可以請她當指揮官嗎」、「台灣防疫指揮官變政論名嘴是哪招」、「笑死，以後看周玉蔻的臉書就好了，開什麼記者會」、「下午記者會看陳時中部長怎麼回應」、「陳時中不抓，就告他瀆職」、「肯定執政黨有人放出來的啊，政論名嘴變防疫指揮官，根本國際笑話」。
更有網友譏諷，「其他人爆料是妨害，蔻蔻姐我們的神」、「黨說造謠一定罰...等等，是蔻蔻姐，那個和時鐘（陳時中）有超自然連結」；另有網友認為周玉蔻這消息不能算獨家，「AZ第三批4/15就有新聞了，莫德納之前新聞也是說5月底6月初可能會進來，不曉得她這個獨家是lag了多久」。記者查詢網友所給的線索，發現部分媒體也曾在4月15日報導，AZ疫苗將在6月15日前抵台，及莫德納疫苗5月底將到貨的訊息。
</t>
  </si>
  <si>
    <t xml:space="preserve">澳洲總理日前公開呼籲，調查新冠肺炎起源，引發北京不滿，先後對澳洲大麥課徵關稅、禁止牛肉進口，雙方關係降至冰點。坎培拉當局數周來持續尋求和北京磋商，不過至今仍吃閉門羹，專家分析，北京持續已讀不回，主要在釋放3大訊息，包括要澳洲別和美國走太近、北京方面還不打算調整關稅，以及強調對澳洲的「侮辱」。
新冠肺炎蔓延全球，澳洲總理莫里森（Scott Morrison）4月公開呼籲，派遣獨立調查人士進入大陸，調查新冠病毒疫情起源，同時也對北京的防疫工作展開調查，此舉引發北京反彈。後續大陸宣布，暫停向澳洲4間屠宰場進口牛肉，禁令影響所及，相當於佔澳洲出口大陸牛肉的35%，此外，對澳洲出口的大麥徵收為期5年、高達80.5%稅率。不僅如此，上周，大陸文化和旅遊部更以種族歧視現象升溫為由，對國民發布「赴澳大利亞旅遊安全提醒」，周二更對赴陸求學陸生發布警示，種種舉措嚴重衝擊兩國貿易交流。
針對北京提升制裁措施，澳洲貿易部長伯明罕（Simon Birmingham）8日表示，數周來持續尋求和大陸商務部部長鍾山磋商，不過對方都無回應。
北京屢賞坎培拉閉門羹，學者分析，大陸主要在向澳洲釋放3個訊息。
第一，要澳洲不要和美國走太近。美國巴克內爾大學（Bucknell University）政治學教授朱志群（Zhiqun Zhu）表示，陸澳之間不是只有關稅問題，另外還有澳洲參與美國在南海的聯合軍演、排除華為參與當地5G建設、關切「港版國安法」實施等，「很明顯，北京不高興澳洲加入川普政府的反陸運動。」
「對大陸來說，現在的澳州政府太熱衷於支持川普政府對大陸採取的高壓手段，所以大陸無法如常和澳洲做生意。」「北京冷待坎培拉，是在釋出明確且強烈的訊息：不要跟川普政府走太近，否則陸澳關係會很困難。」
另外，美國中國安全專家洛森（Ben Lowsen）認為，鍾山不接伯明罕電話，代表2件事，其一，大陸國家主席習近平現階段還不想改變關稅政策；其二，鍾山想要強調對澳洲侮辱的嚴重性。
洛森說，一般而言，官員會回應外國夥伴的要求，「是或不是」，但有時候也會表示要考慮一下，他說以他對過去和北京交手的經驗，北京現階段的考慮時間可能會再持續一段時間，甚至是無限期，因為決策者認為現在還不是做決定的時機。
「強調不滿，顯示北京決心要施壓坎培拉，改變調查新冠病毒的論調。」
</t>
  </si>
  <si>
    <t>藝人蘿莉塔從《大學生了沒》出道，是各大綜藝節目邀約的對象，甜美外型加上直率性格，圈了無數粉絲力挺，近日隨著新冠肺炎疫情延燒，所有工作不是取消就是延後，不過她也透露到超商買食物時，卻被網友私訊提醒「要囤貨」，不禁感嘆：「人果然都是自私的」。
台灣新冠肺炎疫情延燒，日前雙北宣布三級警戒時，各大量販店出現一波「搶購囤貨潮」潮，對此，蘿莉塔表示到超商買一碗要吃的泡麵時，發現架上物資都很充足，呼籲所有人買適當的量即可，真的不需要過度恐慌，未料卻有網友私訊她不應該只買一碗泡麵，而是要趕緊囤貨才對，讓她無奈表示：「就像荀子說的，人性本惡，人果然都是自私的，只要想著自己就好」，更怒斥：「奸商跟黃牛票就是這樣養出來的」。
Lolita Lee 蘿莉塔（@lolitalee513）分享的貼文
此外，蘿莉塔也透露疫情爆發後，所有工作不是取消就是延後，對於沒有固定薪水的演藝圈來說，等於要放兩個禮拜的無薪假，接著強調若持續沒有工作的話，已經不敢想像下個月該怎麼活了，更再三呼籲：「真心希望大家好好配合所有防疫措施，讓疫情趕快過去，讓三級真的能在兩個禮拜內解除吧」，更透露身為工作狂的她，真的好想念攝影棚。
對此，網友也紛紛回應：「沒有任何事物比健康更重要了」、「同感，做市場的沒出門就沒錢賺，希望大家加油，遵守防疫規定」，「大家要注意防護啊，台灣加油」。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受惠於高頻高速時代來臨，網通、伺服器等相關設備需求增溫，雖然新冠肺炎疫情打亂電子供應鏈，短期仍在等待復甦中，但業界看好伺服器供應鏈不受新冠肺炎干擾，相關業者如PCB廠博智（8155）、金像電（2368）備受市場關注，股價也相對抗跌。
由於市場對伺服器供應鏈後續營運有所期待，進而帶動業者股價波動較大，博智及金像電9日應主管機關要求，紛紛公告近期財報。博智一月自結營收2.23億元、每股稅後0.89元，同日也公布二月份營收2.52億元，較去年同期1.17億元大幅成長114.87％。金像電自結一月14.46億元，每股盈餘0.17元。
博智為仁寶轉投資的利基型PCB廠，主攻伺服器板、雲端儲存設備、工業電腦用板等。由於搭上伺服器需求旺盛題材，以及該公司產能集中台灣、出貨中國比例低，股價自農曆年後就不斷攀升。
法人分析，博智過去跟隨仁寶以NB、MB訂單為主，但因公司規模不具成本優勢轉往伺服器及工業電腦發展，且集中在少量多樣及高層數的產品。而擴充高層次板產能、提高高利基型產品也是該公司主要目標，未來新品主軸將以30層以上多層板、工業電腦用板等方向進行，加上少量多樣的特性，能在此個別產品提供全製程的競爭對手較少，看好今年雲端、資料中心等需求不淡，樂觀看待該公司今年業績表現。
金像電過去也是以生產NB板為主的PCB廠，近年則積極調整產品結構，轉攻網通、伺服器，隨著高頻高速網路需求出現，金像電調整產品成效逐漸顯現，去年第三季也成功單季轉盈。目前公告的二月營收16.69億元，月增15.5％、年增28.73％，累計前二月營收為31.15億元、年增9.93％。
金像電曾表示，去年業績逐步改善，證明5G是未來趨勢無庸置疑，公司強攻網通類產品的策略也正確，不過大環境仍有不確定因素，因此對於後續發展仍有待觀察，未來公司將持續針對5G基地台、400G網通板以及汽車相關板材進行開發。</t>
  </si>
  <si>
    <t>國內力拚10月底前達到1劑疫苗涵蓋率7成、2劑疫苗涵蓋率3成的目標，中央流行疫情指揮中心指揮官陳時中今天表示，目前兩項指標分別為69.49％及29.6％，預計明天就能達標。
陳時中表示，昨（26日）國內疫苗接種共38萬6895劑，AZ第2劑共12.8萬劑、莫德納第2劑共11.2萬劑、BNT第1劑打了13.9萬，三種疫苗蠻平均的。
目前國內疫苗人口涵蓋率69.49％，劑次人口比99.09 (劑/每百人)，2劑疫苗涵蓋率為29.6％。陳時中表示，預計明天就能達成7成和3成的目標。
外界期盼，疫苗覆蓋率提升後可望放寬邊境措施。陳時中表示，疫苗覆蓋率代表我們的自我保護能力，到達一定程度的覆蓋率後，對於邊境管制可以相對放鬆；不過大家對於覆蓋率要到多高的看法各有不同，我們也會跟專家來審慎考慮。</t>
  </si>
  <si>
    <t xml:space="preserve">52歲的好萊塢動作片巨星馮迪索（Vin Diesel）不懼新冠肺炎疫情，新片《血衛》如期於下週上映。他在該片化身被操控記憶的超級英雄，展現拳拳到肉的打鬥場面。他在台灣時間6日接受媒體視訊訪問，他除了大讚曾合作《比利．林恩的中場戰事》的李安是他心中最愛的導演之一，和李安一樣是好萊塢首選的台裔導演林詣彬和馮迪索更是麻吉，大呼：「林詣彬是我的兄弟！」，他們倆合作多部《玩命關頭》系列，默契絕佳，馮迪索也直言：「說實話，一直都想到台灣看看，來做宣傳！」
《血衛》由漫畫改編，不同於大眾熟知的漫威跟DC，該作出自「勇士漫畫」，馮迪索表示，「這個角色很獨特，和典型英雄電影很不一樣」，他透露當初試鏡時，帶著當時8歲的大兒子一塊去，「結果他直接對我說『爸爸，你就是血衛！』，讓我當場決定接演」，他更笑著建議：「演員們應該都要帶孩子去試鏡」，讓全場大笑。
馮迪索在《血衛》片中每次醒來都會重複「失憶」，被問到現實中是否有類似的「斷片」經驗，他笑笑表示沒有，不過自己容易忘記一些小事情，也會把朋友名字叫錯，有一次跟小朋友一起唱《獅子王》的歌曲，還被女兒抓包把歌詞唱錯！」馮迪索也分享，除了自己角色擁有的超能力外，也想體驗片中關鍵角色「哈汀博士」的技能，「他可以創造所有的人工科技，讓任何事情變得可能。」最後，馮迪索對台灣影迷甜喊：「希望電影能夠為觀眾帶來微笑，為我們感到驕傲。」《血衛》12日搶先全球在台上映。
</t>
  </si>
  <si>
    <t xml:space="preserve">世界球王喬柯維奇（Novak Djokovic）今年球場上不如意，場外也鬧出不少風波，此前他才剛爆冷止步塞爾維亞男網公開賽，蒙地卡羅大師賽更是僅止步於16強，本季狀況十分不佳，而近日他談到ATP規定為球員打疫苗一事，他對此頗有微詞。據透露ATP官方為讓球員接受疫苗施打，承諾給球員一些額外福利，這讓喬柯維奇感到不滿，另外據《sportskeeda》在内多家外媒報導，他也將退出接下來的馬德里大師賽，放棄衛冕將損失500積分！
喬柯維奇說道：「我聽說接受疫苗的球員將獲得福利和更好的住房條件，ATP還是應該遵守巡迴賽各項賽事的規則，而不是按照自己的規則來執行，我現在什麼都不想說，至少對我們的網球而言應該這樣。」「在疫苗方面實際上有很多選擇，我從組織者和我哥哥那裡聽到的消息是，有很多球員想接受不同種的疫苗。」
他強烈對外表示願不願意接受疫苗是自己能決定的事，而不是透過這些福利來驅使球員接受，打從塞爾維亞公開賽他就不斷強調自己反對此規定。另外據外國媒體《馬卡報》表示，喬柯維奇不僅會退出馬德里大師賽，也可能接連缺席羅馬大師賽，等於接下來的兩站他都不會出席，而看到他的這些論點有網友回應說：「他是為養精蓄銳還是出了什麼問題？」、「小丑喬柯維奇！」
而今年還有令人矚目的法網和溫布頓，法網將在5月24日到6月13日期間舉行，另外去年因疫情停辦的溫布頓大賽將於6月28日至7月11日舉行，明年更將取消週日休兵1天的悠久傳統，與其餘三大滿貫一樣連戰14天。或許喬柯維奇真的想給自己一段時間好好休息，準備好狀態再應付這兩個頂尖賽事。
</t>
  </si>
  <si>
    <t xml:space="preserve">新冠肺炎疫情橫掃全球，奪去超過200萬人的性命，也導致不少國家被迫進入封城狀態，嚴重影響日常生活。人人都在問，新冠肺炎到底甚麼時候可以結束，讓生活恢復正常。
綜合外電5日報導，美國新冠肺炎首席專家佛奇（Anthony Fauci）等科學家說，全球要有70%—85%人口接種疫苗，生活才能逐漸恢復正常。由於西方富國接種疫苗的速度比世界其他地方快，以目前的速度來看，全球大概需要7年才能達標。
而各國接種新冠疫苗的速率不一，有些國家以接種兩劑疫苗，覆蓋率為75%為目標。例如，全球疫苗接種率最高的以色列只花了2個月，就朝75%的覆蓋率邁進。而美國要到2022年新年時，才會達標。
然而，接種疫苗的變數很多。例如，紐約因為冬天暴風雪影響，有些人無法出門接種，一度將達標時間拉長為17個月，但在加緊接種下，又縮短為13個月。此外，加拿大因為疫苗運送時間延遲，最近幾星期的施打率也降低了一半。
不過，隨著疫苗愈來愈多，接種速度也可望加快。重點在於，要是社區裡只有少數人接種，新冠病毒還是會繼續蔓延。而在多數人都接種的狀況下，才有可能建立起對抗病毒的集體防衛陣線。
</t>
  </si>
  <si>
    <t>Lady Gaga（女神卡卡）受WHO之邀，統籌舉辦慈善抗疫演唱會「One World：Together At Home」，並在演唱會前夕的記者會上，大讚WHO秘書長譚德塞是「真正的超級巨星」，引發熱議，現更有網友挖出卡卡母親曾擔任世衛親善大使。
Lady Gaga是美國知名反川普藝人，因此不少人認為她這次公開力挺譚德塞，其實是為了嗆川普，不過也有網友發現Lady Gaga和世界衛生組織的關係本來就不錯，其母親辛西亞（Cynthia Germanotta）去年5月曾擔任WHO親善大使中的心理健康大使，對於媽媽受邀擔任親善大使，卡卡感到相當驕傲，還轉發新聞並感謝世衛。
除了辛西亞當時曾於推特寫下「很高興能與譚德塞與他的專業團隊合作」，卡卡也多次發文宣傳世界衛生組織，可見母女倆和世衛關係密切，因此這次Lady Gaga公開讚揚譚德塞，也有網友認為不意外。</t>
  </si>
  <si>
    <t>國內一名印尼籍非法看護日前確診新冠肺炎，中央流行疫情指揮中心日前表明反對掃蕩非法移工，但勞動部、北市衛生局紛紛「逆時鐘」，要求取締非法移工。指揮中心指揮官陳時中表示，已與勞動部部長再三討論，表明需加強看護的訓練和管理，不要在醫院趴趴走；至於北市的狀況，則需瞭解一下。
陳時中日前前往醫院視察超前佈署情況時，表明反對掃蕩非法移工，認為加強取締恐加重第一線護理人員負擔，日前在記者會上也表示，不會管對方身分如何，「我只管他有沒有健康」，且已與勞動部當面討論，勞動部長許銘春也表示全力配合。
勞動部昨發函新北市，要求追查日前確診的非法印尼籍移工；北市衛生局今也發函，要求醫院發現非法移工時，告知移民署處理。對於兩方「逆時中」的作法，陳時中表示，已與勞動部部長再三討論，將加強看護的訓練和管理，不要在醫院趴趴走。至於北市的狀況，則需進一步瞭解。</t>
  </si>
  <si>
    <t>打完莫德納後竟重度中風，新北市一名66歲李姓男子，7月14日接種莫德納疫苗後臉色發白、頭暈，隔天出現心絞痛、瞳孔放大緊急送醫，李男妻子表示，醫師診斷先生已經是重度中風狀態，一個月過去後情況仍未好轉，癱瘓在床，每個月看護費近10萬元，過去先生身體一直很健康，希望釐清病因。
據《東森新聞》報導，李男妻子表示，66歲的先生7月14日接種莫德納，當天出現頭暈、臉色發白的症狀，15日狀況持續惡化，開始心絞痛、瞳孔放大，嚇得趕緊將先生送醫，並緊急開刀住進加護病房。1個月過去後先生病情仍未好轉，全身接近癱瘓，醫師也判定是重度中風，讓李男妻子懷疑跟接種莫德納有關。
李男妻子表示，先生一直以來身體都很健康，只有輕微高血壓，曾經小中風住院，但恢復良好，每天到公園散步40分鐘。如今先生癱瘓後，每天看護費2700元，一個月費用近10萬元，長期下來負擔很重，「不是我負擔不起，是很多人都負擔不起」，將去申請預防接種受害救濟，並釐清病因。
根據指揮中心統計，國內疫苗不良反應通報資料顯示，截至8月25日止共接獲51件疑似TTS（血栓合併血小板低下）通報案件，有48件是接種AZ疫苗，3件是接種莫德納，其中22名男性、29名女性，年齡介於22到95歲之間，發病時間是接種疫苗後1天至51天，其中有7例死亡。</t>
  </si>
  <si>
    <t>中央流行疫情指揮中心今(10)日表示，國內6月7日後已擴大鬆綁生活防疫規範，為鼓勵民眾落實防疫新生活，特別邀請我國桌球好手江宏傑擔任防疫新生活宣傳大使，陳時中表示，4月30日講到現在，我們已經不夠吸睛，因此特別請江宏傑來擔任代言，「顯然比我們吸睛很多」。
陳時中表示，全球增加的病例依然很多，防疫新生活，大家不要忘記，發現去醫院時，大家開始沒有警覺，忘記戴上口罩，提醒一定要配戴口罩。
江宏傑表示，這次的疫情讓大家深刻感受到生活上的不便，更讓自己珍惜正常生活的難能可貴。很榮幸這次能擔任防疫新生活的宣傳大使，希望大家一起身體力行，將勤洗手、戴口罩、保持社交距離等變成日常生活的一部分，共同守護社區防疫安全。
指揮中心指出，隨著國內疫情趨緩，目前雖已放寬社區防疫措施，但提醒民眾平時仍應落實勤洗手、呼吸道衛生與咳嗽禮節等良好個人衛生習慣；外出活動時，維持室內1.5公尺、室外1公尺以上的社交距離，若無法維持應佩戴口罩；至餐廳或攤販用餐時，可挑選有適當用餐距離、隔板，提供套餐的店家享受美食，並配合業者執行實聯制、體溫監測等防疫作業；生病不適者盡量在家休息，只要將這些防疫基本功內化為生活習慣，就能保護自己及他人的健康。</t>
  </si>
  <si>
    <t>新冠肺炎疫情大爆發，各國亟需即時檢測產品，總部坐落在丹麥哥本哈根的柏勝生技，已成功開發新冠肺炎病毒血清檢測設備，不只能在12分鐘內快篩，甚至也可應用於社區回溯與檢測疑似無症狀患者，這項技術平台預計在5月取得歐盟與台灣認證，力拚盡速上市，協助全球抗疫。
柏勝生技(BluSense Diagnostics)成立於2014年，是科技部「萌芽計畫」衍生的新創公司，並已獲台安生技及廣明光電投資，該公司生化研發基地座落於丹麥哥本哈根，軟硬體研發中心與設備生產則位於台灣桃園。
柏勝生技執行副總孫偉芸表示，團隊僅以3周的時間，3月初便完成血清檢測碟片開發，並在中壢天晟醫院協助下，持續優化檢測系統。上週於丹麥第二大醫院Hvidovre hospital執行初步的臨床驗證，靈敏度高達9成，結果令當地醫生十分振奮。下周將在義大利醫院將完成更大量的臨床驗證，預計最快在5月取得歐盟與台灣認證。
孫偉芸也提到，柏勝生技發展出兼具高準確性、攜帶方便與操作簡易的產品，僅需受測者一滴血液作為檢體，12分鐘即可取得定量且高靈敏度與專一性的檢測結果。至於研發施測的檢體來自丹麥，共有15例，其中10例為陽性、5例為陰性。
至於新冠肺炎病毒的篩檢，孫偉芸說，其中一個是檢測IgM，即是感染初期出現的抗體，可用於疑似病例早期篩檢；IgG則於感染中後期出現，可了解患者處於恢復期或是否曾被感染。
孫偉芸也提到，這次研發的血清檢測碟片，可在臨床上同時檢測IgM與IgG，動態了解患者處於何種感染階段，不只可用於社區回溯，甚至也能檢測疑似無症狀患者，以及確認病患是否已無傳染力，是否符合出院標準。這項施測碟片攜帶與操作十分便利，適合於機場、港口等第一線防疫場所使用。</t>
  </si>
  <si>
    <t>嘉南藥理大學保健營養系今年因遭逢新冠疫情肆虐全台，在保護營養系實習生安全及兼顧同學取得營養師專技高考資格的雙重前提下，除與營養學會、營養師公會視訊會議外，同時與實習醫院共同商定「因應新冠肺炎（COVID-19）疫情，營養科系實習學生訓練計畫」，將彈性調整實習截止日期到111年4月30日，並且協調實習醫院與實習生完成PCR檢測、疫苗施打等程序，克服因疫情而來的不便，目前已有63位學生開始到醫院實體實習。
該校表示，新冠肺炎（COVID-19）疫情不只衝擊各行各業，也為各類國家考試帶來變數，尤其對營養師、藥師、社工師等必須完成專業實習才能參加國家證照考試科別，更是雪上加霜，不只國考延期，實習規劃也可能被迫取消。
嘉藥保營系自三級警戒升級以來便密切觀察以進行滾動式調整，並在營養學會主辦的視訊會議，建議將營養系的實習生比照醫學、牙醫實習生列入第一類醫事執業人員實習生優先施打疫苗，再將決議函送教育部及衛生福利部並獲得政府各部會良善的回覆。
該系系主任孫芳明表示，自去年（109年度）實習起，就持續與院方針對疫情狀況進行討論，很幸運109年度實習生能照常實習，但110年度實習同學們，必須在承受新冠肺炎（COVID-19）蔓延的壓力下完成醫院實習；但校方很有信心，相信在壓力下，該系學生不但能成長得更好，也能提早養成醫事執業人員應有的專業素養。</t>
  </si>
  <si>
    <t>AZ疫苗3月22日開打，昨國內新增14例疑似嚴重不良事件，另有1例從非嚴重不良事件改列疑似嚴重不良事件，合計有15例，創下新高。發言人莊人祥表示，15名疑似嚴重不良事件中，有3人疑似血栓，年齡分別是20幾歲、30幾歲、50幾歲。
9日國內新增通報14例疑似疫苗接種後嚴重不良事件，第1例個案接種後7日發生左臉麻痺且無法閉眼，就醫後，疑似左側顏面神經麻痺，門診追蹤中；第2例個案接種後2天開始發生左耳腫脹感並有耳鳴等不適，就醫後，疑似左耳聽力變差，門診追蹤中。
第3例個案接種後10天發燒與全身不適，就醫後發現肝功能異常與肌酸磷化酵素升高，住院診治中；第4例個案為接種後7天發生血便住院而通報，目前已出院。
第5例個案接種後4天發生血壓高與左側肢體麻木及無力感，就醫後住院評估檢查，腦部影像學無特殊發現，住院一日後出院，持續追蹤中；第6例接種後12天因左眼中心有黑影而就醫，疑似左眼黃斑部水腫，持續門診追蹤中。
第7例個案接種後8日因腹痛至急診就醫，抽血檢驗發現D-dimer異常，但血小板數正常，後續四肢出現紅疹，接種後9日再就醫，疑似為尋 麻疹但抽血檢驗仍發現D-dimer異常，血小板正常，住院診治中；第8例為接種後隔日 有胸悶、喘、腹瀉和頭痛症狀，後續症狀改善，但接種後6日仍有胸悶、喘以及出現 視力模糊情形而就醫，檢查初步排除血栓，持續門診追蹤中。
第9例為接種後4天因左 腿疼痛至急診就醫，後續又因左腿開始紅腫疼痛，接種後7日再就醫，診斷疑似為左側股靜脈栓塞，持續門診追蹤中；第10例為接種後3天因胸悶、喘及心跳快而就醫，後續因心悸、喘而在接種後8天至急診就醫，目前心臟科門診追蹤中。
第11例為接種後3天因發燒、腹痛而就醫，後續因持續發燒、肌肉無力而在接種後8天至急診就醫，初步檢查CxR疑似有肺炎，COVID-19檢驗陰性，目前住院診治中；第12例為接種後隔天 有發燒、雙手腳無力、頭暈、嘔吐症狀，接種後2天就醫，目前雙腳無力情形已改善， 持續追蹤關懷。
第13例為接種後隔天有體溫偏高、頭暈、全身痠痛、喘、起身無力症狀，接種後4天因右腳踝腫大會痛且有瘀血情形而於次日就醫，血小板與D-dimer檢驗正常，目前門診追蹤；第14例為接種後當天出現腹瀉症狀，後續於接種後1到5天陸續出 現發燒、注射部位疼痛及紅腫、胸前與四肢出現大片紅疹癢、喉頭水腫且吞嚥困難， 而於接種後6天至急診就醫，疑似過敏反應，收治住院觀察2天，目前已出院，紅疹已全部消退，無不適症狀。
第15例為從非嚴重不良事件改列疑似嚴重不良事件的個案，5月19日接種後當天四肢與腹部出現紅疹、癢併有畏寒、疼痛症狀而至診所就醫，後續於接種後15到20天陸續出現左腳水腫、腫脹、癢且有瘀斑，而於接種後22天至急診就醫，初步診斷疑似左側下肢其他特定深部靜脈栓塞及血栓，持續追蹤關懷中。</t>
  </si>
  <si>
    <t>救人者反被砍！確診新冠肺炎的62歲洪姓男子，昨疑因不滿遭隔離入住新北市雙和醫院負壓病房，竟持水果刀砍傷3名護理師，警方獲報著隔離衣趕往醫院將他壓制上銬，同時在病房完成筆錄，但學姊卻在臉書中爆料，其中一名護理師神經、韌帶都被砍斷，「右手就這樣被一個垃圾毀了！」
洪男上月28日被衛生局通知確診，入住雙和醫院11樓負壓病房，昨上午7時許突然情緒失控怒喊：「不願意被隔離！」接著拿出入住時即攜帶的水果刀，揮舞並砍傷3名護理師。
中和警分局錦和派出所獲報，出動6名警員穿著隔離衣趕往，喝令洪放下水果刀並上銬逮捕，23歲施姓護理師腹部穿刺傷、25歲陳姓護理師胸部及右手刀傷、27歲蔡姓護理師肚皮刀傷，以施姓護理師傷勢較重需開刀治療，所幸均無生命危險。
有自稱為護理師的學姊卻在臉書「靠北護理師」留言說，新聞不會告訴你們的事，一人神經、韌帶被砍斷、一人氣胸、一人腹部受傷，現在不只防病毒還要防病人。
學姊心疼留言說，才剛畢業工作沒幾年20多歲，「右手就這樣被一個垃圾毀了！」學妹辛苦了。
雙和醫院表示，關於傳出護理師確診等都是假訊息，有2名護理師傷勢較為嚴重，由於涉及護理師個人隱私，不方便多做表示，目前手術開刀狀況良好，感謝各界關心。
雙和醫院重申，身為新北市防疫隔離醫院，堅守肩負收治重症後送病人的責任，與全國醫護共同站在防疫第一線，守護民眾健康安全。對於醫療暴力滋事絕不寬貸，確保醫護人員安全。</t>
  </si>
  <si>
    <t>衛福部長陳時中24日到桃園參加桃園市政府的防疫會議，盛讚桃園很多措施都已到位，但提到公布確診個案戶籍地，他直言慢慢的每個縣市都會有，也不認為疫情都會集中在北部，反問：「還沒完全結案誰又知道呢？」重點在避免醫療體系崩盤。
面對個案戶籍地圖上線，陳時中也澄清，其實「法定傳染病確定病例數地理分布圖」一直都在，登革熱時期甚至公布到「里」，這次「全國嚴重特殊傳染性肺炎本土病例及境外移入病例地理分佈」把里拿掉。他解釋，日前有人透過「傳染病統計資料查詢系統」公布疫情資訊，疾管署覺得很緊張就撤除了，「我是覺得沒必要，本來有的資訊就留在這個地方！」
陳時中強調，他沒有刻意點名哪個縣市就是要避免引發恐慌，強調資訊公開是要對防疫有幫助的，而不是引發恐慌，他也不諱言，從國外的例子可以看到：「其實慢慢每個縣市都會有！」重點是要避免醫療體系崩掉，每一個地方會崩掉都是從醫療體系先崩盤，以前SARS的經驗就是這樣，他也不認為目前北部「紅通通一片」是疫情重中之重，強調還沒完全結案都很難說，「誰會知道像遠在歐洲，一兩天就多逾百個確診病例！」要盡力而為。
陳時中也提到，鑽石公主號從日本回來的乘客，都經過二採陰，目前在集中檢疫所安置完成，大家的心情看起來都還好，他也鼓勵再忍耐不到14天，對他們和社會都好，他坦言鑽石公主號乘客包機返台的檢驗規格比較高，雙採陰，是因為公主號裡面有很多沒有辦法掌握的情況，所以格外把規格拉高一點，讓他們自己也安心、社會也安心，也辛苦他們了。
陳時中表示，看到桃園市政府積極作為感到很心安，很多中央希望地方做的事情都已到位，希望中央跟地方能夠合作更密切，防疫工作才有可能做好，呼籲大家，居家檢疫、居家隔離、甚或是病人，都不是我們的敵人，「我們的敵人不是人、我們的敵人是病毒！」唯有合作才會成功，對立就會失敗。
陳時中也讚桃園跟民間團體合作，動員守望相助隊幫忙藥局，坦言實名制讓民眾「無法充分自由購買」引發壓力，大家都在承擔，藥局是第一線，呼籲多體諒，他也笑言「桃園三包」健康強健食補包、居家安心消毒包、以及減壓紓食包很貼心，「不過零食包要撙節使用，不然會像市長一樣越來越胖！」</t>
  </si>
  <si>
    <t>台灣菸酒公司投入防疫用酒精生產行列，朝每日產能20萬瓶目標邁進，宜蘭酒廠為此停掉其他產品生產線，明天開始生產，預計可日產4.2萬瓶，今天（16日）酒廠開賣不到1小時就賣完酒精，但早起排隊的民眾，大約5分鐘就能購買，讓民眾笑說：「比買口罩方便多了！」
宜蘭酒廠今天所賣的酒精，來源是屏東酒廠，有864瓶，一早就有不少人排隊，酒廠結帳區就有2人負責，民眾付帳後再以發票為憑取酒精，酒廠投入人力賣酒精，縮短民眾購買時間。宜蘭酒廠賣的是已調製好的75％酒精，容量是600ml，每瓶75元，每人限購1瓶。
宜蘭酒廠投入生產後，預計每天能生產4.2萬瓶防疫用酒精，但生產後的酒精是由總公司控管分配，並非生產的酒精全部由宜蘭酒廠販售。
為了加緊生產速度，防疫用酒精有採回收瓶分裝，酒廠透露，考量民眾防疫急需，採購酒瓶會影響生產速度，因此以現有的回收瓶分裝酒精，回收瓶用完後退瓶價是2元。</t>
  </si>
  <si>
    <t xml:space="preserve">新冠肺炎疫情持續延燒，大甲鎮瀾宮媽祖遶境是否如期舉行引發議論，基進黨立委陳柏惟表示，鎮瀾宮將取消1300桌「起駕宴」，直言「這是主辦與防疫單位充分溝通的結果」。不過，大批網友認為，還是要延期舉辦遶境，相信媽祖一定會體諒的。
新冠肺炎疫情延燒全台，而宗教盛事「大甲媽祖繞境」，預計將在下個月19號開始，然外界擔心如此高人數的群聚活動，恐成為防疫缺口，認為需為民眾安全考慮停辦與否。大甲鎮董事長顏清標表示，會再與南部各宮廟協商後，在26日舉行記者會對外說明。
媽祖遶境是否會延期還不得而知。不過，媽祖遶境前的起駕宴確定停辦。陳柏惟昨在臉書爆料，「快訊起駕宴1300桌停辦」，他想「這是主辦與防疫單位充分溝通的結果」。
但是大批網友認為，停辦起駕宴不是重點，重點是大甲媽祖遶境應該要延期才是。網友灌爆陳柏惟臉書表示，「應該是整個活動徹底延期辦理」、「只是起駕宴啊！重點是繞境活動啊」、「看看韓國，很怕台灣也因為宗教而防疫破功」、「香港也是佛堂傳染，支持暫緩宗教活動」、「希望取消媽祖遶境！我相信媽祖娘娘會體諒大家也會保佑台灣的」！
</t>
  </si>
  <si>
    <t>教育部為因應嚴重特殊傳染性肺炎疫情，統一配發一般醫用口罩予各縣市供短期補習班及課照中心使用。台中市目前獲配發2660盒一般醫用口罩，並將依教育部所定發放原則一班一盒進行發放。台中市政府教育局與疫情指揮中心提醒各補習班及課照中心，妥善運用防疫物資。-
台中市政府表示，全市補習班及課照中心家數3000餘家，依目前獲配數量仍不足每家一盒；依教育部配發原則以招收對象為國小、國中、高中學生的補習班為優先發放對象，並於20日於陽明大樓5樓大禮堂進行第一階段的發放。相關內容已公告於教育局(https：／／www.tc.edu.tw／)及短期補習班資訊管理系統網站／臺中市／政府相關公告 (https：／／bsb.kh.edu.tw)。
教育局指出，為能即時、周延與順利將物資發放給補習班、課照中心，日前已邀集台中市補習教育暨品保協會理事長楊佳叡、台中市補習班品保協會理事長陳協鴻及台中市輔助教育協會理事長林育椿等商談細節，3位理事長表持續支持，並提醒各補習班及課照中心妥善運用防疫物資。
教育局強調，本次配發的防疫備用口罩係屬緊急支援之防疫備用物資，其運用以提供臨時性發現學生出現發燒、咳嗽、喉嚨痛、呼吸急促等不適或緊急狀況者配戴，並應請學生就醫，返家休息；並請各補習班及課照中心持續配合進行防疫作業。</t>
  </si>
  <si>
    <t xml:space="preserve">就連保險套都出現缺貨潮！受到新冠肺炎影響，台灣曾出現搶購衛生紙、口罩等物資的狀況，沒想到由於全球最大的保險套生產商停產，造成保險套在某些國家、地區成為了被瘋搶的物資。
根據陸媒《每日經濟新聞》報導，全球最大的保險套生產商馬來西亞Karex因為疫情停產，雖然工廠在上月27日復工，但只有正常時期的一半，停產期間更是導致保險套的數量短缺１億個，而每年大陸會消耗上百億個保險套，零售商蘇寧國際的銷售數據也顯示，不少消費者為了未雨綢繆而紛紛囤貨。
蘇寧國際的數據顯示，4/1-20進口保險套的銷售成長了273.51%，尤其是4/20進口日當天的杜蕾斯（Durex）銷量暴增437.63%。
蘇寧國際的負責人則解釋，因為無法預測疫情會持續多久，又受到國外保險套短缺消息影響，不少使用進口保險套的消費者抓緊進口日當天的優惠時機，大量囤貨。
</t>
  </si>
  <si>
    <t>台灣新冠肺炎疫情趨緩，防疫措施曾獲多國肯定，不過，一位剛從英國返台的網友發文表示，就他自己所見，台灣現在防疫超鬆懈！下機只量體溫、防疫專車的司機也沒照標準程序做，居家檢疫回報全憑良心，想自費篩檢還難符資格，引發熱議。
網友在PTT上發文表示，我就是海龜，也不怕你們罵！之前因為疫情嚴重，隔了3個月才從英國搭飛機回台灣。他一直覺得自己不是無症狀，就是有可能早得過新冠肺炎，而他想說回來後，可以被篩檢，結果並沒有！
原PO表示，先不說那個確診的日本女學生，就他看到的狀況來講，之前有班機時，幾乎每班都有好幾個確診，而這次滯留英國的人擠滿一台飛機回來，就他的看法和某些台灣人的習慣，這台飛機不太可能大家都沒事。
原PO指出，抵台後以為會有嚴格的檢查，結果出關下機，幾乎都沒人管，僅簡單地量體溫，如此若有人吃退燒藥，恐怕也無從得知。而防疫專車，根本就普通小客車，司機超隨便，路上還問「是否要在休息區上廁所」雖然也有朋友說，他搭到的很專業。
原PO接著說，居家檢疫回報資料是自己填，你亂填恐怕也沒人知道！對14天後都無症狀的人而言，他恐怕還是不知道自己有病，也不知道有無傳染給別人。而自費篩檢的條件，基本上大家都不符資格啦！奉勸大家，外出還是要好好戴口罩。
貼文引發網友討論，「其實台灣真的靠良心防疫」、「台灣人神功護體」、「你發這篇害我今天晚上怕到睡不著」、「佛系防疫你敢嘴」、「這太扯啦 海龜 政府沒介入強制篩檢？」、「沒辦法人性啊！鬆懈了」。</t>
  </si>
  <si>
    <t xml:space="preserve">北市高中生遊希臘後回國確診新冠肺炎，由於這名高中生是1月與家人同遊希臘，3月5日才返台，確診消息傳開後飽受輿論抨擊「爽玩歐洲兩個月」。不過有知情人士用時間軸揭高中生染病始末，怒嗆「案59」原本就是安排3月5日回國，並非因延後開學才玩這麼久，希望大家不要再亂罵、誤會他，獲得有不少人附和，認為留言詛咒他的人真的太過了，相關議題在網路上發酵，也讓網友驚訝「風向變了」。
確診高中生不但被網友瘋狂肉搜，還有護理師怒嗆不准用健保，「案59」的親友陸續站出來為他抱屈，認為他去的時間點在1月，當時歐洲根本還沒什麼疫情，也沒有旅遊警示，是合法出國，當事人回國時並沒有症狀，回國後海關也說不用自主管理，希望網友先搞清楚再發言。
高中生的親友並附上「案59」旅遊時間軸說明如下：
出國-1月中旬
回國-3月5日
希臘旅遊警示-3月11日
出現症狀-3月12日
就醫檢查-3月13日
確診-3月15日
親友說明後獲得部分網友認同，紛紛回應「一群人搞不清楚3月11日希臘才被列為一級」、「留言詛咒真的太病態了」、「大家都不是預言家，嘴這個根本事後諸葛」、「民粹真可怕，霸凌到什麼髒話都出來了」。
</t>
  </si>
  <si>
    <t>隨著全球新冠肺炎疫情的擴大，台灣的防疫措施也不斷強化。其中對可能受感染卻仍在潛伏期者，分別有居家檢疫與居家隔離的措施，以避免疫情擴散。但近日陸續傳出有隔離者趴趴走或失聯的狀況，對違反者的處罰是否有效、執行過程是否有漏洞等，在疫情緊張的此刻應盡快檢討。
因為中國大陸、香港、澳門已被列為新冠肺炎感染區，因此從此三地回台的民眾，中央流行疫情指揮中心依據《傳染病防治法》，要求須進行14天的居家檢疫；而如果是與新冠肺炎的確診者有所接觸，則須進行居家隔離14天。至於違反居家檢疫、居家隔離者，分別可處1萬到15萬元、6萬到30萬元的罰鍰，如此的法律效果，似乎不重。尤其隔離者一旦外出，接觸的場所與人數不知凡幾，其所可能帶來的風險極高，難道不能處以更重的刑罰嗎？
依《傳染病防治法》第62條，確實有針對不遵行指示散布傳染病可處3年以下有期徒刑的明文，但於客觀上須有傳染他人的結果、主觀上也須明知有傳染病，才足以成罪。而受居家隔離者就算外出趴趴走，因處潛伏期間，如何證明有傳染給他人的事實，這本身就有困難；就算能證明因果關係，但因尚未有病癥，要說明本人知有傳染病也有困難，致使此刑罰規定僅具宣示意義。
也因此，要靠事後的處罰來落實居家檢疫與隔離，既無嚇阻效果，也顯得緩不濟急，所以採取集中檢疫與管理似乎是最有效的方式。但此等措施涉及人身自由的限制，必然是在不得已的情況才能採行，況且目前隔離人數恐已有數千人，要找尋隔離場所有很大的困難，更遑論集體隔離地點很容易引來附近民眾的抗議。
以上的困境，加上考量人力監視資源的有限性，對居家檢疫、隔離者採行電子監控更具有實際效果。只不過現行採取提供隔離者具有衛星定位的手機，因無法強制隔離者隨身攜帶，必然出現監控的漏洞。至於回報身體狀況又有道德風險存在，凸顯低密度的電子監控最終還是得依賴人為的查證。
為解決此問題，政府可考慮對居家檢疫與隔離者強制配戴有GPS定位的電子手環，就可為全天候的監控。但因此種方式已與對犯罪者或刑事被告的電子監控相當，在隔離者並非觸法者的情況下，實有人權侵害的疑慮。因此，若疫情指揮中心決定要採行高密度的電子監控，在目前無法律明確授權的情況下，應該修法解決。
基於防疫工作的複雜與變異性，於法制上，確實必須給主管機關相當大的裁量空間，卻也必須兼顧法律的明確及實效性。立法院在開議後，應檢視防疫的需要，盡快通盤檢討《傳染病防治法》進行相關修法，以維護國人健康。
（作者為真理大學法律系所副教授兼刑事法研究中心主任）</t>
  </si>
  <si>
    <t>新冠肺炎疫情延燒，今天（2日）新增549名本土確診案例、12例死亡，疫情不見趨緩跡象，也讓民眾人心惶惶，藝人Makiyo（川島茉樹代）就透露居住的社區管理員驚傳確診，目前正在進行隔離，但誇張的是沒有任何人通知住戶此事。
根據《三立新聞網》報導，Makiyo居住的社區管理員上個月確診新冠肺炎，目前正在隔離中，她透露得知此事相當驚訝，因為管理室位於地下一樓，自己則住在1樓，由於距離相當近，讓她得知狀況後相當驚恐，當下詢問社區總幹事，對方才坦言已通報衛生署，確診管理員也被集中隔離，但不解的是事發至今，社區不僅沒派人消毒，也沒有跟住戶公告此事，接著不滿表示：「本來有公告，後來就被拿掉了，完全沒有人來教我們做什麼措施」。
Makiyo表示由於大樓住戶頗多，加上地下一樓管理室跟好幾棟房子相通，此外住戶都是老人家，社區又離國防部相當近，週遭也有相當多國軍弟兄，讓她擔憂有感染風險，接著強調自己這個月雖然都沒去管理室，不過近來已待在家裡進行自主管理，目前身體暫無不舒服的狀況。
好友小Ｓ聽聞Makiyo因為社區管理員確診，正在做居家隔離，不忘提醒對方不僅不要出門，也不要過度驚慌，更強調家裡一定要隨時進行消毒，相信該做的防疫措施都做好，一定會沒事，但還是不改搞笑性格直呼：「我就不去看她了」。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新竹縣11日再增加一名確診者，為新竹台大分院生醫醫院竹東院區附設護理之家90多歲男性住民，10日因發燒採檢確診，先前5度採檢均為陰性，新竹縣衛生局匡列33名接觸者，並擴大採檢75人，其中66為陰性，9人結果尚未出爐，這也是該機構在6月29日後，再度新增確診者。
新竹縣原先已連續5天「嘉玲」，新增確診個案為案15348，5月初就醫後轉入護理之家居住，家屬自聘一名看護看顧，該機構自6月10日出現首例確診者，案15348被匡列為接觸者，採取1人1室隔離，並於6月10、17、23日3度採檢為陰。
該案23日解除隔離轉自主健康管理，6月29日期滿採檢仍為陰性，並轉回機構住房，由自聘看護照顧，到7月7日第5度採檢仍為陰性，未料10日發燒採檢確診。
睽違11天再爆確診者，新竹縣衛生局及醫院均不敢大意，匡列75人採檢、接觸者包含照服員、助理人員、行政等33人匡列，案15348的自聘看護被列為居家隔離者。至於感染源，新竹縣衛生局表示仍待釐清。
★《中時新聞網》提醒您：因應新冠肺炎疫情，疾管署持續加強疫情監測與邊境管制措施， 如有疑似症狀，請撥打：1922專線，或0800-001922，並依指示配戴口罩儘速就醫，同時主動告知醫師旅遊史及接觸史，以利及時診斷及通報。</t>
  </si>
  <si>
    <t xml:space="preserve">新冠肺炎起源引起美中外交系統發言人隔空交火，美國國務院發言人歐塔加斯（Morgan Ortagus）推文指出，台灣去年12月早已警示世衛組織（WHO），並批評中國試圖掩蓋疫情。我外交部發言人歐江安證實，自疫情爆發以來，台灣即與各方專家進行討論，並曾緊急向中國疾病控制中心查證疫情狀況，並同步透過「國際衛生條例」(IHR)機制通報「世界衛生組織」(WHO)。
歐江安說，我國在12月31日立即針對從武漢直航入境班機進行「登機檢疫」制度，同日啟動邊境檢疫應變措施，強化入境旅客的發燒篩檢。我國的各項疫情防治措施一開始即是以冠狀病毒會「人傳人」的角度進行整備及超前部署。
歐江安指出，台灣在全政府指揮體系建立、醫療體系動員、疫情調查、醫療物資管理、資訊科技運用、有效隔離、超前部署、公衛宣導等防疫作為，不僅有效防堵武漢肺炎疫情的擴散，也受到國際社會的高度肯定。
我國政府感謝美國及其他理念相近國家支持台灣國際參與。台灣身為國際社會負責任的一員，有能力、也有意願與國際社會攜手合作，共同防止武漢肺炎疫情擴散，與國際社會成員共同為全人類的健康與安全貢獻心力。
外交部國組司司長陳龍錦則表示，我國疾管署當時透過IHR窗口電郵通報WHO，對方僅回應「收到了」、「會轉給專家處理」，但據我方了解，WHO之後似乎並未將相關訊息公布在內部網站。
</t>
  </si>
  <si>
    <t>中租-KY（5871）雖受中國大陸銷貨業務認列準則變更影響，2020年1月合併營收仍改寫同期新高。投顧法人認為中租獲利能力良好，新冠肺炎疫情對營運影響應屬短期，近期回落為良好進場時機。中租今（17）日股價開高走揚，最高上漲2.39％至128.5元。
受新冠肺炎疫情延燒影響，市場憂心中國大陸市場趨弱，將影響中租營運成長動能，致使中租鼠年開紅盤以來股價欲振乏力，近期於121～126元間盤整。三大法人近期偏空操作，上周合計賣超3716張，其中以外資賣超達3690張最多。
中租2020年1月自結合併營收46.98億元，月減20.74％、降至近11月低點，仍年增4.22％，改寫同期新高。其中，台灣及東協地區營收分別年增14％、30％，中國大陸則因銷貨業務認列準則變更而下滑。
中租說明，中國大陸貿易融資業務過去未考慮交貨遞延、報關失敗等風險，今年從嚴認定、與客戶約定不承擔存貨風險，使相關營收由總額法改為淨額法認列。若以交易總額推算，中租1月自結合併營收為53億元，年增18％，中國大陸地區營收為年增19％。
中租旗下仲利國際在中國大陸擁有49個據點，目前僅武漢分公司尚未復工、有待官方通知，其他地區分公司均已陸續復工。公司表示，春節後都是客戶資金最充裕時期，因此往年2月向來為全年最淡月，此次疫情後續影響程度目前仍在彙整評估中。
法人指出，中租在中國大陸貿易融資業務收入，過去以包括銷售成本及毛利的總額法認列。今年起改以不再承擔存貨風險的新業務模式，營收改採僅計入毛利的淨額法認列，使中國大陸1月營收年減11％，但此會計認列準則的變更，並不影響實際業績及獲利認列。
法人認為，中租近期股價疲弱，主要為反應市場對新冠肺炎疫情的擔憂。但依據SARS經驗，認為對中租影響應屬短期，主要影響將反應在上半年。預期即使信貸成本因此倍增，中租仍能維持每股賺1股本能力，看好近期股價回落為更好的進場時機點。</t>
  </si>
  <si>
    <t xml:space="preserve">自武漢包機回台的專機，今日（11日）清晨4時08分抵台，由中華航空、東方航空分別載169人、192人抵台。中央流行疫情指揮中心公佈8張現場照片，將專機抵台後所有的檢疫措施曝光在國人面前；交通部次長王國材也貼出現場照片，「從深夜到白天，二架專機任務完成！」
指揮中心表示，兩架班機的旅客在上機前，就必須以「發燒或具嚴重呼吸道症狀者，無法上機」原則執行檢疫；班機抵台後，361名乘客必須經過醫師進行健康評估，均無須後送就醫，已載送國內3處集中檢疫所進行14天隔離檢疫。
此次包機安排了4名醫生、9名護理師前往，桃園機場也安排了10輛救護車、22輛遊覽車待命，協助就醫或載往集中檢疫所。指揮中心醫療應變組組長薛瑞元、副組石崇良，也身穿寫有「指揮官」、「副指揮官」的防護衣，在現場全程指揮。
361名返台旅客，將在48小時內完成採檢，指揮中心表示將以「一人一室」為原則，每人每日量測體溫兩次，以便及時發現症狀後送就醫。檢疫所會提供口罩等相關防護裝備供檢疫者、工作同仁使用，含包機361名在內的的所有集中檢疫者均不能外出，且活動範圍以檢疫房間為主，與附近居民不會有接觸，請民眾放心。
更多 CTWANT 報導
</t>
  </si>
  <si>
    <t xml:space="preserve">新冠肺炎本土疫情延燒，國民黨青年部主委陳冠安指出，過半民眾認為這次疫情危機，係屬人禍有關，他並觀察網路社群討論，發現綠營負面聲量大漲，衛福部長陳時中成為負面聲量王，疫情討論藍營吃香綠營吃鱉，現在的蔡政府已面臨民意全面崩盤的情形。
陳冠安今（31日）在臉書發文表示，近來，由於3+11決策曝光、疫苗爭議、篩檢與封城等相關防疫措施的討論，網路社群對整體疫情的討論，又出現新的趨勢，他這次對比近兩周的疫情大數據，也就是16日至22日與23日至29日的大數據來看，民進黨在「疫情」的社群討論裡，已然出現負面聲量大漲，在這個議題面臨全面崩盤的情形。
首先，陳冠安觀察到，綠營負面聲量大漲，在過去，民進黨通常能透過「疫情」討論在社群加到分，甚至成為總統蔡英文與行政院長蘇貞昌施政滿意度高居不下的主要原因，然而正如同他日前所做的分析與預測般，目前「疫情」對綠營來說已成負分議題。
陳冠安指出，對比這兩周，綠營很明顯地又再度呈現負面聲量上升的情形，以每個心情數所產生憤怒數的心情憤怒比來看，社群對整體「疫情」的心情憤怒比略為上升，從0.011提升到0.015，這相當可能與台灣民意基金會的調查，顯示有過半民眾認為這次疫情危機係屬人禍有關，因為無論是陳時中、蔡英文，還是民進黨，三者的心情憤怒比都顯著提升，顯示整體社群對心情憤怒比的上升，很可能是對民進黨政府不滿所導致。
其次，過去被認為是抗疫第一功臣的陳時中，陳冠安稱，相當驚人的是，現在陳時中成為負面聲量王，在23日至29日這周已經成為臉書社群裡，討論「疫情」時最令人憤怒的政治人物，心情憤怒比大增1.45倍，高達0.055，一個人就佔「疫情」憤怒數的近四分之一，可以說是榮登負面聲量王的地位，這自然與陳近期的表現有直接關聯，包括校正回歸事件、疫苗政策，以及指揮荒腔走板。尤其3+11事件新聞的出現，更是讓陳時中在29日當天收穫近4.2萬個憤怒數，佔一周的4成左右。
最後，陳冠安發現，國、民兩黨則出現相當有意思的變化，首先是國民黨的總聲量雖然增加2.3倍，但心情憤怒比卻有顯著減少，從0.035降低到0.03，也就是說，在成功增加網路討論的同時，減少負面聲量比重。反倒是民進黨在總聲量成長1.45倍的同時，心情憤怒比卻有所提升，從0.034增加到0.039。
陳冠安從趨勢分析，在臉書社群對「疫情」的討論裡，民進黨不只被討論的多，且負面聲量比重從之前與國民黨的五五開，在短短一個禮拜之間，就超過國民黨，成為眾矢之的。而從陳時中、蔡英文的高心情憤怒比，以及上升的趨勢來看，在未來很可能會持續讓綠營陷入選後前所未見的負面聲量風暴，成為蔡政府民意崩盤的關鍵因素。
</t>
  </si>
  <si>
    <t>新冠肺炎衝擊全球影視產業，繼好萊塢大片《007：生死交戰》、《花木蘭》、《玩命關頭9》等片紛紛延檔後，由史嘉蕾喬韓森（Scarlett Johansson）主演的漫威電影《黑寡婦》台灣時間18日也宣布延後上映，原訂北美地區5月1日上映，台灣則4月30日上映，目前新檔期未定，靜觀其變，預計6月上映的DC《神力女超人1984》也恐受波及，電影發行的上半年可說是前途堪慮。
除了《神力女超人1984》之外，還有《狗狗史酷比！》、《阿特米斯奇幻歷險》、《綠衣騎士》（暫譯，The Green Knight）等大製作電影的檔期尚未更動，未來動向頗受關注。另外同樣和《黑寡婦》在今天宣布延後檔期的電影則為《逃出絕命鎮》團隊最新力作《顫役輪迴》、莎拉保羅森（Sarah Paulson）驚悚片《逃》、奪魂鋸系列《死亡漩渦：奪魂鋸新遊戲》、燒腦懸疑片《窺探》、《祕密花園》、《祕密：夢想的力量》及《狄更斯之塊肉餘生記》（暫譯，The Personal History of David Copperfield）等7部原訂於4至5月上映的電影檔期推延。
除此之外，繼日前紐約及洛杉磯宣佈關閉電影院後，根據《Deadline》報導指出，美國2大連鎖影城AMC與Regal自即日起皆宣布停業，其中AMC一共有630個據點、1.1萬個影廳，目前停業6至12周；Regal則有542個據點、7155個影廳，另外加上其他多家連鎖戲院品牌，總計北美超過3000間戲院暫停營運，重新營業的時間則待疫情局勢而定。
除了電影上映檔期異動，一年一度的美國告示牌音樂獎頒獎典禮也宣告延期，原定在4月29日於拉斯維加斯MGM飯店舉行。該獎項一直都是歐美音樂圈的一大盛會，如今新冠肺炎病毒疫情大流行，加上該地區接近疫情重災區加州，因此主辦方在推特上發聲明宣布取消，目前活動尚未得知推遲至何時。</t>
  </si>
  <si>
    <t>◎星聚點資遣費爭議 勞動局呼籲資方妥善處理
對星聚點發生資遣費給付爭議，勞動局局長陳信瑜說明，星聚點有2家登記公司，名稱各為星據點文創公司與星聚點壹號文創公司，員工勞保投保人數分別為621人與85人。3月至4月有陸續資遣93人與14人，尚無違反就業服務法資遣通報與大量解僱保護法規定。
◎新增1例境外移入 累計439人確診
零確診才高興一天，中央流行疫情指揮中心今日公布國內新增1例新冠肺炎境外移入病例，其為一位30多歲女性，於今年1月至英國工作，於4月26日返國，經二採才確診，這名女性在住防疫旅館時確診，為國內首位住防疫旅館確診案例。
◎督促錢櫃賠償 北市府8日說明會
林森錢櫃失火釀成悲劇，台北市政府法務局5日召開會議，要求錢櫃公司預付罹難者家屬新台幣200萬元賠償金，併加發目前仍在加護病房的傷者10萬元慰問金，富邦產險公司也承諾將協力儘速賠償被害者及其家屬相關損失。
◎黃琪冒充林青霞助理 詐5星級飯店
騙個沒完！「騙扁小子」黃琪又被查出，2017年間，假冒知名影星林青霞的助理，向澎湖5星級飯店要求升等優惠，還涉嫌盜刷任姓網友及2名男友信用卡9萬餘元，新北地檢署今（6日）依行使偽造私文書等罪嫌將黃琪起訴。</t>
  </si>
  <si>
    <t xml:space="preserve">
英國首相強森（Boris Johnson）日前一席「群體免疫」說，震撼全球，也引來各界批評。不過英國政府真的腦子進水？攝影藝術家久方武提出不同觀點，他認為英國政府至少進行了3項神操作，而「群體免疫」更是用了孫子兵法中的「欲擒故縱」，不費吹灰之力、不動一兵一卒，就讓全英國人乖乖在家裡面躲起來，強森根本是政治天才！
久方武在臉書發文表示，從新冠疫情爆發以來，他見過最神操作的國家就是英國。英國政府對於新冠疫情，至少進行了3項（以上）的神操作。
其中，英國首相強森先是告訴英國民眾，在這場疫情中，他們將失去不少親友，大家先要有心理準備。其次，已在倫敦海德公園規畫好可以容納50萬人的公墓，不用擔心沒有地方埋葬。
之後強森又發表演說，表示經過英國科學家及醫學權威人士的研究，英國對付新冠肺炎病毒的方式將採取群體免疫法。
結果，當強森正式宣布執行這項政策後，整個倫敦街頭，雞、鴨、人、狗、貓瞬間全部躲起來。就好像回復到二次世界大戰時，英國政府不費吹灰之力、不動一兵一卒，就讓全英國人乖乖在家裡面躲起來。
久方武說，曾幾乎統治整個世界的大英帝國，什麼樣的刁民他們會沒見過呢？「英國政府只用三句嘴砲話術，就成功解決了所有英國的刁民問題，讓英國民眾全部好好地待在家裡面不敢出來。」
久方武盛讚強森，「只用嘴泡方式、0成本」就對付了新冠疫情，真是執政高手中的高手，政治天才！他表演了一場非常精彩的孫子兵法，欲擒故縱戲碼。
</t>
  </si>
  <si>
    <t xml:space="preserve">正值新冠肺炎疫情蔓延之際，近日24小時內共機二度繞台，國台辦也勸民進黨不要玩火，威懾之意明顯。在此非常時期，北京如此動作，自然讓人聯想是國際間挺台聲浪大漲之故，尤其是賴清德訪美的後果，而《環球時報》也已證實。
就以賴清德訪美一事觀之，雖然事先表明是以個人身分為之，但其副總統當選人的身分被凸顯，已打破以往台灣高官訪美的紀錄。首先，這必定是美方主動邀約的結果，否則不會成事。這看在北京眼裡就是趁人之危，國難當頭，美國還在傷口撒鹽，若北京沒有反應，乃形同默認台美共謀推移「一中」紅線，將一發難以收拾。還好美方仍有所節制，並未大肆宣傳如公開賴清德參訪白宮的照片等，尚留餘地。況且，川普也與習近平通電話共商疫情防治，雙方還有相當可合作的空間，關係尚不至於立即惡化。
目前美國的地位確實比較有利，川普彈劾案未過，因而助長其聲勢。在共和黨首次愛荷華州初選中，川普以96.8%的得票率一舉拿下40張黨代表票的39張，壓倒性擊潰對手，雖不能說川普最後一定會勝出，但十拿九穩的態勢明顯。相對地，在民主黨方面則狀況不明，一則是首次初選計票系統就當機，已對該黨的聲勢與初選的透明性產生相當的打擊。加上，新人以黑馬之姿勝出，攪亂一池春水，確引人注目。
再者，美國在防疫方面必有相當優勢，也已表明會協助大陸抗疫，但北京方面卻並未同意，自然也有難言之隱。因為這必將會牽涉到機密的疫情，同時大陸強硬抗疫手法也可能會暴露無遺。
再從北京的角度觀之，目前疫情肆虐，封城只能治標，疫苗才能治本，但都還難以掌控，尤其時間與空間的問題均難把握。原本2月10日大陸一些工廠準備開工，但是相關條件無法配合，比如零件因交通管制而無法配送，防疫的措施如手套與酒精的缺乏等，因而開工再度延期，目前連北京都已進入半封城狀態，挑戰確實嚴峻。
在台灣方面，賴清德若拒絕美國的邀約，必將顯得膽小慎為，這也不是民進黨一貫的作風，自然因勢利導，達到突破台美關係的目的。因為在外交方面的動作，若成功，就是突破封鎖的一件大功，當可對內邀功；若失敗，就可歸咎於中共打壓，當可博得同情，絕對穩賺不賠，何樂不為？但若北京的內外壓力過大，改採外銷轉內銷的策略，台灣必將首當其衝，必須審思慎擇。
綜合觀之，日益嚴重的疫情突如其來，目前各國都在加緊研製疫苗，以便加以控制。雖然目前已造成相關國家難以估計的損失，但依過往的抗疫經驗，疫情終將得到控制，屆時將會再度形成一波經濟上揚來彌補傷口。在此關鍵時刻，各方尤當以抗疫為重，放下恩怨，全力抗疫，此乃人道超越一切、矛盾應分大小的鐵則與求生之道。北京也應盡量開放相關訊息，以便增強防疫效果，這也是大陸可以發揮影響力的大好機會，必定會獲得各方的正面回應。
（作者為國立政治大學國際關係研究中心研究員）
</t>
  </si>
  <si>
    <t>新冠肺炎疫情再度來襲，防疫保單再度成為熱門商品。新光人壽26日表示，2020年因應新冠肺炎疫情推出的一年期住院日額防疫保單「活力罩」，主打若因法定傳染病住院，每天最高給付5千元，去年4月到7月之間就銷售逾2.5萬張，今年1月29日將重新開放銷售。
台灣產險的防疫保單因為給付方式簡單，保費便宜，在國內傳出醫院及社區感染後，保單賣到爆，各家保險公司亦紛紛加速推出防疫保單專案或訴求自家現有的防疫商品。
新壽強調其去年曾推出的活力罩一年期住院日額健康保險，當時提供0到65歲民眾投保，且針對法定傳染病沒有30天的等待期，立即投保立即有保障；且一旦不幸罹患法定傳染病如新冠肺炎、腸病毒、登革熱等住院，每天除了有住院日額保險金，還增加一倍日額的法定傳染病關懷保險金，如新冠肺炎要住進負壓隔離病房，就比照加護病房，一天再多加二倍日額，若住院超過30天，多出的天數再多給一倍日額的長期住院保險金。
即例如30歲男性住院日額1千元，一年保費約910元，若不幸因新冠肺炎住進隔離負壓病房42天，之後轉入普通病房再住8天，則前30天都是4千元，31到42天是多了1千元長期住院金，每天5千元，但43到50天是普通病房，少了加護病房2千元，則一天是3千元，等於50天共領20.4萬元。
由於保費便宜，且是一年期保單，所以去年在疫情緊張的4月推出後，到7月共賣超過2.5萬張，這次疫情再起，新壽也打算1月29日再重新推出這款防疫保單。</t>
  </si>
  <si>
    <t>中央流行疫情指揮中心今(8)日公布國內新增1例境外移入新冠肺炎病例，為菲律賓籍50多歲男性船員(案524)，因工作於今(2020)年9月15日入境台灣，登機前三日內檢驗報告及入境機場採檢均為陰性。
指揮中心表示，個案入境迄今均無症狀，9月15日入境後進行集中檢疫至9月29日，9月30日檢疫期滿後搭乘專車至飯店，10月5日由公司安排至醫院自費採檢，因檢驗結果呈現弱陽性，10月6日再次採檢，並於今日確診；目前個案住院隔離中。
指揮中心指出，衛生單位已掌握個案接觸者共17人，其中16人為同車接觸者(10月5日自費採檢皆為陰性)，列為居家隔離對象，1人為同車司機，因有適當防護，列為自主健康管理對象；將進一步調查個案檢疫期滿後是否有其他活動史，以匡列可能之接觸者。
指揮中心統計，國內截至目前累計95,691例新型冠狀病毒肺炎相關通報(含94,444例排除)，其中524例確診，分別為432例境外移入、55例本土病例、36例敦睦艦隊及1例不明。確診個案中7人死亡、487人解除隔離、30人住院隔離中。
這名個案入境前都是陰性，卻是在入境檢疫期滿後才變成陽性，中央流行疫情指揮中心發言人莊人祥表示，可能是偽陰性，機場唾液採檢，發病比較久，可以看出來很多都是期滿後才驗出陽性，可能唾液對於發病比較多天者，偏向是偽陰性的結果。
明明規定9月26日起從菲律賓返國，檢疫期滿就要採檢，該個案9/30期滿就要採檢，但他卻是自費採檢，對此，莊人祥回應，先前的規定是指在9月26日以後從菲國入境者，才須檢疫期滿前採檢，而該個案是因為公司規定所有人都要採檢，因此其實加上他，一共有17個人都自費採檢，最後只有案524驗出來是陽性。</t>
  </si>
  <si>
    <t>伊朗新冠肺炎疫情擴散，恐已出現社區感染。該國衛生部發言人賈漢普爾（Kianush Jahanpur）昨日透過官媒宣布，全國確診病例又新增15例，總確診病例已累至43例、死亡人數8人。伊朗也成為中國大陸以外死亡人數最多的國家。
此外，伊拉克南部濟加爾省傳出全國第1起確診病例，讓伊拉克成為繼阿拉伯聯合大公國、伊朗、以色列、黎巴嫩後，第5個出現確診新冠肺炎患者的中東國家。病患是從伊朗什葉派聖城庫姆返國的學生，現已隔離治療。
伊朗當局已下令，從23日起，包括庫姆和首都德黑蘭在內的14個省份的學校和教育機構全部關閉，同時關閉全國所有電影院和展覽館至下週末，足球比賽暫停10天。據傳當局也暫時不讓民眾前往伊拉克朝聖。
而與伊朗分別有陸上和海上邊界的伊拉克和科威特都如臨大敵。由於伊朗最早出現疫情的庫姆是伊拉克和科威特什葉派信徒的熱門旅遊地點，當局不敢掉以輕心。伊拉克當局已在20日宣布關閉與伊朗的所有邊境，並暫停對伊朗人核發簽證。伊拉克航空也已暫停往返伊朗的所有航班。
科威特則宣布，過去14天有伊朗旅遊史的國際旅客禁止入境，從伊朗入境的科威特公民歸國後也必須立即隔離。</t>
  </si>
  <si>
    <t xml:space="preserve">新冠肺炎肆虐，最近日本確診案例連環爆，但日本政府在防疫措施上相當輕忽，腎臟科醫師江守山在節目上分享，許多日本朋友只把新冠肺炎當作是感冒看待，不用理它，讓他超驚訝。
鄭弘儀昨在節目《新聞挖挖哇》上指出，新冠肺炎發展至今，許多國家在防疫上仍然相當輕忽，尤其是日本，竟然還有發燒達37.5度，且持續4天再就醫的規定，讓他非常驚訝。
腎臟科醫師江守山也在節目中表示，日本政府在想什麼真的搞不懂，但是不少日本人對新冠肺炎的看法竟是「感冒而已，不用理它」，但一般感冒的死亡率會有2%嗎？怎麼能將新冠肺炎當感冒看，且它傳染力比SARS更厲害。
江守山也直言，這次東京奧運恐怕是辦不下去，因為疫情鐵定是會在奧運之前爆發。而中山醫藥大學附設醫院兒童急診科主任謝宗學也在臉書上分享，東京奧運如期舉行的機率不高，除非夏季的高溫真能舒緩疫情，但仍需面對各國是否願意讓價格不菲的運動員前往疫區參賽的問題。
</t>
  </si>
  <si>
    <t>華航機師染疫案持續延燒，中央疫情指揮中心今公布，桃園諾富特飯店某主管染疫新冠肺炎，曾到診所三度就醫；據了解，該診所在新北市三重區，診所接獲中央通報後，已緊急歇業，新北市環保局白天也完成全面大消毒，全力防堵疫情蔓延。
據了解，該診所位在新北市三重地區，接獲中央通知後已緊急歇業，新北市環保局也派遣人力到場大規模消毒，消毒範圍以診所周邊環境為主，約2小時完成消毒工作；衛生局也協助居家檢疫和自主健康管理者的後續安排，全力配合中央指示。
不過，新北市府發言人蔣志薇表示，以中央流行疫情指揮中心公布的資訊為準。
指揮中心發言人莊人祥表示，指揮中心已利用健保就醫資料查詢當天前後時段前往該診所就診的病人，衛生局會進行通知，不另行公佈該診所及縣市。</t>
  </si>
  <si>
    <t xml:space="preserve">美國規定11月18日起，未接種美國認定的疫苗品牌將無法入境，新規是否會讓已接種高端的總統蔡英文、副總統賴清德無法赴美？指揮中心發言人莊人祥表示，外界不必擔心，因為外交部已開始協調，確保接種高端的政府官員赴美不受阻。
莊人祥表示，外交部9月起就開始向美方了解入境措施，現在更與衛福部合作，透過各方管道與美方溝通，爭取高端納入美方清單，會持續努力讓國人能順利赴美。
至於高端疫苗打氣低迷，衛福部長陳時中昨天坦言，我國採購的500萬劑很可能打不完。中央流行疫情指揮中心今天則表示，剩餘未到貨的數量將捐贈給其他有需要的國家，目前正與外交部積極接洽中。
指揮中心發言人莊人祥表示，指揮中心實際驗收223萬劑高端疫苗，扣掉目前已接種的136萬劑，還剩86萬劑，推測部長昨天說剩200多萬劑沒打，可能是口誤。
莊人祥說，依據採購合約，高端今年底前必須交付500萬劑疫苗，否則會被罰款，因此無論外界打氣如何，高端還是會持續生產疫苗，並封緘檢驗，疾管署仍會驗收，目前先觀望是否有其他國家可捐贈，但還要先看高端是否有拿到其他國家的EUA，外交部已啟動聯繫。
至於將來是否會開放打完2劑高端的民眾，補打第3劑他廠疫苗？莊人祥說，無論是國內EUA還是世界衛生組織，都認為打過2劑後可視為有效接種，即便要施打，也可能是用第3劑的方式進行，但若接種過高端疫苗，第三劑仍可能會施打高端。
</t>
  </si>
  <si>
    <t>國內疫情從12日起急遽升溫，全台陷入高度恐慌。民進黨立委林岱樺12日在立法院院會中堅持不戴口罩，引來現場同黨立委邱議瑩不滿，兩人當場互嗆。藥師林士峰指出，林受訪時稱一切都「慈悲就好」，顯然林堅持不戴口罩的原因可能是宗教信仰因素。其實林宗教色彩鮮明，早在2018年朝野協商《財團法人法》時，就表示「宗教超越了憲法規範」，言論掀起極大爭議。
林士峰今日（14）在臉書發文指出，根據《TVBS》新聞報導，林岱樺受訪時針對當日情形，笑臉盈盈不斷喊道：「慈悲就好！慈悲！什麼都是慈悲就好，好嗎？」並搭配「雙手合十」姿勢，這讓他恍然大悟：「原本以為林岱樺委員堅持不戴口罩，只是因為被指責，好面子拉不下臉而已。想不到是宗教信仰因素啊！」
對此，林士峰強調，大家都尊重林岱樺的信仰，但是現在是防疫期間，為了社會大眾著想，「和你的佛溝通ㄧ下，除了祂的庇護以外，戴個口罩真的會更保險ㄧ些，而且萬一有人模仿你，他又剛好沒有佛的保祐，成為防疫的破口，該怎麼辦才好？」
其實林岱樺宗教色彩一直相當鮮明，根據《中國時報》2018年6月26日報導，當日《財團法人法》朝野協商宗教團體是否納入管理，林即表示：「這已經是超越憲法之上，已經在人類『何者為人』、『人從哪裡來』這樣的道德面，難理解台灣為何要用這法律規範佛教？」林認為，佛、道數千年歷史建立比丘跟比丘尼數百條戒律，受到戒律這麼多，不該再用世俗法律去規範。林更稱，該法既然是為防制洗錢，就應從金融著手與宗教無關，她不敢說百分之百沒有宗教團體洗錢，但大部分的宗教團體都不會有這種行為，不懂為何要納入《財團法人法》管理。
《中國時報》2018年6月29日報導也指出，面對《財團法人法》是否納管宗教團體，林岱樺表示：「宗教與財團不一樣，宗教超越了憲法規範。」更稱宗教團體公布財產會引來黑道，這些話當時被在野立委怒批，還引起網友嘲笑、撻伐，林則回應：「批評我的人感恩啦、感謝啦、阿彌陀佛，我念阿彌陀佛分享給他們。」</t>
  </si>
  <si>
    <t>中國國務院總理李克強24日在北京出席瀾湄合作第三次領導人會議時表示，瀾湄合作應與「國際陸海貿易新通道」對接，以進一步暢通貿易通道。此外，中國的新冠肺炎疫苗研製成功後，將優先提供給湄公河的國家。
瀾湄合作（瀾滄江－湄公河合作）是由中國政府推動的區域合作機制，由李克強在2014年的第17次中國與東協領導人會議上所提出的倡議，相關成員國包括湄公河流域的中國、寮國、緬甸、泰國、柬埔寨和越南等六國。
央視報導，上述會議原本訂於2020年初在寮國舉行，但因受疫情影響而推遲，最終改為線上會議，以對瀾湄合作提供戰略指引方針。此次會議除了討論互聯互通機制外，公共衛生議題也成為重點內容。
李克強在上述會議指出，瀾湄合作與「國際陸海貿易新通道」對接，將進一步暢通貿易通道，調動中國西部、西南部以及東協其他國家力量，以實現對湄公河國家的更大投入，確保產業鏈供應鏈穩定。中國願與湄公河五國落實好對接措施，為相關區域注入新動力。
李克強表示，「國際陸海貿易新通道」縱貫中國西部地區，鏈接東南亞與歐亞大陸，區域聯動效果突出。
他強調，為了協助各國對抗疫情，中方將在瀾湄合作專項基金框架下設立公共衛生專項資金，中國新冠肺炎疫苗研製完成並投入使用後，將優先提供給湄公河國家。
「國際陸海貿易新通道」是以「一帶一路」政策為基礎，由中國與新加坡兩國聯手展開的互聯互通示範項目，以重慶為內陸連接點，利用鐵路、水運等運輸方式與東南亞國家建立貿易通道。</t>
  </si>
  <si>
    <t xml:space="preserve">英格蘭超級足球聯賽上周針對996名球員及球隊工作人員進行新冠肺炎病毒檢驗，當地時間周六結果出爐，來自兩隻不同球隊的兩人呈陽性，而英超雖然尚未確定復賽日期，但計畫周二開放管制人數的團體訓練，目前在聯盟頂級隊伍中，確認8人體內有新冠肺炎病毒。
英超發出的聲明寫道：「聯盟可以確認在上周二及周四、周五三天，對聯盟996位球員及工作人員進行新冠肺炎病毒檢驗，受測者中有2人測驗結果是陽性，這些人必須立刻進行自我隔離7天。」
英超表示不會公布確診者名單，但透露第二波檢驗的人數比第一波多，上周二英超表示第一波檢測人數為748人，病毒呈陽性反應的有6人，落在3支不同隊伍，球員必須做過檢測才可以進行訓練，每隊每兩周就要做一次檢測，下一波檢測將在本周一到週二進行。
英國職業足球從3月13日新冠肺炎疫情爆發後就停擺到現在，不過疫情逐漸趨緩，英國政府目前同意6月1日重新比賽，不過英超方面還在思考復賽的詳細日期，因為還有比賽場館、防疫措施、積分計算等問題要討論，20支隊伍代表周三將開會，決定何時恢復比賽及訓練。
</t>
  </si>
  <si>
    <t>興櫃餐飲公司乾杯(1269)公布2019年合併營收為28.97億元、創歷史新高，年增19.58%，合併稅後淨利達0.92億元，為歷史第三高，每股稅後盈餘4.97元。董事會4/24決議擬每股配發2元現金股利。
展望後市，面臨新冠肺炎疫情嚴峻考驗加上何時方休尚不明朗，乾杯審慎以對，延緩展店計畫，管控各項費用，維持財務營運體質健全，以保障全體同仁工作權益為首要。在嚴格執行防疫措施提供安全用餐環境給消費者之餘，乾杯並自去年已經開始展開研究的外送服務、餐廳之外銷售通路，更加速籌備進程，致力提升集團整體競爭優勢，力拼營運維持暢望。
乾杯集團今年以「穩健」為目標，朝「縱橫軸」雙向發展，架構集團健全的牛肉事業全新藍圖，將在「縱軸」上，深化教育滲透牛肉事業發展核心知識給予全體員工。「橫軸」則是開發新商機，佈局外送、外帶、食品零售等市場，並樂觀看待疫情後消費力度回溫，營運可望逐季轉強。
乾杯集團2019年營收創高，主因為海內外全力拓展牛肉核心事業，以及精實策略助功奏效。面對新冠肺炎重創餐飲市場，乾杯集團以「穩健」保障全體同仁工作權益為首要目標；同時，並以「深化教育訓練」與「開發新商機」雙向發展，架構集團更穩健的牛肉事業藍圖，因應疫情帶來的產業急速結構性轉變。
乾杯2019年海內外拓點雙箭齊發，全年海內外共展9間店，其中包括台灣4店、中國大陸5店。台灣事業聚焦牛肉核心，開創和牛燒肉懷石「和牛47」、全球獨家和牛油重慶麻辣鍋「麻辣45」兩間全新高價品牌，為集團餐飲事業開創嶄新格局，並持續拓展新型態黑毛屋品牌。在中國大陸乾杯亦快速拓點，去年進軍北京，達成北上廣深一線城市均有設點，寫下新的里程碑，加上重慶門市，共插旗中國大陸5個城市、擴大市場版圖，帶動集團營收及獲利的大幅成長。
在精實經營體質的方針下，於108年出售持有100%股權的乾杯速食股份有限公司(旗下品牌：宮武?歧烏龍麵、KUA`AINA)、轉型黑毛屋品牌，積極對品牌進行調整，加上盤點店點汰弱留強、關閉旗下獲利不佳的店鋪，調整體質後的效益顯現，提升108年營業淨利至2.03億元，較去年同期成長25 %，創下歷史新高，由於認列閉店費用、影響營業外支出增加，稅後淨利0.92億元，仍為歷史第三高。
面臨新冠肺炎疫情的嚴峻考驗，乾杯集團表示，在餐飲市場尚不明朗的狀況下，審慎看待市場、延緩展店計畫，管控各項費用，維持財務營運體質健全，以保障全體同仁工作權益為首要。同時嚴格執行防疫措施，提供安全用餐環境給消費者；此外，去年已經開始展開研究的外送服務、餐廳之外銷售通路，更加速籌備進程，致力提升集團整體競爭優勢，力拼營運維持暢望。
乾杯集團今(109)年以「穩健」為目標，朝「縱橫軸」雙向發展，架構集團健全的牛肉事業全新藍圖，將在「縱軸」上，深化教育滲透牛肉事業發展核心知識給予全體員工；「橫軸」則是開發新商機，佈局外送、外帶、食品零售等市場，並樂觀看待疫情後消費力度回溫，營運可望逐季轉強！</t>
  </si>
  <si>
    <t>新竹縣6日新增3例確診個案，住峨眉鄉的40多歲男子為京元電子員工，由公司安排採檢後陽性確診，居家隔離的30歲婦人和50多歲婦人，分別為萬華接觸史和機構群聚確診者的家人，居家隔離後採檢陽性確診。
縣長楊文科表示，這名京元電子員工，出現咳嗽發燒，4日由公司安排快篩陽性，昨PCR檢測結果陽性，送至集中檢疫所隔離治療，工作接觸者由公司匡列，同住家人2人匡列居家隔離，並曾戴口罩到過峨眉鄉富興村隆聖宮、苗栗縣頭份鎮聯社，中正路232號統一超商。
竹北市30多歲女性，是萬華接觸史確診者的媳婦，居家隔離期間均無症狀，昨隔離期滿前採檢為陽性確診，隨即送醫隔離治療。因她居隔無接觸者，無公共活動史，返家等待採檢結果時與3名家人有接觸，匡列3人居家隔離。
另外，竹北市50多歲婦人，平時就在機構內陪病照顧丈夫，丈夫確診後被匡列居家隔離，4日出現咳嗽悶熱，有肺部浸潤情形，收治負壓檢測結果為陽性確診，就地隔離治療。
另外，5日公布寶山鄉2名京元電子相關案例案是一對母女，40多歲母親是京元電子員工，出現身體痠痛、頭痛和四肢過敏但未就醫，2日和20多歲女兒一起出現發燒症狀，4日檢測結果均陽性確診，隨即送往負壓隔離病房治療。
母女倆足跡有寶山鄉新豐宮生活圈公園（全程戴口罩）、寶新路統一超商，和新竹市高峰路統一超商。
楊文科說，因應苗栗移工群聚事件，新竹縣將強化篩檢量能，下週將會在湖口工業區、縣府前外廣場及竹東地區（暫定樹杞林廣場）新增3個免費社區篩檢站，為高風險的民眾提供服務。
有鑑於竹竹苗疫情持續升溫，竹縣府與新竹市及苗栗縣組成「竹竹苗防疫作戰聯盟」，提升醫療量能、圍堵病毒的擴散外，楊文科呼籲鄉親配合五大防疫措施：
一、在家戴口罩、用餐不共餐、碗筷不共用、浴廁分艙分流，避免家庭群聚。二、食物線上買，購物少次多買及一次買足，並落實老年人在家不出門，購物由年輕人外出採買，減少出門接觸病毒機會。
三、 外出採買盡量用信用卡結帳，碰觸的物品、金錢、包裹及手部，一定要用酒精徹底消毒及洗手。四、不要拜訪親友，不要移動及社交，以手機視訊問候取代聚會。五、手機及貼身用品，一定要時常消毒。
楊文科最後懇託鄉親，接下來的端午連假一定要避免跨縣市返鄉探親，在外工作和就學的民眾，也請暫時忍耐，不要返鄉，請大家簡化傳統的祭拜習俗，也盡量減少到傳統市場採買，所有人配合避免群聚和移動，疫情才能有效控制，共同期待疫苗全面施打。</t>
  </si>
  <si>
    <t>三星電子22日證實，韓國龜尾市手機廠一名員工確認感染新冠肺炎，整座廠房將暫時停工直至24日（周一）上午。三星兩款折疊手機皆在龜尾廠生產，一旦停工的時間延長，三星恐難以滿足市場對新款折疊機的需求。
三星透過電子郵件發布聲明稿表示，龜尾廠將關閉至24日上午，防止其他員工感染新冠肺炎病毒，而確診員工工作的樓層將持續關閉至25日上午。
三星在新聞稿中指出，公司已要求曾與該名確診案例接觸的員工自我隔離。據悉，該確診案例是三星無線部門的職員，該部門負責手機生產。
三星亦表示，三星位在韓國其他地方的晶片和顯示器廠房，生產工作不受影響。
龜尾市廠房位在首爾東南方200公里，共有兩條產線，主要生產高階手機。三星大部分的手機皆在越南和印度生產，但部分頂級機種仍在韓國製造。三星首款折疊機Galaxy Fold，以及甫於2月初亮相的第二代折疊機Galaxy Z Flip，皆是在龜尾廠生產。
三星的緊急應變工作小組已用簡訊通知龜尾廠的員工，公司將在周末擴大消毒廠房，期間廠房將關閉。三星建議員工在24日返回工廠上班時，應配戴口罩，做好個人防護。三星亦建議員工避免國內差旅，透過視訊會議連繫業務。往返龜尾廠和總部的接駁車也將暫時停駛。
由於龜尾廠是在周末停工，三星表示對手機生產的影響微小。然而三星新一代折疊機才剛上市，一旦停工的時間拉長，三星可能難以滿足市場旺盛的需求。
韓國的新型肺炎疫情急速升溫，22日單日增加超過200例，確診案例已累計至433例。龜尾市鄰近大邱市，大邱市新天地教會爆發群聚感染，韓國的確診人數一口氣增加逾60例。</t>
  </si>
  <si>
    <t xml:space="preserve">日媒14日報導，全國13日新增1705名新冠肺炎，再度創下單日新高。首相菅義偉13日堅持，專家認為「我們還沒到需要再次頒布緊急狀態的情況」。
日本放送協會（NHK）報導，專家指日本已出現第三波疫情。自疫情爆發以來，日本已累計逾11.6萬件病例，近1900人死亡。東京依然是國內最大的疫情爆發熱點，當地連續3天出現逾300名新症。
報導引述東京1名收治重症病患的醫師說法稱，院內床位已接近爆滿。日本於4月首次針對疫情發布緊急狀態，5月解除緊急狀態，此後一直沒再發布緊急狀態。
</t>
  </si>
  <si>
    <t>美國繼參議院率先出現新冠肺炎確診病例後，眾議院近日也有二名議員染疫，使越來越多議員被迫自主隔離，令國會不得不考慮改採代理人或遠距投票等其他替代表決方案。
眾議院議長裴洛西（Nancy Pelosi）在23日發表的調查報告指出，在眾多議員因疫情而無法出席議會的情況下，民主黨議員主張採取無異議通過經濟振興方案。
然而，只要議會中有一人反對就無法達成無異議通過，在此情況下議會只能考慮代理人或其他替代表決方案。
自從共和黨籍肯塔基州參議員保羅（Rand Paul）在22日確診，成為國會首位感染新冠肺炎的議員後，已有多位議員被迫隔離。共和黨參議員李麥克（Mike Lee）及羅姆尼（Mitt Romney）都因為和保羅接觸而展開14天居家隔離，而民主黨參議員克羅布查（Amy Klobuchar）也因丈夫確診而被迫隔離。
民主黨眾議員麥克亞當斯（Ben McAdams）及共和黨眾議員狄亞茲巴拉特（Mario Diaz-Balart）也先後確診新冠肺炎，再加上其他多位因接觸確診病例而隔離的議員，恐怕使議會協商陷入僵局。
近日已有部分議員提出遠距線上投票的替代方案，但眾議院規範委員會主席麥克高文（James McGovern）強烈反對，因為遠距投票牽涉太多資安考量。
眾議院在執行代理人投票前須先修改一項法規，但這個步驟也需要議員無異議通過，否則議員還是得親自出席進行表決。眾議院少數黨領袖麥卡錫（Kevin McCarthy）表示，目前無從得知代理人投票的表決方案在眾議院能獲得多少支持。</t>
  </si>
  <si>
    <t>新冠肺炎疫情延燒，新竹縣除對各醫院陪病及探病人數進行限縮與管制，衛生局8日發佈各護理之家探、陪病時間表，其中芊馨園、瑪琍亞、禾韾、富林、懷恩、福韾、豫萱等7所護理之家禁止探訪。
衛生局表示，其它護理之家因應疫情發展，也規定每個訪客必需嚴格執行戴口罩、量體溫、手部消毒、詢問旅遊史、職業別、接觸史、群聚狀況及登記，以備必要時方便釐清傳染路徑，進行接觸者調查。
縣長楊文科呼籲這段時間避免出入醫療場所和護理之家，改以視訊或通訊等方式，表達對親人的關心。</t>
  </si>
  <si>
    <t>立法院朝野黨團周五同意將因應新冠肺炎紓困法案逕付二讀，預估最快可在25日完成三讀。朝野各黨與社會各界對紓困並無異議，但我們仍要再進一言：紓困不能常態化，朝野政客應珍惜民脂民膏，不能以紓困為由亂撒幣，甚至成為政經權勢打秋風的藉口。
紓困特別條例20日在行政院會通過，定名《嚴重特別傳染性肺炎防治及紓困振興特別條例》，授權行政院編列新台幣600億元預算用於防疫與振興紓困，草案分為防治、紓困、振興與罰則等四部分共18條。如果以經費分配看，大致上是：觀光產業紓困約44億元、交通運輸業紓困98億元、觀光產業復甦與振興約54億元，以及觀光升級與轉型前瞻計畫約300億元。
新冠肺炎對大陸經濟產生強烈的衝擊，這股衝擊明顯已波及周遭國家，不僅4成出口到大陸的台灣難以倖免，日、韓、東南亞國家都已承受相當程度的負面影響。包括官方與民間的經濟預測單位，都已下修今年全年的經濟成長率預測值，因此經濟的影響確實已發生。
絕不浮濫發續命錢
不過，經濟受影響並不代表政府非要拿國庫經費去紓困、去支撐企業；新冠肺炎確實對特定產業衝擊極度強烈，例如航空、觀光、旅行社、旅館，驟然間業績大幅跌了5成、甚至有高達8成者；但如果以時間來看，其衝擊是在春節後才出現，至今只有一個月。至於未來到底會延續多久仍在未知之數，一般估計至少要到4、5月之後疫情才會緩和。
如果拿當年SARS、或之後的H1N1，這種短期就對經濟產生強大衝擊的疫情案例來看，在疫情高峰期固然是風聲鶴唳、各種消費經濟行為受影響，但都能在短期（一到二季）內就結束，經濟立即能反彈上揚。雖然現在很難確定新冠肺炎是否也能在一到二季內結束，但坦白說，如果企業連承受幾個月業績重挫的能力都沒有，虧損幾個月就要政府拿錢紓困，這種體質與經營能力，政府是否該拿納稅人的錢去救，是該再細思量。
此外，法令的內涵、紓困的內容與經費的分配，我們也認為大有問題。以政府對產業的紓困而言，切記其基本原則是：對體質與營運較好、有繼續經營能力與價值，但受短期衝擊而影響營運者，政府可以給予融資，甚至降低其各種費用以助其度過經營難關；但絕對不能拿錢不分好壞，浮濫的給予續命錢，這些未來終究是呆帳一筆；更不能拿錢去「補助虧損」。
但根據交通部規畫的經費中，約45%為補助損失、協助業者融資周轉的紓困方案，這部分即使以補助業者在業績差時進行「員工培訓」的名義，把錢「送出去」，都是不該的浪費。還有已被證明效益差的「振興抵用券」，這次編列了20億元，除了原本適用的夜市外，其他單位紛紛來爭取適用，除零售外連文化部都要求適用於文藝活動、看表演看電影買書都適用。文化產業固然有受衝擊，但絕非重災區，跑來爭取適用只讓外界有「打秋風」之感。
在600億元的紓困經費中有一半是用作「觀光升級與轉型前瞻計畫」；坦白說，台灣觀光產業要能永續發展，必然要升級、轉型，台灣觀光資源必須再作規畫與調整，如此才能吸引更多高消費力的觀光客，因此我們支持政府這項作法。
檢討花費多效益低
但這些計畫與經費編列在為紓困而訂定的條例中，為此還在法令中加上「振興」兩字，是否有「趁火打劫」讓各界支持此預算的味道？是否合宜是該再檢討。這些計畫其實並非十萬火急，為何不回歸正常預算程序、編入總預算中？而法案中列入的各種刑罰（如不遵指示有傳染他人之虞、散播疫情謠言等），其實都有其他相關法令規範，並無必要列在紓困條例中。
從整體經濟情勢看，官方2月公布的今年經濟成長率預測仍有2.37%，因疫情下修幅度約0.35到0.5個百分點，這種經濟情勢實在難謂緊急到要政府紓困的程度；再以個別產業看，從過去的案例，政府相挺的補助、甚至紓困實非良策。蔡政府執政後，短短3年多，就對觀光產業進行過7、8次補助，成效如何是「有目共睹」，政府豈能繼續花費多又效益低的政策？</t>
  </si>
  <si>
    <t>(05:45新增 陸委會凌晨書面聲明指出，這名血友病少年是兩岸婚姻在台所生的子女，在台辦理出生登記，領有台灣身分證，具有中華民國籍。有關媒體及網路流傳「血友病童並沒有台灣國籍，他是徹頭徹尾的『中國人』」訊息，並非事實，不應再繼續錯誤流傳。陸委會強調，對於血友病少年這次因疫情因素在湖北滯留，他的特殊用藥需求，政府非常重視，由海基會透過台商協會管道予以協助，來維護他生命需要，希望各界能夠正確理解相關訊息，並予以理性看待。)
湖北武漢因新冠病毒肺炎疫情封城，導致一名回鄉省親的台灣血友病少年與母親馬女士遭滯留。一名前外交人員劉仕傑今晚在臉書PO文踢爆「血友病童是中國國籍，不是台灣籍。病童固然可憐，但他的親生父母都是中國人。」但劉仕傑立刻遭陸委會打臉，陸委會發言人邱垂正證實，少年是中華民國籍。
血友病少年的母親馬女士近日再度向蔡政府求助，上次海基會「千里送藥」的藥劑已用完，希望能盡速搭乘後續包機返台。但馬女士讚揚中國共產黨、催促武漢模式包機等言論，令台灣社會出現不少反彈聲浪。
前外交人員劉仕傑更在臉書直指：病童的親生父母都是中國人、「他是徹頭徹尾的中國人」等語。不過，陸委會發言人邱垂正打臉劉仕傑稱，血友病童的生父是中華民國籍，陸配馬女士在台灣依親多年，已取得中華民國戶籍並核准在台定居，病童也是中華民國籍。</t>
  </si>
  <si>
    <t xml:space="preserve">新冠肺炎疫情衝擊百工百業，尤以觀光業、運輸業快撐不下去。立委李昆澤、許智傑4日邀集交通部等部會與高雄相關產業座談，針對紓困振興方案說明，業者大吐苦水，李昆澤呼籲紓困預算須持續滾動檢討，回應產業需求。
高雄市旅行公會理事長吳盈良提到，現行針對旅行社紓困方案，必須提出5成業績衰退等文件證明，但每筆交易金額很細，量太大了，需花很長時間，對於急需用錢業者緩不濟急，盼能簡化申請補助流程。
吳盈良表示，政府提出「以訓代賑」方案，原本提供提供員工每月120個小時培訓上課，現改為每6個月總共120個小時，「對需要把人才留住的旅行業是很大的傷害」。
高雄市遊覽車公會理事長林士勛直言，遊覽車業95％營業額來自國民旅遊，如今生意幾乎停擺，盼交通部給予專案貸款，審核從寬。高市計程車公會理事長甘光華則盼計程車汰舊換新補助能延長，讓多數運將都能受惠。
交通部政務次長王國材指出，相關振興政策觀光局正規畫中，會配合疫情發展調整，預計投入66.5億元預算重振產業，紓困預算能量不足部分，也會隨時滾動檢討。
李昆澤表示，相關紓困須滾動檢討，即時回應產業需求，像是觀光局人才轉型培訓計畫，相關預算原本只有5億，在他爭取下追加15億；紓困方案需更加完備、申請更加快速，全面照顧到產業界。
</t>
  </si>
  <si>
    <t>在美國也遭新冠肺炎重擊後，事態的走向，悄悄回歸到中美兩強的結構性對抗，近期中美爭論「誰是病毒起源地」，就是鮮明例子。而台灣也陷入兩強結構的盤算，在本就應該專業至上的防疫決策中，屢屢採用雙重標準，處處著墨「親美抗中」。
美國早在1月31日就宣布，過去14天內曾到訪大陸的外國人暫時禁止入境，開了全球對陸航班禁令的第一槍。如今疫情在歐美擴散，大陸採「一省援一國」方式，派醫療隊分赴義大利、伊朗、巴基斯坦等國救援；習近平14日也致電南韓、義大利、伊朗總統慰問，並致電歐洲理事會主席米歇爾、歐盟執委會主席馮德萊恩，就近期歐盟出現新冠肺炎疫情，向歐盟及各成員國人民表示誠摯慰問。但無論是口頭慰問或派人援助，都獨缺美國。
澳門病例少 仍列隔離
在台灣，陳時中說，考量美國「地廣人稠」，僅將華盛頓、紐約、加州三地提升為旅遊第二級警示；然而早在2月11日，指揮中心就斷然把大陸、香港、澳門全數列為旅遊警示最高的第三級；之後，中斷兩岸多數航班，只留京滬蓉廈四地。
中美同樣都是地廣人稠的大國，這不是雙重標準是什麼？
尤其是澳門，從2月初至3月中，已一個半月無新增確診病例，累計確診數也一直停留在10例，卻被一竿子打翻，至今往返澳門，回台仍要接受14天隔離。
相較於大陸多個疫情嚴重城市，已採封城方式，嚴防疫情輸出，美國的管控卻差太多，如果在華盛頓、紐約的人跑到美國其他城市再飛回台灣，根本就無法杜絕疫情傳入台灣。
政治盤算屢見雙重標準
號稱新聞自由的美台媒體，在報導新冠肺炎疫情時，擺明是雙重標準。像《紐約時報》報導武漢封城，是「造成個人自由巨大損失」，義大利封城則是「冒著風險保全歐洲」。台灣媒體報導武漢居民在陽台唱歌吶喊抒發情緒，是「淒厲嘶吼」，宛如「大型煉獄」，而義大利封城後，當地人在陽台唱歌，則是發揮義大利人的浪漫，「讓蕭瑟的空蕩街道，增添了一絲溫暖與小確幸」。
所以說，病毒才是人類共同的敵人。台裔美籍的籃球明星林書豪幾天前再次譴責種族歧視，呼籲「少一些仇恨、多一些同理心」。台灣的防疫成果有目共睹，若能少一些政治盤算，回歸人道主義，那就更臻完美了。</t>
  </si>
  <si>
    <t>北市府今公布4例確診足跡，其中案15680與案15681為父子，兒子案15680在知名手搖飲料店「約翰紅茶公司」擔任工讀生，父親案15681為美國在臺協會（AIT）油漆工，已打過2劑BNT疫苗仍確診，目前已匡列12名AIT相關人員。
北市府疫調時發現，手搖店工讀生的父親案15681為AIT油漆工，已施打過2劑BNT疫苗但仍確診，北市府發言人陳智菡證實，總共匡列者為18人，包含家人共6人、AIT保養組員工12人，並聯繫AIT保養組長、護理師進行清消作業。
陳智菡指出，確診工讀生案15680是被朋友新北確診者案15655傳染，而確診工讀生與確診AIT油漆工父親於7月25日一同就醫篩檢陽性確診。</t>
  </si>
  <si>
    <t>中央流行疫情指揮中心29日公布嘉義縣新增4起新冠肺炎本土確診個案，源頭指向設籍新北市、曾有萬華史的70歲男子，該男子返嘉縣大林鎮與3名堂兄弟泡茶聊天，造成群聚感染，最小的堂弟中鏢後又傳給同住的兒子。嘉縣衛生局已匡列接觸者48人，33人居家隔離，15人自主健康管理，目前44人採檢陰性，另還有4人等報告中。
1人插管 同住兒子也染疫
嘉義縣長翁章梁昨指出，這起群聚感染，連同新北市的男子在內，共5人確診。該新北個案曾去過熱區萬華，近期返回大林鎮家鄉，嘉縣67歲案7550、88歲案7674、70歲案7629與70歲新北個案是堂兄弟關係，案7550先出現咳嗽症狀多日，27日在嘉市某醫院確診，目前插管治療中，嘉縣衛生局獲報展開調查，發現案7550與另外3個堂哥經常一起泡茶聊天，篩檢後發現4名堂兄弟都染疫，且案7550同住的兒子案7673也確診。
嘉縣衛生局長趙紋華說，追蹤發現，案7629雖曾前往台北，5月4日返回大林，但足跡相對單純，反而是新北個案戶籍在區公所，長期南北趴趴走，18日從台北回到大林，因靠打零工生活，目前住在某工地，同租一處還有24人，住居環境複雜。
新北個案 長期南北趴趴走
趙紋華說，經過疫調，新北個案曾去過萬華，且Ct值30，比案7629高，推測他從熱區往南移動，間接造成這波5人群聚感染機率大，全案共匡列接觸者48人，33人居家隔離，15人自主健康管理，44人完成採檢結果陰性，另4人等報告中。
翁章梁強調，全案屬泡茶和家族群聚傳染，因嘉縣確診案例多數有熱區移動接觸史，請大家務必堅守沒事「宅」在家的共識。
昨縣府同步公布4名列案確診者足跡，因許多足跡都以「某診所」、「某駕訓班」帶過，引發民眾反彈和批評，包括國民黨團等多位議員都呼籲縣府明確公布足跡，不要造成防疫漏洞。</t>
  </si>
  <si>
    <t xml:space="preserve">崔碧珈擁有36G火辣魔鬼身材，讓她被封為「香港新一代波神」，上個月剛渡過32歲生日的她，在IG放上性感照催促粉絲訂閱自己頻道，火辣的魔鬼身材讓所有人直呼要噴鼻血了。
新冠肺炎肆虐全球，讓原本要到國外工作的崔碧珈，行程全取消留在香港，為了打發時間更開設YouTube頻道，直接透過網路進行英文教學，日前她在IG放上火辣身材照，只見她對著鏡頭擺出嫵媚撩人的姿勢，並露出一對渾圓北半球和深邃事業線，讓粉絲眼睛大吃冰淇淋，接著不忘跟粉絲再三喊話：「你們Subscribe我新的Youtube Channel沒呀」。
日前被拍到和一名外籍猛男在沙灘做運動，疑似有新戀情傳出，對此她表示和對方僅是朋友，更透露對方早是已婚身分，至於外界關心的感情狀態仍繳出白卷。
</t>
  </si>
  <si>
    <t xml:space="preserve">新冠肺炎〈NCP〉爆發以來，全球各地都陸續傳出確診案例，近日更是在日本迅速蔓延。近日有網友就在PTT發問，表示如果現在日本官員全都開始清醒認真防疫，這樣還來的及嗎？文章瞬間引起網友熱議。
一名網友近日在PTT八卦板以標題「日本現在清醒還來得及嗎？」發文，表示現在日本爆發一堆病例，疫情慘重，假如現在官員全部清醒，開始認真防疫的話還來的及嗎？會不會疫苗馬上就研發出來，然後這件事情就落幕？文章曝光後有網友留言表示「學武漢封城啊」、「擔心自己台灣吧，科科」、「隨時都可以來得及 只是看來不及是定義在什麼」、「東奧障礙 讓他們不想面對現實」、「不辦東奧寧願死的精神」、「下週開會，決定要不要醒」、「東奧就算少到只有中國跟日本隊比也要辦下去」、「再擺爛下去，3月日本變全球最大疫區」、「他們其實有能力處理，卡在辦東奧心態」。
但有大部分網友覺得已經太晚，紛紛留言點出主因「來不及了。檢驗是一回事，縮限潛在病例跟爬梳接觸史，在已經發生社區感染的現在難度太高」、「晚了接下來確診病例要往上衝了」、「不會清醒啦」、「官員信賴一但被打破，你要原本就對政治冷感的日本民眾再去相信，難了」、「開會的速度，趕不上疫情的速度」、「有哪個國家確診例從29飆車到61??早就淪陷了」、「已經有病例在東京車站晃好幾天，現在連厚勞省都有人中獎了」、「連自己官員都爆，看來沒救了」。
</t>
  </si>
  <si>
    <t>英國新冠肺炎疫情惡化，但首相強森19日強調，他相信疫情可以在未來12周內受到控制，不過前提是民眾須遵從政府的抗疫指南去做。從19日起，英國疫情較嚴重的倫敦關閉部分地鐵站，但首相府稱目前倫敦「封城」機會為零。
英國新冠肺炎病例持續增加，截至19日新增643人確診，累計總數升至3269人。累計死亡病例則由104人增至144人，兩天內增加了一倍多。有專家則估計，英國或許已有超過5萬人受到感染。
強森主持每日疫情通報會時表示，目前的措施似乎未能遏止疫情發展，但民眾若能遵從政府建議，包括保持社交距離、當自己或家屬出現病徵就居家隔離等，再加上改善病毒檢測以及科學進步，相信就可以在未來12周內度過高峰，於夏天來臨時驅走疫情。他強調，並不保證疫情會在6月底走下坡，但一切都有可能。
另外，外界盛傳首相府已開會商討限制民眾進出倫敦，最快本周末「封城」，可能影響900萬人。強森則說，暫無停運倫敦公共運輸的可能性，但希望公眾避免聚會。首相府發言人亦稱，對進出倫敦實施任何限制的機會為零（zero prospect）。
英國政府已宣布，學校自20日起停課。倫敦也宣布從19日開始，無限期關閉約40座地鐵站，並會削減地鐵和公車班次。繼續開放的地鐵站主要是線路中轉站。對大城市來說，無限期關閉這麼多地鐵站，做法可算頗為極端。</t>
  </si>
  <si>
    <t>行政院今日召開擴大防疫會議，行政院長蘇貞昌表示，台灣在5月爆發疫情後，在70多天內就將疫情控制住，被外媒稱為第2次奇蹟。疫情指揮中心指揮官陳時中則表示，國內仍有社區隱形傳播鏈風險，建議繼續維持二級警戒。
疫情指揮中心指出，國內近一周新增本土病例為74例，雖較前一周104例下降近30％，但仍有零星感染和群聚事件，仍應謹慎面對。而目前疫苗接種人口覆蓋率已達36.94％，劑次人口比達到39.08（劑／每百人）。
陳時中說，國內仍有社區隱性傳播鏈的風險，二級警戒等相關管制措施，有繼續維持的必要，雖各行業主管機關可視情形彈性調整，不過仍建議各部會在研擬防疫應變計劃時，能夠縮短相關個案的通報及反應時間，以加速衛生單位的疫調及掌握時程。
陳時中表示，因Delta病毒仍在各國流竄，建議邊境管制仍需維持現有強度，並確實做好國內線及國際線分流，如有與他國合作的旅遊泡泡措施，亦應確實做好分流管制。
蘇貞昌指出，台灣在去年各國疫情爆發之際，仍能堅守防疫，而今年台灣在國內疫情爆發後70多日內，就將疫情控制住，也被國外媒體記者稱為是第2次的奇蹟。
蘇貞昌說，國內疫情逐漸趨緩，國人都希望恢復正常生活，並逐漸開始外出消費，請相關部會務必建立有效並可執行的指引，始能有利於國人遵行。
蘇貞昌表示，自727全國降為二級警戒後，相關管制措施並已實施運作二周，請各部會隨時掌握各行業的執行情形，如有需改變或調整之處，也務必要讓整個團隊掌握資訊，並也要向相關業者及國人清楚說明。
蘇貞昌亦指示，有關邊境管制及相關防疫，交通部、內政部、海委會及農委會必須要嚴格把關，盯緊每個環節，既是保護第一線執勤人員，也是保護國人健康安全。</t>
  </si>
  <si>
    <t xml:space="preserve">檢調搜索東洋，涉及內線交易案，對此，國民黨台北市議員王鴻薇表示，自己和幾位議員去年告發東洋炒股，當時衛福部長陳時中還幫東洋說話，結果現在被檢調打臉，真不知道陳是單純看不出來，還是太壞選擇看不到。
針對檢調偵辦東洋炒股案，王鴻薇今（17日）在臉書發文表示，東洋在去年10月12日，風光宣布取得BNT疫苗的台灣代理授權，隔天開始股票交易量倍增，股價一路飆漲。結果到了去年11月3日，突然又宣布代理破局，股價被炒了一波後開始跌停，鬧劇一場，讓許多小股民損失慘重。
王鴻薇稱，當時陳時中說不建議金管會去查東洋，還說：「金管會當然可以去調查，不過在我所知道他們所發布的裡面並沒有誇大不實的部分」。王鴻薇直言，明眼人一看就知道絕對有問題，而陳時中竟然說不建議查，當時自己就和台中市議員羅廷瑋、台北市議員侯漢廷一起到北檢告發東洋涉嫌內線交易。
時隔將近1年，王鴻薇稱，前兩日檢調兵分多路大搜索，帶回東洋14名幹部和12位親友，最新消息是總經理已經認罪，被諭令300萬交保。王鴻薇指出，當時陳時中不是還替東洋講話嗎？還不建議金管會去查，結果現在被檢調打臉，真不知道陳時中當初是太單純看不出來，還是太壞選擇看不到。
據《中國時報》16日報導，台灣東洋藥品去年10月爭取代理BNT疫苗，雖然事後破局，檢調掌握總經理施俊良、重症醫療事業群副總屈志源等主管及員工14人，利用該項利多訊息，透過12名親友買賣股票，疑涉內線交易，不法獲利近500萬，士林地檢署15日指揮調查人員搜索26處，約談施俊良等26人到案，訊後依違反證交法陸續移送士檢複訊。檢察官複訊後，諭令施以300萬交保、屈志源以200萬元交保，共計有員工、親友團17人具保，其餘9人改列關係人請回。
</t>
  </si>
  <si>
    <t xml:space="preserve">《紐約時報》27日爆料，儘管美駐聯合國總部大使布倫博格(Andrew Bremberg)，5月底才親自向世界衛生組織(WHO)提交7大條件，試圖表達對WHO在新冠疫情中的不滿並要求改革；孰料數小時後，美國總統川普便自行在白宮宣布退出WHO，不論美外交官還是WHO秘書長皆完全不知情，「看了電視才知道」。
報導中指出，布倫博格提出的「7大狀」包括：1. 調查新冠病毒的源頭並公布WHO處理疫情的過程。2. 譚德塞應呼籲大陸提供活病毒樣本，並要求停止審查大陸醫師與記者。3. 譚德塞應承認各國在疫情其間限制出遊為正確的做法。4. 派員至臺灣取經防疫。5. 預先批准新冠藥物與疫苗。6. WHO代表人員數應由國家資助比率決定。7. WHO應支持七大工業國提出的改變。
據美方官員表示，由於譚德塞拒絕接受或任何「協商」，結局便是川普退出WHO。WHO官員表示，美國要求的「7大狀」還算合理，其實無須以「大砲打小鳥」的方式提出改革要求，而是循一般管道協商。如此可避免「脅迫」的感覺，雙方也可以輕鬆的態度協商。
不過，《紐時》披露部分內容恐觸及政治敏感地帶，加上譚德塞不願承擔疫情擴散的責任與譴責，最終選擇「絕不屈服」。WHO顧問高斯丁也認為，「這不能稱為協商，根本是勒索」。
「7大狀」顯然出自白宮、國務院與衛生部之手；不過，川普逕自宣布退出WHO的行動，卻讓日內瓦的一票外交官大吃一驚。事實上，布倫博格在日內瓦與歐洲盟友討論時，歐洲代表還希望能阻止美國撒手離開WHO。
「7大狀」反映出的是美國與川普對WHO的不滿。儘管拜登有意重新加入WHO，但「7大狀」突顯出的問題如果沒有改善，川普留下的破碎關係勢必為拜登繼承，如何推動改革讓金主與受援者都滿意，將是未來重點。
</t>
  </si>
  <si>
    <t>新北市禁高中職以下師生出國，宜蘭縣政府並未跟進，縣府表示，縣府所轄的各校出國計畫已經暫停，6月前也禁止各項出國計畫，學校教職員如有出國計畫，是依據中央疫情指揮中心政策，禁止前往第3警示地區。
縣府表示，所轄各校師生如前往非第3及警示地區的國家，會採柔性勸導、避免出國，相關作為縣府會是疫情變化彈性調整。</t>
  </si>
  <si>
    <t>全球升溫的新冠肺炎疫情，成為詐騙集團的新手法？30歲單身林姓女子的網路情「MR.Cheng」，自稱是香港人，還秀出大肌身材猛男照，以甜言蜜語擄獲林女芳心。「MR.Cheng」向林女指稱因疫情管制，導致他收入大幅減少，要商借新台幣15萬元應急，林女不疑有他到銀行匯款，所幸，行員及員警察覺有異，及時勸阻。
詐騙集團手法推陳出新，連全球延燒的新冠肺炎疫情也用上了，保七第一大隊20日表示，日前阻攔第一件以假藉「新冠肺炎疫情」作為詐騙藉口的網路交友感情詐騙案件。
林女2月28日上午到台銀斗六分行，要辦匯款到香港，不斷低頭滑手機，引起銀行人員注意通報保七，員警會同行員趨前關心了解。林女指稱，錢是要匯給從小就認識的朋友，堅持沒有被騙。
經員警及行員耐心的關心探詢，林女才娓娓道出，她在遊戲網站認識香港人「MR.Cheng」，雖兩人並未見面，但是對方溫柔體貼，讓她很信任。「MR.Cheng」日前訴苦說，因為新冠肺炎疫情管制影響，導致收入大減，要借15萬元應急，等疫情過後，生活工作穩定，就會還錢。
經員警與行員解釋說明，林女才恍然大悟原來是遇上詐騙集團的網路交友詐騙，感謝員警及行員的勸阻，讓她保住辛苦錢。
★中時新聞網關心您：防詐騙專線︰165，報案專線︰110</t>
  </si>
  <si>
    <t xml:space="preserve">技嘉(2376)5月營收再創單月歷史新高，站上116.01億元，月增5%，年增52%，連續第3個月營收站上百億元；累計前5個月營收為510.14億元，年增64%。今年以來，宅經濟發酵，品牌大廠輝達、超微新品推出，帶動技嘉板卡、伺服器等產品出貨暢旺、營收吃補！外資持股技嘉由年初的27%增加到32%。
技嘉是目前市面上AMD伺服器產品數量最多、陣容最齊全、應用範圍最廣的品牌，致力提供各種高效能運算的商用情境優化的產品解決方案。除了協助歐洲頂尖理工學院建置資料運算中心，以及歐洲核子研究組織(CERN)選擇技嘉AMD伺服器來處理大型強子對撞機(LHC)的實驗巨量數據之外，技嘉運算叢集與伺服器的高效能運算讓探索外星生命、研究氣候變遷到追蹤新冠肺炎足跡變得更加容易。
技嘉也切入自動駕駛車輛決策控制平台，技嘉科技ADCU3-100車載決策控制與AI邊緣運算平台，支援各類型加速器，可提供自駕車感知融合與決策判斷所需的強大算力，提供各式高速介面接口，靈活性連接車輛周邊感測器即時收集與傳輸數據，藉以分析車輛與駕駛人狀態並做出即時行為調整和決策。
技嘉目前業績占比最大的產品線為顯卡，約40%，主機板為30%，伺服器經過多年耕耘，占比已來到20%。
</t>
  </si>
  <si>
    <t>台南市警方9日晚間在新營區查獲某健身連鎖店內有7人違反室內群聚；業者堅稱，沒有客人、未營業，只有3名工作人員和4名教練。但警方認為已明顯違反群聚規定，將在場違規者，依違反傳染病防治法函送衛生單位開罰。
目前三級防疫警戒，各娛樂行業全面暫停營業，避免造成防疫破口。台南市新營警分局中山路派出所警員昨日晚間7點巡邏時，卻發現轄內中山路有一間健身連鎖店燈火通明，經查場所內共有7人，其中3名是工作人員，4名為教練。
業者稱，3名工作人員是公司指派他們來處理事務，其餘4名教練是做線上的視訊教學，全程都有戴上口罩。不過，警方認為業者違反室內禁止5人以上群聚規定，且涉嫌違規營業，依規定告發，後續移請衛生局來認定及辦理。
台南市長黃偉哲10日指出，新營這家健身連鎖店在營業場所線上教學，違反這類場所不能營業、室內5人以上規定，但如是健身教練、自營健身工作室在住家或營業場所以外的地方線上教學，因未群聚，且也沒在營業場所開張，是合法也能被大眾接受。
台南市政府衛生局今天表示，健身房屬應關閉的休閒娛樂場，禁止任何人在內從事相關業務、消費或其他聚會行為。新營這家健身連鎖店因大門未關閉，會再釐清是否營業、負責人是否裁罰。
衛生局提到，如未營業，因屬不可營業場所，禁止室內5人以上聚會，每人將裁罰6萬元；另，健身中心改線上教學，避免群聚達防疫目的及兼顧生計，是否符合規定，將再向中央請示。</t>
  </si>
  <si>
    <t>國際經濟情勢：　全球新冠肺炎疫情持續惡化，儘管各國官方出台利多救市，依舊無法消彌市場的恐懼。日前世界衛生組織（WHO）宣布新冠病毒疫情為大流行病，美國總統川普限制歐洲國家到美國旅遊，歐洲央行（ECB）未如市場期待做出降息以因應可能的衝擊，以及疫情影響時間可能延長至下半年，衝擊程度是不斷的擴大，全球GDP恐會因此出現嚴重下滑，部分區域甚至可能爆發衰退危機；加上全球疫情日趨嚴峻，台股短期恐仍難逃大幅震盪的命運。
總經方面，美國2月非農就業人數新增27.3萬人，優於市場預期，同月CPI也較預期強勁，然該月數字還未能充分反映疫情擴大的影響，參考意義有限。
聯準會（Fed）近期多次宣布入市措施，且先前再次宣布緊急降息，幅度高達四碼，聯邦利率已近0％，並至少增加7,000億美元的債券資產，以挽救受疫情衝擊的經濟，然市場反對疫情將造成的下行風險更為擔憂，加上Fed強調不採取負利率政策，一旦後續再有變數，救市手段將因此受限。
川普最新計畫將實施1.2兆美元的經濟刺激措施，政府後續亦會加大力道推出財政政策及貨幣政策，但考量美國疫情仍難以控制，未來可能進一步限縮金融市場及對人員移動進行嚴格封鎖，對於經濟衝擊恐將更加嚴重，觀察焦點為疫情何時能見高峰，以及財政政策的力道對於經濟層面的修復程度為何。
投資策略：
新冠肺炎疫情失控對金融市場造成重擊，外資賣股求現，恐慌情緒引發多殺多的情況，融資追繳與斷頭亦陸續發生，指數以相當陡峭的角度迅速摜破萬點，雖當前資金寬鬆，大量的資金仍需找尋有效的出路，資金面將可吸納部分疫情對股價的衝擊，讓低點不至於過低，但在疫情未受控之前，恐懼之情恐難消退，或往避險性資產流去，或以現金為王的方式作為應對。另當股價修正本益比後，市場將開始審視獲利面的減損，一旦疫情拖長或持續增溫，後續不排除因恐慌再出現低點。
除疫情本身帶來的損失外，封城停工讓供給面急凍，供應鏈斷鏈，企業與民眾也恐頓失金流，進而造成需求面的大減，勢必成為經濟的重大殺傷力，由於各國央行利率多已在歷史相對低位，調整空間相當有限，為預防金流凍結所引發的風暴，不得不提供企業或個人充裕的流動性以變現。
就總體面的角度來看，提振景氣效果恐不如預期，應僅是先防止金融市場的崩壞，後續提振狀況仍將視疫情持續時間而定。綜合上述，由於大盤上周起數度帶量下殺，未見明顯支撐，盤勢壓力不容小覷，操作仍需謹慎應對，投資主軸上，以5G基地台，伺服器與資料中心等剛性需求概念為投資重點。</t>
  </si>
  <si>
    <t>印度總理莫迪（Narendra Modi ）周二對全國發表演說時宣布，新冠肺炎防疫封鎖措施的實行期間將延至5月3日。
原本為期21天的封鎖措施訂於周二午夜解除。
莫迪表示，封鎖及其他社會疏離措施已使國家受益，儘管經濟成本隨之而來。印度必須遏阻新冠狀病毒擴散，並採取更嚴格的措施防止疫情的新熱區出現。莫迪並在演說中感謝印度人民雖忍受艱辛，但仍遵守封鎖措施。
印度雖然已經封鎖大部分國土，但其新冠肺炎感染病例仍大幅增加。截至當地時間周二上午8時，印度衛生部門公布10,363名確診病例與339名死亡病例。</t>
  </si>
  <si>
    <t>中央流行疫情指揮中心指揮官陳時中表示，因為疫苗陸續來台，預計下周就會配發7萬多劑莫得納疫苗給第一類對象施打，因為第一類尚有3成左右人員未施打，也就是7萬多人。
至於大家關心日本捐贈的124萬劑疫苗，相對數目比較大，因此有先設定相關的目標族群施打，當然還是會優先鎖定在會直接接觸病毒或是相關在防疫的第1、2、3類人員；至於長照機構其照顧者、75歲以上長者以及洗腎病人，因為有相對重症以及群聚高風險，因此也會列在優先施打對象中。
其他施打族群也包含「關鍵設施及產業國防必要人員」，因為社會還是要維持基本運作，會提供一部份疫苗給上述相關人員，讓社會維持運作。
另外，少部分大學指考工作人員，大概有3000人，因為大學指考是非常重要的升學管道，還是要維持安全性，希望日本捐贈的疫苗可以在6月11日檢驗完成，都合格就會進行封緘和配發作業，目標6月15日開放施打。
陳時中強調，既然是目標接種群就沒有所謂先後問題，這些到時候會一起開放施打，預估量能100多萬劑可以一起來開放，假如每次都按照順序排，恐怕施打速度會變太慢，假設目標施打群施打的效率越高，第二批配發的也比較多，重災熱區或中高風險區也會增加配發比例。
接下來重要的是觀察配發下去後的目標族群施打效率，若目標族群施打效率較高，配送額度就會比較多，也會考量較嚴峻疫區增加配送比例。
離島部分會考慮配送比較高的比例，因為有可能碰上交通與颱風的問題，再來離島區域的醫療量能跟本島有落差，醫療資源要互相支援相對可能性較低。
這些基本原則大致已經擬定，計畫在禮拜二我們會送交ACIP委員會做討論定案，看還有哪些可以思考更完全的，會請教專家給我們些建議。</t>
  </si>
  <si>
    <t xml:space="preserve">
被稱為「日本第一牛郎」、「夜之帝王」的羅蘭（Roland）年薪高達日幣3億元，他開的男公關店發薪也相當闊綽，但受到新冠肺炎影響，日前宣布暫時停業。不過羅蘭昨（2日）罕見曬了兩張裸照，說：「想要被我擁抱（上床）嗎？」引發粉絲熱烈回應，還有人看照後感動表示「能活著真是太好了」。
羅蘭是日本男公關界的傳奇人物，許多自負發言更是出名，甚至還集結成冊出書、辦「名言展覽」。他曾說：「如果我認真做男公關的話，法國的葡萄園大概都要滅絕了」、「你的年薪只是我的時薪」、「世界上只有2種男人，我，我以為的人」等名言，為人津津樂道。
羅蘭日前才剛宣布他的男公關店「THE CLUB」受到新冠肺炎影響，現在可能連員工的薪水、房租都無法負擔，讓他相當苦惱，不得不暫時停業。不過發文隔日馬上貼出兩張上半身裸照，還說：「想要被我擁抱嗎？」由於日文的「抱」有兩種意思，經常被引申為發生性關係，所以發文一出就引發網友爆動，短短1天就近7萬人按讚。
不過羅蘭也補充「各位粉絲，在夢中可以自由想像，不論如何大家都要好好的。」粉絲看後紛紛表示「好高級的色情」、「啊啊啊好想抱一下」、「我想在現實中抱你」、「好想被你抱在懷裡」、「根本就是大衛雕像啊」、「這照片在發光啊」。
更多 CTWANT 報導
</t>
  </si>
  <si>
    <t xml:space="preserve">
本土疫情升溫，中央流行疫情指揮中心昨將全台升至第3級，並要求地方政府在發現確診者後，第一時間，即6小時內將個案送往檢疫所或醫院。根據統計，目前已有500多名輕症、無症狀、快篩陽性者入住加強版集中檢疫所，目前加強版檢疫所量能有4500間，還在努力擴充中。
指揮官陳時中今盤點各種醫療量能，截至5月19日，國內的隔離病房有1021床，其中可使用的有282床 ；專責病房的床數為2415，其中可使用的有1589床，可使用率66%。而加護病發有6749床，其中可使用的有1433床。呼吸器方面，則有1000多台可調用。
陳時中表示，這2天新北市往檢疫送的速度已經加快，到昨天為止，新北有300多人移至檢疫所。台北市因自己有一些加強版的防疫旅館，很多都送到自己的防疫旅館，送到我們這裡（檢疫所）的有100多人。新北防疫旅館還沒建置好，大部分都用我們的集中檢疫所，指揮中心也要求大家儘速完成建置。病人若不遵守地方政府的安排，可依《傳染病防治法》67條處分。
醫療應變組副組長羅一鈞表示，目前共有500名確診的無症狀、輕症、快篩陽性者，入住加強版集中檢疫所 。加強版集中檢疫所整個量能有4500間，還在和醫院努力擴充中。</t>
  </si>
  <si>
    <t xml:space="preserve">儘管伊朗官方數據顯示，新冠肺炎確診病例破萬，死亡超過400人。除了中國大陸外，這疫情仍在災情慘重的義大利之後。
不過，據《華盛頓郵報》（Washington Post）和《每日郵報》（Daily Mail）報導，衛星影像顯示，伊朗疫情中心庫姆（Qom）的墓地正在擴大。專家說，種種跡象顯示，這新出現的300英尺（約91公尺）大溝是埋新冠肺炎死者的萬人塚。
此外，多支影片顯示，挖掘大溝的當事人證實，他們是為了因應爆發的新冠肺炎疫情。專家認為，從伊朗的衛星影像可以看出，匆匆挖出的萬人塚是為了因應節節攀升的新冠肺炎死者。
伊朗是目前全球新冠肺炎疫情十分慘重的國家之一，各方廣泛懷疑，當局隱瞞了危機的實際規模。
馬薩爾科技（Maxar Technologies）公開的衛星畫面顯示，聖城庫姆的貝謝赫馬蘇梅（Behesht-e Masoumeh）公墓直到去年10月時，大都還是空著。不過，從今年3月起，原本半空的1/4墓地都滿了，另一個原本還沒使用的區域也開始啟用。
而在第二塊區域內，出現了兩條長達約91公尺的大溝，從衛星圖像上清晰可見。馬薩爾科技的分析師說，這匆忙挖出的壕溝和先前的墓地不同。此外，他指出，墓穴旁堆積的白色物質，可能是群葬所用，防止屍體快速腐敗的石灰。
</t>
  </si>
  <si>
    <t xml:space="preserve">新冠肺炎疫情蔓延全球，目前國內確診病例仍以境外移入為主，相對於大陸、日本、韓國，台灣疫情控制備受肯定，根據近日公布的一份國際榜單，台灣在「最安全國家」中排行第五名，至於全球最安全國家第一名是位於中東地區的以色列，最令人意外的是，鄰近國家都是這次新冠肺炎的重創區域。
根據《Deep Knowledge Group》網站近日公布的榜單，目前全球最安全國家前五名依序是：以色列、新加坡、紐西蘭、香港及台灣，雖然中東地區是這次新冠肺炎的重災區，但相對於周圍鄰國災情，以色列透過手機App應用程式，警示活動範圍與新冠肺炎病患重疊的用戶，有效控管疫情大流行。
排名第五的台灣，防疫在國際上備受肯定，不少國家都公開讚揚，包括美國微軟創辦人比爾蓋茲、美國資深藝人芭芭拉史翠珊，都曾公開讚美台灣的超前部署，WHO也發表聲明，正面回應台灣參與案，並表示將台灣衛生當局的最佳做法分享給全球。
至於全球安全風險黑名單依序是：美國、義大利、印度、西班牙及伊拉克，世界強國美國因確診數居冠成為黑名單榜首，緊跟在後的則是死亡人數最多、醫療系統幾乎崩潰的義大利。
</t>
  </si>
  <si>
    <t>治療新冠肺炎住院病患，可望有全新療法！國衛院近日發布最新研究成果，指出使用瑞德西韋搭配一款用於器官移植抗排斥的免疫製劑「環孢素」老藥，來治療新冠中、重症患者，可達成「一加一大於二」的療效，進一步縮短病患病程，提高新冠中重度病患的存活率。
瑞德西韋具有抑制新冠病毒效果，一開始被稱為「神藥」，但臨床實證使用瑞德西韋，對插管或裝葉克膜的重症患者預後及降低死亡沒有幫助；目前是建議「住院須用氧氣」或「使用高流量氧或非侵襲性呼吸器」的患者使用。
國衛院生技與藥物研究所研究員李秀珠率其研究團隊，尋找除瑞德西韋以外的新冠肺炎解藥，起初多半是找國內沒有的藥物實驗，但沒有特別發現，後來，研究團隊從國內健保給付藥物尋寶，發現環孢素搭配瑞德西韋使用，能有效縮短新冠肺炎病程。
李秀珠表示，瑞德西韋雖是新冠病毒的解藥，但僅能抑制病毒在體內轉錄、複製，降低病患體內病毒量，然而新冠肺炎對人體所帶來的影響卻不僅止於病毒複製，還會引發人體的細胞因子風暴，而加入環孢素的使用後，即可降低細胞風暴的產生，提高治癒率。
至於兩者最適合搭配劑量為何？李秀珠說，目前實驗結果還很難用單一數據表現，但透過大數據運算，大多數的配法都能達到一加一大於二的效果，只是效果究竟能達多高？還有待進一步的人體試驗驗證。</t>
  </si>
  <si>
    <t>新冠肺炎疫情擴散，造成民眾瘋搶民生物資如口罩、酒精與衛生紙，好市多更是出現一次又一次的喪屍潮，但如今竟然連某個以前就算特價也沒人想買的東西，如今也成為搶手貨，讓網友傻眼。
女網友在臉書《Costco好市多 商品經驗老實說》PO文表示，內湖好市多的濕式衛生紙才進入第一天特價，就被秒殺，買都買不到，一問工作人員只得到因為現在是「非常時期」的答案。女網友不解表示，這明明就只是上廁所用的濕式衛生紙而已，以前特價都沒人要，現在竟然變搶手貨，店家還無法確定進貨時間，實在傻眼。
不少網友也紛紛留言：「乾的搶完就換搶濕的」、「台灣人不缺紙，缺智」、「我OK，你先大」、「現在只要跟紙有關的大家都要搶？」、「以前沒人要，剛剛發現店家還限購」、「穿孔當口罩用嗎」？</t>
  </si>
  <si>
    <t>香港衞生防護中心22日公布，當地新增44宗新冠肺炎確診個案，有29宗病例為境外輸入，其中7人是留學生；另外15宗是本土感染病例。
信報財經報導，香港衞生防護中心指出，新增患者年齡介於20個月大～72歲。其中境外輸入29宗病例，多數病患均曾到訪歐美，包括7名留學生及一名香港運動員。其中，有兩患者屬於加拿大旅行團體，此團體至今共7人確診。
對此，港大醫學院院長梁卓偉表示，香港疫情正處於最高風險階段，未來兩周仍會有大批港人從外國返回香港，如果市民減少社交接觸無法取得成效，香港政府在短期內應考慮限制餐飲業的營業時間。</t>
  </si>
  <si>
    <t>因應新冠肺炎，高雄市各早療中心及據點不敢大意，老師們在療育課程設計運用巧思，將洗手、個人衛生習慣、健康促進等內容融入繪本教材課程，希望讓孩子養成良好衛生習慣，打造強健抵抗力來面對傳染性疾病。
為照顧0至6歲發展遲緩與身心障礙兒童，早療中心工作人員每日清早，即投入環境清潔消毒，將教室空間、教具輔具、扶手、門把等用酒精進行擦拭，更善用戶外陽光，進行曝曬殺菌，並備好額溫槍、乾洗手液等迎接上課的孩子。
老師們加強每天的環境與用物清潔消毒頻率，空間保持通風，孩子下課後，除了用漂白水，也定期推著醫療級的紫外線消毒燈進行教室內全面消毒。
社會局兒福中心表示，除管控進出早療中心人員，每天也密切注意孩子的精神狀況、食慾、活動力、體溫、洗手等情形，監測並緊盯著孩子在機構內的情形，期待透過這樣的努力，為孩子的照顧與健康把關，為防疫守住這一道防線。</t>
  </si>
  <si>
    <t>台灣也將有輝瑞／BNT疫苗！根據衛福部疾管署近期公告新冠疫苗冷鏈倉儲採購需求，我將採購攝氏負70度冷鏈技術50萬劑，由於僅有輝瑞／BNT疫苗需要在零下70度的保存條件，因此估算，我國應可從COVAX配貨50萬劑量，不過指揮中心強調，數量暫時未定。
我國自COVAX平台共購買476萬劑疫苗，目前AZ疫苗已經到貨19.9萬劑。由於我國花了較多的金額，可獲得選擇疫苗的權利，因此目前選擇品牌包含AZ、輝瑞／BNT與賽諾菲。
根據招標公告，倉儲溫度包含-70℃±10℃(約50萬劑)、-20℃±5℃(約100萬劑)及2至8℃(約270萬劑)，第一項的保存條件應是指輝瑞／BNT疫苗，-20℃±5℃則是莫德納的保存條件，至於2至8℃(約270萬劑)則是AZ疫苗。
從公告招標的攝氏負70度冷鏈技術50萬劑，應是為了從COVAX購得的輝瑞／BNT疫苗而準備。
指揮中心今天上午則表示「COVID-19疫苗1408.3萬劑倉儲物流與配送」採購案，包含COVID-19 AstraZeneca(AZ)廠牌疫苗988.3萬劑(倉儲溫度2-8℃)及COVAX平台供應420萬劑(倉儲溫度包含-70℃±10℃、-20℃±5℃及2至8℃)之國際運輸及國內配送等採購作業，以利疫苗運送保管過程符合原廠冷鏈與國內藥品實施優良運銷規範（GDP）等相關規範，確保疫苗品質及接種效益。
指揮中心表示，由於COVAX平台之候選疫苗種類多，現階段尚無法獲知實際供應廠牌及數量，然為利廠商投標時評估所需冷鏈設備及投標金額，爰以該三項溫層及粗估數量提供估算，採開口合約，視未來實際供應之倉儲溫度項目、數量及執行項目結算，並以決標契約價金為上限，不受預估數量限制。</t>
  </si>
  <si>
    <t>新冠肺炎可能在秋冬捲土重來，屆時將直接碰上流感的衝擊。專家表示，過去流感季節，國外曾出現醫療量能崩潰的情況，加護病房被佔滿，排擠了其他病患的需求，今年流感季節碰上新冠肺炎，醫療整備必須做好，流感疫苗的接種也是重點，接種率高，新冠肺炎才能在臨床上被凸顯，政府也應協助快篩的使用，讓臨床醫師能有效地做出診斷。
台大醫院感染科主任陳宜君表示，流感的表現與新冠肺炎類似，若要將兩者區別，今年流感疫苗的接種將是一大重點，施打率高，群體保護力就高，臨床上新冠肺炎的病患也能更被凸顯。
中央流行疫情指揮中心發言人莊人祥表示，受新冠肺炎衝擊，許多人都戴起口罩，流感的案例相當少，秋冬流感會不會升溫還值得觀察。今年公費流感疫苗共採購約600萬劑，可供2成5的民眾施打。若疫苗接種率高、流感病毒變異太大，加上口罩遵從度高，相信秋冬流感對新冠肺炎的衝擊不大。
至於快篩的使用，目前食藥署已核可數家廠商的產品。莊人祥表示，醫療院所若需使用，應採用抗原快篩，抗原快篩能找出當下的感染者，抗體快篩則是找出曾經感染者。各家醫療院所要不要進貨，取決於各家醫療院所的政策，以及快篩仿單的規定。醫療院所若要使用，指揮中心不反對，但若要確定是否感染新冠病毒，還需搭配核酸檢測，以核酸檢測結果為主。</t>
  </si>
  <si>
    <t>打破連續13天零確診，中央流行疫情指揮中心昨公布2例自孟加拉返國的中年夫妻確診，返台前因其妻未取得2此採檢陰性證明，今遭爆料自稱全程戴口罩、著防護衣的兩人其實根本。指揮中心今天證實，經調閱錄影帶跟照片確認兩人的確僅戴口罩，沒著防護衣，涉及疫調不實，已經請地方衛生局進行調查。
案444（50多歲男性）以及案445（40多歲女性）為夫婦，分別於今年1月下旬及3月上旬至孟加拉工作，6月12日一同自孟加拉搭機至馬來西亞，並於13日自馬來西亞搭乘專機返國。
兩人先前均於孟加拉當地確診後住院治療，但返台前，僅先生符合二次採檢陰性的返台規定，太太則自述，因孟加拉當地病患太多被迫出院無法再次採檢，返台前僅經一次採檢陰性。
指揮中心原本考量兩人供述搭機返台時均全程配戴口罩、穿著防護衣，入境後也主動通報，未接觸國內親友，傳染給他人的風險大幅降低，因此暫不開罰，沒想到遭到料最新爆料卻完全不是這一回事。
中央流行疫情指揮中心發言人莊人祥表示，不只媒體報導，指揮中心也接獲民眾爆料「兩位確診者似乎沒有像外傳的穿防護衣上飛機」，經調錄影帶跟照片 發現，兩人都有戴口罩，但的確是沒有穿防護衣。
由於指揮中心昨發布的疫調新聞稿載明「案444與案445搭機返台時均有戴口罩、著防護衣」，莊人祥強調，疫調內容是疫調人員對兩人進行的，如今涉及不實記載，將交由地方衛生局調查詢問，查明究竟是哪裡出了問題。若能歸究於病人，交由衛生局認定，可以傳染病防治法第43條，接受疫調時不得拒絕、規避或妨礙，否則可開罰6萬到30萬元。
莊人祥說，按目前規定，在海外確診的國人如果要返台，必須符合兩個條件，一是從發病到登機必須間隔2個月，且症狀已緩解；一是必須二次採檢陰性。針對確診者雖不要求全程穿防護衣，但最好可以事先告知航空公司，才好安排座位，讓機組人員可以防範，但這兩人也沒有跟航空公司講，所幸機組人員都有穿隔離衣。
莊人祥強調，確診者搭機回台，最重要的還是要戴口罩，事實上只要戴好口罩就能有效大幅降低傳染給他人的風險。</t>
  </si>
  <si>
    <t>針對大陸新冠病毒疫苗是否輸入台灣的議題，大陸國台辦24日晚間再度表態，稱陸方「願意迅速作出安排，讓廣大台灣同胞盡快有大陸疫苗可用」，並稱，如果有需要，大陸也願意「積極考慮向台灣派出疫情防控專家。」
國台辦發言人朱鳳蓮24日表示，針對當前台灣疫情肆虐，國台辦多次強調願意盡最大努力協助廣大台灣同胞加強疫情防控，盡快戰勝疫情。面對島內日趨嚴峻的疫情和廣大台胞不斷承受的防疫壓力，島內一些團體和人士不斷呼籲採購大陸疫苗，我們的態度非常明確，願意迅速作出安排，讓廣大台灣同胞盡快有大陸疫苗可用。如果有需要，「也願意積極考慮向台灣派出疫情防控專家，與台灣醫療衛生人士分享抗疫經驗」，提供防疫諮詢。
朱鳳蓮呼籲，民進黨當局利用政治操弄轉移視線是對廣大台灣同胞極不負責任的做法，要立即停止各種對大陸協助廣大台灣同胞抗疫進行的污衊抹黑，採取切實行動去除人為障礙，讓廣大台灣同胞的生命健康、利益福祉儘早得到應有的保障。
對此，陸委會回應，陸方從未透過兩岸既有管道，向我方提出陸方疫苗的有關資訊，卻每每藉台灣內部疫情升溫時，放話批評我政府阻撓陸製疫苗輸入，這種明顯的統戰分化操作，台灣社會非常明瞭，國際社會也都清楚認知。台灣向外取得疫苗受到何種阻撓，對岸心知肚明，眾人也已週知，多言無益。
不過，針對大陸提供台灣疫苗事宜，立委陳玉珍曾表示，去年十月東洋董事長林全曾主動找衛福部長陳時中，告知已有能力取得ＢＮＴ疫苗至多三千萬劑，算不算正式訊息？陳時中也曾承認，香港雅各臣去年曾透過一九二二、部長信箱表達供應ＢＮＴ疫苗意願，算不算正式管道？
陳玉珍說，當前台灣疫情嚴峻，既然上海復星都公開表達願提供疫苗給台灣，蔡政府若真有心防疫、保障國人健康，就應「主動連繫」，不要講一些五四三，只是因意識型態作祟，就是不想跟大陸買疫苗。</t>
  </si>
  <si>
    <t xml:space="preserve">新纖(1409)去年底公告其杭州廠將搬遷，原訂2020年中結束營業，春節期間即為停工狀態，因此不受影響；杭州廠的搬遷補償及獎勵補貼為人民幣7.8億元，公司表示因有稅負問題須考慮，尚無法確定可認列獲利金額；此外，新纖亦公告將在揚州建新的工程塑膠廠，預估最快2021年完工。
新纖今早盤逆勢反彈，挑戰季線反壓。
市場揣測新冠肺炎影響中國產能生產及運輸，新纖聚酯纖維可望有轉單的受惠題材。但法人指出，新纖已在數年前將纖維產品由大宗規格轉作特殊規格，因此並沒有因中國疫情蔓延而出現轉單受惠。新纖目前在台灣的工廠為聚酯粒與聚酯纖維，聚酯粒的銷售地區以日本、東南亞為主。
法人指出，由於飲料業者對回收酯粒的需求提升，新纖於2020年1月與三菱商事簽約在泰國廠擴建21萬噸聚酯粒產能，其中R-PET(回收酯粒)可占50%，若3月順利通過環評，預計明年4Q可望完工，屆時新纖將切入R-PET上游，對營運將是另一挹注。
新纖也公告將在5月28日舉行股東會，3月20到3月25日暫停融券賣出股票。
</t>
  </si>
  <si>
    <t>不少民眾選擇疫苗廠牌，除了考慮保護力之外，也會考量到未來出國能否被承認。對此，醫師陳昶宇表示，無論是混打AZ＋莫德納、AZ＋BNT，還是打2劑高端，恐怕都無法被美國承認為完全接種，因為美國疾病管制與預防中心（CDC）目前認可的完全接種是打了2劑BNT、莫德納或是1劑嬌生，另WHO緊急授權的2劑AZ也算數。但也不排除相關規定未來會改。
陳昶宇昨在臉書發文分享，AZ混打BNT或莫德納，在美國可能被視為沒有完成兩劑疫苗接種。根據美國疾病管制與預防中心（CDC）的規定，完全接種（Fully Vaccinated）的定義，包括美國認可的兩劑BNT、兩劑莫德納或一劑嬌生，以及符合世衛組織（WHO）緊急授權的兩劑AZ疫苗，如果沒有完全接種須自我隔離7天。
陳昶宇指出，混打兩劑疫苗，不論是AZ＋莫德納，還是AZ＋BNT，目前都沒有被包括在完全接種的裡面，也就是說，混打疫苗的人入境美國，可能會需要自我隔離7天。
陳昶宇表示，疫苗混打的根本原因是因為供貨不穩定，效果與副作用都各有優劣，也不是每個國家都承認混打，因此本來就不是都有好處，因此不需要強求混打。當然隨著世界上越來越多國家開始實施混打，也許美國未來會修改相關規定。
有網友好奇詢問，那如果在台灣接種了兩劑高端疫苗呢？陳昶宇留言回應，同樣是要自我隔離7天，沒符合完全接種規定的人，通通都是自我隔離7天。另也有網友表示，他以為大家打疫苗是為了提升保護力，但原來許多民眾都是為了出國，一種疫苗等於通行證的概念？
中央流行疫情指揮中心指揮官陳時中日前曾在記者會上表示，與美國在臺協會台北辦事處新任處長孫曉雅談論到疫苗雙邊認證、數位接種證明、出入境證明等議題時，在疫苗雙邊認證方面，我方將會提出高端疫苗，因為美國對高端疫苗也相當重視。</t>
  </si>
  <si>
    <t>疫情指揮中心日前開放符合資格的民眾至「COVID-19疫苗預約平台」預約接種意願，今發送第一輪開放預約的簡訊，沒想到收到簡訊的民眾瞬間湧入「1922」網站及「健保快易通」App，造成掛點，網友怨聲連連，事實上除了上述2種方式外，還可至超商、藥局及附近衛生所插入健保卡預約。
指揮中心日前開放第9、10類人登記接種意願，資格為18至64歲有重大疾病病患，及50至64歲成人，並於今早陸續發送符合資格第一梯次預約簡訊，大批民眾湧入1922網站及「健保快易通」App登記接種時間及地點，造成系統大當機。
事實上，民眾除了至「1922.gov.tw網站」及「健保快易通」進行預約外，也可持個人健保卡，至超商事務機、藥局、衛生所插卡預約，亦能選擇施打地點及時段，而第一梯次收到簡訊的民眾，最快於7月16日就可打到AZ疫苗。
★《中時新聞網》提醒您：因應新冠肺炎疫情，疾管署持續加強疫情監測與邊境管制措施， 如有疑似症狀，請撥打：1922專線，或 0800-001922， 並依指示配戴口罩儘速就醫，同時主動告知醫師旅遊史及接觸史，以利及時診斷及通報。</t>
  </si>
  <si>
    <t>本土疫情不斷升溫，截至2日已有149人死亡，超越SARS時期紀錄。國民黨立委鄭麗文指出，「沒有全面篩檢」、「官僚文化處處阻擋」、「全台灣不敢逆時中」是台灣防疫失敗的三大主因；痛批在衛福部部長陳時中的帶領下，指揮中心已成「謊言中心」，台灣人要想活命就必須下架陳時中，更奉勸總統蔡英文，必須把陳時中這個絆腳石搬開，台灣的防疫才有機會成功。
鄭麗文昨日（2）在臉書發文表示，「沒有全面篩檢」、「官僚文化處處阻擋」、「全台灣不敢逆時中」是台灣防疫失敗的三大主因。其中包括陳時中所做的「3+11」錯誤決策，是今天台灣疫情的元凶，陳更在國會公然說謊、甩鍋，立委們要求他說清楚決策的過程，卻拿到一紙公文說「沒有會議記錄」，可見陳到今天竟然都還在騙。
鄭麗文進一步痛批，指揮中心如今已成「謊言中心」，因衛福部多次下架、修改官網正式公布的公文，2月在官網正式公布BNT取得了台灣緊急授權，卻在4月27日下架，對外說BNT無緊急授權、沒有藥證，所以不能進口；台灣拿不到BNT從頭到尾，充滿黑幕充滿陰謀論，因為指揮中心買不到所以也不准民間買嗎？她要求衛福部提出說明，送到國會來的公文卻是滿紙謊言，衛福部如何向全民交代？
此外，鄭麗文更抨擊陳時中，在1年多的時間所有該做的通通都沒做，現在死亡人數已經將近是SARS的3倍，100多條人命換不到陳的幡然悔悟，換不到蔡英文的任何關切，只會在高端股價跌停板後立刻出來開記者會，可見民進黨在乎的不是病床數字、不是人命的數字，而是只在乎高端股價的數字。
綜觀以上，鄭麗文強調，國民黨全力支持研發國產疫苗，但要給國人施打當然必須有WHO國際認證，不能讓國人當白老鼠，所以蔡政府趕緊進口國際認證的疫苗讓全民施打。至於陳時中，一再說謊、故意釋放假消息、故意誤導全民，從頭到尾都在迴避所有的監督，所有的承諾沒有一件事情有真正兌現，陳的錯誤、失職、說謊、阻擋，已經成為防疫最大絆腳石，她呼籲蔡英文必須把這個絆腳石搬開，台灣的防疫才有機會成功。</t>
  </si>
  <si>
    <t>中央宣布，全國疫情警戒自7月27日起降為2級，台中市長盧秀燕23日指出，距離場域開放措施以及防疫措施還有幾天時間，台中將採「1前提、2態度」，確保防疫安全，漸進式開放，而非為了開放而開放，每個場域開放與否及程度，要視「防疫安全」為前提，不會一步到位。
台中市長盧秀燕說，台中市注射覆蓋率佔全市281萬多人口僅22.93％，還有77％左右的市民對病毒是沒有防護力，要小心翼翼且很謹慎，就算中央宣布解封、鬆綁，台中市仍秉持「穩定、漸進式解封」，全國僅25％的人注射疫苗，一定要重視解封的防疫安全。
盧秀燕指出，全市765家幼兒園，共8萬3千名孩童，將恢復場域開放，幼兒除受到照顧，讓家庭及父母可以恢復正常上班、生活，但不包括課照中心，之前已經公布解封。
盧秀燕表示，文化場域也將漸進式鬆綁開放，另民政系統包括宗教場域儀式等，另5大局處管理的場域，及行業陸續解封，至於補習班是否開放？全市一般課程、才藝補習班2900家，從業人員2萬5000人尚未施打疫苗，若要開放必須謹慎確保防疫安全，盡快研究，一旦有結果將報告宣布。
盧秀燕說，另外飲食內用顧及防疫安全　目前各縣市都在討論中，台中市政府將盡快研擬，一旦有結果，將對外界宣布。</t>
  </si>
  <si>
    <t xml:space="preserve">全國三級警戒，民眾外出一定得戴口罩，不過有些戶外工作者相當無奈，喝水、吃飯都得偷偷摸摸，深怕被人檢舉，搞得像過街老鼠。一名網友抱怨，他獨自一人關車門在車內吃便當，竟然被人敲窗提醒要「戴口罩」，讓他相當無奈：怎麼吃？
一名網友在臉書社團《爆廢公社》發文，表示自己一人車門關起來吃個飯，剛脫下口罩就被某熱血民眾敲門提醒：「先生疫情現在很嚴重請你戴口罩好嗎？」。這名網友無奈表示，手都拿便當了，戴口罩是要怎麼吃？忍不住感嘆：「疫情防護人人有責」、「長點腦可以嗎」。
許多網友看了紛紛回應：「口罩正義魔人過頭了」、「一堆過度正義，假掰的人」、「矯枉過正過頭了」、「在車上一個人，可以吃吧？不是有解釋過了嗎？」、「自己一個在車裡吃 還要戴口罩吃 是腦袋有問題嗎」、「叫那個人先表演戴口罩吃便當給你看」、「別說了！在工地我們遇到那種無腦的不知從哪跑來的熱心民眾，在我們休息吃飯時跑進來跟我們說，要戴口罩，我才要問他你是住海邊還有你進來不用帶工地安全帽嗎？」。
事實上中央流行疫情指揮中心21日就已經統一宣布，表示如果兩人以上同車需要配戴口罩，但如果是一個人在車內則不需要，因此一個人在車內吃飯當然也不需要戴口罩。
此外，針對工人、外送員在外吃飯、喝水怕挨罰，台北市長柯文哲也表示，外出戴口罩是個原則，不要把原則弄得硬梆梆，在空曠的地方、身旁5公尺沒人，還是可以吃飯，但也不是讓大家開始在公園草地野餐，「老百姓水準夠高，就知道怎麼做」。
</t>
  </si>
  <si>
    <t xml:space="preserve">在新冠肺炎疫情火速延燒下，據約翰霍普金斯大學（Johns Hopkins University）統計，至今全球有超過72萬人確診，破3.4萬人喪生。
據CNBC新聞網30日報導，貝倫堡（Berenberg）分析師認為，這次新冠疫情爆發，意味著所有已開發經濟體今年都將出現衰退。一名分析師指出，由於部份空前的封城措施佷可能持續好幾個月，全球各地經濟體可能陷入「深凍」（deep freeze）期。
隨著這衛生危機變本加厲，意味世界各國實質上不得不封鎖，大大限制了數十億人的生活。
英國智庫經濟學人資訊社（Economist Intelligence Unit，EIU）首席分析師奧克森福德（Matthew Oxenford）說，目前的關鍵在於，要嘗試做些全世界都沒做過的事。
他指出，那就是把多數經濟體裝上維生系統，進入某種「深凍」狀態，好在3個月，更可能是6個月後，再從蟄伏中甦醒。
</t>
  </si>
  <si>
    <t xml:space="preserve">韓國中央防疫對策本部通報，至今天凌晨零時，2019年冠狀病毒疾病（COVID-19，武漢肺炎）確診病例達8565例，較18日增加152例；連同稍早確認的病例，死亡人數增至92例。
新增確診數時隔4天又回到100例以上，其中109例來自大邱（97例）及慶尚北道（12例）地區，主因大邱一家療養醫院發生群聚感染，至少有75例確診，使新增病例激增。
大邱市先前因爆發新天地教會群聚感染，一天內新增確診數最高曾達741例的紀錄，之後疫情持續減緩，但近期又出現電話客服中心、療養醫院等小規模群聚感染，確診數再次出現增加趨勢。大邱市至今累計確診6241例居首。
其他新增病例集中在首都圈，首爾市12例、京畿道18例；其他地區蔚山6例，忠清北道、全羅北道各1例，檢疫5例。
韓國聯合新聞通訊社報導，死亡病例截至凌晨零時，較18日增加7例，連同稍早確認的慶尚北道一名81歲男性患者不治，累計92例；解除隔離人數增加407例，共計1947例。
韓國境內接受篩檢人數已超過30萬，其中28萬2555人為陰性，1萬5904人仍在等待結果揭曉。
</t>
  </si>
  <si>
    <t>繼富邦產、國泰產以及旺旺友聯產之後，為防疫以及提供保戶更多保障，新安東京海上產也將旗下健康險再升級，包括取消法定傳染病等待期等五大保障。
新安東京海上產險表示，為了提昇民眾健康保障，推出升級版的「健康御守+」健康保險，主要的五大保障為：一、取消因罹患新冠肺炎、登革熱等法定傳染病等待期；二、保戶經確診罹患約定的法定傳染病，將額外給付法定傳染病補償金；三、保障範圍，不分海內外；四、一次住院達90日以上者，提供住院日額500倍的高額突發傷病特別慰問金；五、不分職業類別、不須體檢都可投保，守護民眾健康更全面，健康防護好心安。
為減輕國人面對法定傳染病等突發傷病之壓力，新安東京海上產險推出針對法定傳染病的保單，除新冠肺炎外，其他如登革熱、流感併發重症等法定傳染病都包含在內，若保戶經確診，將一次性給付法定傳染病補償保險金，尤其，保障範圍不分海內外，提供保戶最完整防護網。新安東京海上產險副總經理呂文泉表示，新安東京海上產險「健康御守+」健康保險不僅保障法定傳染病，連海內外突發傷病也涵蓋，應是市場保障範圍最廣的防疫保單且保費相對傳統壽險便宜，不限職業類別都可投保，民眾無需特別體檢，可減少投保時的困擾與費用，貼心守護國人健康。
呂文泉說，新安東京海上產險「健康御守+」健康保險也保障擴及海外，也就是隨著疫情緩解，若國際商旅活動解禁，當保戶海外旅遊經醫師確診為法定傳染病時，可領取1~3萬元不等的補償保險金，若因新冠肺炎住進負壓隔離病房，每日給付可達3,000~9,000元，當連續住院90日以上，則可領走50~150萬元不等的一次性的突發傷病特別慰問金。另外還可選擇附加投保「突發傷病住院回診保險金」、「突發傷病住院照護費用保險金」，相關醫囑回診或住院時，每次或每日可獲得1,000~3,000元理賠金，讓保戶更無後顧之憂專心對抗病毒。</t>
  </si>
  <si>
    <t>新冠肺癌病毒肆虐全球，為鼓勵民眾施打COVID-19疫苗，增加身體保護力，21日開始，日本政府實施企業、大學等「職域接種」，引發各界關注。不過當地電視台拍攝長髮正妹小露香肩接種疫苗的畫面，意外讓日本、台灣網友超興奮，連PTT鄉民都群起報名「想當接種義工」。
透過PTT轉發的日本電視翻攝圖可以得知，畫面裡一頭長髮飄逸的正妹，雖然臉戴白色口罩，顏值如何不得而知，但睫毛濃密、氣質出眾的模樣，已經叫人想入非非，加上施打疫苗時，她性感的拉下襯衫，露出雪白香肩和纖細手臂，接受醫護人員的酒精消毒，唯美畫面讓台日網友不小心又戀愛了，紛紛在自己國家的熱門論壇上留言驚呼「看起來很香」、「肩膀好美，我想舔了」。
連平日嚴苛審美的台灣PTT鄉民，都爭先恐後的嚷嚷想當接種疫苗的義工，如痴漢表示「我想當疫苗了」、「女人最美的部位」、「一整天能幫1、2個正妹接踵偶jo滿足惹」、「日本妹腋下一定很乾淨又香」、「感覺好正」。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中央流行疫情指揮中心昨天公布國內新增8例新冠肺炎病例，累積個案達108例。新增個案中，其中7例為境外移入，唯一本土個案，就是國內首例高中生染疫（59案）的同班鄰座同學（103案），指揮中心緊急宣布該北部高中全校學生1650人、教職員工154人全數停課8天，成全台第一所停課學校。台大公衛學院院長詹長權表示，應該要宣布社區傳播階段了。
專家籲公布校名 以利社區備戰
中央流行疫情指揮中心指揮官陳時中表示，第103案位置坐在59案斜前方，因該校有兩人確診，宣布全校自3月20日至3月27日停課。為何不是放14天，指揮中心莊人祥解釋，要從13日兩學生與所有師生最後接觸日算起。103案相鄰座位的同學共5人也已進行採檢。
59案高中生和家人同遊希臘一個多月，返台後確診，當時指揮官陳時中就坦言該個案學生，時間拉得長，活動看起來比較多，在疫調、整個社區感染形成相當大的壓力。果真，時隔4天，他鄰座同學（103案）中鏢了，並導致全校停課。
對此台大公衛學院院長詹長權表示，應該要宣布社區傳播階段了，「全世界都是這樣做」，他並認為應該公布學校名字以利社區備戰，新加坡、香港都是這樣，台灣應該沒有特別的困難。
詹長權說，學校是社區的一部分，學校感染就可以做為社區傳播階段的指標，同一校有兩個人確診，就必須相當注意。
南市百餘位學生 家人有出國史
此外，國內確診案例境外移入激增，成為台灣防疫破口，台南市教育局長鄭新輝發現，3月17日起調查學生及其共同生活家人近14天旅遊史，就有100多位學生共同生活家人有出國史。
不過，陳時中表示，社區傳播有其定義，目前國內仍是境外移入多於本土案例；指揮中心絲毫不敢大意，戰戰兢兢，並指出未來2周將是防疫關鍵，尤其現在案例數多，「對我們壓力非常大」，對醫療跟防疫的壓力非常大，但相對的，對社會壓力是沒有這麼大，現在我們就是在守境外移入跟社區的這一條線，要全力守住，否則一旦進入社區之後，如果在不可控的情況下，問題就相對的大了，這兩周就是全力在做這件事。</t>
  </si>
  <si>
    <t>兩性專家黃越綏曾是陳水扁時期的總統府國策顧問，她今(18日)在臉書談起日前新北市中和區瓦磘里里長林綺芳在記者會上為率隊前往歐洲旅遊道歉，卻坦言不知道哪裡錯了，忍不住動怒，直言「這種人恐怕只能用館長的口頭禪來對付」。
新冠肺炎疫情肆虐，瓦磘里里長林綺芳卻因為在疫情嚴峻時刻，執意率團前往西班牙、葡萄牙等地旅遊，引發爭議。對此她返國後特地召開記者會道歉，強調絕沒有為了1萬4千塊補助款出國，對於外界批評聲浪，她坦言不知道做錯什麼，出國前1、2天，西班牙才宣布二級警示。
對於里長的說法，黃越綏在臉書直言感慨萬千，她說：「國後雖然有道歉卻又強調她不知道自己到底哪裡錯了？如果沒錯幹嘛要道歉？而道歉了卻又不知道錯在哪裡？」感嘆這種人只能用館長口頭禪來對付。
更有醫護人員忍不住在文章底下留言，「身為醫護人員的我，真的覺得好累...為什麼不能共體時艱一下」。</t>
  </si>
  <si>
    <t xml:space="preserve">電子化學材料通路商—崇越電(3388)受到原物料價格下滑及中美貿易戰干擾，致使2019年營收及獲利均呈現下滑，2019年每股盈餘為5.1元，崇越電表示，今年以來全球受到新冠肺炎影響經濟景氣，目前全球市況仍存在諸多不確定因素，公司將密切留意疫情對產業市場變化，並適時做出因應措施。
崇越電2019年合併營收77.72億元，年減9%，歸屬母公司稅後盈餘為3.76億元，年減18.9%，每股盈餘為5.1元；公司董事會通過每股將配發現金股息3.6元，以3月3日崇越電收盤價68元計算，現金殖息率約5.3%。
崇越電通表示，今年股息配放率70%略低於往年80%，主要是考量目前全球受到新型冠狀病毒影響經濟景氣，未來市況仍存在諸多不確定因素，因此多保留一些現金部位以因應後續可能的狀況；目前貿易戰對全球經濟影響已逐步淡化，矽利光原料價格及供需狀態亦回復平穩狀態，但今年開春以來，全球受到新冠肺炎影響經濟景氣，其中以大陸最為嚴重，各地出現延遲暫緩開工之情形，目前全球市況仍存在諸多不確定因素，崇越電將持續密切留意疫情對產業市場的變化，並適時做出因應措施。
</t>
  </si>
  <si>
    <t xml:space="preserve">儘管3月19日蘋果股價未隨美股反彈逆勢收低，但大陸各地全面復工，且短線股價跌幅已大，今天蘋果供應鏈在大立光(3008)盤中亮燈領軍下全面止跌反彈，玉晶光(3406)、台郡(6269)、新日興(3376)及正崴(2392)盤中股價連袂漲停。
新冠肺炎持續在全球蔓延，尤其是歐洲及美國地區正進入流行高峰期，全球各地紛紛啟動封城封國，蘋果亦於日前宣布關閉大中華以外地區門市，重創蘋果產品銷售，市調機構紛紛下修蘋果今年銷售預測，國內蘋果供應商股價亦因蘋果股價與台股重挫連番破底，於3月19日創下波段新低價。
不過，相較於歐美等地區國家忙於防疫，大陸地區因疫情已完全控制，包括湖北在內各地區已全面復工，各地區廠商復工率快速提升，製造端供應鏈已逐漸恢復到正常水準，玉晶光等蘋果供應商預估，3月合併營收將優於2月。
隨著各廠區製造恢復正常，且短線股價跌幅已深，國內蘋果供應商無畏3月19日蘋果股價持續逆勢收低，今天盤中股價全面止跌反彈，玉晶光、台郡、新日興及正崴盤中股價強攻漲停板，台光電(2383)及臻鼎-KY(4958)等盤中股價漲幅均逾8%。
</t>
  </si>
  <si>
    <t xml:space="preserve">根據TrendForce表示，自2019年躋身為全球第二大智慧型手機市場的印度，近期因新冠肺炎疫情日趨嚴重，民生經濟再次遭受重創，進而影響各大手機品牌的生產與銷售力道。TrendForce預估，2021年全球智慧型手機市場的年增幅度將因此自原先的9.4%，收斂至8.5%；生產總數約13.6億支，且未來不排除有持續下修的可能。
TrendForce進一步指出，目前全球前五大手機品牌三星、蘋果、小米、OPPO、Vivo，皆有在印度設置產線或透過OEM廠協力產出，且比重逐年擴大，惟目前的產出仍以供應當地需求為主。依現階段當地生產情形來看，初估第二季至第三季共有1,200萬支的生產量會受影響，而印度全年生產總量將可能因此下滑7.5%。
印度除了因人口紅利造就的龐大的市場需求外，政府為了提振經濟創造就業機會，也祭出關稅優惠政策吸引外資落地，以加速供應鏈在地化，持續拉攏國際手機品牌擴大當地的生產比重，以穩固在全球手機市場的位置。據當地資料指出，第二波疫情主要重創中、高富裕階層，其將正面衝擊第二季消費表現，並進一步導致平均售價(ASP)下滑，因此，手機品牌廠勢必會視成品庫存狀況以調節全年生產計畫。
從印度前四大手機品牌銷售市占來看，依序為小米25%、OPPO23%、三星22%、Vivo16%，四者合計囊括86%，其銷售品項覆蓋市場主流消費100~250美元區間的產品，因此疫情擴大對各大品牌皆有衝擊。另從生產力來看，據悉目前多數工廠不受疫情影響仍維持正常營運，然而，隨著疫情擴散速度加快，不排除將對廣大的中低階勞動人口產生負面效應，TrendForce認為，若後續情況未緩解也將使關務停擺，甚至影響零組件運輸。
整體而言，倘若印度疫情未能於第二季獲得妥善控制，2021年下半年印度的景氣也將難以樂觀看待，屆時2021全年度手機生產量可能再度面臨下修。基於此假設，TrendForce提出熊市預測，不排除將今年智慧型手機生產總量的增幅再度下修至8%以下。
</t>
  </si>
  <si>
    <t>鑑於以美國為首的主要經濟體祭出大規模的刺激方案，以及全球疫苗加速接種，國際貨幣基金（IMF）發布最新世界經濟展望報告調高今明年全球經濟成長預測，今年成長率上調至6％，將創1970年代以來新高。
同時，IMF將台灣今年經濟成長率由3.2％上修至4.7％，符合當前國內外機構對於台灣預期。國發會表示，台灣今年經濟動能將由消費、投資、出口三馬車拉動。去年曾擔心這波復甦是K型復甦（不均衡復甦），觀察去年第四季以來不只半導體產業成長強勁，傳統產業也開始好轉，這波復甦可說是全面、強勁、穩健型的復甦。
IMF新估今年全球成長率較1月預估的5.5％，調高0.5個百分點，明年成長率估計會放緩至4.4％，但也較上次預測多出0.2個百分點。IMF預估，去年全球經濟萎縮3.3％，創大蕭條以來最大衰幅。
IMF表示，美國與中國大陸是全球經濟復甦的兩大領頭羊。美國今年成長率調高至6.4％，較上次預測上調1.3個百分點，較去年10月預測更是調高一倍。美國去年經濟衰幅估達3.5％，今年復甦後經濟產值就可重返疫前的水準。中國部份，IMF新估今年成長率將達8.4％，較上次報告調高0.3個百分點。
IMF指出，自去年春天爆發新冠肺炎以來，美國即採取大規模的刺激政策，其中財政刺激總規模達5兆美元，聯準會除了將基準利率降至趨近於零，同時斥資好幾兆美元投入資產購買計畫。其他如歐盟、日本與英國也採取類似刺激政策。
除了美國，此次成長預測獲調高的已開發經濟體還有加拿大、英國與義大利，整體已開發經濟體今年成長率預測也同步調升至5.1％，較上次報告上調0.8個百分點。
開發中國家雖然展望也獲調升，但調幅不如已開發國家，IMF新估新興市場今年成長率可達6.7％，較1月報告僅上調0.4個百分點。
IMF指出，「全球各個地區的復甦並不同調，造成復甦步調不一的因素有疫苗接種計畫速度快慢、經濟政策支持的多寡與經濟對諸如觀光業依賴程度高低結構性因素。」</t>
  </si>
  <si>
    <t>新冠肺炎「疫」外助攻股東會電子投票，集保結算所統計，今年1773家發行公司股東會整體電子投票率高達56％，在電子投票筆數及股數成長高達7％，累計筆數達793萬筆、股數達3347億股，外資持股中亦有97％透過電子投票系統投票，均再創新巔峰。
集保股務部經理汪明琇表示，電子投票平台自2009年開發至今，因應金融科技發展趨勢持續推出不同服務，並以國際化、數位化、ESG推手等「三大亮點」出發，擘畫新電子投票生態系。
集保持續關注國際發展趨勢，尋求適切的合作機會，陸續與全球前二大的電子投票機構Broadridge及ISS公司合作，提供跨國投票直通處理（STP）服務，讓眾多外資股東投票更為便利。
而電子投票管道不侷限於電腦，集保運用API科技，串聯國內40多個券商下單APP及「集保e存摺」App，達成電子投票、交易下單與資產管理一站購足，讓投資人投票更加方便，並且打破空間限制。集保指出，今年一般投資人採用APP電子投票比率高達52％。
擁有全方位電子投票管道專利及完善流程規畫的集保，去年更以「電子投票創新應用暨跨國投票直通處理服務服務」，受邀代表台灣參加在泰國舉辦的亞太電子化成就獎，並獨得「數位轉型-公共部門類」金獎，使台灣資本市場數位創新成就耀眼國際。
電子投票是強化股東會透明度的路徑之一，為提供市場更友善的投資環境，集保建置「公司投資人關係整合平台」（IR平台），持續以促進環境、社會及治理（ESG）及溝通、國際合作為主軸進行發展。
集保指出，「公司投資人關係整合平台」已納入富時、MSCI、ISS、Sustainalytics等國際重量級評分機構對於台灣上市櫃公司評比資訊，除提供發行公司檢視自身ESG表現參考外，本季亦將開放給國內投資者參考，促進機構投資人責任投資，以提升公司治理形象。</t>
  </si>
  <si>
    <t>全台三級警戒延長，政府機關呼籲民眾減少外出，不少產業受影響，藝人也因疫情停工，連出道40年的資深男星曹西平，也直呼入行從沒遇過這樣的狀況，無奈嘆「病毒還沒有離開，可能就先餓死了」。
曹西平27日在臉書發文，由於疫情關係，藝人工作全部停擺，大嘆沒有錄影通告就沒收入，「令人恐慌這樣子的日子未來會如何？」直言藝人工作是最沒保障，若有房貸、車貸或是要養雙親和小孩，沒存款的話會很吃力。
曹西平坦言入行40年從沒遇過像現在停棚、不能群聚錄影的狀況，雖然無奈，卻也只能等待病毒被控制住，疫情趨緩才能開工，並談到以前在秀場從不怕沒有工作，但現在藝人只靠錄影，生活一定會出問題，還得知有許多年輕藝人在詢問紓困方案，讓他看了覺得十分心酸。
曹西平認為藝人這份工作需要熱情維持，平時等通告就難過了，「現在是病毒還沒有離開，可能很多藝人都會先餓死了」，最後，曹西平也感嘆越寫心情焦慮，這陣子情緒總是起伏，不知道這樣的日子還要多久，講出眾人心聲，希望疫情趕快消失，讓大家恢復平常工作。</t>
  </si>
  <si>
    <t xml:space="preserve">新冠疫情導致旅遊相關產業損失慘重。據聯合國旗下的世界旅遊組織（UNWTO），今年前10個月，國際旅客抵達人數比去年同期慘跌72％，寫下1990年以來首見的低點。
該組織指出，全球各目的地的國際旅客人數，比去年同期足足少了9億人次，換算起來，產業整體損失高達9350億美元（約台幣26.9兆），這金額有多驚人？比2009年全球金融危機還要高10倍！
UNWTO秘書長波羅里卡施維里指出，自疫情危機爆發以來，該組織提供各國政府和業者的資料，顯示疫情對全球旅遊產生前所未見的衝擊；「儘管疫苗問世的消息提升旅遊信心，但要邁向復甦，仍有一段長路。」
</t>
  </si>
  <si>
    <t xml:space="preserve">新冠肺炎疫情人心惶惶，搶購口罩、酒精彷彿成為台灣人的全民運動。台灣採取實名制，與健保特約藥局配合販售。不過這也讓藥師的工作量倍增，雖然民眾事先可在口罩地圖查詢，然而卻面臨困難，排隊人潮眾多，不少藥局會在現場發號碼牌，造成查詢時仍有存量，但其實是保留給拿號碼牌民眾的狀況，也因此引來不少抱怨。有藥師透露，被謾罵到心累，決定不再發放號碼牌，「要麻煩你們從頭站到尾了」。
「藥局大小事」臉書粉專發文透露，指出口罩地圖無法反應實際狀況。其中有一間藥局表示，自2/6協助發放口罩以來，本著體恤年邁長輩及事務繁忙的民眾，皆採取發放號碼牌制。已領號碼牌的民眾，可以視狀況選擇留在現場排隊立即領取，或是等到離峰時段再過來憑號碼牌領取。
該藥局自認此法是對長輩及事務繁忙之民眾最友善的方式，然而，自從本週四，每人口罩可領取3片以來，卻遇到不少拿著手機看著口罩地圖的消費者上藥局質疑，「不顧發放規則、也無視店內排隊人龍」，只認定口罩地圖上顯示有存量。更甚者還會質疑「號碼牌是否發足量質疑不公」，即使藥局解釋了已經發放號碼牌，這些人仍繼續懷疑是否發足量。
面對這種現象，藥局表示「藥師被質疑謾罵到心累」，因此該藥局決定，自下周一(3/9)開始，每日早上九點排隊發放口罩，不發放號碼牌，「各位長輩不好意思，要麻煩你們從頭站到尾了～各位事務繁忙的朋友，要麻煩你們放下手邊的工作，來等待了」。
PO文一出後，也有許多表示自己是藥師的網友留言， 「我也是最近被投訴，口罩地圖困擾真的很多」、「早就不發號碼牌了」、「就算沒發號碼牌，開門一小時就賣光了，還是會有人質疑我們不可能這麼快賣完」、「這樣實名制2.0感覺更恐怖了...什麼網路預約」。
</t>
  </si>
  <si>
    <t>新北市幼兒園群聚事件，板橋某社區大樓今天深夜12時將有383人要解隔離，外界好奇新北各個檢疫所面對大量民眾解隔離，相關作法為何。對此，新北市長侯友宜表示，這2天社區住戶陸續解隔當中，市府對社區大樓清消會做完整，讓社區居民回到乾淨的環境，確保安全，由於住戶分散在不同集中檢疫所內，市府事先已規畫防疫專車，將住戶適當安排接送回住家，讓社區居民平安回到家。
★《中時新聞網》提醒您：因應新冠肺炎疫情，疾管署持續加強疫情監測與邊境管制措施， 如有疑似症狀，請撥打：1922專線，或 0800-001922， 並依指示配戴口罩儘速就醫，同時主動告知醫師旅遊史及接觸史，以利及時診斷及通報。</t>
  </si>
  <si>
    <t>隨著新冠肺炎的疫情持續更新，為避免室內群聚感染，透過戶外活動提升免疫力與增強抵抗力亦是防疫良方之一，新光產險為讓民眾假日也能夠安心出門，特別於「SK858新光幫我保」網投平台推出「罩fun假」一年期小額傷害商品專案，該商品的「假日期間自動增額專用保單」，除提供假日期間出遊時遭遇意外事故之增額保障外，也同時提高全年度搭乘大眾運輸工具的通勤族遭遇交通意外之保障，讓風險填補在更需要的地方，為假日愛玩客或通勤族的一大福音。該商品同時包含目前市場少見的「丟包險」，新世代族群若擔心個人的隨身攜帶物品（包含現金，手機，平板），在外時遭竊遭搶，不妨可利用此保險商品將損失降到最低。
新光產險提醒，清明連假將至，無論是返鄉祭祖或是出門踏青，都應審視自身保障足夠，以「罩fun假」方案B身故保額40萬元計算，意外身故或失能，假日保額提高至200萬元，搭乘大眾運輸工具（公車客運、火車、高鐵或飛機）保額可提高至440萬元。
除了擁有意外保障外，同時擁有個人隨身攜帶物損失保險金額3萬元的補償金，一年保費只要778元，平均每天花不到2.2元的銅板價，而且只要上「SK858新光幫我保」動動手指，即可用獲得全面的保護。</t>
  </si>
  <si>
    <t xml:space="preserve">新冠肺炎疫情反彈，北京市政府將應急響應級別提升至第2級，城市對外交通、聚會及線下活動等群體性活動禁令再出。其中，出入境逾六成航班取消、快遞業也暫停運送北京包裹，加上全市所有小區實行嚴格封閉式管理並限制出入，北京已進入「半封城」狀態。
過去六天，北京新增確診本土病例已飆升至137例。北京市疾控中心17日表示，疫情在早期即被發現，目前疫情還處於上升期。據大陸國家衛健委最新統計，至17日止的六日內，北京新增確診137例皆與新發地蔬果批發市場有關，且遼寧、四川、河北等省份也出現關連的確診病例，顯示疫情有擴散風險。
在出入境的防疫管控方面，所有境外人員入境北京需全部集中觀察及進行核酸檢測，中、高風險地區以及新發地市場相關人士禁止離開北京，而其他出京者需持7日內的核酸檢測證明；且停止開放境內跨省區團隊旅遊業務。
由於北京首都機場和大興機場的航班資訊立刻更改為全面取消，據大陸民航資料機構「航班管家」統計，截至17日上午9點，兩機場共取消航班達1,255架次，航班取消率均在65％以上。另，鐵路和客運也取消多班車次，甚至有外遞業者表示暫停運送北京包裹，北京接近「半封城」狀態。
北京市政府發言人徐和建表示，北京未來幾天確診病例還可能繼續增加，疫情情勢嚴峻，建議民眾若無不適無須進行檢測，以免增加感染風險。但因進入任何單位，必須要有七日內核酸檢測陰性的證明，北京市的醫療點仍被長長的排隊人龍塞爆。
武漢大學醫學部病毒所教授楊占秋表示，北京本次為局部的區域性疫情，疫情溯源明確，感染源均來自新發地市場，只要掌握住接觸過的人和物，疫情就可以控制。
</t>
  </si>
  <si>
    <t>新冠肺炎衝擊各國，國外紛紛祭出「封城」等措施，但因為無法出門，也傳出各國家暴案件頻傳，雖然我國並未有嚴格限制措施，但許多人未能順利出遊，也傳出家暴通報相對去年增加不少達約5％，而新北市相對去年更是成長3成。
有感於疫情讓很多人失去生命、自由，甚至工作，也讓很多婦女受到難以想像的暴力對待，藝人于美人成立的「做好事小組」，今年義賣捐助的對象選擇婦女救援社會福利事業基金會，希望陪伴婦女建立自信心，走出創傷、邁向復原的康莊大道。
婦女救援基金會副執行長杜瑛秋表示，今年受到疫情影響，雖然承擔了不少經濟壓力，但台灣各界的愛心援助還是沒有停下，感謝這些社會的愛心，讓救援行動可以繼續。她也呼籲，民眾要多多注意身邊的家暴案件及家庭，主動給予更多協助和關懷，危險的時候可以打110求助，如果需要跟社工人員討論可以打電話給113或婦女救援基金會。</t>
  </si>
  <si>
    <t>內政部長徐國勇日前宣布暫停實施「全國性酒測」，隨即遭行政院長蘇貞昌打臉，徐國勇也趕忙解釋，只暫停由警政署指揮每月兩次的全國同步酒測措施。對於是否取消全國性酒測，網友意見大多認為不妥，若要取消，也應有配套措施。
徐國勇提出將暫停實施全國性酒測，遭批「減分部長」，認為是放任比新冠肺炎病毒更可怕的殺人機器，要求撤換。蘇貞昌趕緊滅火，表示「酒駕零容忍，無論中央、地方都不打折」，強調仍會酒測，「希望不要來亂！」
臉書粉專「老天鵝娛樂」也舉辦投票，詢問徐國勇因新冠肺炎延燒，取消全國性酒測，大家是否認同他的做法。截至今（8）日下午2點40分，約有2.1萬人投票，88%表示不認同，12%的人認同。
網友認為，酒測可以暫時減少，但這期間酒駕者應處以最高法則，大部分的人皆表態不支持，說「拜託不要取消，會很危險」、「正常執行都有人不怕了」、「有些事可以默默的做，但是不能說」、「如果這不是豬隊友？那什麼才是？！」「其實也可以取消全國外出性上班啊」。</t>
  </si>
  <si>
    <t xml:space="preserve">受隔夜美股下跌影響，周三日股走低，投資人密切關注全球新冠肺炎確診數持續激增，恐使才剛啟程的經濟復甦脫離軌道。
終場日經225指數收跌0.78%，為22,438.65點。東證一部指數收跌0.92%，為1557.23點，33大類股全面收黑。高度周期型的礦業股、保險股分別下跌2.9%與1.43%，表現最疲弱。
全球新冠肺炎確診數持續升高，美國累計確診數突破300萬例，澳州第二大城市墨爾本周二已重啟封鎖措施。日本首都東京的確診數也持續增加，但經濟部長西村康稔表示，沒有必要就新冠肺炎疫情再次宣布緊急事態。
OLED製造商保土谷化學公司（Hodogaya Chemical）大漲15.56%，因媒體報導蘋果公司今年推出的5G版iPhone手機將全面改採OLED螢幕。iPhone的LCD面板供應商日本顯示器終場收平，早盤一度重挫6%。
</t>
  </si>
  <si>
    <t xml:space="preserve">由軍事科學院軍事醫學研究院陳薇院士領銜的科研團隊研制的重組新冠疫苗，昨天（3月16日）20時18分獲批啟動展開臨床試驗。
根據大陸《央視》報導，由軍事科學院軍事醫學研究院陳薇院士領銜的科研團隊自1月26日抵達武漢後，展開疫苗研制。3月16日，陳薇院士團隊研制的重組新冠疫苗獲批，啟動臨床試驗。
報導指出，陳薇院士團隊聯合地方優勢企業，在伊波拉疫苗成功研發的經驗基礎上，爭分奪秒開展重組新型冠狀病毒疫苗的藥學、藥效學、藥理毒理等研究，快速完成了新冠疫苗設計、重組毒種構建和GMP條件下生產制備，以及第三方疫苗安全性、有效性評價和質量復核。昨天晚上，陳薇院士團隊研制的新冠疫苗通過了臨床研究注冊審評，獲批進入臨床試驗。
中國工程院院士、軍事科學院軍事醫學研究院研究員陳薇在接受央視記者獨家採訪時指出，按照國際的規範、大陸的法規，疫苗已經做了安全、有效、質量可控、可大規模生產的前期準備工作。
</t>
  </si>
  <si>
    <t xml:space="preserve">
今年2月中旬，一名白牌計程車司機「一度」為國內首位感染源不明的新冠肺炎確診病例，後來靠著對一名台商的抗體檢測，追出原來是司機載過這名曾遭感染的台商。最近長庚大學團隊也從新冠肺炎痊癒者身上找到有效對抗病毒的抗體，可望成為預防、治療、篩檢的一大利器。
綜觀國際趨勢，這場防疫軍備戰的戰場已逐漸從病毒篩檢、疫苗與藥物研發，轉移到抗體的檢測及運用，究竟抗體檢測在測什麼？
不只台灣，全世界也對抗體運用寄予厚望，有專家試圖用痊癒者的血液抗體治療重症COVID-19（新冠肺炎，一稱武漢肺炎）病患；也有專家研究利用檢測康復病患身上有無抗體，作為能否復工的依據。美國則在研發「一滴血檢測抗體」，類似糖尿病患監測血糖做法，只要在指頭上採集一滴血注入試紙，如果是陽性，代表曾經染病、體內有抗體，來幫助掌握感染的人口數。
●除判斷是否曾遭感染，也可知近期已感染多久
抗體指的是免疫球蛋白，能對抗外來抗原、微生物。中央流行疫情指揮中心專家諮詢小組召集人、台灣大學副校長張上淳解釋，人體的B淋巴球細胞會製造分泌抗體，用來對抗外來抗原，這些抗原可能是外來微生物，包括細菌、病毒、花粉、過敏原等，也可能是從他人身上移植來的器官，甚至是自己的某些蛋白分子。
當人體偵測到不是體內原有的東西，特別是含蛋白質的成分，會試圖將它消滅，可能由白血球直接將它吞噬、消化，也可能產生抗體來和抗原結合，使外來微生物失去原有功能、或者更容易把抗原帶到吞噬細胞被吞噬掉。
因此，抗體代表曾經被感染過的痕跡，檢測抗體就能了解一個人是否曾經感染過某種病毒或細菌。台大醫院檢驗醫學部名譽教授蔡克嵩表示，不同於病原或抗原檢測是要知道一個人是不是正被病菌侵犯、有感染別人的能力，抗體檢測可以了解是否曾感染過某種病菌、或社會中多少人曾被感染過。
抽血檢測抗體又能根據測得的是IgM或IgG抗體，判斷是近期感染還是已經感染一段時間。蔡克嵩解釋，人體受到感染、抗原刺激後，約1週內會先分泌IgM，接著逐漸消失；2～3週後分泌IgG，而且可以維持很久，可能終身都測得到。
●多數情況有抗體即具免疫力，但也有例外
但檢測出抗體，就表示具有保護力、不會再被同樣的抗原感染嗎？其實不一定，必須視病毒的特性。
「通常來說，有抗體代表已有免疫力，」張上淳表示，抗體會將體內病菌完全清除，不會繼續存在體內，人體可以復原、帶有抵抗力；而且自然感染幾乎都能終生免疫，只不過疫苗經過人為改變，產生的抗體保護時效可能比不上自染感染，也可能需要多打幾劑，強化抗體保護力。
不過也有例外狀況，產生的抗體是「無效抗體」。例如C型肝炎病毒的RNA會躲在細胞裡面，抗體無法將它完全清除，即使驗出抗體，並不表示痊癒、已有抵抗力；愛滋病毒HIV也是類似情況，都不是那麼有效的抗體。
至於全新的新冠病毒，人們對它的認識還不完整，目前只能根據一般呼吸道感染病毒，推測它所產生的應該都是有效抗體，不會出現二次感染，「可是初步看到一點點不尋常的是，患者產生了抗體，病毒卻沒有立刻被清除掉，還維持了一段時間。」張上淳說。
●抗體血清治療新冠肺炎理論上有效，但仍需更多臨床試驗
蔡克嵩也對新冠病毒的抗體效力存疑，也許有些抗體可以消滅病毒，有些不行，他認為，目前檢測新冠病毒抗體只能知道是否曾感染過，也可能只有部分免疫力，「但不能說一定不會再被感染，」這也影響用抗體血清治療新冠肺炎患者的效力。
理論上，感染者體內所產生的抗體可以消滅抗原，因此有抗體血清或抗體血漿的療法，直接將抗體血清或血漿輸送到其他感染者體內，讓抗體對付病菌；有時比較緊急情況下，也可能將混和紅血球、白血球、血小板等成分的全血輸到患者體內，但可能提高身體排斥反應。
剛剛感染過新冠病毒、已經康復的人，也有很多抗體，「前提是，如果這個抗體可以殺死病毒，理論上輸他的血就有用，只是需要更多臨床試驗，」蔡克嵩說。
若要拿抗體檢測作為新冠肺炎患者復工、恢復正常活動的判斷依據，專家更持保留態度。「這還牽扯檢測方法的敏感度和特異性，」林口長庚醫院副院長、分子感染症醫學研究中心主任邱政洵表示。
邱政洵舉例，假設100人感染，卻只檢測出30人，敏感度顯然不足；又或者將其他病毒都認定為新冠病毒，缺乏只認得新冠病毒的特異性，例如只是感染流感病毒，卻也呈現陽性，這樣的偽陽性只會造成更大麻煩，所以在使用前一定需要通過測試。
蔡克嵩也指出，人體受感染、產生抗體後，會有一段時間病毒和抗體同時存在，通常剛治療不久、病毒還沒完全消滅前，1週左右抗體也會出現。所以不能測出抗體就認定不具感染力，或者有抗體就表示已經痊癒。
即使上述問題都排除，張上淳認為，當總人口數一定比例以上都感染過新冠病毒、或像紐約州感染的情形已經到「一團亂」的地步，用抗體檢測作為判斷復工的方式才可能比較有意義。
以台灣目前300多個個案，當前工作是控制還沒被感染的人不要被感染，就算有100多個感染者沒被找到或屬於無症狀感染者，以全台2300多萬人口，換算下來得抽血23萬支才能找到1個抗體陽性，因此不適合以抗體檢測作為大量普篩的方式，張上淳莞爾反問：「在目前的情況下，既不實際，又對整個台灣有什麼幫忙呢？」
</t>
  </si>
  <si>
    <t>國內一名印尼籍外籍看護日前確診新冠肺炎，其友人被列為接觸者進行採檢，目前二採陰性。中央流行疫情指揮中心監測應變官莊人祥表示，友人已解除隔離，可返家進行自主健康管理。
北部8旬老翁日前確診新冠肺炎後，負責照顧他的31歲印尼籍看護也在26日確診。指揮中心昨公布看護2月16至19日的足跡，看護曾在17日晚間與友人入住北車附近旅館，隔日送友人至高鐵站南下後返家。
衛生單位掌握了這名友人，將其列為接觸者進行採檢。莊人祥表示，目前友人2度採檢均為陰性，已可解除隔離，返家進行自主健康管理14日。</t>
  </si>
  <si>
    <t>國內新冠肺炎疫情持續延燒，雖然屏東縣已連4天「嘉玲」，但為維護前線防疫人員安全，屏東縣政府自籌經費，為全縣4396名防疫人員加保防疫險，此外，經中央撥配第二波5600劑疫苗到位，除部分優先第一線醫護人員施打外，並擴及第二類警、消及清潔隊員。
屏東縣長潘孟安表示，疫情延燒之際，第一線篩檢、診療醫護人員風險最大，為保持醫事人力，維護醫療照護量能，現階段疫苗以醫護人員為優先施打對象。
屏縣上周獲中央撥配4000劑新冠肺炎疫苗，5月28日起已為第一線醫護人員施打，5月31日晚第二波5600劑疫苗到位，其中2100劑仍由醫護人員施打，3500劑則撥配給33鄉鎮市衛生所，讓消防、海巡、警察及清潔隊員施打。
潘孟安強調，屏東目前分配到的疫苗不足以支應縣內需求，縣府雖尊重中央調度，但仍將繼續向中央爭取，以維護第一線防疫人員健康，守住疫情防線。
此外，潘也指出，前線防疫人員不論是醫護、警消、清消等，都暴露在高風險環境中，為體恤防疫人員，縣府為所屬一級機關及各鄉鎮市公所第一線執行防疫的工作人員，投保防疫保險，保障內容包括隔離期間或確診住院期間相關補助，期望提供最優質保障。
此次防疫險對象包括，各鄉鎮市公所環境清潔消毒人員、衛生局執行疫調及防疫人員、民間專責醫院醫護人員、社區篩檢站醫護等，共計4396人。潘孟安感謝所有在防疫第一線堅守崗位的夥伴，拚全力守護家園，也請大夥務必配合做好防疫，成為他們最強後盾。</t>
  </si>
  <si>
    <t>新冠肺炎衝擊經濟，主計總處今公布，下修今年全年經濟成長率預測值至2.37％，與去年11月的預測值相比，下修幅度達0.35個百分點；主計總處主計長朱澤民表示，若沒有新冠肺炎疫情，應該會持續上修全年經濟成長率，但疫情發生了，評審會以Sars影響3個月為參考，下修民間消費、出口以及民間投資等，預測全年GDP受疫情衝擊0.35-0.5個百分點。
朱澤民進一步指出，這次與2003年Sars疫情不同，電商、外送平台發展成熟，宅經濟發展可以讓商品透過更多元管道銷售，衝擊不會像Sars這麼大，當年第2季經濟成長率甚至出現負數。
朱澤民認為，目前股市、金融面仍穩定，加上與大陸競爭廠商有轉單效益，今年各季GDP、民間消費都不至於像Sars當年一樣出現負成長；主計總處也同時公布去年第4季初步統計經濟成長率為3.31％，以及全年經濟成長率2.71％。
主計總處報告指出，新冠肺炎疫情延燒，中國大陸採取封城、延後生產開工等措施，也對各國有多項防疫管制禁令，加以高度不確定性勢將影響生產、消費及交易等正常經濟活動，進而拖累全球經濟表現，影響外貿擴張力道。
隨新冠肺炎疫情逐漸獲得控制，供應鏈生產活動回復正常，主計總處認為，出口動能可望回升，預測今年我國商品出口3387億美元，年增2.85％；服務輸出方面，來台旅客第1季大減，衝擊旅行收入；併計商品與服務並剔除物價因素後，實質輸出成長1.73％，較去年11月預測下修0.96個百分點。
民間消費方面，朱澤民認為，疫情對國人消費衝擊在所難免，幸好國內疫情有效控制、尚無死亡案例，確診個案亦遠低於2003年之SARS疫情，民眾恐慌情緒應可逐漸減低，加上部分台商尚未回大陸，對我國消費仍有挹注，股票市場表現亦穩定，預測今年民間消費實質成長1.58％，下修0.44個百分點。</t>
  </si>
  <si>
    <t>新冠肺炎疫情爆發迄今，南投醫院醫護人員在抗疫最前線，守護縣民健康，而且醫療不分國界，不論國人或移工都一視同仁；立法委員馬文君20日號召科技公司與移工仲介公司，到南投醫院捐贈物資，向醫護人員致謝。
「防疫路上，感謝有您！」馬文君與鴻碁生技公司董事長曾惠浙、執行長謝麟杰，承琳國際公司專案經理朱秋汝（同時代表台灣可林生化科技有限公司）、富達環宇公司董事長陳進坤等公司，提供多醣體養生液及酵素液1000包、抗菌液40桶、洗手乳20瓶、衛生紙8箱、漂白水15瓶、防護衣15件等保健抗疫產品，為醫護人員打氣，為防疫盡心力。
馬文君表示，雖然國內疫情趨緩，但是國外疫情依然緊繃，因此，大家不可掉以輕心；也希望企業捐贈的物資，讓醫護人員防疫如虎添翼。
南投醫院院長洪弘昌表示，南投醫院是傳染病應變醫院，擔負南投縣防疫第一線，疫情期間努力守護南投縣民的健康。而且秉持公醫使命，擔負著照顧弱勢及公衛醫療照護的責任，不因病人的國籍、身分或社經地位等差異而拒絕診療，守護民眾健康。防疫期間有非常多民眾與企業團體捐贈物資，為醫護人員加油打氣，大家都備感窩心。
南投縣社勞處長林志忠指出，縣內目前外籍移工人數約有1萬餘人，集中在鄰近南投醫院的南崗工業區；5月24日是開齋節，相當於華人的農曆過年，請移工們在歡慶節日同時，仍要戴口罩、勤洗手，保持安全社交距離，做好自我防疫工作。</t>
  </si>
  <si>
    <t>新冠肺炎疫情嚴峻，網路上常流傳假訊息引發民眾恐慌，屏東縣警察局近期接獲6起關於疫情的假訊息，已移送4件。有鑑於網路、數位化犯罪愈來愈多，縣警局2年多前成立「科技犯罪偵查隊」及「數位證物實驗室」，去年協助偵破227件刑案。
因應科技時代犯罪手法日新月異，屏警2年多前成立「科技犯罪偵查隊」及「數位證物實驗室」，除了將刑案資料建檔，進行數據整理及分析外，也主動偵查網路假資訊，蒐集數位跡證，達到打擊犯罪源頭的效果。
這次肺炎疫情，科偵隊也受理6件肺炎假訊息的案件，目前已移送4件，1件緩起訴。移送的4件都是一般民眾接收到網路假訊息，指出某醫院有肺炎確診案例後，轉PO到自己的臉書或line群組上；另外2件則以假帳號進行惡意傳播。
警方表示，傳播疫情假訊息除了違反《傳染病防治法》第63條，最高可科50萬元罰金，也違反《嚴重特殊傳染性肺炎防治及紓困振興特別條例》第14條，可處3年以下有期徒刑、拘役或科或併科300萬元以下罰金。
警方表示，網路時代所衍生的網路駭客、詐欺、恐嚇、勒索等犯罪，更需要有電腦資訊、網路偵查技巧的專業人才，在既有的傳統刑事偵查基礎上，透過橫向連結、整合，發揮打擊犯罪最大成效。</t>
  </si>
  <si>
    <t>日本日前送出的AZ疫苗今將完成檢驗封緘，原訂15日開放1-6類公費對象接種，但中央流行疫情指揮中心今確定晚間就可開始配送約50幾萬劑疫苗，明早就會有地方縣市收到。若地方縣市準備好，就可提前至明天開打。
日本厚生勞動省捐贈我國之阿斯特捷利康(AstraZeneca)公司COVID-19疫苗計1,238,460劑（批號D006A），於6月4日下午自日本空運抵台入庫，食藥署立即配合派員赴低溫倉儲現場監督拆箱、核對疫苗批號、清點數量、查核運送冷鏈，並抽取600劑樣品進行疫苗異物檢查，在現地封存疫苗後將樣品攜回食藥署國家實驗室進行外觀、鑑別、pH值、DNA/protein比例、細菌內毒素、無菌及效價等試驗，經食藥署同步審查文件資料與檢驗皆合格後，已於6月11日上午核發封緘證明書，旋即赴倉儲封緘。
食藥署表示，疫苗完成封緘後，即可交由疾病管制署進行後續疫苗接種作業。
至於逾124劑AZ疫苗施打對象？中央流行疫情指揮中心副指揮官陳宗彥今天表示，明起會陸續撥送到各縣市去，下周起第一至第六類人士將同步開打。指揮官陳時中表示，高致死率60至74歲族群開打時機，會等前六類人員施打完後再進一步開放。
指揮中心發言人莊人祥今天傍晚表示，原本以為AZ疫苗15日才可以配送到地方縣市，但由於今晚會先完成50幾萬劑的檢驗封緘，可提前配送，有的縣市明日一早就可以收到，因此開放地方縣市提前開打，開打時間由各地方縣市自行決定。
莊人祥表示，第1批配送過的日本疫苗合計有66萬劑，今可先配送50幾萬劑，剩下的疫苗會在15日前配送完畢。對於民眾要如何安排接種？他表示，並非每個縣市都會採取預約制，有的縣市是鄰里系統通知。若採取預約制，民眾可自行查詢合約醫療院所，打電話預約。
根據指揮中心日前公布的公費對象，第1至第6類分別為醫事人員、中央及地方政府防疫人員、高接觸風險工作者、因特殊情形必要出國者、長照機構人員及洗腎患者，以及75歲以上長者。</t>
  </si>
  <si>
    <t>隨著國內新冠肺炎疫情持續升溫，不少民眾為避免群聚，選擇到山區及森林遊樂區旅遊，屏東林管處17日宣布，包括林後四林平地森林園區等多處管轄區域，自5月18日至5月28日期間暫停開放，原鄉族人也呼籲民眾減少異地移動，「待疫情趨緩再相見」。
瑪家鄉長梁明輝表示，考量現階段疫情嚴峻，加上瑪家至舊排灣路段危險，道路工程仍在施工中，且村民在這時刻也覺得害怕，希望外地來的登山客先暫緩入山，等到路修好、疫情減緩再上山，還請民眾見諒。
來義鄉公所也在臉書貼出公告表示，因應全台多縣市三級警戒防疫事項，由於部落內多為老人、小孩，為保護鄉內族人健康安全，考量鄉內景點如棚集山、丹林大橋等假日人潮多，因此呼籲民眾減少到部落遊玩，強烈建議這段期間先不要進行登山活動，以減緩群聚。
來義鄉公所轉達各部落意見，向各位遊客及登山客強烈表達，請大家務必遵守防疫規定，也站在同理心的角度，暫時停止入山，避免造成防疫破口，增加部落安全及負擔。
屏東林區管理處更宣布，藤枝、雙流、墾丁國家森林遊樂區及雙流自然教育中心、林後四林平地森林園區，自5月18日至5月28日期間暫停開放；北大武山檜谷山屋及周邊營地自5月16日至5月28日期間暫停開放；6月15日前暫時停止國家森林志工解說導覽服務。
屏東林管處說，登山為高強度運動，過程需深度呼吸、不易全程佩載口罩，且正值防疫高度警戒期間，山域事故搜救困難度隨之升高，需保障救難人員安全並珍惜醫療資源，因此呼籲，如非必要，暫勿前往山區，並請隨時維持社交距離及落實戴口罩。</t>
  </si>
  <si>
    <t>第七輪疫苗將由AZ上場，面對來勢洶洶的Delta病毒，許多人想快點打疫苗提升保護力，ICU醫師陳志金分享，英國44歲女主播打完第一劑AZ三周後腦出血死亡，死因是打疫苗引起免疫血栓性血小板低下症，導致腦靜脈血栓。他提醒大家，打疫苗仍舊利大於弊，但接種完AZ或嬌生4至28天若出現嚴重持續性頭痛、視力改變、癲癇、嚴重持續腹痛、下肢腫脹疼痛、嚴重胸痛或呼吸困難等症狀，最好盡快就醫。
陳志金昨在臉書上分享，與接種疫苗時序相關的死亡案例，多數是病人本身有心血管疾病，最後檢查與疫苗發現並無因果關係，但近日英國出現一個案例，經數個月的調查，發現死亡個案確定是接種AZ疫苗後，引起之免疫血栓性血小板低下症（VITT）。
陳志金引述英國《BBC》的報導，44歲女主播接種第一劑AZ，3周後腦出血死亡，經過驗屍官數個月的檢驗和調查，終於在8月26日證實女主播的死因極其罕見，是打疫苗引起的免疫血栓性血小板低下症，導致大腦靜脈血栓，進而造成腦部腫脹與出血。
陳志金表示，女主播4月22日打第一劑AZ，5月13日出現嚴重頭痛的症狀送醫，發現腦靜脈血栓（CVST）經治療後改善，但在5月16日晚間頭痛加劇、說話出現困難，照了電腦斷層發現腦出血，切開顱骨減壓，但病情持續惡化，最終仍在5月21日去世。
陳志金說，血栓併發症的發生率約百萬分之十，英國在注射2480萬第一劑、2390萬第二劑AZ疫苗後，總共通報417例不良反應，其中72例死亡。因此英國政府認為，對多數人而言，接種AZ疫苗仍舊是利大於弊的選擇。
陳志金提醒，施打AZ或嬌生疫苗4至28天內出現嚴重持續性頭痛、視力改變或癲癇，恐是腦靜脈竇血栓的可能症狀；如果出現嚴重且持續腹痛超過24小時，則有可能是腹內靜脈血栓造成的；下肢腫脹或疼痛可能是深層靜脈血栓的症狀；嚴重胸痛或呼吸困難則是肺栓塞的可能症狀。
貼文引起網友討論，「所有的疫苗都可能產生副作用，疫苗只能救多數人，但也可能帶走一些人」、「所以打AZ可能會血栓不是含血噴人，只是機率很低而已」、「我打AZ頭痛2周，跑去急診醫師有幫照腦部斷層和抽血，排除血栓可能」、「昨天才去打AZ，看到這個有點怕」。</t>
  </si>
  <si>
    <t xml:space="preserve">全球因新冠肺炎疫情影響，各行各業多少都受到影響，各國演藝圈明星也有受到波及，日本、南韓接連傳出有藝人確診，令粉絲都相當不捨；南韓人氣女歌手請夏在去年12月初證實確診新冠肺炎，暫停所有活動接受治療，近日在症狀治癒後復出，病後首露面受訪，卻看到她雙頰凹陷略顯憔悴，讓人不禁又擔心她的身體是否真的康復。
據韓媒報導，在去年2月請夏的工作團隊就有人員傳出染疫，當時她接受檢測為陰性，但隔了數個月，12月初她因和確診者有接觸，主動通報接受檢測，結果出現陽性，還是躲不過疫情肆虐確診。
原先請夏準備推出首張正規專輯，但確診後所有工作都只能喊卡，連專輯計畫也只能延期；全面停工後的請夏，除了在家休養並接受治療外，哪裡都不能去，只能學著享受獨處的時光。
不過，近期請夏傳出好消息，她在接受治療後身體已康復並重回工作崗位，13日出席《Gaon Chart Music Awards 2020》頒獎典禮，是她確診治癒後首度露面，她和丹麥歌手Christopher合作的單曲〈Bad Boy〉獲獎；請夏受訪時，網友注意到她看起來比生病前更瘦弱，尤其雙頰凹陷，一種有氣無力的感覺，略顯憔悴的模樣讓人看了心疼。
而請夏復工後，就馬不停蹄地準備她的首張正規專輯《Querencia》，經紀公司預告在19日會正式推出，接下來將會進行一連串的宣傳活動；粉絲得知此消息後，一則以喜一則以憂，看到女神回歸縱然開心，但還是希望她能適度休息，深怕她又被病痛纏身。
</t>
  </si>
  <si>
    <t xml:space="preserve">3600間集中檢疫所何時開放預約？指揮中心今天表示，17日(周三)上午10點開放民眾上網預約，不過民眾無法選擇檢疫所位置。
指揮中心上周宣布，將釋出3600間集中檢疫所供民眾預約，進行「7+7」的檢疫，指揮中心發言人莊人祥表示，將收6梯次，每梯次檢疫7天，每晚價格為新台幣1500元。
不過指揮中心發言人莊人祥指出，集中檢疫所開放預訂後，恕無法提供民眾選擇地點，目前暫定周三上午10點開放預約，明天將進一步說明細節。
</t>
  </si>
  <si>
    <t>台灣才連續四天確診數抱零，繼昨天新增3名磐石軍艦確診者，今(19)日一口氣增加22名病例。中央流行疫情中心指揮官陳時中表示，新增21例都是在磐石軍艦上確診。另外一例為境外移入。
陳時中表示，磐石艦官兵774人分四個檢疫所，經過一晚徹夜採檢，全數採檢完畢，昨天也發出關懷簡訊，今天針對接觸者也會發簡訊，希望有症狀者也要提高警覺，希望第二波傳染可以建立防線。這幾天的足跡也會盡量處理，對於沒掌握到的會發簡訊，請他們要特別注意相關事項。
對於相關確診者在特別的足跡停留時間，超過一定時間會公布地點，至於詳細足跡則會交給地方政府，請他們做清潔消毒與疫情調查。
陳時中表示，因為牽涉的人很多，要感謝檢驗人員徹夜都沒睡，700多件檢體一夜就全部檢驗完成。</t>
  </si>
  <si>
    <t xml:space="preserve">Delta變種病毒不只入侵台灣，也在全球各地投下震撼彈，疫苗施打率搶先全球的以色列，解除口罩令才短短一週，也擋不住Delta來勢洶洶，單日確診暴增200例，不禁讓各界恐慌：連疫苗也沒效了嗎？群體免疫策略，該往哪裡去？
世衛才剛公布2月以來最低的確診與死亡數，全球疫情趨緩沒維持多久，近百個國家又因Delta印度變種（B.1.617.2）強襲，才剛要開啟的解封之門，馬上又闔上。
「解封標竿」領頭羊的以色列，近日更傳出噩耗：部分接種完2劑疫苗的成人，確診新冠肺炎，確診者中，高達半數是孩童。高達九成的新增病例，全是感染Delta變種病毒。
●口罩脫太早？　解封標竿以色列日增200例
以色列在疫情初期就搶訂疫苗，為國民購入大批的輝瑞和莫德納，也研發自己的國產疫苗，想靠疫苗迎戰病毒。今年他們快馬加鞭，只花短短6個月，接種完成率就攀升到57%，其中約80%超過16歲的成人，施打的是輝瑞（Pfizer/BNT）疫苗。
高接種率遏止以色列的疫情，衛生部在6月16日宣布解除口罩令，更準備重開國境、迎接國際遊客。前段時間，幾乎所有國家都拿以色列當榜樣，加速施打疫苗。
但就在上週情勢大逆轉，以色列單日暴增破百例確診，24日甚至新增多達249例，且還出現令人擔憂的現象：
1.確診的成人中，有將近半數都已打完2劑新冠疫苗；
2.新增確診者中，有一半是不到16歲的學童，當地2所中學爆出學生確診，他們大多沒有施打疫苗。
這可能意味著新冠疫苗對變種病毒的保護力不足，還有過去被認為染疫風險低的孩童，很可能也需要疫苗。當地學校在5月全面開放，室內外都不必戴口罩；6月初，以色列才開始幫12～15歲孩童的接種疫苗，該年齡層接種率目前只有2～4%。
因應疫情生變，以色列當局翌日即下令：恢復室內戴口罩規定，也加強佈署機場檢疫，更將原訂於7月1日開放國外旅遊的政策順延至8月。
●Delta傳染力有多強？　5～10秒擦肩就恐傳播
Delta變種病毒肆虐各地，秘書長譚德塞（Tedros Adhanom Ghebreyesus）說：「Delta變種是目前已知傳染力最強的，出現於至少85國，在尚未接種疫苗的群體裡快速散播。」
根據以色列初步統計，當地有高達9成的新增確診，都是Delta變種病毒引起。美國公衛官員推測，接下來1個月，以色列恐怕還無法立即擺脫Delta病毒。
究竟Delta有多容易傳染？澳洲防疫專家根據疫調研判，把Delta病毒傳染給別人，很可能只需約5～10秒，比如到室內的超級市場購物時，對方與你擦肩而過，單單是這樣的短暫接觸，就足以讓人感染到Delta病毒。
面對如此驚人的傳染力，科學家至今還不知原因。諾克推測，Delta變異株之所以傳播迅速，可能有3個主因：
1.個體的Delta病毒負載量大，因此會容易傳染；
2.感染Delta病毒所需的病毒量較小；
3.感染Delta病毒所需的時間較短。
諾克說，如果符合上面任何一種猜想，那麼當一名未感染者靠近帶原者，只需短短數秒鐘，就可能吸入足以感染的病毒量。但她也說，這還有一定的機率因素，也就是帶原者呼氣、而被感染者剛好吸入了空氣。
有鑑於Delta病毒的超強傳染力，世衛警告，即便是已經打完2劑疫苗的人，仍應「謹慎為上」，持續戴口罩、保持社交距離、並遵守所有防疫措施。在此之前，包括以色列、澳洲、美國等地，都不強制已經施打疫苗的人戴口罩。
世衛助理秘書長艾沃德（Bruce Aylward）說：「必須小心，不要再傳遞這種訊息給民眾，讓他們以為只要打完疫苗，就什麼都能做了。」
●確診數增、重症卻少　以色列：疫苗仍具保護力
不幸之幸是：以色列雖然出現了更多新增確診，但病情惡化的患者並不多。以色列官方安撫民眾說，他們相信打疫苗仍然有效，可以保護患者免於最糟的狀況。也因此，除了恢復室內口罩令，他們暫時不會回到封鎖狀態，也不會再祭出其他嚴格的限制措施。
「雖然新增確診數變多了，但住院人數卻沒有大增，」以色列新任總理班奈特（Naftali Bennett）說：「不過我們確實得當心，已經打完疫苗的人，還是會被Delta病毒感染。」
數據先前也顯示，打完2劑疫苗，確實能有效對Delta病毒產生防護力。英國公共衛生署發現，接種2劑輝瑞疫苗，對住院的防護力達96%；而施打2劑AZ疫苗，防護力則有92%。
英國緊急科學技術顧問、里茲大學空氣傳染病專家諾克（Catherine Noakes）則說，即便沒有爆出大量的死亡案例，病毒在社會中流竄，仍讓社會存在許多隱憂：民眾必須負擔隔離成本、很多人身體不適，當然還包括後遺症。
●專家：疫苗之外還需要高規格防堵、16歲以下也該施打
在專家眼中，要對付Delta變異株，多數國家寄望打疫苗的思維，還是太過大意。英國里茲大學病毒學家葛里芬（Stephen Griffin）認為：「把所有期待放在疫苗上，覺得達到群體免疫就能解決問題，這種想法本身很有問題。」
「要對付傳染力強大的變異株，得靠更高規格的防堵行動，應該做好做滿，而不是半調子的策略。」他認為，最理想的情況，是在變異株侵門踏戶之前，趕快加緊腳步，幫人民全數打完疫苗，這樣即便爆發大規模感染，也有足數的人具備抗體。
葛里芬也認為，除了儘速完成接種以外，替孩童施打疫苗更是當務之急。此外，「在一邊施打疫苗同時，也不能掉以輕心，仍然必須同步控制住確診數，才能有效阻止疫情擴散。」
輝瑞、莫德納都已個別針對年輕孩童做試驗，保護力數據分別是96%、還有將近100%。目前全球僅以色列、美國等少數國家，有替18歲以下的孩童施打疫苗，美國兒童傳染病學家拜蘭（Wassim Ballan）說，兩款疫苗的原理差不多，推薦家長不必特別挑選哪一支，有疫苗就趕快讓孩子接種。
資料來源：Washington Post、The Guardian、WSJ、Forbes
</t>
  </si>
  <si>
    <t>青少年下周開打BNT，第九輪的BNT疫苗預計在九月底開打，不過，近日頻傳打BNT恐誘發心肌炎，讓不少民眾擔憂緊張。對此，胸腔科醫師蘇一峰表示，打第二劑出現心肌炎的風險比較高，建議家長可讓孩子先打第一劑，再觀望是否要打第二劑。另根據美國統計，年輕人與老人打BNT後發生心肌炎的機率差了快百倍，老人打其實相對較安全。
蘇一峰今在臉書發文表示，近日許多人都注意到打mRNA疫苗（BNT和莫德納）須注意心肌炎副作用，特別是年輕的男性為高風險族群，根據美國的疫苗副作用統計數據來看，年紀越大的人打mRNA疫苗越安全，「年輕人與老人的心肌炎發生機率相差近百倍！」
從圖表中可見，接種mRNA疫苗，男性發生心肌炎的機率遠高於女性，而男性發生心肌炎的比例，又以年輕男性的發生率為最高，接著依年齡增加而遞減。
蘇一峰指出，青少年預計下周開打BNT，許多家長擔憂孩子打疫苗恐誘發心肌炎，但他認為可先打第一劑BNT看看，第二劑的部分則可再觀望，因為打第二劑BNT出現心肌炎的風險才會增加幾十倍，加上青少年染疫本就不易重症，因此打一劑預防重症就夠了。
不少家長看完表示，「這樣的說法有讓心放一點下來了，感覺很徬徨」、「我有一點安心了」、「這是對家長很好的建議」、「BNT和莫德納第一劑比較不會有症狀，是第二劑才會有，家長會擔心的，可先打第一劑，第二劑可觀望」。</t>
  </si>
  <si>
    <t xml:space="preserve">
49歲的光良3月14日白色情人節當天將帶著全新巡演《今夜我不孤獨》二度前進台北小巨蛋開唱，並推出新專輯《絕類》。他今（25）日上Hit Fm擔任大台柱，談到演唱會強碰新冠肺炎，表示已做好萬全準備，「除了疫情的來臨，一直都進行的很順利，現在就是要讓大家可以安全。」屆時現場將會做好萬全的防護措施，也希望粉絲配合測量體溫等事宜。
去年底去了武漢兩天半，光良直說那時候還不知道當地有疫情，「我們搭飛機就會戴口罩，有聽到當地的同事說有感冒，當時以為沒事，到了今年1月才知道疫情爆發，還是過海關提醒，才想起來自己有去過武漢。」本來想邀馬來西亞的家人來台灣看演唱會，但擔心搭機過程有點危險，目前還在思考是否要不要讓他們成行。
12年再登小巨蛋，光良透露現在嚴格執行忌口，「演唱會前特別不吃炸的、辣的，糖不要碰，完全不能碰，不要吃食品、要吃食物，澱粉都不能吃，奶類不能碰。」除了特別設計延伸舞台，還加上煙火特效，本來因為疫情停工的螢光棒工廠，上星期傳來好消息也已復工，讓他放下心中的大石頭。
附件區域
更多 CTWANT 報導
</t>
  </si>
  <si>
    <t xml:space="preserve">美國總統川普在23日白宮防疫記者會上提出「可將消毒劑注射至病患身上」，藉此「體內大掃除」，此言一出立即引起專家強烈反譴責，稱根本是危險誤導。雖然川普隔日聲稱這只是諷刺說法，不過據外媒指出，美國人民真的有人照著川普建議，引用消毒水或家用清潔劑，所幸無人因此送院治療，但仍不禁令人捏把冷汗。
據《紐約每日新聞》（Daily News）報導，紐約市衛生部毒物控制中心表示，自從川普「喝消毒劑」說後的18小時內，紐約市民打電話詢問紐約市衛生單位詢問可能誤食了漂白水或家用清潔劑的次數達到異常新高，從23日晚上9點至24日下午3點內，約有30起誤食消毒劑的案例，與去年同一時段相比僅有13起案例，此一數量將近增加了兩倍之多。
毒物控制中心發言人表示，除了23日至24之間的案例之外，另有9起疑似服用家用清潔劑「來舒水」（Lysol）、10起漂白劑以及11起一般家用清潔劑。而在去年同樣的18小時時段中，並未有誤食「來蘇水」的案例，而誤食漂白劑也僅有2起。
川普「喝消毒劑」一說是出於白宮疫情記者會上。當時他先大談專家研究以紫外線或強光打入體內殺滅病毒的可能性，接著便說「然後我也看到消毒劑能在1分鐘內殺滅病毒，有沒有辦法做到像是注入體內做個大清理？因為病毒會侵入肺部並大量增生，因此研究看看相關做法應很有趣」。
從媒體轉播畫面上來看，川普發表此說時的表情，看不出是在開玩笑，雖然他已在隔一日記者會中反稱「只是用諷刺語氣回答記者問題」，之後對於記者追問不再多回應，為川普在疫情記者會時間最短的一次。
而在川普「驚人」建議一出後，消毒劑公司來舒與漂白水公司高樂氏（Clorox）都發出聲明，提醒勿不當使用這類產品。此外，美國已有聲浪指出川普一再藉由疫情記者會為自己增加曝光率，但內容多是錯誤訊息、欺騙人民、對政敵憤怒、指責外國並一再「甩鍋」，以及吹噓抗議成就，已有籲30萬人連署各家媒體停止直播有川普的疫情記者會。
</t>
  </si>
  <si>
    <t xml:space="preserve">長相激似Angelababy的香港辣模許珮榆（Diva），近年演藝事業轉往大陸發展，在新冠肺炎期間，也不忘做好防疫工作。她今(22日)被港媒直擊與友人戴著口罩出現在香港某商場，豪乳上圍超吸睛。
擁有葡萄牙、新疆血統的辣模許珮榆，2009年演出TVB《四葉草-南華夢飛翔》出道，後來憑著超犯規D罩杯火辣身材成為香港宅男女神。只是人紅是非多，她就曾被爆料是人工美女，當時經紀公司則為她喊冤，表示她是以前有嬰兒肥，沒有整容。
</t>
  </si>
  <si>
    <t>不少民眾盼能解封，但專家認為須先達到群體免疫。胸腔暨重症醫師黃軒今發文表示，感染過新冠肺炎仍可能二次染疫，未來若大規模打疫苗，新冠肺炎仍沒被消滅，那麼疫情恐會進入地方性的戰役，面對這樣的狀況，各國該如何讓人民在疫情下過正常生活，則須好好思考。
黃軒今在臉書發文表示，如果大家都達成群體免疫，但新冠肺炎仍在社區大流行怎麼辦？他表示會出現這樣的想法是因為「新冠肺炎流感化」以及「反覆感染」。
黃軒指出，反覆感染是呼吸道病毒顯著的特徵，我們都不知道受同一病毒種類感染多少次，而人類常感染的呼吸道病毒，包括流感病毒、呼吸道道合胞病毒（RSV），鼻病毒和冠狀病毒一直都存在，很大程度上是由於它們產生了「反覆感染」的能力。
黃軒說，確診新冠肺炎的病人，無論病情的嚴重程度，身體都會誘導產生抗體，但是隨著時間拉長，抗體濃度會下降，甚至不足以提供長時間的「殺菌免疫力」，以防止再度感染。而消失的抗體、減弱的免疫和病毒的免疫逃脫，這些都會破壞或規避免疫系統功能，導致再度感染新冠病毒。
黃軒也說，如果人體的免疫系統接受反覆被病毒感染的訓練，免疫系統必須要「有能力」長期保護身體，否則可能會出現3種結局，分別是「持續全球大流行」、「死亡人數繼續增加」或是前兩者同時出現。
黃軒透露，上述所謂的「有能力」是指接種疫苗或體內自己生成免疫記憶細胞，記住新冠病毒之前對身體進行的攻擊，這樣才有機會把新冠肺炎變成地方性流行病。不過，若現正全球大規模地施打疫苗，但新冠病毒仍舊沒有被消滅，那麼疫情恐會進入下一場「地方性的戰疫」。
黃軒表示，目前已是地方性流行病的冠狀病毒共四種，分別是OC43、HKU1、229E和NL63。 受冠狀病毒感染後，在1年內受到同一冠狀病毒株感染是很常見的；流感病毒株同樣也可在不到2年的時間內連續感染；呼吸道合胞病毒也是會在1年內再次受到感染。而現正流行的新冠病毒正符合這樣「萬世留存」的病毒特質。
黃軒透露，根據法國研究指出，流感死亡率是5.8%，新冠肺炎死亡率則是16.9%，幾乎是流感的3倍。而感染新冠肺炎的患者須住加護病房治療的有16.3%，比流感患者的10.8%來得多，且確診新冠肺炎者入住的平均天數幾乎是流感患者的2倍。
黃軒提醒，目前並沒有數據可以證實「新冠肺炎流感化之後，病毒就會變弱」。若未來達到群體免疫，但新冠肺炎仍繼續流行，新加坡已針對「如何讓人民在疫情下過正常生活」進行規劃，預計在8/9至少有三分之二的人口完成2劑疫苗接種，每日監控有多少重症，而非確診數字，確診者將獲准在家中康復，減少醫療體系的壓力，篩檢的目的從匡列接觸者，轉變成確保比賽項目、社交活動和海外旅遊能安全進行。</t>
  </si>
  <si>
    <t>疫情指揮中心副指揮官陳宗彥今日表示，從今天起，地方政府會開始提供採檢民眾關懷電話，這部分是從衛政以外的人力去調度，來做協助，主要是以雙北市為主。
媒體問到，陳宗彥在上午記者會提到，民眾採檢後，在校正回歸中的空窗期，會提供地方政府的關懷電話，是從何時開始提供這樣的服務？
陳宗彥表示，在上午的會議中，地方政府有提出這樣的想法，主要是雙北市為主，因為採檢完正在等候結果以及確診人數，都是雙北民眾居多。因此中央同意讓地方縣市政府從今天開始會做這樣的處理，地方會調度除了衛政以外的人力做協助。</t>
  </si>
  <si>
    <t xml:space="preserve">全球32國、共239名科學家下周即將向世界衛生組織（WHO）發表公開信，指控世衛忽視新冠病毒會透過「空氣傳播」的風險，《紐約時報》指出，如果科學家的研究發現是正確的，那麼即便有採取社交距離措施，民眾在室內仍應該戴上口罩，空調系統也要加裝過濾設施。
全球各地陸續解封後，酒吧、餐廳、市場等室內場所接連爆發嚴重群聚感染，這種情形可能坐實了科學家數月以來指出新冠病毒不只透過飛沫，更會藉由空氣傳播的說法。《紐約時報》（New York Times）昨（5）日披露，橫跨全球32個國家、共239名科學家，下周即將在科學期刊刊登一封致世界衛生組織的公開信，內容將羅列新冠病毒會透過空氣傳播、並且感染人類的各項證據，同時建議世衛更新相關防疫指南。
科學家指出，不論是打噴嚏後透過大片飛沫飄散到空氣中，或是吐氣後，透過小片飛沫蔓延整個房間，新冠病毒確實會透過空氣傳播，人類吸入後就會感染病毒。
科學家也指出，好幾個案例都顯示，在空調系統不佳、人群擁擠的室內空間中，病毒確實會透過空氣傳播。
據英國《每日郵報》（Daily Mail）報導，今年4月，大陸武漢的科學家分析醫院中不同地方的空氣分子，他們發現除了醫院廁所、以及醫護人員更衣的房間兩個人潮較多的地方外，醫院其他地方都偵測不到新冠病毒，研究人員推測，廁所會有較多病毒量，可能是因為空調系統不佳，另外醫護人員更衣室有較多病毒，可能是因為人員摘掉口罩、手套、外衣時，原本沾黏在上面的病毒又被揚起，重新透過空氣進行傳播。
《紐約時報》指出，如果空氣被證實是新冠病毒傳播的重要途徑，那麼許多防疫措施都必須升級，包含即便採取社交距離政策，民眾在室內仍須戴上口罩；醫護人員在照顧新冠患者時必須配戴N95口罩，以過濾掉最小的飛沫分子；學校、長照機構、居家、工作場所應該盡量降低再循環空氣，並且為空調系統加裝強大的過濾器；甚至室內可能需要裝設紫外線機，以殺死漂浮在空氣中的病毒粒子。
Tribune News Service報導，WHO及美國疾病管制暨預防中心（U.S. Centers for Disease Control and Prevention，CDC）長期以來告訴民眾，只需要擔心新冠病毒透過近距離飛沫傳染，以及觸碰到受感染物品表面，之後再觸摸眼、口、鼻等兩種感染途徑，專家指控這些機構長期忽視病毒會藉由空氣傳播的風險，科學家甚至認為，空氣傳播才是唯一能夠解釋為何在採取了防護措施後，大陸餐廳以及美國的合唱團仍會出現「超級傳播者」的情形。
報導指出，WHO在最近一次、6月29日的疫情更新消息中承認，新冠病毒會透過空氣傳播，不過這種情形只可能發生在包括插管等醫療行為中，這些舉動會產生大量微小粒子，因此WHO也只建議醫護人員在這些情況下戴上N95口罩。
過去數月來，WHO一直不願證實新冠病毒會透過空氣傳播，主要原因在於缺乏明確證據，而各界的癥結點在於病毒微粒在空氣中能夠存活多久。今年3月，美國政府專家稱，病毒能在空氣中存活3小時，在塑膠以及鋼製品表面最長能夠存活3天。
</t>
  </si>
  <si>
    <t xml:space="preserve">新冠肺炎疫情仍持續發燒，死亡人數連日創新高。不過，前綠委沈富雄發現新冠肺炎致死率和年齡似乎有關係有驚人關係！沈認為，「對青壯之士，以佛系之眼待此病毒，對70歲以上的老人家以魔網全力反向圍堵」。
沈富雄在臉書發文表示，有關新冠肺炎的各種數據，由於各地、各城、各州、各國的篩檢率及及篩檢結果的可信度互異，至今眾說紛紜，難以比較。
沈富雄接著表示，西雅圖市是他的第三故鄉（台南市第一、台北市第二），該市所屬的華盛頓州及州屬的科克蘭市是全美爆發疫情的第一州及第一市。開始時防疫工作七零八落，篩檢技術嚴重落後，不過，至今情況已趨穩定，一項重要的數據：致死率與年齡的關係，其落差十分驚人！
沈富雄認為，如果一切可以重來，放之四海而皆準的戰略似乎是：(1)阻絶或攔截病毒於境外或境上：這個「境」包括廣義的國境、州境、市境、鄉鎮境，以及人與人之間的境。(2)一旦本土個案起跳，應盡全力保護70歲以上的老人，將老人群聚的地方完全封閉，不許進出，公家提供所有生活必須品，直到疫情過去。「對青壯之士，以佛系之眼待此病毒，對70歲以上的老人家以魔網全力反向圍堵」。
</t>
  </si>
  <si>
    <t xml:space="preserve">最近新冠肺炎疫情全球延燒，國際導演吳宇森夫婦5日在美國洛杉磯家中，以簡餐低調祝賀結婚44周年，吳宇森喝紅酒、吳太太牛春龍喝茶，兩人乾杯祝福彼此身體健康，也祝福世界人人身體健康，以愛的互動度過難關。
吳宇森一生熱愛電影，把自己一輩子獻給觀眾，和家人聚少離多，直到他得到癌症後，在和病魔決戰時，他的小孩在妻子的帶領下釋出愛，在精神上全力支持他，才使他了解妻子為了圓他人生的夢，幫他教導了3個懂得關懷父親丶愛朋友的好子女。
因為愛的支持，吳宇森撐過難關，化療後他曾瘦得像個小老頭，最後也因堅持活著，度過生命的難關，目前他正在籌拍新版《喋血雙雄》，也關注全球四處漫延的疫情，他強調回到初始、愛自己，才有能力愛他人，愛從家庭出發，才是正規，有了愛和正向關懷才能抗疫。
</t>
  </si>
  <si>
    <t xml:space="preserve">新冠肺炎疫情嚴峻，為了遵守中央流行疫情指揮中心的指示，中國醫藥大學新竹附設醫院在診間、大廳繳費、領藥等，均設置安全距離，醫師與病患也可透過醫院提供的平板看到資料與影像，拉開醫病距離，降低肺炎傳染的可能性。
該院院長陳自諒表示，無論在診間，或是在大廳排隊繳費、領藥，或在餐廳用餐等，均須保持1.5公尺的距離。
耳鼻喉科主任王堂權表示，新冠肺炎傳染途徑以飛沫和接觸為主，患者若有咳嗽等呼吸道症狀，對醫護人員都是挑戰。過去醫師在講解患者檢查的狀況，幾乎都並肩，看電腦內的資料，如今該院配發平板，患者可持平板與醫師同步看到影像與資料，也能了解自身狀況。
若遇到高風險患者求醫，王堂權也會配戴N95口罩、手術帽、護目鏡、防護面罩、頭燈、全身防水隔離衣、乳膠手套，保護全身。王堂權也說，醫護人員每天會接觸上百個病患，避免醫病之間的交叉傳染責無旁貸。
</t>
  </si>
  <si>
    <t>義大利新冠肺炎疫情失控，7日新增確診近1200例，義大利政府當地時間晚間8時40分宣布緊急命令，封鎖整個倫巴底大區與其他區域的11個省，未經核准不許進出，米蘭、威尼斯等大城都在封鎖之列。
中央社報導，義大利7日確診病例達5883例，死亡人數233例，許多地方行政首長也感染，義大利政府晚間採取新的緊急措施，擴大封鎖的「紅色區域」。
封鎖範圍除了米蘭為首府的整個倫巴底大區（Lombardia），還包括附近幾個疫情嚴重大區內的11個省，分別為帕瑪（Parma）、比森薩（ Piacenza）、里米尼（Rimini）、摩狄納（Modena）、貝沙羅（Pesaro）、烏比諾（Urbino）、威尼斯（Venezia）、巴多瓦（Padova）、特雷維索（ Treviso） 、亞歷山德里亞（Alessandria） 、阿斯提（Asti）。
這些大區內將關閉娛樂場所、博物館、體育活動、健身房、游泳池，區域內的學校停課到4月3日。</t>
  </si>
  <si>
    <t xml:space="preserve">新冠肺炎爆發至今全球確診人數高達3300萬多，死亡人數已逾百萬，《美國醫學會雜誌》研究報告指出，美國境內的新冠死亡數，可能少算了將近28％，世界衛生組織WHO坦言，目前的死亡人數可能被低估，並警告各國若不團結，死亡人數恐怕倍增至200萬人。
根據7月份出刊的《美國醫學會雜誌》（JAMA Internal Medicine）研究報告指出，耶魯大學研究員依據美國衛生統計中心的數據發現，美國境內的新冠肺炎死亡人數，可能少算了將近28％。
「約翰霍普金斯大學」統計顯示，新冠死亡人數最多的國家，前3名依序是美國20.4萬人、巴西14.1萬人，以及印度9.5萬人，但WHO世衛突發衛生事件執行主任萊恩直言，計算時沒辦法做到完美，甚至保證，無論是確診或死亡人數，官方的統計數字很可能被低估。
《華盛頓郵報》日前報導，美國休斯頓一個研究團隊23日公布的研究發現，病毒不斷突變，可能變得更具傳染性，而且更適合在人類之間傳播。美國國家過敏和傳染病研究所病毒學家莫倫斯表示，值得注意的是，病毒傳染性增加，恐影響目前的防疫政策，戴口罩、洗手等防疫措施可能都無法有效阻隔病毒。
</t>
  </si>
  <si>
    <t>長聖國際生技今年在「亞洲生技展」登場，面對新冠肺炎疫情，長聖研發的異體臍帶幹細胞（UMSC01）用於治療新冠肺炎確診患者，除已獲衛福部核准恩慈療法、財團法人醫藥品查驗中心（CDE）認證對新冠肺炎藥物研發具潛力之藥物外，也同步申請美國FDA緊急使用核准進行臨床試驗，參與抗疫國家隊不遺餘力，表現亮眼。
長聖總經理、胸腔科名醫黃文良表示，間質幹細胞的分化能力很強，可調節免疫系統並抑制發炎，促進內發性修復，對抗重症患者的細胞激素風暴並拯救生命，希望能帶給新冠肺炎患者恢復健康的契機。
長聖是中國醫藥大學暨醫療體系的合作企業之一，致力於研發免疫細胞與幹細胞療法，對相關病症給予新的治療契機，並針對每個人的差異給予個人化的精準醫療，是全方位細胞療法之新藥研發公司。
此外，黃文良表示，對於逐年增加的癌症患者，長聖積極推動細胞治療對抗癌症，依據特管辦法，長聖不僅提供自體免疫樹突細胞（DC）治療，同時也在今年5月獲衛福部核准，將DC與細胞因子誘導的殺手細胞（CIK），結合成為樹突細胞結合細胞因子誘導殺手細胞療法（DC-CIK）。
長聖同時積極與全台各醫療院所合作申請，目前已與17家大型醫療院所合作及有七家醫療機構獲得衛福部核准收案，治療人數已達90人，讓癌友露出生命的曙光，嘉惠更多病人。黃文良表示，樹突細胞腫瘤疫苗（ADCV）治療多型性膠質母細胞瘤（俗稱惡性腦瘤，GBM）正在進行2期臨床試驗；此外，異體臍帶幹細胞（UMSC01）治療心肌梗塞及腦中風第一期臨床試驗也在進行中。
「在未來，治療疾病有可能是一顆細胞（a cell），而不只是一顆藥丸（a pill）」長聖董事長劉銖淇表示，看到特管辦法的個案一次只能救到一個人，若能通過臨床試驗並上市，透過細胞製劑的量產，將能夠同時救治很多的患者，這是最令人振奮的事情，期許嘉惠更多病人。</t>
  </si>
  <si>
    <t>法人機構指出，隨著後疫情期間經濟緩復甦現象，全球低利率環境將持續一段時間，而聯準會政策動向延續，當前基準利率近0％的現象至少維持到2022年底或甚至更久。凱基投信分析，根據歷史經驗回測，2009～2014年間聯準會維持利率為0％，而可代表亞洲債券的摩根亞洲信貸指數漲幅達80％，表現十分亮眼。
凱基新興亞洲永續優選債券基金預定經理人陳建銘表示，亞洲債券經歷過2008年金融海嘯、2011年歐債危機、2015年油價重挫、2018年美中貿易戰、2020年新冠肺炎等危機衝擊後，亞洲債券仍能快速收復跌幅，表現相對於亞股抗跌，顯示亞債資產的穩健度較佳。
陳建銘進一步觀察，歷年來亞洲債券相較於各類信用債券及股票指數的年化夏普值較高，亞洲債券有0.96，而市場普遍關注的全球高收益債為0.76、全球股票為0.4，相形之下，亞債的投資效率比其他資產表現更亮眼，尤其是今年全球市場波動度增加，投資人欲尋找更能提升投資報酬率的資產，亞債即能脫穎而出、值得投資人提高關注度。
雖然新冠肺炎疫情尚未完全控制，但對於金融市場的衝擊已逐漸鈍化，各地區的經濟活動逐漸復甦；相較於成熟及新興國家地區，亞洲經濟雖同樣受到衝擊、但幅度較小，且估計在中國市場的帶動下，有機會加快復甦腳步，未來基本面前景較為正向。
目前全球債券殖利率水準已近歷史低點，建議投資角度可鎖定具備利差收斂空間、可望創造資本利得的信用債券。陳建銘表示，目前亞洲債券的利差水準仍高於歷史平均，而就歷史評價面分析，亞債相對於主要股市、公債及其他信用債仍相對低廉，可望持續吸引資金青睞。</t>
  </si>
  <si>
    <t xml:space="preserve">新冠肺炎（COVID-19）在亞洲爆發，日本北海道知事鈴木直道日前表示：「既然中央政府拿不出答案，我們就要自己去解決。」率先宣布停課，日本民眾對他的政策相當滿意，網友更對他的戴口罩的顏值驚豔，讓他在網路上爆紅。
日本新冠肺炎案例數截至目前已有938例，其中11例死亡、41人已經出院，除了鑽石公主號的705名確診案例之外，北海道有66例案例排名第一，北海道知事鈴木直道暨2／27率先宣布學校停課之後，2／28更宣布「緊急事態宣言」，希望到3／19的三周之內，請國民周末盡量不要外出，比日本中央政府更積極的態度面對疫情也讓日本國人相當讚許。
事實上，38歲的鈴木知事是日本最年輕的民選知事與民選市長，他曾考僅是日本東京都廳工作，先後在東京都衛生局、東京都衛生研究所（現在的東京都健康安全研究中心）、東京都立北療育醫療中心、福祉保健局保健政策部疾病對策課任職，2008年擔任福祉保健局總務部總務課主任時，被東京都廳派遣至北海道夕張市，協助因在2007年破產而大量裁員的夕張市政府運作。
他的高顏值也成為這次防疫之外的話題之一，不管是戴著口罩的照片，或是過去選舉及出席活動的照片都被一一翻出，粉絲團也迅速湧入全球各地的粉絲，成為新冠肺炎防疫之外的熱門話題。
</t>
  </si>
  <si>
    <t>新北市疫情嚴峻，部分執勤員警染疫，為讓第一線外勤員警出勤安心，新北市政府與警政署取到8000劑的「新北警察專用疫苗」，於今（1）日開始為第一線員警施打。
瑞芳警分局雖然轄區人口不多，但因處於風景區，外來遊客絡繹不絕，為杜絕因此帶來的染疫風險，瑞芳分局也特別協調瑞芳衛生所為第一線同仁施打疫苗，有意願施打者均可於本周內施打完畢。
瑞芳分局表示，第一線執勤員警除了打擊犯罪，更須面對可能染疫的風險，希望能讓大家出勤安心，因此除了鼓勵所屬積極施打疫苗，並安排分流施打，避免群聚造成更大風險。
瑞芳分局長陳忠龍表示，感謝市長侯友宜及警察局長黃宗仁積極爭取，同時也感謝相關衛生單位能在百忙之中協助施打，讓同仁能在疫情嚴峻下自我保護，進而守護更多人的健康。</t>
  </si>
  <si>
    <t xml:space="preserve">日本首相安倍於3月5日傍晚終於發佈新冠肺炎防疫措施，對中國大陸、韓國實行入境限制，要求在9日以後入境日本的大陸與韓國旅客，強制隔離14天。
據日本《讀賣新聞》報導，因為新冠疫情擴散形勢難以遏止，日本政府今（5）日開始規劃限縮或中止已經向大陸與韓國旅客發出簽證，未來將計劃要求大陸與韓國兩國的遊客暫時不要前往日本。
《讀賣新聞》指出，來自大陸與韓國旅客移民官員必須在醫療機構或政府指定的機構進行隔離檢疫兩週，由這兩國抵達日本的航班將限制只能在成田機場和關西國際機場降落，水路部份的船舶客運則全部暫停止。
為了抑制新冠肺炎疫情，東京原就打算對所有來自陸、韓的旅客強制隔離14天，安倍首相終於在5日晚間的防疫會議上正式宣布此一決定。
</t>
  </si>
  <si>
    <t>由於開學在即，許多老師希望開學前可以打疫苗，教育部表示必須從預約系統預約，但台北市許多新進老師、代課老師以及課後照顧老師若透過預約系統難以銜接，全台可能都有類似的問題，是否可以針對八月新進的代課老師等可以讓老師盡快接種？
對此，中央流行疫情指揮中心指揮官陳時中表示，有看到相關名單，已經整理中，目前無法掌握，但若有確實數目，網路上的線上系統去核對有哪些需要再想辦法滿足這塊，「畢竟開學是一件重要的事情。」
另外，由於第一類對象已經開始混打第二劑莫德納疫苗，但第一類中的基層醫護人員卻還未列入第二劑混打疫苗？
陳時中今天鬆口表示，現在陸陸續續對第一線的先發下去疫苗後，接下來基層開業醫部分，也就是第一類裡面的第三級風險對象，已經請他們趕快造冊上來，混打「應該快了」。</t>
  </si>
  <si>
    <t>近日疫情再起，大專校院即將在下禮拜陸續開學，教育部長潘文忠今(8)日表示，大學可按照既定時程開學，但建議在中秋節（9月21日）前 ，先採行遠距或線上教學。台灣大學、清華大學與台灣師範大學晚間發布消息，皆延後實體上課時程。
潘文忠提到，如果大學是在9月中旬開學，建議中秋節前均採遠距或線上教學，用更多的時間來進行防疫準備，以因應學生因為中秋節連續假期南北移動後回校可能產生的狀況；中秋節過後，再恢復實體課程。
台大表示，9月22日開學後的前三周都全部採遠距教學。
清華大學在官方臉書公布，將依教育部建議，9月13日開學後，一直到21日都採線上授課。等到中秋假期結束後，再視疫情狀況看看是否可恢復實體上課。
台灣師範大學則宣布，今日下午決議，為因應加強防疫工作，配合加退選時間，並避開雙十連假人潮流動，開學前三周（9/22～10/12）將全面線上授課。
★《中時新聞網》提醒您：因應新冠肺炎疫情，疾管署持續加強疫情監測與邊境管制措施， 如有疑似症狀，請撥打：1922專線，或0800-001922，並依指示配戴口罩儘速就醫，同時主動告知醫師旅遊史及接觸史，以利及時診斷及通報。</t>
  </si>
  <si>
    <t>屏東縣25日公布新增4例本土確診者及2例台北市、彰化縣確診者來屏足跡，共匡列43名接觸者檢疫及隔離；其中案號5466為先前公布確診4226號的胞兄，案5464為4755的妻子，都是親友感染，屏東縣長潘孟安則提醒民眾，這段期間減少不必要的出門、群聚或互訪，多利用電話及視訊，以免形成防疫破口。
衛生局指出，5466、57歲潮州鎮男子因疾病，平時起居均由4226照料，或至外甥經營的早午餐店用餐，在4226確診後，被通知居家隔離，5月23日搭防疫計程車至醫院採檢，24日確診。活動足跡範圍多在早午餐店及潮州河濱公園等處。
案號5464、60歲婦女是4755妻子，先生4755曾與4465駕車前往台東市旅遊，23日確診，5464採檢後24日也確診；而5464在學校任職，因學校停課中，沒有接觸到學生。衛生局疫調5月20日至24日足跡，除了往返學校外，曾至內埔鄉驗車、屏東市建國市場、屏東市全聯屏東自由門市、屏東市統一超商光榮門市等處。
案號5465、76歲萬巒鄉婦人5月20日出現咳嗽、頭痛、頭暈等症狀，自行騎乘電動代步車至診所就醫；5月24日因症狀未改善，轉往醫院治療，陪同的女兒同時匡列採檢，至深夜才確診，為案號5463。
衛生局疫調發現，5465婦人平常活動範圍在萬金聖母聖殿周圍市場買菜聊天，但5463女兒由台北市萬華返屏，她在北部期間曾與台北市確診案3258接觸，詳細足跡仍在疫調釐清中。
此外平，屏縣府衛生局接獲彰化衛生局通報，案號4924、69歲男子曾於5月21日與友人駕車至屏東縣九如鄉等地，並至萬巒鄉海鴻豬腳（萬巒鄉民和路16號）用餐，已經進行環境清消。
案號4777、54歲女子曾於在台北市萬華地區活動，她在北市採檢後即南下恆春找親友，並協助農園工作，衛生局5月24日接獲台北市衛生局確診通報後，疫調在縣內足跡，包括恆春鎮赤牛嶺廟、屈臣氏、全聯、正一大賣場、黃昏市場等處。
目前所有確診者足跡均完成消毒，衛生局進一步交叉比對分析屏東縣本土病例，大致有二個群聚感染源，一是曾有萬華旅遊史的全縣首例3037，至今群聚感染9人確診；另一個是「4465」台東旅遊，該案同車6人現已有3人確診，1人妻子也因接觸而感染，累計4人。
屏縣衛生局也公布潮州快篩站篩檢狀況，24日篩檢98人，25日上午97人，共195人全部都是陰性，但發現申請快篩者以年輕人居多，潘孟安希望符合條件的長輩也能盡快出來快篩。</t>
  </si>
  <si>
    <t>新冠肺炎疫情迅速擴散，引發市場擔憂全球經濟會受到衝擊，加上國際油價崩跌，使投資人恐慌情緒升溫，亞洲股市今天收盤全面重挫。
有鑑於全球死於2019年冠狀病毒疾病（COVID-19，武漢肺炎）的人數不斷增加，交易商紛紛脫手拋售風險較高的資產，轉向投資黃金及日圓等避險性資產。這激勵黃金價格和日圓匯率高漲，也使美國國債殖利率跌至歷史低點。
雖然各國政府和中央銀行陸續祭出或準備採取經濟刺激措施，肺炎疫情擴散仍逐漸對經濟造成巨大壓力，並引發各界擔憂會出現全球衰退危機。
全球最大石油出口國沙烏地阿拉伯因與俄羅斯在原油減產議題上談判破裂，決定下調官方油價至前所未見的低點，引發國際油價暴跌，全球股市也跟著重挫。
國際油價暴跌，全球石油業者受嚴重衝擊，估計損失達數千億美元。
Gaitame.com研究所（Gaitame.com Research Institute Ltd.）的神田拓也（Takuya Kanda）說：「國際油價暴跌，且冠狀病毒疫情不斷擴散，都引發各界擔憂全球經濟存在下行風險。」
亞洲股市今天追隨歐美股市6日跌勢，收盤一片慘綠。東京股市重挫5.1%。香港股市挫跌4.2%。雪梨股市暴跌7.3%。首爾股市下挫4.2%。
曼谷股市重挫8.0%。新加坡股市收跌6.0%。雅加達股市重挫6.6%。上海和台北股市收跌3.0%。馬尼拉、威靈頓和吉隆坡股市也全數收黑。</t>
  </si>
  <si>
    <t>上市櫃唯一標榜無抗養殖的農業科技概念股達邦蛋白（6578），2019年底取得食品益生菌廠登記證，開發水產動物用益生菌「達邦來富」測試發現，搭配達邦胜肽蛋白投餵，能有效壓制午仔魚鏈球菌病情、提升魚隻活力、明顯增重二到三成、達到減抗70％，穩定龐大商機。同時，達邦蛋白漳州廠目前已開始作庫存出貨並接到新單，新冠肺炎停工帶來的影響在可控範圍，2月底可望完全恢復正常。
午仔魚鏈球菌疫情好發於夏季炎熱氣候，以及魚生長至二到五兩重時，造成養殖戶嚴重損失，市場上卻缺乏有效的益生菌產品。「達邦來富」投入屏東佳冬午仔魚養殖區測試長達十個月，獲得重大突破，配合測試的全國績優產銷班的楊傳章先生表示：「過去用過各式各樣的益生菌產品，但效果都不太明顯，有時迫不得已使用抗生素，也僅是在疾病爆發後盡可能搶救，實在苦無有效對抗鏈球菌感染的好方法。」然而，「達邦來富」測試的結果，不僅魚隻活力更好，投餵量顯著提高二到三成，同時搭配使用達邦胜肽蛋白，正好令腸道較短的午仔魚，有效率地獲得更多蛋白質，改善換肉率，對抗生素減量達七成，不僅降低依賴性、節約成本，疫情控制使養殖過程更加穩定，安全高品質的午仔魚到生鮮市場上，對養殖戶及消費者來說是雙贏。
大陸疫情延燒，達邦蛋白新建的漳州廠，目前已開始運作並接到新單，新冠肺炎停工帶來的影響在可控範圍，2月底可望完全恢復正常。剛完成的第一條線產能達1,200噸，規劃中的第二、三條預計下半年動工，屆時產能可達2,400噸，合計漳州廠產能可達3,600噸，與台灣產能相當，站在無抗養殖的浪頭上，前景非常看好。</t>
  </si>
  <si>
    <t xml:space="preserve">英國連日武漢肺炎確診病例暴增，今天累計至116例，且出現第一起死亡病例，但調查訪問1618名醫護人員，有99%認為英國公立醫療體系「國家醫療保健服務」（NHS）沒準備好。
英國的2019年冠狀病毒疾病（COVID-19，武漢肺炎）確診人數最近連續刷新，24小時內新增超過30例，今天一舉暴增到116例，突破百人大關，且傳出第一起死亡病例。
英國廣播公司（BBC）報導，死亡病例是一名70多歲女性，原本就因其他疾病而進進出出醫院，在瑞丁市（Reading）皇家伯克郡醫院（Royal Berkshire Hospital）接受治療。
英格蘭首席醫療官惠提（Chris Whitty）說，據信這名病患是在英國境內受到感染。當局正在追溯她的感染源。
儘管疫情這週急遽惡化，但「衛報」（The Guardian）2日報導，國家醫療保健服務1618名醫護人員接受調查訪問時，竟有99%的受訪者認為國家醫療保健服務沒有準備好，僅8人認為準備好了。
調查顯示，儘管英國首相強生（Boris Johnson）保證狀況在控制中，但絕大多數醫護人員不認為NHS準備好面對疫情大爆發。他們憂心NHS目前就已負擔沈重，尤其是重症加護病房數量太少。
進行這份調查的英國醫學會主席帕馬（Rinesh Parmar）說：「強生說他非常有信心國家醫療保健服務能應付2019年冠狀病毒疾病疫情爆發，但我們的調查卻顯示，第一線醫師不同意。」
他說：「真相是國家醫療保健服務早已不堪重負，許多醫師憂心我們的醫療體系無法應付大量湧入的冠狀病毒病患。目前（英格蘭）缺了約1萬名醫師與4萬3000名護理人員，國家醫療保健服務現在要處理的工作就已人手不足了。」
帕馬說：「目前急診室等候時間創下有史以來最糟紀錄，加護病房數量就連提供最重症病人及等待癌症手術的病人都很勉強。」
NHS醫護人員也憂心，部分醫院甚至缺乏口罩等基本工具，而且NHS的專線電話有時候會指示有症狀的病人前往醫院急診室，儘管官員早已警告，這麼做可能會使新型冠狀病毒進一步傳播。
</t>
  </si>
  <si>
    <t>北市副市長蔡炳坤9日表示，北市75歲以上長者第1劑已滿10周，要開打第2劑，預約到12日中午截止，15至19日火力全開施打。台北市長柯文哲痛批，台灣疫苗最大問題，就是中央完全沒規畫，有什麼打什麼，導致亂七八糟。
柯說，最後還是要靠打疫苗防疫，台灣疫苗最大問題是完全沒規畫，有啥打啥，亂七八糟，75歲以上打了第1劑AZ的長者，已滿10周，要打第2劑，北市75歲以上長者有13萬人，其中超過10萬人都已在政委唐鳳的系統登記，既然已登記，10日就去預約，預約結束後，北市會跟中央討名單，完全沒登記的人看有多少，再分配給各區公所造冊通知來打，有數位能力就用唐鳳系統，不行就北市造冊。
蔡炳坤表示，北市有33家醫院、246家診所、12家門診中心，加上花博爭豔館有提供292個接種點，希望長者都能就近接種，不必跑到很遠地方，沒預約者盡快登記，12日會預約結束。
蔡炳坤說，沒預約的75歲以上長者，北市會整理名單，按照時間、地點分配好去哪打，透過民政系統、里鄰長、里幹事，16、17日把接種通知單送到每位沒預約的75歲以上長者家中，安排在22、23日，看哪個時間到哪個醫院打，會有大型醫院為長者服務。
蔡炳坤說，另外也有3萬多名年輕人預約，預約時間為10至12日，他也希望年輕人可跟阿公阿嬤一起去接種；養護機構的第2劑接種也同步進行，15至23會打完；校園打疫苗也要登場，22至29日是高中職五專，30至10月6日式國中。</t>
  </si>
  <si>
    <t>大陸外交部發言人華春瑩9日宣布，中國大陸於8日同全球疫苗免疫聯盟簽署協議，正式加入「新冠肺炎疫苗實施計劃」；中國疫苗研發完成並投入使用後，將作為全球公共產品，優先向發展中國家提供。
外交部網站新聞稿援引她的話稱，確保發展中國家有平等機會獲取適合、安全和有效的疫苗是中國一直關注的重點。儘管中國多支疫苗研發處於國際領先水平並具備充足的生產能力，但決定加入「實施計劃」，目的是以實際行動促進疫苗公平分配，確保為發展中國家提供疫苗，同時帶動更多有能力的國家加入並支持「實施計劃」。
華春瑩稱，中方同實施計劃保持著密切溝通，對加入實施計劃持積極態度，這是中國秉持人類衛生健康共同體理念、履行自身承諾推動疫苗成為全球公共產品的一個重要舉措。通過加入實施計劃，中方也將同有關國家加強疫苗合作。
世界衛生組織（WHO）總幹事譚德塞6日表示，針對新冠病毒的疫苗可能在年底前準備就緒，但他並未詳細說明。譚德塞呼籲所有領導人團結一致並作出政治承諾，確保在未來疫苗問世時公平分配。</t>
  </si>
  <si>
    <t>廣東省疫情防控新聞發布會11日由廣東省衛健委副主任、省中醫藥局局長徐慶鋒介紹端午節假期疫情防控安排。分析此輪疫情感染者，以老人、小孩較多，最長92歲、最小1歲。經分析廣州市近期新增病例，都來自封閉管理區域及隔離觀察人員。透過落實各項防控措施，茂名市、佛山市、深圳市分別至5月26日、6月5日、6月7日以來，已無新增個案報告。
大陸國家衛健委網站通報，6月10日0-24時新增確診病例22例，其中本土病例9例（均在廣東）；無新增死亡病例；本土無症狀1例。
官方「健康廣東」微信公號通報，6月10日0-24時，廣東省新增9例本土確診病例，均為廣州報告。截至6月10日24時，全省累計報告新冠肺炎確診病例2593例（境外輸入1061例）。目前在院178例。
據介紹，廣州市近期新增病例，都來自封閉管理區域及隔離觀察人員。透過落實各項防控措施，茂名市、佛山市、深圳市分別至5月26日、6月5日、6月7日以來，已無新增個案報告。專家研判，廣州市疫情形勢在積極向好方向發展，但不排除還會有散在病例發生的可能。
為做好交通出行疫情防控工作，廣州於端午假期，全面落實機場、鐵路、公路客運站離穗旅客均須憑「健康碼」綠碼和48小時內核酸檢測陰性證明的查驗工作，暫時關停部分市內客運站，並停運市內所有省際長途客運班線。端午假期，廣州市將減少公車班次，地鐵執行時間也不延長。公車各路線發班壓降20％以上，並確保車廂載客量保持在60％以下。
預計在端午節假期，廣東鐵路運輸從6月11日開始至15日，省內客流不會出現聚集性高峰，較為平穩。旅客在12306網站購買廣東省內各車站出發，離開廣州、佛山或離開廣東省的車票時，將收到彈窗資訊提示，要求進站乘車時提供健康碼綠碼和相關核酸檢測陰性結果。</t>
  </si>
  <si>
    <t>中央流行疫情指揮中心29日公布國內新冠肺炎（COVID-19）新增5例確定病例，其中4例為例34 (確診前於北部某醫院之接觸者，分別為1名清潔人員(案35)及3名護理人員(案36至38)。
中央流行疫情只會中心指揮官陳時中表示，案35於醫院急診工作時曾接觸案34，其餘3人均為案34確診前住院病房之護理人員，4人陸續於2月18至25日間出現咳嗽、流鼻水、發燒等症狀，並於案34確診後列為接觸者採檢，於今日確診，為一起群聚事件。</t>
  </si>
  <si>
    <t>半導體測試介面廠精測（6510）受惠5G即將進入商用化，供應鏈備料帶動多項半導體測試介面需求，2020年5月自結合併營收續「雙升」至3.53億元，創同期新高、亦創歷史第4高。展望後市，隨著5G相關應用晶片需求浮現，公司對第三季旺季營運審慎樂觀。
精測今（3）日上午召開股東常會，通過2019年財報及盈餘分派案，決議配發每股現金股利10元，並完成4席董事、3席獨董改選。會後召開董事會，通過推選中華投資法人董事林國豐擔任新任董事長。
精測2020年5月自結合併營收達3.53億元，月增2.96％、年增達67.82％，創同期新高、歷史第4高。其中，晶圓測試卡2.76億元，月減10.97％、年增達1.18倍。IC測試板0.54億元，月增近2.17倍、年減7.23％。技術服務與其他0.22億元，月增44.08％、年減10.52％。
累計精測2020年1～5月合併營收15.96億元，年增達55.73％，續創同期新高。其中，晶圓測試卡達12.93億元，年增達1.14倍，IC測試板0.54億元，年增23.99％，技術服務與其他0.22億元，年減6.21％。
精測表示，5月營收仍可見垂直探針卡（VPC）拓展成效，應用晶片包括5G射頻（RF）、智慧型手機核心應用處理器（AP）及高效能運算ARM-based伺服器晶片。隨著VPC新產品營收挹注，在多產品、多客戶風險分散營運模式下，已有效降低單一客戶對營運影響。
展望後市，隨著時序步入第二季末，在新冠肺炎疫情趨緩、美國及中國大陸競逐5G情境下，精測表示，對應的所需晶片需求已逐漸浮現，帶動公司垂直探針卡業務成長，對第三季旺季營運審慎樂觀。
因應疫情對全球經濟影響的不確定性因素，精測坦言，未來終端市場消費需求有待觀察，亦將牽動半導體產業鏈。面臨大環境嚴峻挑戰，精測將運用長年累積實力抵擋景氣衝擊，並持續拓展全球市場，積極投入垂直探針卡各項研發，以分散區域經濟營運風險。</t>
  </si>
  <si>
    <t xml:space="preserve">國高中生接種BNT意願書今天截止收件，究竟要不要讓12到17歲的學生打BNT疫苗，讓許多家長苦惱，對此，精神科名醫沈政男表示，英國疫苗委員會不建議12-15歲健康族群打新冠疫苗，並指出疫苗打在身上影響的是自己的健康，「該怎麼做就自己想清楚吧」。
疫情指揮中心開放全台125萬名國高生從23日接種BNT疫苗，今天是繳交施打意願書截止日，但因年輕族群打BNT恐有心肌炎的罕見副作用，因此要不要讓孩子接種BNT，讓不少父母猶豫。沈政男在臉書發文指出，英國疫苗委員會已說不建議12-15歲健康族群打疫苗，叫大家打疫苗是防疫政策，但疫苗打在身上卻是自己的健康，直言「該怎麼做就自己想清楚吧」。
沈政男強調，新冠疫苗不是麻疹疫苗，沒辦法完美保護接種者，「打七、八成人口然後過正常生活」已經是不可能，以清零為目標，把病毒壓到最低，才能減少搶打疫苗的壓力。
近期新英格蘭期刊又有一篇混打免疫生成效果大於兩劑AZ的文章，沈政男建議，家中若有要打第二劑的老人家，可以看看要不要等混打，「BNT將會周周到來，現在也已開放長者第一劑登記，應該混打不會等太久」。
對此，網友紛紛留言：「疫苗不要挑盡量打是政策，針打下去人抬出去的風險自負，沈醫師這篇的各項結論很正確」、「兒少不要打疫苗，打了萬一傷身是一輩子的問題」、「12-15歲應該很多家長會等別人的孩子先打打看，觀望一下吧」，還有人表示，「我打了兩劑莫德納都覺得副作用有點怪怪的了，何況發育中的孩子」。
</t>
  </si>
  <si>
    <t>針對衛福部撤銷金門機場快篩站公告一事，楊鎮浯縣長今天在《給鄉親的一封信》中說明縣府17、21日兩度發函中央疫情指揮中心，但中央均已讀不回，讓人十分遺憾，希望委託合法廠商進口疫苗，中央依程序盡快審核通過，莫再以任何理由阻擋。
楊鎮浯說明，縣府在5月17日發函中央疫情指揮中心，請求在各國內機場設置快篩站，並表達這是金馬澎3離島的共同想法，如無法執行，建請同意在尚義機場設置快篩站，但未獲中央任何回應，縣府於5月21日再度函文，但中央依舊已讀不回。
針對媒體報導，中央疫情指揮中心指縣府並未正式告知，並提出書面申請即逕行公告，楊鎮浯強調「這是錯誤的誤導!」希望事實可以獲得澄清。他也決不會放棄以高強度、高密度的政策作為，積極保護金門免受疫情入侵與威脅，將持續再次發函與中央溝通，直至中央同意為止。
楊鎮浯並表示，縣府會在最快的時間之內，透過合法的廠商向CDC（衛生署疾病管制署）提出進口合法疫苗的申請，此事關係金門鄉親的健康和安全，也是縣府為鄉親把關的最後一步，希望CDC不要再有任何的理由來阻擋。
楊鎮浯在信中也特別拜託旅台鄉親和近期擬往返金門的朋友，為了個人健康安全、也為了金門好，在5/28疫情高峰前暫停往返台金之間。</t>
  </si>
  <si>
    <t xml:space="preserve">今（14日）天清晨6點多，一輛載有「國家隊」聚陽實業生產的防疫隔離衣貨櫃車，行經國道1號台中南屯路段時，突然不明原因起火，車內250箱計約2萬件隔離衣，全部被燒的焦黑破爛，已無法使用，聚陽得知消息後表示，這批貨是要送交衛福部，雖然全部化為烏有，但以該公司的每日產量，備貨相當齊全，只要再送一批新的就好。
這輛車上載著2萬件隔離衣的貨櫃車，從嘉義要送至桃園新屋，行經國道1號台中市南屯路段時突火燒車，駕駛發現車底不斷竄煙直覺不對勁，連忙將車停至路肩查看，但打開貨櫃門已來不急，裡頭的防疫用隔離衣已燒成一團亂，他和2名同事連忙撥打119求救，也拿滅火器試圖搶救，經警消搶救後，該貨櫃車燒毀嚴重，裡頭2萬件隔離衣全都燒毀，駕駛猜測應是車內監視器電線走火，但確切原因還有待火調科調查釐清。
對此，聚陽實業受訪時要大家不必太擔心，雖然這批貨是要交送給衛福部的，但他們強調，整起意外並不會影響防疫隔離衣的物資，因為該公司每日生產量逾50萬件，所以2萬件只是每日生產的一小部分，且庫存充足，再補送即可。至於損失部分因有保險，保險公司會全額理賠，等於無損失，最重要的是，這起意外沒造成人員傷亡，值得慶幸。
聚陽實業過去SARS期間就曾投入防疫工作，協助政府生產防護衣，這次新冠肺炎再次傾全力投入，並與其他5家公司共同承做100萬件，聚陽則承做10萬件防護隔離衣，短時間通過紡綜所測試，3月底陸續交貨，提供第一線醫護人員使用。
</t>
  </si>
  <si>
    <t xml:space="preserve">
連續56日零確診後的北京市，11、12日連續驚傳多起新冠肺炎本土新增病例，均與豐台區新發地農產品批發市場有關。隨著疫情擴散，豐台區13日啟動戰時機制，北京也將餐飲防控等級調升至二級，並喊停跨省旅遊團與足球等體育賽事活動。大陸國家衛健委並向北京派出專家組指導疫情防控工作。
雖逢周休假日期間，但投資者擔憂「北京爆第二波疫情」的念頭，或許會動搖市場情緒。1月大陸疫情爆發適逢春節前夕，即使官方信心喊話並向市場注入流動性，但2月3日A股開紅盤仍暴跌8％，3月23日來到最低點2,660點。隨著大陸境內疫情趨緩，A股緩步走揚，12日收報2,919.74點，較低點反彈約10％。市場人士表示，15日周一A股開盤將成市場觀察重點。
綜合陸媒13日報導，北京零確診的成果在11日「破功」，當日出現一起新增病例，12日更出現六起，經追查後與交易規模號稱亞洲最大的豐台區新發地批發市場有關。新發地市場13日凌晨緊急休市進行消毒，上萬名市場人員接受病毒檢測，目前已發現46名從業人員的檢測呈陽性反應。
疫情升溫讓北京官員如臨大敵，12日晚在北京市委書記蔡奇主持下，疫情防控工作領導小組召開會議強調，要確實切斷疫情傳播途徑，外防輸入既要嚴格入境進京人員管控，也要加強入境貨機管理和貨物檢驗檢疫。豐台區代區長初軍威13日表示，已啟動戰時機制，成立現場指揮部，對新發地市場周邊11個小區實施封閉管理。
另外，因疫情防控形勢發生變化，北京官方已將餐飲業防控調至二級回應機制，除了要求業者進一步加強對原材料採購和送貨人員的防疫管控，客人進入餐廳前也需檢測體溫並核實北京「健康寶」資訊，並停止酒席宴會等群聚性聚餐。北京跨省旅遊團、體育賽事等亦再次暫停，未返校上課的小學一至三年級暫緩上課。
目前北京官方正全力追查疫病感染源頭及原因，一度傳出病毒感染與市場販售的三文魚（鮭魚）與包裝有關，導致13日大陸各地超商市場對三文魚進行下架、退貨與排查。但專家表示，魚蝦本身不太可能作為病毒載體，原因或在冷鏈環節、環境污染，有待進一步調查。
更多 CTWANT 報導
</t>
  </si>
  <si>
    <t>台北市滿75歲以上長者第2劑AZ疫苗將開打，不在籍長者憂心打不到，副市長蔡炳坤14日表示，非設籍北市的民眾約有5510人，市府會在設籍長者接種完後，開放12區公所電話登記，統計後向中央爭取疫苗，他強調，不論有無設籍北市，會想盡辦法讓每個人都可接種AZ第2劑。
75歲以上長者第2劑AZ疫苗將自15至19日接種，蔡炳坤今指出，第8輪中央預約系統，北市預約量有3萬左右，昨天比對、清查發現，設籍台北市沒有預約的人數有3萬5360人，比預估的人稍微多一點，會在今明全部安排好，周四、周五發通知單，安排20、22、23、24、25日到各大醫院接種。
蔡炳坤表示，非設籍北市的民眾約有5510人，可能會接到設籍縣市的通知單，如果有接到設籍縣市通知，鄰近縣市就比較方便，沒有也不必擔心，住北市非設籍者，會在設籍者接種完後開放12區公所電話登記，市府統計後向中央爭取疫苗接種，只要住在北市，不論有無設籍北市都會想盡辦法讓每一位都接種到第2劑AZ疫苗。
他說，AZ疫苗數量應該是足夠，25日以後疫苗會較充裕，將配合中央時程做最好的安排。</t>
  </si>
  <si>
    <t xml:space="preserve">台泥(1101)首季營收年減13%、季減38%，目前在大陸水泥發貨量已恢復至產能的90%以上，不過，廣東及廣西庫容比仍較去年同期高出10個百分點，水泥價格仍然有壓。台泥在電力事業及台灣水泥業務今年獲利看好，但受到大陸水泥業務獲利面臨壓力的情形下，法人認為，台泥今年全年度獲利恐將面臨年衰退的窘境。
大陸首季因新冠肺炎疫情進行封城，水泥出貨量下滑，還好淡季仍有執行錯峰生產，水泥均價還算穩定。目前台泥大陸水泥事業已恢復正常運作，出貨量有機會和去年同期差不多，不過，據數字水泥網資料，廣東和廣西4月初水泥庫容比從3月的高峰略下滑至70-75%，但仍較一年前的水位高出10個百分點。法人認為，庫存將繼續面臨去化壓力，台泥今年第2季營收恐將還是會呈現年減的局面，全年度獲利恐將面臨年衰退的窘境。
長期來看，大陸當局救經濟大推基建，施工年限長，有利水泥市場的長期需求，並已在2019年10月取消低標水泥，推升長期熟料用量，持續拉高水泥產業集中度，水泥大廠價格掌控力增強，另外大陸煤改氣及全球環保趨勢，煤價長期看跌，將有利推升水泥大廠的長期獲利。
</t>
  </si>
  <si>
    <t>新冠肺炎（COVID-19）的疫情持續延燒全球，不少國家的確診和死亡人數都不斷增加，台灣也在昨〈18〉日爆加23例，正式突破百人確診，讓民眾人心惶惶。對此就有網友好奇在網路上發問，想知道「最後的淨土在哪裡？」文章也引起熱烈的討論。
一名網友在PTT八卦板以標題「要逃到哪裡最安全」發文，表示台灣近日又新增23名確診病例，讓人數正式飄破百人。讓他感到十分不安，忍不住直呼：「感覺各個地方都快守不住了，如果疫情真的控制不住了，要逃到哪個世外桃源才是最安全的呢？」
文章曝光之後引起熱議，不少人紛紛留言回應「南極洲」、「北韓」、「巴西叢林」、「地獄」、「馬達加斯加」、「挖洞跳進去」、「玉山山頂吧！有肺炎的八成爬不上去」、「澎湖金門馬祖」、「不要出門就好」、「躲祖墳～過兩週會有親友去找你」、「餐餐吃熊貓，叫他餐點放門口」。而另一篇詢問「哪裡會是最後淨土」的文章中，不少網友均推薦南海的曾母暗沙「曾母暗沙」、「曾母暗沙好懷念喔 只有在地理課本才看過」、「曾母暗沙0確診+1」但也有許多網友認為留在台灣最好「留在台灣啊又還沒社區感染」、「我相信台灣」。</t>
  </si>
  <si>
    <t>美國總統川普11日宣布，為防止疫情在美國蔓延，從當地時間13日午夜起30天內，美國將暫停除英國外所有歐洲國家公民前往美國的旅行，並將對受新冠病毒影響的小企業和個人提供經濟救助。此外，因為疫情，白宮和美國國會都宣布即日起對公眾關閉，直到4月1日。
白宮國會對外關閉
川普當天晚上在白宮發表全國電視演說，說明政府的因應對策。他面色凝重，形容此舉是「強有力但必要」的措施。他抨擊歐盟抗疫不力，沒有及時對中國大陸祭出旅行禁令，導致病毒擴散到美國。他說對歐洲的旅行限制措施是他與美國政府衛生領域權威人士討論後作出的決定，將會視實際情況調整。
他同時表示，接受入境健康篩檢的美國公民以及美歐之間的貿易和物流不受此措施影響。
世界衛生組織11日宣布新冠肺炎疫情進入「全球大流行」同一天，全美確診病例已突破1300例，死亡38例，首都華盛頓哥倫比亞特區（華府）宣布緊急狀態。
禁波蘭卻放過英國
美國國土安全部代理部長沃爾夫在一份聲明說，川普當天已簽署總統公告，暫停在此前14天到訪過歐洲申根區國家的外國公民入境美國，返美的美國永久居民、美國公民及直系親屬不受限。
國土安全部澄清說，旅行禁令並非涵蓋英國以外所有的歐洲國家，而是只限申根區26國。不過有媒體人質疑，英國的確診病例比波蘭多，為何禁波蘭卻放過英國？
川普也重申，對於絕大多數美國人來說，新冠肺炎疫情風險仍然非常非常低，風險最高的是有潛在健康問題的老年人，所以他呼籲養老院停止所有不必要的訪視，任何感到不適的美國人應該待在家。
川普還宣布，美國政府將提供500億美元低利貸款給受影響企業，也將允許受衝擊的個人和中小型企業延後3個月繳所得稅。
延稅提供低利貸款
川普講話結束後不久，白宮表示，為了謹慎起見，總統決定取消接下來兩天前往科羅拉多州和內華達州的行程。
紐約州、華盛頓州等23個州以及華府均已宣布進入緊急狀態。在疫情最嚴重的華盛頓州，從12日起，該州西雅圖地區的公立學校將關閉至少14天。在加州，舊金山市取消1000人以上公共活動。
美國務院當晚也發布針對疫情的旅行建議，建議美國公民重新考慮是否要前往國外。此外美國國防部宣布，針對美國疾病管制暨預防中心（CDC）列為第3級旅行警示國家，五角大廈將祭出60天的旅行限制令，13日起禁止現役軍人、國防部文職人員與眷屬往返或是經過這些國家。</t>
  </si>
  <si>
    <t>微軟（Microsoft）29日（周三）上季營收獲利雙雙優於市場預估，雲端業績勁揚功不可沒，而疫情使得遠端上班需求大增，帶動微軟線上開會程式Team使用率大增，全球居家令則使Xbox遊戲服務活躍用戶數躍升。
這家全球軟體霸主表示，新冠肺炎對第一季整體業績影響不大，要到未來相關衝擊才會完全反映在財報上。受此激勵，微軟周四早盤開盤勁揚5％，距離2月底的締造的歷史高點只差不到4％。今年股價累升12％。
微軟會計年度第三季（1到3月）營收成長15％至350.2億美元，淨利躍升22％至108億美元，每股盈餘1.4美元，優於市場預估的營收337億美元、每股盈餘1.26美元。
負責Azure的智慧雲端部門上季銷售勁升27％至122.8億美元，超越分析師預期。
民眾在家工作需求增，使得Surface裝置與Windows授權收入勁升，與微軟預期一致。此外，Xbox Live遊戲服務參與度創新高，活躍用戶數躍升至1,900萬人，Team軟體每日活躍用戶數由3月中的逾4,400萬人激增至7,500萬人，4月曾有單日視訊會議參與者超過2億人的紀錄。
微軟表示，新冠肺炎為公司業務帶來的初期影響各有利弊。隨著「客戶在家工作和學習」，讓Teams、Azure等雲端產品更受歡迎。至於上季的最後幾周，交易授權明顯下滑，尤其是中小企業，LinkedIn廣告收入也銳減，就是業績被打擊的部分。
Fort Pitt資本集團分析師韓德森指出，「營收增長15％並不特別意外，雖說在眼前的市況下，這樣的成績已相當傑出」，他認為，令人驚奇的是微軟所有事業在各樣環境下仍表現穩健。
由微軟、谷歌、臉書的財報來看，顯示失業率飆升、經濟衰退之際，到目前為止科技巨擘業績仍能挺住。臉書與谷歌母公司Alphabet皆提及廣告收入在3月大幅縮減之後，4月出現回穩跡象。</t>
  </si>
  <si>
    <t xml:space="preserve">國內疫情升溫，提高民眾施打疫苗的意願。一名男大生表示，施打疫苗後半小時，一股噁心感湧上來，晚間開始全身發冷、發燒，「根本像地獄一樣」，貼文曝光後，引發網友熱烈分享打疫苗的經驗。
該名男大生昨（4）日於論壇《Dcard》發文指出，3日下午3點半赴成大醫院施打AZ疫苗，接種後在原地休息30分鐘，期間醫護人員不斷向前關心「有不舒服嗎？」他則以「有！很嚴重的噁心感」回應。
男大生表示，即便當下有噁心感，但返家後一切都很正常，還能照常打手遊，但晚上9點起開始全身發冷，冷到沖熱水澡，水溫開到最熱，仍沒有半點感覺。直到深夜12點，開始發燒，體溫不斷往上攀升，從37.5、38.8到39.7，不僅如此，還頭痛欲裂，「差點以為就要看到外婆了，根本像地獄一樣」。
男大生也提醒，建議施打AZ疫苗的民眾，可以先準備普拿疼備用，「但千萬別買含有咖啡因成分，不然你會睡不著」。
這段經歷曝光，不少曾施打疫苗的網友也回應，「我上週也接種了，只有稍微發燒，但是整天很沒精神」、「我朋友打，然後她也是昏昏沉沉的而且副作用很大」、「我打疫苗後，晚上也突然覺得超級冷，洗澡開暖氣，還穿冬天的睡衣，我發燒到38.2左右。另外有全身酸痛和頭痛和頭暈的症狀，酸到整個晚上沒辦法睡覺的那種。隔天早上真的受不了就去醫院打點滴… 但這幾天沒其他症狀，偶爾會暈暈的」。
</t>
  </si>
  <si>
    <t>台灣疫情爆發，行政院推「紓困4.0」針對有需要的民眾核發補助，其中針對部分工時受雇勞工推出1萬元生活補貼措施，今起至8月31日開放受理，預估有41萬人受惠，即日起可上網登錄資料，或至實體ATM領取。
勞動部指出，申請者於今年4月30日前參加就業保險、投保薪資在2萬3100（含）元以下，同時未重複領取政府機關同性質紓困補助、補貼或津貼者，都具申請資格。此次發放方式採從簡、核發從速為原則，並避免因請領作業引發群聚，採2種方式方便勞工申領。
第一種為，專屬網站申領：「勞動部部分工時受僱勞工生活補貼網」於今（28）日上午10時開放，申請者可直接登網、也可至勞動部官網前往。符合資格的勞工，上網登錄身分證號及金融機構帳戶號碼等資料，經系統核驗資料正確後，1萬元生活補貼將直接匯入申請人帳戶中。考量申請初期人數眾多，為讓民眾都能在網路平台上快速完成登錄，7月1日後才開放查詢申請結果。
第二種為，實體ATM領取：7月1日起，符合資格的勞工可持個人任一家金融機構發行的金融提款卡，至台新國際商業銀行、中國信託商業銀行及國泰世華商業銀行所設置之實體ATM，插入提款卡後，選擇部分工時生活補貼，輸入身分證字號及提款卡密碼，即可領取1萬元現金。
勞動部表示，申請者身邊若沒有提款卡、不便上網，但符合請領資格者，可打電話至勞動部紓困專線1955，以紙本方式申請。同時也提醒，舉凡符合資格的41萬名勞工，都能請領1萬元，可申請時間為2個月，至8月31日止。</t>
  </si>
  <si>
    <t>新北市確診數高居不下，昨日累計破4000人染疫，新北市長侯友宜今視察防疫車隊清消基地，受訪時媒體追問是否有更新的方法解決問題；侯友宜表示，希望所有市民朋友能夠「低度再低度」的活動，落實防疫規定，尤其重熱里、高風險區域的里民能出來快篩，讓自身的狀況能夠掌握，大家一起面對防疫，相信疫情就會得到控制。
侯友宜說，新北市確診數非常龐大，運送確診者的過程中，仰賴抗疫車隊將患者送到北中南各個檢疫所，再從檢疫所接回來，每個司機身穿防護衣，來來回回一趟高達10多個小時，不僅要面對感染風險，車上還要撫平確診者情緒，本身壓力真的很大。
侯友宜表示，這一路走來，市長真的非常感謝抗疫車隊所有好朋友的幫忙，讓患者運送過程當中非常順暢，今天特別到防疫車隊清消場所致謝，獻上十二萬分的感謝。</t>
  </si>
  <si>
    <t>美國白宮在20日公布，將在11月初實施全新的旅遊規定，需完整接種疫苗者，才可入境，且可免隔離，可體驗有如疫情前能自由旅行的生活。然而不僅符合條件的疫苗廠牌尚未底定，對於許多有孩子的家庭來說，未能接種的孩童如何符合嚴格規定，更是一大難題！
當前美國在11月初將實施的旅行新規，還有許多尚待公布的細節。針對這項議題，可以來看看《紐約時報》以及《美聯社》所整理的相關要點。
一、	美國旅行新規為何？
美國白宮宣布，11月初起所有入境美國的外籍成年人，登機前都要完整接種疫苗（ fully vaccinated）。且必須要額外持有登機前72小時（3天）內的新冠肺炎病毒檢測陰性證明。這項規定上路後，過去針對外國旅客入境美國的特殊規定都會廢除（僅適用此規），而未接種新規認可之疫苗者，將不得入境美國。
二、	新規下，美國CDC認可FDA與WHO核准的疫苗
根據美國疾病管制暨預防中心（CDC）的說明，獲得美國食品暨藥物管理局（FDA）核准（包含瑞/BNT（Pfizer-BioNTech）、莫德納（Moderna）以及嬌生（Johnson &amp; Johnson）疫苗），以及世界衛生組織（WHO）核准的疫苗（除上述三款，還包含阿斯特捷利康（AstraZeneca，AZ）、科興（CoronaVac）、國藥（Sinopharm）疫苗，以及Covishield疫苗）皆可，但是當前最終符合新規的疫苗清單，尚未確認。最終將會交由美國CDC來討論與認定。
三、	對於美國公民的影響為何？
已經完整接種疫苗的美國公民（含持有永久居留證者），回到美國時，僅需要出示72小時內的陰性檢測證明。未完整接種者也可入定，但需要配合較為嚴格的追蹤與檢疫要求，且在登機時出示24小時內的陰性鑑測證明，入境時也需要接受病毒檢測。
四、	從陸地邊境入境美國的旅客，需面臨怎樣的規定？
從與墨西哥、加拿大接壤的邊境入境的旅客，相關防疫、檢疫的規定都沒有變化。就此來說，可以搭機入境美國的加拿大、墨西哥旅客，並不一定能從陸路入境美國。
五、	對於兒童旅客將帶來哪些影響？
據了解，當前美國頒布的旅遊新規僅針對外國籍成年人。白宮並沒有說明針對未接種疫苗的外國未成年旅客的規定，也未確認是否會進一步公布。
針對全新入境美國的新規定，因必定牽涉到未成年的旅客，顯得更為複雜。輝瑞（Pfizer）與BioNTech日前才公布針對5~11歲孩童的2/3臨床試驗證實疫苗安全且有效（接種劑量較低），雖然樂觀預期在美國有望最快在10月取得緊急授權使用（EUA），但不代表父母有意願讓孩童接種疫苗。
根據《紐約時報》報導，在美國5~11歲孩童人數約有2800萬名，而根據《財經M平方》網站資料，當前全球15歲以下人口預估約有19億人，可以見得是無法忽視的龐大族群。但是當前沒有任何一款新冠肺炎疫苗已被核准可針對5~11歲，或甚至更年輕的孩童施打。
根據美國CDC研究，父母對於讓小孩施打新冠肺炎疫苗的意願，隨著孩子的年齡層下降而降低。凱薩家庭基金會（KFF）上個月公布的民調結果顯示，有約20%的12~17歲兒童之父母表示，決不會讓孩子接種疫苗；在家有5~11歲孩童的族群中，此比例上升到25%，而5歲以下孩童的父母裡，有30%表明絕不會讓孩子接種。
而父母顧慮的原因，大多與孩童接種疫苗可能的罕見、但嚴重的副作用有關，例如心肌炎。不過以色列也有研究透過比對200萬16歲以上族群的電子醫療紀錄後發現，感染新冠肺炎也容易導致心肌炎的問題。</t>
  </si>
  <si>
    <t>美國藥廠默克公司日前公布的第3期臨床試驗結果，指旗下實驗用來治療新冠肺炎的口服藥「molnupiravir」，可使重症高風險患者的住院或死亡機率降低約50％，不過藥物對已入院的重症患者並無作用。據港媒報導指，港府有意引入此款新藥，香港醫院藥劑師學會會長崔俊明今（4日）表示，研究結果發現，這款口服藥對Delta和Mu變種病毒都有非常好的治療效果，有望減低病人入院或死亡風險，從而減少對醫療系統的負荷。
對於香港醫管局有意引入此款新藥，崔俊明認為是好事，稱現在世界上多個先進國家都在搶購，並透露，新藥每劑5000多港幣，比現在香港醫管局使用每劑1.5萬港幣的瑞德西韋便宜很多。
崔俊明說，該款口服藥研究招募對象是新冠輕度至中度患者，且最少有一項風險因素，包括60歲以上、肥胖、有糖尿病或心血管疾病等，研究顯示這款口服藥對Delta和Mu變種病毒都有非常好的治療效果，也可將入院及死亡數字減半。
他指出，該藥有出現肚瀉等副作用，而雖然新藥未完成第三期臨床研究就申請緊急使用，但也不算罕有，例如一些癌症新藥若成效顯著，未完成第三期臨床研究也會申請緊急使用。</t>
  </si>
  <si>
    <t xml:space="preserve">新冠肺炎疫情肆虐全球，即便事隔一年仍不見趨緩，不過傳出英國樂壇巨星羅比威廉斯（Robbie Williams），年底前往加勒比海度假後，竟確診新冠肺炎，目前一家六口都在當地進行隔離，此外長達14天的「天價隔離費」也因此曝光。
根據外媒《TULSA WORLD》報導，羅比威廉斯去年年底與妻子帶著4個孩子前往加勒比海跨年，沒想到度假期間卻突然感到身體不適，被診斷出感染新冠肺炎，目前只能待在別墅隔離，難得共享天倫之樂的假期因此泡湯，對此有消息人士透露，羅比威廉斯1月初才被拍到和家人坐遊艇出海，即便全程都有戴口罩，仍不幸染疫，至於家人是否也被感染？目前仍尚未確定，但據悉羅比威廉斯目前病得很重。
此外羅比威廉斯為了度假租下的豪華別墅，光是一周租金就高達10萬英鎊，相當於台幣400萬元，如今羅比威廉斯確診新冠肺炎，隔離14天至少得再花費800萬新台幣，費用可以說是相當驚人，而去年羅比威廉斯從澳洲返回洛杉磯後，也曾身體不適出現相似症狀，當時獨自在酒店隔離3周後，確認只是罹患感冒，才返家與妻兒團聚，沒想到1年後卻還是不幸確診。
英國「壞小子」羅比威廉斯，多次被葛萊美和全英音樂獎提名及獲獎，也受邀入選英國音樂名人堂，是揚名國際的樂壇巨星，不過2018年6月在國際足總世界盃開幕儀式時，演唱過程竟對鏡頭豎起中指，不雅行徑一度引起網友撻伐。
</t>
  </si>
  <si>
    <t>桃園市龜山警分局有感於新型肺炎疫情日漸嚴峻，為因應防疫需求，預先規畫緊急應變之人力運用及辦公方式並實施演練，避免疫情衝擊影響分局人員與上班環境，造成機關運作癱瘓。
25日在大林派出所演練「異棟異地辦公」，而分局內部各組、室、隊則同步分區辦公；透過演練找出問題加以修改整合，因應未來視疫情需要，龜山警分局各業務單位部分人員將能在第一時間進駐大林派出所三樓異地辦公區，避免警察勤務受疫情影響而停擺。</t>
  </si>
  <si>
    <t>中央流行疫情指揮中心昨天公布國內新增7例新冠肺炎確定病例，分別為1例本土及6例境外移入；確診個案中無新增死亡。本土為台北市個案，感染源不明，指揮中心將對該個案採檢抗體，並進行病毒基因序列分析；境外移入則有5人都接種過疫苗，符合突破性感染者為1名。
台北市昨新增1例本土確診個案，為住中正區的50多歲男性，案16315在5月時曾在萬華地區活動，5月14日採檢為陰性，但因為要出國工作，9月27日採檢呈陽性，Ct值28.4，尚未接種疫苗，已收治在醫院隔離治療。北市衛生局表示，案16315曾在9月18日至22日前往花蓮住宿，已通知花蓮衛生局，並匡列3名家人和7名職場工作者，也將請中央做基因定序釐清感染源。　花蓮縣衛生局接獲通知後，趕緊調查足跡，匡列花蓮3名親友包括2名兄長及1名兄嫂，已安排至防疫旅館隔離也會盡快採檢。花蓮縣衛生局說，依電信足跡、實聯制紀錄和案16315家人口述，個案在花蓮期間都在住家或附近活動，無接觸外人，也無到任何商店。
醫療應變組副組長羅一鈞表示，該名本土個案並未接種過疫苗，也沒有接觸過確診者，目前感染源調查中，至今也沒有症狀，Ct值為28，數值偏高，因此指揮中心後續會檢驗個案的抗體，並針對他的病毒做定序，待檢驗結果出來後再說明。
至於6例境外移入個案，有5人都打過疫苗，其中有2人打過2劑疫苗，但因為未滿14天而確診，因此未符合突破性感染；有一名7月時完整接種2劑BNT疫苗，九月確診，符合突破性感染定義，還有2人打過1劑AZ疫苗。</t>
  </si>
  <si>
    <t>由於新冠肺炎確診人數持續上升，加州州政府13日宣布取消解封，該州的兩大學區秋季將不會有面對面課程。在此同時，美國衛生官員透露一項好消息，表示新冠肺炎疫苗將在夏末開始生產。
川普內閣資深官員13日在電話會議向媒體表示，疫苗生產工作已經開始進行，與政府合作的製藥廠預計在夏季結束之前，開始生產疫苗，美國的目標是在2021年初之前製造3億劑疫苗。
該匿名衛生官員表示，政府資助了四種最有贏面的潛在疫苗，但資助名單可能會增加。美國政府補助對象包括Moderna、嬌生（Johnson＆Johnson）、阿斯特捷利康（AstraZeneca）和Novovax的疫苗。
Moderna與嬌生的疫苗將在7月底之前進行後期階段人體試驗。
儘管目前仍不確定疫苗的成效，但官員表示，藥廠已經開始準備生產工作，例如採購設備、選擇生產據點，甚至是取得原物料。
該官員在美國衛生及公共服務部主持的電話會議中指出：「疫苗確切的製造與生產時間，可能在四至六周之後，但我們會在夏季結束前積極生產。」
另一方面，加州的新冠肺炎疫情不斷升溫，州長紐森（Gavin Newsom）13日下午宣布取消解封，下令餐廳、酒吧、博物館、動物園和電影院等場所的室內活動即刻暫停，意味著甫於數周前重啟商業活動的商家，得再次停止營運。
此外，洛杉磯和聖地牙哥學區表示，8月開學時只會提供線上教學。兩大學區透過聲明稿表示，過去幾周加州的確診人數急速躥揚，凸顯疫情尚未得到控制。兩個學區合計約有80萬名學生。
據約翰霍普金斯大學統計數據顯示，截至14日止，美國的新冠肺炎確診病例突破336萬例，死亡人數超過13.5萬人。</t>
  </si>
  <si>
    <t>大陸國家衛健委27日公布，26日新增新冠肺炎確診病例22例，其中境外輸入病例10例（上海4例，北京3例，浙江2例，安徽1例），本土病例12例（遼寧7例，北京5例）。無新增死亡病例，無新增疑似病例。
大陸衛生應急辦公室指出，境外輸入現有確診病例270例（其中重症病例3例），無現有疑似病例。累計確診病例4,203例，累計治癒出院病例3,933例，無死亡病例。
截至26日24時，大陸現有確診病例334例（其中重症病例4例），累計治癒出院病例81,987例，累計死亡病例4,634例，累計報告確診病例86,955例，無現有疑似病例。累計追蹤到密切接觸者逾90萬人，尚在醫學觀察的密切接觸者11,954人。</t>
  </si>
  <si>
    <t xml:space="preserve">正受困於新冠肺炎疫情大爆發的韓國，近日一架大韓航空航班被以色列拒絕入境，原因是韓國疫情快速爆發。這架大韓航空KE957機上乘客，除12名以色列乘客被直接運送回家隔離14天，其他乘客則原航班返回韓國首爾。
據《環球網》報導，當地時間2月22日晚（台北時間2月23日凌晨），韓國大韓航空KE957航班降落以色列本古里安機場後，航班上近200名韓國與其他國家乘客被拒絕進入以色列國土，僅12名以色列乘客獲准入境，但被直接運送回家隔離14天。航班則在完成加油和補充餐飲後，於當地時間22日晚間10點啟程飛返首爾。
以色列衛生部表示，連日來，韓國的新冠肺炎病例急劇增加，達到433人，其中包括9名剛剛在以色列結束旅程而確診染病的韓國人。目前在以色列旅行的大約一千名韓國遊客已被告知：避免進入公共場所，自覺隔離在旅館中，等待有關部門採取相應措施。
據報導，23日以色列總理內坦亞胡將召集一個緊急特別會議，商討如何應對新冠肺炎在以色列的蔓延趨勢。
</t>
  </si>
  <si>
    <t>印尼今日新增2069例染疫死亡病例，創單日新高，累計8萬6835例。
印尼衛生部27日通報，該國新增4萬5203例確診，高於26日的2萬8228例，累計323萬9936例。
印尼衛生部長26日說，印尼正在提高其抗新冠肺炎藥物的生產能力；隨著新病例的增加，需求自6月以來增長了12倍。印尼也在從其他國家訂購抗新冠病毒藥物，因為國內製藥公司無法生產瑞德西韋（remdesivir）、Actemra和Gamaras等藥物，這些藥物預計將分階段進口。
★《中時新聞網》提醒您：因應新冠肺炎疫情，疾管署持續加強疫情監測與邊境管制措施， 如有疑似症狀，請撥打：1922專線，或 0800-001922， 並依指示配戴口罩儘速就醫，同時主動告知醫師旅遊史及接觸史，以利及時診斷及通報。</t>
  </si>
  <si>
    <t>面對新冠肺炎疫情危機，輝瑞執行長博爾拉（Albert Bourla）認為輝瑞是擁有先進技術的重要製藥機構，肩負研究新藥和疫苗等責任。因此願意砸下10億美元，不求回報地加快疫苗開發與生產，甚至願意跟其他對手分享與合作，希望秋季時能為大家提供有效疫苗。
博爾拉3月中跟輝瑞研發疫苗和生產部門等負責人舉行視訊會議。雖然他們訂下2021年成功研發與生產疫苗的目標，但博爾拉認為在時間上仍然不夠快。因為秋冬是呼吸道疾病傳播高峰期，疫情可能捲土重來，因此研發與生產有效疫苗是克不容緩。
輝瑞科學長杜爾斯坦（Mikael Dolsten）說，博爾拉向研發與生產團隊施壓，要年底前能提供數百萬劑疫苗來防疫。
為儘早控制疫情，跟其他廠商合作是最好方法。輝瑞5月初在美國巴爾的摩進行臨床實驗的疫苗，就是跟2008年才成立的德國生技公司BioNTech合作研發。博爾拉說研發疫苗通常要花數年時間，因此對輝瑞短短數周內做到目前程度感到自豪。
他坦承在其職業生涯裡未曾遇過像新冠肺炎這樣的疫情危機，但他2019年初上台後積極讓輝瑞業務，從學名藥和潤唇膏等個人用品，大舉轉向高風險但高回報的專利藥研發上，才讓輝瑞有能力快速研發新冠肺炎疫苗。
雖然一些專家認為博爾拉要在未來幾個月內，成功研發並量產有效疫苗是不可能實現，但他強調這次拚命研發疫苗的主要目標並非為賺錢，而是要盡一家藥廠為社會解決疫情危機的責任。
為加快成功研發疫苗，他授權其研發團隊可跟對手討論和分享具專利權的資訊，這是向來最保護研究成果的醫藥業從未有過的舉動。
輝瑞和BioNTech合作，以前沿技術研發「信使核糖核酸」（mRNA）疫苗，是目前全球七種進入臨床實驗階段的候選疫苗。輝瑞的實驗在美國有360位自願者參與，德國有200人，最終會把實驗總數擴大至約8,000人。
輝瑞希望10月前得到美國政府緊急使用的授權。為做好這方面準備，輝瑞正轉換四座廠房的生產，要在年底前可生產2,000萬劑疫苗，2021年可生產數億劑。
儘管還不確定輝瑞的疫苗是否有效和得到授權，但博爾拉強調輝瑞打算2020年撥出10億美元經費去研發和生產其疫苗，強調只要證實有效和得授權，就能讓大家立即得到疫苗才是最重要。
對於輝瑞不計代價的做法，許多人好奇其真的那麼有把握？不少專家甚至認為輝瑞不可能達成在秋季時提供數百萬劑疫苗的目標。博爾拉承認自己飽受極大壓力。因為真的有效就能拯救世界，若沒效即一場空。
博爾拉3月中跟輝瑞管理高層開會時已經表明，這次研發疫苗所做的投資不能用是否賺錢來考量。
他強調所砸下的10億美元不會對公司財務造成衝擊，其計畫是要確保大家能得到有效疫苗。只要一切按照計畫進行，輝瑞還會向BioNTech額外支付5.63億美元。
對於博爾拉在研發上的全力支持，輝瑞疫苗研究部主管珍森（Kathrin Jansen）說，在研發成功前是無法告訴大家成功的可能性有多大。但在新冠肺炎帶來前所未有的疫情危機之下，就需要前所未有的行動。</t>
  </si>
  <si>
    <t xml:space="preserve">美國總統唐納．川普的次子艾瑞克．川普在接受採訪時丟出一顆讓網民議論紛紛的炸彈，艾瑞克說，他預測在今年11月3日（美國總統大選投票日）之後，美國的新冠肺炎疫情就會神奇地消失。至於消失的原因，艾瑞克給了一個爆炸性的理論：這場已導致上百萬美國人感染、近10萬美國人死亡的疫情，根本是政敵編造出來要打倒他父親的陰謀與騙局。
據《環球時報》報導，艾瑞克是在接受美國《福斯新聞》電視連線時說出上述的理論，《福斯新聞》也是美國最支持川普的一家保守派媒體。而在此之前，川普本人曾在2月28日極力淡化疫情威脅時說過類似的話，當時他說：「有一天，新冠病毒會消失，就像奇跡一樣，就這樣消失了。」
美國網路上的相關討論指出，艾瑞克似乎在自家的地下室接受媒體網路連採訪。他說，「拜登就喜歡這樣，每次出場都要犯下一些特別愚蠢的錯誤」。艾瑞克表示，「拜登的競選團隊應該很高興川普總統不用再外出，他們更以為他們奪走了川普最厲害的工具，那就是一旦他走上舞臺，每次都能吸引來5萬多人聆聽他的演講。」
艾瑞克接著表示，「所以你瞧著吧，從現在開始到11月3日 （大選日） ，他們每一天都會不斷利用這個局勢。但接下來你猜會怎樣？等到了11月3日之後，冠狀病毒會突然神奇地消失的，然後所有人就都能出門了。他們就是想奪走我父親最重要的資產，即美國人民對他的愛戴」。
報導說，川普的次子艾瑞克．川普這段言論，已引起了美國網民熱烈的議論和責罵，在多個發佈了這段視頻的美國網路名人和媒體網站的評論區，對川普父子的攻擊聲也此起彼伏。一名網友在推特上說：「這位美國總統的兒子說新冠肺炎只是一場美國民主黨用來阻止他父親去搞競選集會的騙局或陰謀，看來他們一家人可真是這個國家的禍害啊！」另有網友說：「既然這是場騙局，那意大利和西班牙那麼多人又是怎麼病死的？這些國家的疫情會不會也在11月3日之後消失呢？」還有網友乾脆直接表示，艾瑞克．川普真是「蠢到家」，「在川普家還能被視為是最蠢的人，想像一下這得有多羞辱吧……」。
</t>
  </si>
  <si>
    <t>受到新冠肺炎疫情影響，台中市議會臨時會日前因疫情延期一次，11日再度召開程序委員會，經政黨協商決定於19日至25日召開臨時會；將請市府針對台灣燈會、新冠肺炎防疫及振興經濟措施、雙十公車、台中州廳等進行專案報告。
台中市議會原訂2月中旬召開臨時會，卻因新冠肺炎疫情擴大延期，民進黨26位市議員日前連署要求召開臨時會；市議會11日召開程序委員會，討論臨時會相關議程的排定。
民進黨市議員何敏誠、施志昌、何文海等指出，民進黨團提出的4項專案報告，只安排1天時間不足，無法充分討論，建議增為2到3天；尤其各產業受到疫情的衝擊，議員可提供更好建議。台中疫情平穩應照常開會，讓市民可安心。
國民黨市議員吳瓊華、張瀞分、陳成添等表示，台南市議會都不敢開會，現在是防疫期間應讓市府將重心放在防疫工作，俟疫情趨緩再召開定期會充分討論；目前各行業都很蕭條等待政府紓困，應讓市府配合中央盡速訂出振興方案，才是當務之急。
無黨籍市議員陳廷秀及超黨派陳清龍，建議照排定時間如期開會，人員的管控及時間的壓縮重點在防疫工作，其他在定期會中再報告；如果不開會，不但民眾質疑議員沒盡到職責，也會認為疫情緊張，連議員、官員都不敢開會，反將造成市民恐慌。
台中市議會議長張清照最後裁示，臨時會議事日程表照案通過，專案報告以5案為限，其他提案俟召開定期會再進行討論。</t>
  </si>
  <si>
    <t>華新科、閎暉結親為哪樁？光寶執行長陳廣中表示，閎暉、華新科將攜手一起把車用領域做大，不過光寶不會再出脫閎暉持股，而面對疫情帶來的購併良機，他也表示光寶會優先尋找、評估與現有在光電、電源優勢相關的併購機會，預計明年開始評估。
6月8日光寶低調轉讓9,000張閎暉持股給特定人，而華新科則遲至21日才低調公告已於6月8日透過鉅額交易方式，取得閎暉9,000張持股、成為閎暉第二大股東，雙方神神秘秘、有時間差的公告方式，讓市場頗為不解，也看不懂華新科看上閎暉哪一點。
對此陳廣中表示，閎暉長年經營車用機構件，華新麗華集團這幾年則是在5G、車用領域的布局很積極，華新科希望透過持有閎暉股權一起把車用領域的事業做大，發揮一加一大於二的效應，等於是閎暉加入華新麗華旗下PSA華科事業群的大聯盟，而光寶仍是閎暉最大股東，不會繼續出售閎暉股權。
新冠肺炎（COVID-19）疫情重創許多產業，被體質良好的企業視為是併購「撿便宜」的良機，陳廣中表示，光寶不會為了併購而併購，還是會先優先尋找能與光寶現有優勢（電源、光電）互補的標的，明年會積極評估併購機會，以光電來看，比如說不可見光的光耦合器可以廣泛應用在多種產品，光寶在這個領域不算小，但可以透過併購變得更大更好。
面對下半年PC與資料中心的景氣前景，陳廣中表示，4、5月的時候PC客戶、資料中心客戶不僅下單都非常積極，由於需求太緊俏，連貨運方式都要求從海運改成空運，不過，6月開始已經回歸至海運，他也重申，下半年PC旺季不旺的趨勢已經確立，至於資料中心客戶現在的下單力道與訂單急迫性都訪緩許多，然而，美國四大網際網路業者承接的各種標案多，一有標案就有急單，資料中心下半年景氣還有待觀察，台灣三大電源供應器公司在資料中心用電源的合計市占率已經超過五成，光寶在這個領域持續高速成長，資料中心電源在整體電源營收貢獻度已超過兩成。</t>
  </si>
  <si>
    <t xml:space="preserve">亞太電(3682)瞄準近年來興起的618檔期，即日起至6月18日，順勢推出限時7天的「88勁量吃到飽單門號」方案，看好本次疫情加速宅經濟發酵，亞太電也看好此波年中慶帶來的商機。
對電商來說，618年中慶也成為繼「雙11」活動之後的第二大年度電商盛會，亞太電數位門市趁勢推出限時7天的「88勁量吃到飽單門號」方案，即日起至6月18日，凡六個月內未申辦過亞太電門號之新申辦/攜碼用戶，月付88元，綁約18個月，贈送10GB數據流量，超量享12Mbps上網吃到飽，上網追劇、瀏覽網頁及臉書等使用行為均綽綽有餘；語音部分，不僅網外/市話贈送30分鐘，超過分鐘數，每分鐘也只要1元，語音和上網優惠都超值。
亞太電表示，近年電商購物氛圍持續發酵，除雙11檔期外，618年中慶陸續也有許多電商平台加入，成為網購的年中促銷大檔，亞太電數位門市去年雙11檔期業績，創下近3年銷售最佳紀錄，業績較平日翻倍成長，今年因為疫情關係，加速宅經濟發酵，亞太電看好此波年中慶帶來的商機。
另外，國內疫情趨緩，防疫政策逐步解封，國人休閒活動慢慢復甦，亞太電也乘勝追擊，提供更多元網商服務，即日起至8月25日，結合Kono Digital旗下專屬結合店家新服務Kono＠電子雜誌，推出「萊看Kono＠電子雜誌」活動，不限亞太電用戶，民眾在全台超過千家的萊爾富指定門市，掃描休息區桌上的QRCode，下載[email protected] App，即可免費觀看90分鐘Kono＠電子雜誌，Kono電子雜誌擁有數百萬本日、韓、台、港、歐暢銷雜誌文章，更可使用影音播放，文字與影音雙管齊下，讓學習更有效率。
</t>
  </si>
  <si>
    <t xml:space="preserve">崇友(4506)3月合併營收為3.89億元，月增30.89％，年增15.05％，主要來自於桃園青埔商業大樓、高雄橋頭住宅大樓、淡海新市鎮集合住宅社區等新梯與汰舊換新完工認列；累計第1季合併營收9.98億元，年減3.13％。
崇友今年第1季新梯暨汰舊換新、維修保養營收比重分別為49.97％、50.03％，其中，維修保養業務台數穩步增加達36,000台，而新梯業務持續採取多品牌接單、案源結構優化等策略，中高端電梯品牌「堅尼西斯」推行電梯智能化，第一季「堅尼西斯」品牌台數占新梯比重自去年同期的8.88％提升至12.75％，因台灣商用不動產及高樓層建築需求持續增溫，有助於中高端品牌產品出貨。
面對台灣住房及電梯走向高齡化，且政府、民眾對於電梯安全意識提升，帶動社區型住宅、公共工程等大型電梯汰舊換新需求升溫，崇友汰舊換新業務保持雙位數成長。
展望第2季，有台大醫院電梯汰舊換新、中國醫藥大學等大型新梯建案陸續完工認列，為營收注入動能。近期新冠肺炎疫情延燒，崇友來自大陸零部件廠商已於2月17日全面復工，目前供貨都正常，法人估，崇友今年營收可望維持成長3～5％成長。
</t>
  </si>
  <si>
    <t>大陸政府19日宣布放寬新能源車企及產品進入市場的門檻，本次新規刪除包括對新能源車企有關設計開發能力的要求，並將新能源車企停止生產的時間，由12個月調整為24個月。新規9月1日正式上路。
新浪財經報導，2020年4月初，大陸工信部曾經公布「關於修改『新能源汽車生產企業及產品准入管理規定』的決定（徵求意見稿）》，當時內容即進一步放寬新能源車企及產品的准入門檻。
大陸工信部19日新公布的「新能源汽車生產企業及產品准入管理規定」，內容基本上與4月初的徵求意見稿相符合。
本次新規將於9月1日起實施，與2017年的新能源汽車准入條件相比，大幅降低行業准入門檻。新規變化主要集中在三方面：一是刪除申請新能源汽車生產企業准入有關「設計開發能力」的要求，包括過去對新能源車企准入的審查要求，除降低企業准入門檻，同時強化對企業生產流程和售後服務能力要求。
其次是將新能源車企停止生產的時間，由12個月調整為24個月，這也與大陸「道路機動車輛生產企業及產品准入管理辦法」第34條第三款規定，生產企業連兩年不能維持正常生產經營的，需特別公示的要求保持一致性。新規也刪除新能源車企申請准入的過渡期臨時條款。
工信部表示，隨著海內外形勢的發展變化，為配合大陸新能源汽車產業的發展需要，須進一步放寬准入門檻，以激發市場活力，同時加強事中事後監管，促進大陸新能源汽車產業邁向高品質發展。業界人士指出，新規有助規範和釋放新能源汽車的市場活力，推動相關汽車銷量進入高增長。
2020年初以來，受到新能源車補貼退出、新冠肺炎與國際油價下挫影響，過去強勢的大陸新能源汽車產銷遭到重擊。上半年，大陸新能源汽車各月銷量年增率均呈現負值，尤其2月份衰退更達75.2％。中汽協近日公布的7月份新能源車銷量年增雖達19.3％，為2020年來首次轉為正值，但銷量卻較6月衰退5.8％，顯示大陸新能源車市場仍在泥淖中前行。</t>
  </si>
  <si>
    <t xml:space="preserve">
臉書社團《我是新店人 好山好水 新店區 大坪林 七張 碧潭 安坑 深坑 石碇 坪林 烏來》版主貼出多張照片，顯示新店區中正路一間藥局門口依舊大排長龍等買口罩。
該版主並發文：「提早部署，限制出口，國家隊趕工，智商一百八，網購2.0全世界羨慕，都已經兩個月了…請問英明睿智的蔡政府，還要多久才可以讓民眾脫離每週排隊一兩個小時，只能買三片口罩的苦日子…」。
這篇文章在該社團引發熱烈討論，眾多社員砲轟：「人在福中不知福」、「少點水口，排隊網購還買得到，你最好到國外去看有沒有天上掉下來給你！」、「台灣以外的地方，有錢有閒還買不到。靠腰什麼？」、「你發文的時間已經夠這排人網上預購了」、「早脫離~學怎麼網購吧 乖」、「建議你可直接出國就不用這麼痛苦囉，看是要去美國或中國和歐洲都好喔～不要腳踩這這又狂罵這片土地喔～」。
不過也有人力挺版主：「問這個問題就錯了...貴政府是不容許異音的！」、「造神運動，總有天跌落神壇」、「口號治國遲早被看破手腳」、「好可憐哦！一堆感恩政府的順民！」。
</t>
  </si>
  <si>
    <t>高市首例本土確診案1289是新北獅會成員女兒，其所居住的小港地區當時有245人被匡列居家隔離。高市議員陳麗娜爆料，市府祭出不准在家隔離，必須全面入住防疫旅館，卻得自掏腰包，形同雙重懲罰。對此，衛生局長黃志中解釋，這是全盤評估的權宜之計，每人每天也有補助1000元。
陳麗娜轉述被隔離者透露，確診者所有費用都是政府出、全民買單，但「我們倒楣和他接觸的，卻要自己掏腰包，付這14天、每天1500，一共2萬1000元的費用」、「這筆錢我們真的很難自己吞」。
為爭取自身權益，被匡列者打了一堆局處電話，無奈每個局處都是互踢皮球，說是按市府規定走。陳麗娜說，他們無奈認為身為高雄第一批隔離者，好像被拿來當成高市府展現鐵腕手段用，在投訴無門後，只好向議員陳情。
陳麗娜指出，中央流行疫情指揮中心在今年3月1日起，實施確定病例接觸者之「1人1戶」居家隔離措施，也就是只要1人1戶就能選擇自主居家隔離，不一定要去住防疫旅館。
陳麗娜質疑，市府強迫符合居家隔離者也要住防疫旅館，是否有適法性的問題？其次，市府對防疫旅館有補助，卻不給隔離者補助，造成隔離者每天要繳住宿費用，而防疫旅館卻可以同時收政府補助及被隔離者住宿費的現象，讓被隔離者感到十分不公平。
針對居家隔離者入住防疫旅館補助，黃志中指出，市府會代為向中央申請，每人每天1000元補助，如果實在付不錢來，會轉介社會局協助；至於採檢費用，也是由公家出，部分醫療院所會先收取掛號費等，事後會再退費。
黃志中解釋，依據防疫會議決議後，確實要求居家隔離者需入住防疫旅館，已經實施好幾個月，原因是英國變種傳染性非常高，「現在疫情狀況不能與去年金芭黎等事件時期相比」，市府必須全盤考量防堵疫情擴散，過程或許有些雜音及不滿，但謝謝市民配合及體諒。</t>
  </si>
  <si>
    <t>新冠肺炎全球大流行，桃園地檢署整合「防疫處理小組」及「查緝民生犯罪聯繫平台」，嚴辦假訊息，包括楊男稱桃園疑似病例至少60起、住宿某賓館，彭男看到SNG車就說該醫院有新冠肺炎患者，就連楊男回覆案34醫院疑在林口的新聞、稱封院就該公布，都吃上官司，被檢方要求在社群網站張貼澄清訊息，以正視聽。
24歲楊性男子2月21日晚上，在社群網路論壇上，散播「桃園疑似病例約有60起至少，尤其以中壢平鎮一帶居多」、「該名患者在全家隔壁的賓館住宿及逛過附近很多店家包括用餐，請近期到過中壢車站的密切注意一下身體健康」等不實訊息。
43歲彭姓男子2月23日晚上，見桃園某醫院前有SNG車及穿防護衣者，未經查證即在網路社群臉書上發文稱：「剛在○○醫院看到，有武漢病人送到這，還有一堆穿隔離衣的」不實訊息。
28歲楊性男子2月29日下午，在網站Yahoo！新聞標題「談案34醫院群聚事件，陳時中意外說出地點在林口」的下方，公開留言：「都有封病院的新聞了，為什麼不能直接說哪邊有問題？」
桃園地檢署依高檢署指示，整合「防疫處理小組」及「查緝民生犯罪聯繫平台」，針對散播嚴重特殊傳染性肺炎不實訊息者，依法嚴辦、速偵速結，檢方認為3男都涉犯散播不實訊息，足以損害公眾對於疫情認知的正確性，且28歲的楊男涉案時，「嚴重特殊傳染性肺炎防治及紓困振興特別條例」已實施，但檢方考量3人都坦承不諱、深切悔悟，並依指示在網路張貼澄清及道歉訊息，均獲緩起訴處分。
桃園地檢署強調，流行疫情或防治措施等相關資訊均由中央流行疫情指揮中心統一對外公佈，民眾接獲來源不明或未經證實的疫情資訊時，可撥打防疫專線1922查證，或向各地衛生單位洽詢，千萬不要道聽途說，隨意散播假訊息，尤其2月27日起正式施行「嚴重特殊傳染性肺炎防治及紓困振興特別條例」，民眾散播疫情謠言或不實訊息，已提高刑責，將可處3年以下有徒刑、拘役或科或併科300萬元以下罰金，呼籲國人切莫以身試法。</t>
  </si>
  <si>
    <t>台灣14日在《紐約時報》刊登全版廣告，提到台灣被WHO拒於門外，世界衛生組織也列出13點回應，強調一直與台灣衛生部門保持技術交流。對此，立委賴品妤不滿，怒批WHO一副好像自己什麼都沒有過錯一樣。
賴品妤在臉書直批「譚德塞不要再繼續WHO爛！」表示WHO洋洋灑灑羅列13點回應，說「數十年來一直與台灣衛生部門保持技術交流」，但事實上，我們根本就無法參與WHO的核心會議，WHO是把一軍的台灣當二軍在看待，直到新冠肺炎疫情，國際社會才知道真正的防疫一軍是台灣。
WHO稱台灣可參與多數專家技術會議，但事實上台灣能參與的會議根本不到3成！賴品妤指出，2017年開始，台灣就沒有受邀出席WHA（世界衛生大會），2009到2019的十年間，申請參與187場技術性會議只受邀參加57場，遭拒比例高達七成，WHO也未說明拒絕原因。
賴品妤表示，台灣能參加的都是較不重要的會議，這次新冠肺炎病毒會議，根本就沒有找台灣，反而還被WHO劃成大陸疫區，要請問WHO，這是哪門子的和台灣一起「專家技術交流」？
WHO既沒分享更多公衛資訊給台灣，也不讓台灣參與重要會議，賴品妤說，這背後大家都知道是大陸因素，可是WHO至今都不敢講真話，本應站在維繫全人類健康立場的WHO，現在卻變成政治掛帥，台灣人已呼籲這麼多個月了，連國際新聞的廣告也刊登了，WHO仍不肯悔改。
賴品妤認為，台灣有能力、也有意願為提升全世界的健康而努力，現在也以捐贈物資、分享防疫經驗協助各國，就算我們被拒絕在WHO之外，但大陸和WHO拒絕不了台灣持續參與世界、幫助世界的決心。</t>
  </si>
  <si>
    <t xml:space="preserve">新冠肺炎疫情蔓延，國立政治大學傳出確診病例後，各大專院校也人人自危，新北市新莊區輔仁大學今(27)宣布，即日起師生入校需配戴識別證、校園卡，經體溫測量後才可以入校，另防疫期間謝絕校外人士入校，洽公人員則需換證登記。
輔大表示，試行期間，若同學忘記帶證件會進行提醒勸導，仍可入校，之後視疫情狀況，加強管制，全面實施時間，則依根據疫情調整。
試行首日，仍有部分民眾一早準備進校園運動，但看到校門口告示後，都相當配合，未進入校園，至於家長跟師生，對於學校提升防疫措施，大多都相當認同，第一天狀況大致順利。
</t>
  </si>
  <si>
    <t xml:space="preserve"> 잘 먹었다😚 제가 만든거 아니지만 원스는 다 잘 지내고 있죠?? 빨리 만날 수 있었으면 좋겠어요TT 吃的好開心～🧡 但這不是我做的 Once你們過得還好嗎？ 希望能趕快見面呢TT
 TWICE（@twicetagram）分享的貼文 於 PDT 2020 年 3月 月 15 日 上午 6:48 張貼
南韓人氣女團TWICE台灣成員周子瑜，因不少行程被迫取消，她也得以多出空閒時間，返台和家人團聚，不過需要居家檢疫14天，所以18日才能出關，而在家隔離10多天的她，也在官方IG更新近況。
子瑜再2天就可以解除居家隔離，她也終於PO文更新近況，不僅分享多張美食照，還曬出穿著居家服，素顏和愛犬酷吉的合照，看起來像是剛運動完，頭髮還濕濕的，不過清秀模樣依舊讓粉絲大讚「真的好美」、「素顏更美了」。
而食物照中有不少台灣家常菜，讓網友看到倍感親切，不過不少人都認為，她好像又瘦了，紛紛關心起她，「好像瘦了...多吃東西」、「要照顧好身體」。</t>
  </si>
  <si>
    <t xml:space="preserve">全球疫情持續發酵，各類組織紛紛啟動遠距工作維持業務營運，為協助打造安全的遠距工作環境，思科今(16)日最新宣布，即日起免費提供四款資安產品，協助各企業與組織能持續享有最安全的資安防護，讓業務與教育不因資安危機受損或是停擺。
思科今日一口氣推出四款資安產品，打造安全的遠距工作環境，四款新品分別為網路保護傘Cisco Umbrella、身份認證管理Duo Security、遠距安全連線Cisco AnyConnect(VPN)，以及端點進階惡意程式防護(Cisco Advanced Malware Protection for Endpoints,AMP)。
思科大中華區資深副總裁暨思科台灣總經理陳志惟表示，面對全球挑戰，思科及時運用科技協助各個機構執行遠距管理，除了思科協作方案，我們希望藉由簡捷安全的資安解決方案，讓各界在遠距工作的同時，免受資安風險危害，專注於維持業務的連續性，攜手跨越挑戰。
思科進一步說明四款資安產品，首先，可以使員工能夠用公司筆記型電腦或個人行動設備在任何地方工作，啟用安全通道後就能讓員工在遠端存取辦公室、分流及分支到總部等系統資源，就如同在辦公室工作一樣；第二，DUO Security可在非常時期中的工作狀態，如何有效率及快速的管理使用者，需要從使用者的帳號認證著手，DUO Security通過採用多因素認證技術以行動電話、簡訊、電話或電子郵件等方式，認證設備及驗證使用者，可以減少帳號被盜取的機會與資安攻擊面，進而降低風險；第三，Cisco Umbrella可在不需要安裝硬體，亦無需要手動更新軟體，持續管理非常簡單，只需將DNS重定向到Umbrella，通過加強DNS和IP層的安全性，阻止對惡意軟體、勒索軟體、網路釣魚和殭屍網路的請求；最後，端點進階惡意程式防護(AMP)可以在家工作之安全，首要注意使用設備上的安全控制，應避免設備的入侵。端點進階惡意程式防護可深入查看網路層級與網路邊緣的威脅活動，並封鎖進階惡意程式。
思科認為，遠距工作已經成為新常態，資訊安全成為遠距處理業務的必要關鍵之一，無論是企業或是教育界，商業機密與個人資訊皆有被嚴密保護的需要，資安風險成了業界最大的挑戰。
思科指出，近期持續收到不同組織要求為它們日益增加的遠距工作者提供資安協助，數量是疫情爆發前的10倍，另外，自3月10日以來，已增加超過1530萬思科資安解決方案用戶。
四款思科資安解決方案，包括Cisco Umbrella、Duo Security、Cisco AnyConnect(VPN)，以及端點進階惡意程式防護(AMP)的免費使用期限由即日起至2020年7月1日。
</t>
  </si>
  <si>
    <t>台北市新增3例境外移入新冠肺炎確診病例，分別自尼加拉瓜、日本及泰國入境，在入境採檢及檢疫期滿前檢驗陽性確診，另外，北市119校完成BNT疫苗接種，剩下的28校所需疫苗也已備妥，北市衛生局表示，9月22至10月1日計119所學校，共12萬1453人完成BNT疫苗接種，8天內累計1828人接種後感到不適，多數已無大礙，僅1人因胸痛症狀住院觀察中。
日前中央因疫苗短缺，原定10月5、6日接種的學校受到影響，經北市努力調度疫苗後，校園所需BNT疫苗已備妥，10月4至6日共28所學校近2萬人將如期接種疫苗。
此外，公費流感疫苗開打首日，北市31個社區接種站同步服務65歲以上長者，共4540人完成流感疫苗接種，另有198位長者同時接種肺炎鏈球菌疫苗；北市衛生局表示，今年於社區設置418場流感疫苗接種站，65歲以上長者可多加利用，設站服務資訊可洽詢里辦公處、轄區健康服務中心詢問。
北市衛生局提醒，流感高峰期通常於11月至隔年春節前達到流行高峰，疫苗接種後至少2周才能產生保護力，北市有316家流感疫苗合約院所提供接種服務，請民眾儘早接種疫苗，以獲得保護力。相關疫苗接種訊息可撥打防疫專線(02)2375-3782及1999市民熱線詢問。</t>
  </si>
  <si>
    <t xml:space="preserve">線上版的民主黨全國黨代表大會（DNC），今天起在威斯康辛州密爾瓦基登場，但因為疫情必須避免群聚，不要說被提名人拜登不會到場，黨內大咖不會參加，飯店關閉，餐館和酒吧沒人，商機零分，冷清的程度和往年猶如天壤之別，連在地民眾受訪都不知道DNC在密爾瓦基舉辦。
往年夏天，密爾瓦基都是熱鬧滾滾，度假遊客，畢業典禮，運動賽事…但今年完全不同了。密爾瓦基市中心非常安靜，人潮稀稀落落。如果沒有疫情，大批民主黨人將擠爆新建的Fiserv Forum，不過規模大縮水後，DNC大會尾聲，當局只會在較小的威斯康辛中心周遭一條街道進行交通管制。
21歲的女子嘉吉日前行經威斯康辛中心前，被媒體問到DNC時，一頭霧水問，「什麼大會？」後來她才想起，拜登會在這禮拜接受提名。
民主黨上次大選並未認真經營威斯康辛，最後輸給川普，但這回卻因疫情被迫把大會改成線上模式。拜登20日晚上將發表接受提名演說，前總統歐巴馬，前第一夫人蜜雪兒、前總統柯林頓和4年前敗給川普的前國務卿希拉蕊，都會發表視訊演說。不過主辦單位表示，除了上述人等，其他人的演說都不超過2分鐘。兩次在初選中屈居第二的佛蒙特州參議員桑德斯，預期會在老家舉行現場演說，時間8分鐘，但會採用預錄方式，以免出現機械故障這種尷尬場面。
</t>
  </si>
  <si>
    <t>首張移工防疫保單問世。金管會16日宣布，核准富邦產險送審的移工新冠肺炎住院醫療個人險及團險兩張保單，保障期間是30天，要保人即付保險費者是引進移工的雇主，移工入境30天內若確診，將以實支實付方式給付最高50萬元的保障。
金管會核准富邦產送審的「移工嚴重特殊傳染性肺炎（COVID-19）住院醫療費用健康保險」及「移工嚴重特殊傳染性肺炎（COVID-19）住院醫療費用團體健康保險」，現在待勞動部放行外籍移工重新引進後，保單即可開放投保。
保險局主秘蔡火炎表示，以往移工入境後確定染疫，即會用疫情指揮中心的公費進行治療，且每位移工醫療費用並不低，未來則是使用者付費，勞動部要求雇主替移工事先投保，才准移工入境。
保險局強調，移工防疫保單算是配合勞動部開放外籍移工入境政策的政策性保單，要保人是雇主，在移工入境前，就要替移工投保，若聘雇外籍移工人數四人以下，只能買移工防疫險的個人險，五人以上則可投保移工防疫險的團險保單，個人險每人保費1,100～1,200元，團險則可節省附加費用，但每人保費相近。</t>
  </si>
  <si>
    <t>許多民眾想快點打疫苗，但也很擔心接種後的副作用。小兒科醫師徐嘉賢發文說，他在門診遇過的案例，多數人打完疫苗多是痠痛、疲倦、頭暈和低燒，但他遇過最詭異的是「食慾大開」這個副作用，貼文引發網友共鳴，不少打過疫苗的人都認證，真的超級餓，感覺都吃不飽，整整當了2天的大食怪。
徐嘉賢昨在臉書粉專《黑眼圈奶爸Dr. 徐嘉賢醫師》上分享，最近在門診多少會遇到因接種新冠疫苗出現副作用的患者，大多數人都是痠痛、疲倦、頭暈和低燒，少數患者會有腸胃症狀，但大部分都會在2至3天內改善。
徐嘉賢表示，他遇過最詭異的副作用是「食慾大開」，會突然很想吃些平常很少吃的東西，例如想要吃韓國的血腸，讓他好奇詢問大家有沒有什麼奇怪、獨特的副作用？
不少網友在留言處表示「真的食慾大開」。「我打第一劑AZ胃口超好一直想吃東西，打第二劑（5/24）後到現在每天胃口超好」、「打完當天真的超想吃東西」、「同事今天打完二劑也食慾大增」、「我打完第一劑突然超想吃東西的，感覺都吃不飽，其他就沒異狀了」、「身邊有兩位朋友打完都很餓」、「打完AZ當了兩天大食怪」。
許多網友也開玩笑說，怎麼聽起來打完以後的症狀好像孕婦？「怎麼跟孕婦一樣症狀」、「親身感受，像極了懷孕初期時的樣子（打輝瑞第一劑）」、「第一天食慾不振，接下來瘋狂吃辣或是麻辣鴨血，跟懷孕有87%像」。</t>
  </si>
  <si>
    <t>台北市長柯文哲上午出席「2021鬧熱關渡節」開幕記者會致詞表示，按照目前疫苗施打速度，他估計疫情在農曆新年前就會結束，所以疫苗護照很快就會上線，呼籲民眾去接種疫苗。
柯文哲今天表示，COVID-19疫情預估在明年春節前結束，另外北市的疫苗護照很快就會上線，也將結合台北通APP、進餐廳分流坐，因此呼籲還沒打疫苗的人趕快去打。</t>
  </si>
  <si>
    <t>疫苗預約系統昨啟動，今、明兩天預計共174萬劑AZ疫苗抵台，但由於先前猝死消息頻傳，導致長者不敢或不想打AZ。對此，台中榮總呼吸加護病房主任傅彬貴發文呼籲開放「爽約劑施打」，畢竟醫護全副武裝出動也是成本，把機會讓給苦苦等候的中年人，盡早將疫苗覆蓋率提升到30％，感覺比施行殘劑預約更實在。
傅彬貴日前在臉書發文表示，開放「爽約劑施打」，讓養家活口的中年人可以提早打到疫苗，比搞殘劑預約還要實在。畢竟每次大批的醫護人員全副武裝出動也是社會成本，如果預約接種疫苗的人爽約，那就視同放棄，把機會讓給苦苦等候施打的50歲以上成人，盡快將疫苗施打率提升至30％，「你不想打就讓給別人打」。
貼文引起討論，不少網友留言支持，不想打就別佔著名額。「支持讓想打的人打，不想打的別佔著名額」、「把疫苗的施打順序趕快往後延，不打就跳過去，讓後面想打的趕快打，這樣施打率反而能提高」、「還有預約率不到六成，隔天就開放下一個類別施打，地方可以每天公開滾動修正」、「同意並支持，爽約=放棄」。
今天將有61萬劑政府自購的AZ疫苗抵台，明天則有113萬劑日本第二批捐贈的AZ疫苗送達，但由於先前傳出多例打AZ後猝死，讓許多年長者害怕，甚至出現一波緩打潮，對此，中央流行疫情指揮中心指揮官陳時中先前表示，下一波會馬上做意願調查，看看哪些疫苗真的沒人打，如果有就會拿出來往下開放。</t>
  </si>
  <si>
    <t xml:space="preserve">
新冠肺炎肆虐持續數月，多數演藝活動等工作取消或延期，去年底休長假至今的張惠妹，今年的工作計劃全部暫緩，連去年底提到的新專輯，進度同樣毫無下落，她的經紀人陳鎮川今表示：「妹的工作確實有受到影響，目前完全靜下來，新專輯連開案都還沒。」陳鎮川近來為高級名車代言，他謙稱自己半開玩笑跟朋友說上半年演唱會都取消了，「就找點好玩的事做做」，廣告近日曝光，阿妹卻還沒看過，陳鎮川笑回：「我哪好意思跟她討論，會害羞啦。」
陳鎮川是知名填詞人、製作人、舞台導演，製作無數大型活動及頒獎典禮，其中包括海內外2、3000場演唱會，並且擔任經紀人，成功打造張惠妹、羅志祥、林憶蓮及艾怡良等天王天后，近年不少廠商邀約代言都被他婉拒，年初車商邀合作，好不容易才讓他點頭，陳鎮川說：「主要是產品的廣告文案比較回歸個人  ，沒那麼像在賣東西的感覺，不然我會覺得很糗。」
他擔任《連環泡》編劇時買了人生第一部車，「主要是因為住北投交通不方便，那時侯買車貸款貸了不少，第一部車沒選擇二手車，主要是我本身有一點潔癖」，他喜歡在車上聽音樂、大聲唱歌抒發負面情緒， 「而且我不喜歡開快車，我開車很慢，喜歡看沿途景色、路邊人事物」。他住家離公司近、經常為了工作到處飛，很少時間開車的他，把車子視為房子、甚至避難所，「因為我的工作跟音樂有關，要聽得非常仔細，我不知道為什麼必須在車子裡聽音樂才聽得進去，這個習慣直到現在還是這樣」。
</t>
  </si>
  <si>
    <t>交通部因應新冠肺炎，將啟動所有場站量測體溫措施，交通部次長王國材表示，5月1日起，台鐵241站都要全面量體溫。
王國材說，交通部主管包括客運場站、航空站、郵局、國道服務區、風景區及主題樂園、4月1日起旅客及民眾都要量體溫。其中高鐵4月1日起台北、桃園、台中、左營、台南等5站都要量體溫，4月6日起高鐵12站都要用紅外線量體溫。
台鐵部分，已要求4月1日台鐵南港等22個大站全部都用紅外線體溫偵測儀量量體溫，其餘小站目前因額溫槍陸續採購中，所以目標就是5月1日起全部241站統統都要量體溫，人員不足部分，小站先由列車長幫忙 ，其餘場部分則僱請臨時人員協助。
交通部也說，相關防疫措施包括搭車戴口罩，避免民眾返鄉掃墓產生交叉感染，運輸業者宣導民眾配戴口罩，並販賣棉布口罩。
全面量測體溫，鐵路、客運主要場站、國內航線航空站、國道服務區、國家風景區及主題樂園，4月1日起旅客入口(或閘門)量測體溫，超過37.5度，將勸導返家休息或就醫。
此外，也會加強消毒頻次，場站及運具原則每日至少消毒1次，並視需要增加次數(高鐵列車每一往返1次、公路客運每6小時1次)。並減少人潮聚集，國道服務區推出簡易賣場，減低大廳人潮；台北站等18個車站至4月30日停止場地租借及舉辦活動。</t>
  </si>
  <si>
    <t>蝦紅素可不只拿來護眼，還有很多不同的應用。因為其抗氧化、抗發炎的功能，已經被證實對皮膚、心血管、神經有保護作用，甚至能對抗新冠肺炎。
●蝦紅素可以對抗新冠肺炎？研究推論能降低肺部發炎
蝦紅素是一種脂溶性的抗氧化營養素，又稱蝦青素、藻紅素，存在於紅球藻類和海洋生物體內，一般熟知蝦紅素的功效是對抗眼部疲勞，而在新冠肺炎肆虐之際，科學家看中它的抗氧化效果，發現可能可以降低新冠肺炎對身體的危害。
一篇2020年發表在《生物醫學與藥物療法（Biomedicine &amp; Pharmacotherapy）》期刊的研究，研究員塔盧達（Jayanta Talukdar）指出，蝦紅素能抑制發炎物質NF-kB的活化信號，進一步降低細胞免疫風暴的風險和肺部發炎的程度。
聯新國際醫療、聯新營養總營養師呂美寶則指出，從相關資料和推論都指出蝦紅素在對抗新冠肺炎有正面效益，但目前都還只是推論、沒有相關的人體或動物研究，要對抗新冠肺炎要吃多少、吃多久，都還不清楚，未來還需要更多研究。
中國醫藥大學新藥開發研究所近期針對蝦紅素做了體外實驗。該研究所副教授陳曄指出，目前已知維生素C能抑制新冠病毒，而研究發現，同為抗氧化劑的蝦紅素能抑制新冠病毒Mpro繁殖酵素、降低傳染力，效果比維生素C還好，「近來因為製造方式日新月異，蝦紅素取得愈來愈方便，因此相關的體內研究會持續進行。」
●皮膚、血管都用得到　蝦紅素的3大好處
1.改善斑點及皺紋
蝦紅素可以延緩皮膚老化，降低紫外線對細胞的傷害。在人體實驗中，每天吃2～12毫克蝦紅素（大多數研究為6克），可以減少皺紋、增加皮膚彈性和潤澤度。
在2017年一項隨機分配、雙盲、安慰劑控制的試驗（double-blind placebo-controlled trials）中，65名女性試驗者，隨機分成3組：每天吃6毫克、12毫克和安慰劑。16週之後，安慰劑組的皺紋和皮膚潤澤度大幅下降，另外兩組都能改善皮膚問題，而每日12毫克的效果更為顯著。該研究刊登在《臨床生化及營養（journal of clinical biochemistry and nutrition）》期刊中。
主要研究員富永久美（Kumi Tominaga）指出，該實驗是在日本8月～12月之間，受試者同時也受到紫外線、乾冷等等環境影響，如此更顯示，蝦紅素的抗氧化效果，可以延緩皮膚老化、減少環境對皮膚的傷害。
2.照顧血管、維持心臟健康
→許多研究證實，蝦紅素的抗氧化功能可以維持血管健康：
改善高血壓：2018年一份刊登在《亞太臨床營養（Asia Pacific Journal of Clinical Nutrition）》期刊研究證實，每天吃8毫克蝦紅素，可以改善第2型糖尿病人的血糖和血壓。該研究表示，糖尿病患者常同時有高血壓和高血糖問題，因此未來可考慮將蝦紅素當作另一種輔助治療。
→調整膽固醇：一項由東京慈惠會醫科大學附屬柏醫院（Jikei University Kashiwa Hospital）執行的綜合型研究，找了61沒有糖尿病、肥胖和高血壓問題、介於25～60歲的人，隨機分配安慰劑或每日6、12、18毫克的蝦紅素為期12週，結果發現，每日食用12毫克能同時降低三酸甘油酯和增加高密度膽固醇（好膽固醇）。
→幫助血流順暢：日本北海道大學研究發現，每天吃12毫克蝦紅素、持續4週後，使用雷射散斑流動圖（laser speckle flowgraphy）檢視，發現在沒有副作用之下，血流速得以提升。
3.保護腦神經、改善認知功能
老化後可能造成認知功能衰退甚至失智症，蝦紅素可能有保護的效果。蝦紅素能幫助身體合成腦源性神經營養因子（BDNF）。BDNF是種蛋白質，會調節神經介質傳導、參與神經元生長、分化及重塑，維持細胞健康，體內較高的BDNF和降低失智症風險有關。
此外已經有許多研究發現，蝦紅素可以預防氧化損傷、改善認知功能。日本順天堂大學曾找來96位健康和因為老化而出現記憶力衰退的人，每天給予12毫克蝦紅素、持續12週後，實驗前後都進行CogHealth battery 的測驗（選擇反應、工作記憶、注意力等等測試），結果發現實驗後測驗成績都顯著提升，且沒有副作用。
美國知名的非營利醫學研究機構桑福德・伯納姆・普里比斯（Sanford Burnham Prebys）研究院研究員葛瑞明（Beth Grimmig）也指出，已經有許多研究證據顯示，蝦紅素可能可以延緩老化造成的認知障礙，對因病而產生的神經退化症狀也有緩解的效果。</t>
  </si>
  <si>
    <t>中央流行疫情指揮中心今(5)日公布國內新增1例境外移入COVID-19確定病例(案1049)，為印尼籍20多歲女性，同時也是兩天來第2例印尼境外生來台後確診。
指揮中心表示，案1049為印尼籍20多歲女性，今(2021)年3月21日來臺就學，持有搭機前3日內檢驗陰性報告，入境時無症狀，並至集中檢疫所進行檢疫，4月3日由衛生單位安排期滿前採檢，於今日確診(Ct值34，次日採檢陰性，IgM、IgG皆為陽性)，自述曾於當地接觸過確診者。因個案入境至今並無症狀，且檢疫期間未與他人接觸，故無匡列接觸者。
指揮中心統計，截至目前國內累計191,769例新型冠狀病毒肺炎相關通報(含189,901例排除)，其中1,048例確診，分別為932例境外移入，77例本土病例，36例敦睦艦隊、2例航空器感染及1例不明；另1例(案530)移除為空號。確診個案中10人死亡、1004人解除隔離、34人住院隔離中。</t>
  </si>
  <si>
    <t>疫情大爆發，全台三級警戒，嘉義市政府圍堵群聚加強防疫，20日對嘉義公園2座涼亭、興嘉公園3座涼亭，拉封鎖線還加上菱格網鐵籬，市政建設處表示，連日來仍有民眾屢勸不聽，跨越黃色警戒封鎖線，因而加鐵籬，且不排除開罰。
網友檢舉興嘉、嘉義等公園的涼亭連日來仍有民眾聚集，且未戴口罩，市府人員持續勸導，但效果有限，勸導人員前腳離開，民眾又聚攏在涼亭，19日市府拉黃色警戒封鎖線後，還是有人跨線進入。
市府建設處副處長羅資政表示，15日上周六準三級警戒防疫後，已對公園群聚展開勸導，連日來仍少數長輩不聽勸，20日起三級警戒防疫，對公園涼亭強力封鎖，並會同警方加強取締。
羅資政表示，全市的公園有55座涼亭，目前鐵籬封鎖5座涼亭，全面檢視所有涼亭視情形採取必要的防疫措施，以減少群聚，避免防疫破口。</t>
  </si>
  <si>
    <t>微軟26日（周三）盤後警告，由於新冠肺炎疫情蔓延使供應鏈受阻，本季負責Windows事業的個人運算部門營收將低於預期。這是繼蘋果之後，又一家因大陸疫情衝擊供應鏈而發布財測預警的科技巨擘。
受此拖累，微軟周早盤開盤跌逾4％，報163.19美元，尖牙股（FAANG）亦全面重挫。
微軟發表聲明提及，「雖然Windows需求一如我們預期的強勁，但供應鏈重返正常運作的速度比之前預期更慢。」該公司指出，Surface裝置、Windows等產品銷售受打擊的程度比預估嚴重。
微軟表示，本會計年度第3季（1到3月）個人運算部門營收將無法達到先前預測的107.5億到111.5億美元。微軟未提供最新預測數據，該部門負責業務包括Windows軟體、Surface平板電腦等，上季合計約占微軟營收的35％。
蘋果17日美股盤後開出第一槍，宣布因新冠肺炎爆發波及iPhone大陸產能，影響全球供貨及打擊大陸對蘋果產品的需求，本季營收無法達到原估區間630億至670億美元，成為美國首家受疫情影響而公告獲利預警的重量級大型企業。此一消息讓全球股市倒成一片。微軟是第二家發布財測預警的市值逾1兆美元企業。
其他科技廠商也發布預警，紛紛表示疫情導致大陸部分廠房關閉，市場需求下滑，前景不確定性大增。繪圖晶片大廠輝達（Nvidia）本月指出，疫情可能使本季營收減少1億美元。PC廠商惠普（HP）則稱，企業更新至Windows 10的計畫可能延後到接下來幾季，此外，因冠狀病毒疫情引發供應鏈中斷，本季調整後的每股盈餘減少0.08美元。
傑富瑞(Jefferies)分析師席爾（Brent Thill）直言，「沒有人能夠倖免，即便是地球上最厲害的科技企業。」席爾提及，微軟更重要的收入來源如Office軟體、雲端運算部門、Xbox遊戲事業都不包含在此次預警裡，但他也表示：「畢竟本季還有一個月的時間，情況也有可能進一步惡化。」</t>
  </si>
  <si>
    <t>貝恩策略顧問（Bain &amp; Company）出具報告指出，受新冠肺炎大流行衝擊，未來幾個月全球精品銷售額恐將崩跌。
貝恩顧問表示，包括服飾、珠寶、手錶、美妝品與配件等全球個人奢侈品市場，恐將在第二季暴跌約50%～60%。
新冠狀病毒去年底最先在中國湖北省爆發，迄今全球感染確診人數已經超過380萬人，並導致逾26萬9,500人喪命。為了防止疫情快速擴大，許多國家被迫關閉大部分非必要商店，並要求民眾盡可能不要外出。在各地實施封城鎖國政策下，國內外旅遊亦已停擺。
儘管越來越多地方開始放寬封鎖措施，該顧問公司仍預測2020年全年精品銷售額將介於1800億歐元～2200億歐元（約介於1950億美元～2390億美元），較2019年經估算的2810億歐元下滑20%～35%。</t>
  </si>
  <si>
    <t xml:space="preserve">
28歲港星胡淽喬外貌甜美，2009年在烹飪遊戲節目《美女廚房》擔任「美女廚神」走紅，胡淽喬和男友過年期間回武漢過年，沒想到新冠疫情爆發後，武漢宣布封城，胡淽喬為了陪伴男友自願留在當地，一個多月來也不斷透過社群網站讓外界知道當地情況。近日香港政府派專機接回滯留武漢港人，胡淽喬也被問到是否會搭專機返回香港，但她卻斷然拒絕，並曝光背後原因。
胡淽喬就透露，近來被許多人詢問她是否會搭專機回港，她表明不會，並坦言雖然自己很想回香港，但目前武漢還沒有解除封城，就算回到香港，她也要被隔離14天，胡淽喬認為還是在當地「自我隔離好了」。
胡淽喬同時指出，除了隔離問題之外，她不搭專機還有另一個原因，因為她認為自己不是慢性病患者，也不是要趕著考試的學生，基於沒有迫切返港的需求，所以她決定把座位讓給更需要的人。
胡淽喬自願留在武漢，目前待在郊外農村的她，連日來透過社群媒體分享疫情現況，卻無端被網友攻擊，加上日前收到日本朋友寄來裝著口罩等各種防疫產品的包裹，讓她很無奈，「日本人會說武漢加油、香港人卻惡言相向、落井下石，不知道那些幸災樂禍的人，是生長在一個欠缺愛的家庭，沒有同理心的人如何教育下一代」？胡淽喬最後感嘆，一場疫情，看盡了人生百態。
更多 CTWANT 報導
</t>
  </si>
  <si>
    <t xml:space="preserve">近期印度疫情趨緩，為了重振經濟，當局逐步解封，但遭到公衛專家強烈反對，直指若印度太早解除封鎖，反而容易引發第三波感染，穆迪分析的專家也認為，印度政府如何有效控制疫情，並提高疫苗接種率，將成為印度經濟復甦的重要課題，同時也直接影響全球經濟發展。
CNBC報導，穆迪分析公司Moody's Analytics副總裁兼高級分析師Abhishek Tyagi表示，印度疫情出現的封鎖與民眾行為模式的改變，正抑制經濟活動與金融市場的流通性。
儘管經濟確實因疫情出現停滯，但Abhishek Tyagi認為如何避免第三波感染將是更重要的課題，「由於疫苗接種率仍然相對較低，因此存在持續感染的風險，這可能會促使政府再採取進一步的封鎖措施。」
因此，如何盡速控制疫情，並提高疫苗施打率，將成為印度復甦經濟的重要關鍵，他說：「政府如何限制病毒傳播並大幅增加疫苗接種率，將對經濟復甦產生直接影響，同時也牽動世界局勢。」
由於印度為第六大經濟體，且是全球經濟成長的主要貢獻者，5月印度疫情爆發後，引來部分專家下修其經濟成長預測，並認為印度的疫情將左右全球經濟狀況，美國商會也曾警告，多家跨國企業的後勤支援部門是由數百萬名的印度勞工負責運作，因此印度的疫情危機可能拖累美國，甚至對全球經濟帶來危機。
</t>
  </si>
  <si>
    <t xml:space="preserve">新冠肺炎延燒至今，影響各產業甚巨，新創投資市場信心更是受到動搖。然而台灣創新能量豐碩，新型態的服務與產品不斷出現，仍然有龐大的資金或企業資源需求，創夢市集今年選出可進入加速育成階段的團隊，漁拓等9家新創團隊，為台灣新創注入資源。
依據企業服務數據庫公司Crunchbase統計，2020年第1季新創投資筆數相較前一年同期下降4％，投資金額亦下降8％，並預測第2季影響可能更明顯。由網銀國際、橘子(6180)、華義(3086)、昱泉(6169)、齊民等五家遊戲業者及新光金國際創投共同出資成立的創新平台創夢市集，一直以來提供台灣新創團隊加速成長與種子輪投資的資源。今年依然不受疫情影響，透過初步書審、面審、與募資簡報訓練等多階段的關卡，在近140家的新創團隊中，選出可進入加速育成階段的團隊，包含互動娛樂類的漁拓、數位卡夫特、炎姬；民生創新類的毛小愛、燊厤Poop out、玩藝星球；電商科技類的印花樂、深義分析、Quickper Checkout，共9家新創團隊。創夢評審團以團隊組成與磨合度、核心技術能力、商業模式、以及產品服務是否已接受市場驗證等等，做為評選考量的條件。
新創團隊往往因為本身產業類型或各別需求而對外尋求政府企業的資源或資金挹注，例如本次入選團隊之一的印花樂表示，雖曾獲得其他企業與創投公司的投資，但三位創辦人的專業背景雷同，因此希望透過如創夢市集這樣的加速器，獲得更多不同的激盪。創作人才媒合社群「ArtzyPlanet玩藝星球」與旗下行銷快速出圖服務PICASSO，希望透過加速輔導的過程，將更強化品牌商業模式以立足與建立新市場。燊厤則希望藉由創夢市集背後股東資源，吸引策略性投資人挹注，並增加電商合作與國際業務擴展能力。
入選育成階段的團隊將在創夢市集的協助下，展開至少兩個月的深度輔導，包含重新釐清價值主張、商業模式、目標顧客及設定目標和關鍵成果，並且由內外部不同的領域專家進行兩到三次的客製化一對一輔導，經過盡職調查(due-diligence)後，最終有機會獲得200萬的投資金額挹注，甚至促成與創夢市集股東或其他企業的策略合作。
</t>
  </si>
  <si>
    <t>今天是大年初三，國內新冠肺炎再度零確診，農曆牛年以來，今天已是連續2天境外、本土都加零。中央流行疫情指揮中心指揮官陳時中親自主持記者會與大家拜年，並表示上次2天0確診已是109天前，希望這樣的情況可以繼續。
陳時中表示，社區回溯採檢部分，應採3501人，已採3423人，其中3414人為陰性，有78人因為離境或已經死亡所以沒辦法採，剩下9位已安排採檢；部立桃園醫院全體工作人員血清檢查部分，1759人已採1758人都是陰性，僅第二階段血清抗體有一人待採檢，預計2月16日採檢，以及第一階段血清抗體有1人呈弱陽性須二採，將在2月15日採檢。
為何今日零確診還是開了疫情記者會？陳時中表示，其實這是和大家有約，原本指揮中心說好要放假2天，怕今天爽約所以還是開了記者會。在今天的記者會後，陳時中也特別給媒體送上巧克力，祝福大家新年快樂、情人節快樂。
截至目前，國內共累計937名新冠肺炎確診案例，分別為821例境外移入，77例本土病例，36例敦睦艦隊、2例航空器感染及1例比利時工程師；另1例江蘇台商（案530）移除為空號。
指揮中心提醒，春節期間民眾走春拜年、出入公共場所的機會增加，由於許多場所具有不易保持社交距離，或會近距離接觸不特定對象(不認識的人)的特性，有較高的感染與傳播風險，因此提醒民眾出入公共場所，或無法與他人保持社交距離時，請務必佩戴口罩；同時也請落實勤洗手、咳嗽禮節等個人衛生習慣，以降低感染風險。</t>
  </si>
  <si>
    <t xml:space="preserve">
鴻海創辦人郭台銘向疾管署申請BNT疫苗進口，指揮中心指揮官陳時中昨表示，文件算齊全，獨缺一紙「原廠授權書」。前國民黨青年團總團長呂謦煒質疑，《藥事法》要求檢附的4項資料中，並沒有要求一定要出具「原廠授權書」，難道陳時中說的話能夠超越法律？對此，律師林智群指出，《藥事法》要求檢附的4項資料中，包括「國外上市證明或各國醫藥品集收載影本，關鍵就在「上市證明」，全世界的covid-19疫苗，都還沒取得完全核准，都還沒上市，因此根本不可能提出證明。
呂謦煒指出，根據《藥事法》第48-2條規定，「因應緊急公共衛生情事之需要」，「中央衛生主管機關得專案核准特定藥物之製造或輸入，不受第三十九條及第四十條之限制」，而《特定藥物專案核准製造及輸入辦法》就是受《藥事法》第48-2條的授權，因緊急公共衛生情事所需，向衛福部申請輸入特定藥品時，只需要檢附以下四項資料：
1. 完整預防或診治計畫書及相關文獻依據。其計畫書內容，包括因應緊急公共衛生情事之申請目的及足以顯示利益大於風險之資料。
2. 所需藥品數量及計算依據。
3. 藥品之說明書。
4. 國外上市證明或各國醫藥品集收載影本。（無法檢具者，應檢附產品製造品質資料、動物安全性試驗報告、人體使用資料及風險利益評估報告替代之）
其中，並沒有所謂的「原廠授權書」。
對此，律師林智群在臉書發文，關鍵字就是「上市證明」，目前全世界的covid-19疫苗，都還沒取得完全核准，都還沒上市，是經過緊急授權偷跑的，哪來上市證明？
林智群並自行解讀，政府要求「原廠證明書」，其實是鬆綁上開法律的規定，依據新冠肺炎特殊條例第7條：「中央流行疫情指揮中心指揮官為防治控制疫情需要，得實施必要之應變處置或措施。」；若真要嚴格遵守法律，「郭董哪裡去生上市證明呢？」。
</t>
  </si>
  <si>
    <t xml:space="preserve">南韓為防堵新冠肺炎疫情，自4月1日起規定不論本國或外國人，所有入境者一率要隔離14天。其中一位30多歲的台灣女性，因為拒絕繳納定點隔離費用，成為第一位未遵規定而被驅逐出境的外國人。
韓聯社報導，這名台灣女性遊客，4月初從仁川國際機場入境，她起初同意配合防疫政策前往隔離設施，但是到了隔天抵達定點隔離區時，她卻改口「不願承擔費用」。南韓法務部表示，南韓政府已在4月5日晚間將這名台灣旅籍旅客驅逐出境。她也是南韓該項政策實施後，第一位因為拒絕待在集中檢疫所而被遣返的外國人。
南韓為防堵新冠肺炎疫情，自4月1日起規定不論本國或外國人，所有入境者一率要居家或在集中檢疫所隔離14天，如果選擇在集中檢疫所隔離，費約是每天約10萬韓元（約新台幣2500元）。
</t>
  </si>
  <si>
    <t>台北農產運銷公司近日傳出有多位員工染疫，北市產發局回應，截至昨日為止恐有45人確診，衛福部醫福會執行長王必勝已前往了解，外界質疑北市防疫工作出問題。綠委何志偉今日表示，中央派人進駐是象徵性意義，此時不該苛責北市府，應該把事情做好，也不要再罵來罵去。
何志偉指出，北農是大台北地區最大的農產品集散地，不僅僅是北農員工，還有批發商，很多人都會進出，民眾也很擔心食材會不會有問題，農委會應該要盡快關注，掌握狀況，隨時對外說明。
何志偉說，中央指揮中心在這個時候進駐，主要只是象徵性的意義，重點是要實質把事情做好，現在絕對不是苛責台北市政府的時候，而是要解決問題，如果中央、地方互相指責，各黨支持者繼續罵來罵去，也只是甩鍋、口水，對防疫沒有幫助，社會不會樂見。</t>
  </si>
  <si>
    <t>今日上午衛福部桃園醫院利用「血液淨化」技術治癒新冠肺炎重症病患，但中央流行疫情指揮中心專家小組召集人張上淳說，這是單一個案，未來能否採用相同方式治療其他病患，還需要更多科學上的證據才能確認。
張上淳說，在人體面臨嚴重疾病時，除疾病本身對人體造成的傷害外，還有「細胞激素風暴」，也就是人體過度免疫反應造成的傷害。
張上淳解釋，血液淨化治療有兩種方式，可以透過藥物壓制或是置換血漿，將過高的激素移除，避免細胞激素風暴造成的傷害，。
張上淳以國內新冠肺炎患者為例，提到有些病例的介白質6含量特別高，可以用抗IL-6藥物來治療，而桃園醫院這次嘗試的結果是好的，但未來還需要更多證據，才能確認能否用在其他案例治療上。</t>
  </si>
  <si>
    <t xml:space="preserve">美國股市近日陷入瘋狂，一日暴跌、一日暴漲。財信傳媒董事長謝金河警告，美股多空廝殺激烈，並非底部現象，實質上多頭正且戰且退，最核心的問題是美國必須盡快研發出疫苗對抗病毒，以及川普的救市方案不能是空包彈。
美股道瓊指數9日暴跌2千多點，創下史上最大跌點，美國總統川普立刻跳出來說要全力救市，擬推減稅等振興經濟方案，激勵美股10日大漲千點。
謝金河在臉書發文指出，美國股市3月以來不是大漲、就是大跌，例如2日大漲1293點，3日大跌785點，4日又大漲1173點，當天聯準會降息兩碼，但5日道瓊又大跌969點，6日一度大跌逾千點，最後下跌256點，9日則是歷史性重挫2013點。乍看之下，多空交戰非常激烈，但實質上多頭是且戰且退，美股頻頻探底創新低。目前美股各大指數多數跌破年線，只剩生技醫療及大型Nasaq100及費城半導體指數仍力守在年線上。
謝金河認為，短期間來看，油價若不再破底，公債殖利率不再創低，美國重量級五大市值股穩住，多頭仍有防守的機會。但最核心的問題仍然是美國必須儘速研發出疫苗抗病毒，有效遏阻新冠肺炎疫情蔓延，還有川普救市不能打空包彈，必須對症下藥。
謝金河表示，這次疫情重創全球股市，各國政府全力救市，南韓政府下禁空令，全球央行再度卯足全力寬鬆銀根，但資金不能治本，這時候疫情必須出現有效轉折，重振市場信心，才能讓股市重現活力。對美股來說，眼前忽而大漲、忽而大跌的刺激景象，絕非底部現象，川普仍有待加油！
</t>
  </si>
  <si>
    <t xml:space="preserve">美國的2019年冠狀病毒疾病（COVID-19）病例不斷增加，東西岸都出現確診患者，白宮卻在此時承認國內缺乏足夠的病毒檢驗工具組。
英國廣播公司（BBC）報導，美國副總統彭斯（Mike Pence）表示，政府無法於這週達到發送100萬份病毒檢驗工具組的目標。
截至今天，美國境內死於這種病毒的人數已有12人，全國有20州發現病例，確診超過200例。
美國食品暨藥物管理局（FDA）局長哈恩（Stephen Hahn）曾在2日媒體簡報中說，這週之內將可備妥近100萬份檢驗工具組。
但協調防疫事務的彭斯今天坦承政府無法達成目標。
他視察明尼蘇達州一座工廠時說：「我們現在沒有足夠的檢驗工具來滿足預期會增加的需求。」
他晚間在華盛頓州表示：「要確保檢驗工具能取得，我們還有一段距離。」
但彭斯也說，下週末之前，政府的診斷器材供應商將在全國分發檢驗工具組，將可供120萬名美國人檢驗。
</t>
  </si>
  <si>
    <t xml:space="preserve">
一張最高可投保千萬美元、相當新台幣3億410萬元的美元壽險保單，在新冠肺炎疫情爆發後的詢問度也提高，而且有民眾希望額度還可以再提供。
新冠肺炎疫情爆發，讓許多人重新思考財務配置的優先順序，近期壽險保單也針對此提出比較靈活的設計，像是保戶（要保人）可以指定多名受益人及保險金分配順位，同時還可以彈性變更保險金受益人、身故保險金可設定為10年、20年的分期定期給付，以及每一位受益人可領取的身故保險金的分配比例。
以近日新聞媒體高度關注的鑽石公主號為例，遊輪上已經有來自不同國籍超過600人確診，誰能預料原本讓人稱羨的郵輪行程，竟變成困境之旅。
AIA友邦人壽總經理侯文成表示，誰都不願意看到疫情的擴張，但很多變故的發生是沒有任何徵兆。病毒之前，人人平等，所謂「計畫趕不上變化」，往往在錯失了機會和時間後，影響了自己、家人、甚至整個家族未來的安定幸福，以及多代子孫的隱形財富。
目前市場上的美元保單多受到保戶關切，以「利率變動型終身壽險」來說，有的保單提供6年期、10年期較短年期，趨向民眾偏好度之外，職業等級1~3級最高投保金額可達1,000萬美元。若是以1美元兌換新台幣30.41元計算，約折合為3億410萬元，可藉此確保所指定的受益人在被保險人事故發生後的財務保障，降低事故風險所產生的衝擊。
</t>
  </si>
  <si>
    <t>國民黨主席江啟臣昨晚在國際民主聯盟（IDU）的防疫線上會議中，與來自60幾個國家的100多位政治人物共同討論國際防疫工作，並進行專題報告。江啟臣表示，除了宣傳台灣全民努力的防疫成果，他更直接表達國際衛生組織（WHO），不應該排除中華民國。
江啟臣昨晚9時受國際民主聯盟之邀，以網路研討會的形式，與其他5 位與會成員共同討論民主國家如何應對新冠病毒疫情，包括前澳洲總理艾伯特、奧地利歐盟事務部長艾茲達德勒、美國企業研究所研究員戈特利伯、英國貿易政策次長漢茲、美國藥品研究及製造商協會執行副總裁莫希齊茨基。而參加研討會者，有超過150名的國際民主聯盟成員及其代表。
江啟臣除了宣傳台灣全民努力的防疫成果，也直接表達國際衛生組織，不應該排除中華民國。透過參與世界衛生組織，更能夠分享台灣防疫經驗，對提升世界公共衛生水平，作出實質的貢獻。
國際民主聯盟主席加拿大前總理哈伯，在會議中也應允，將與 IDU政黨會員，一同討論協助台灣參與世界衛生組織。
江啟臣說，醫療是普世價值，台灣參與世界衛生組織，更是人權議題，不能成為國際政治的角力場。台灣的防疫經驗與傑出的公衛環境，有助於國際公衛發展。未來不論任何政黨執政，參與WHO是不分朝黨派的共同目標，更是國人一致努力的方向。</t>
  </si>
  <si>
    <t>新冠肺炎疫情趨緩，連續5日0確診。馬偕醫院上月開始，要求進入醫院的民眾先在入口處查旅遊史，隨著國內有旅遊史的民眾減少，該院今宣布，5月4日起取消入口處的健保卡查詢旅遊史作業，門診的旅遊史查詢不變。開放進入醫院的時間也從上午7點半調整為上午7點，提醒民眾需戴口罩、配合動線規劃等措施。
馬偕醫院上月20日宣布，民眾進入醫院時，必須在入口處插健保卡，查檢旅遊史。隨著國外入境人數減少，該院今日宣布5月4日起取消入口處的插卡規定，民眾進入馬偕紀念醫院、淡水馬偕紀念醫院、馬偕兒童醫院，不需先在門口插健保卡，但進入門診，醫師仍會進行旅遊史、職業別、接觸史及是否群聚(TOCC)的查驗。
與此同時，馬偕醫院也宣布，5月4日起，民眾進入醫院的時間，將從上午7點半提前至上午7點，其餘的措施，如陪病、探病規定等仍然維持不變。為減少感染風險，馬偕醫院提醒民眾，進入醫院應配合入口處噴酒精乾洗手、體溫監測，並全程戴口罩、遵守管制措施及動線規劃。自車道進入的民眾，也需配合體溫量測、配戴口罩才可開放進入。
對於近期疫情趨緩，民眾進入其他醫院的措施是否放寬？台大、長庚、新光、北榮、三總均表示，目前仍維持現行措施，暫未有變動。五一連假期間，馬偕、新光、長庚門診均休診，台大、北榮、三總門診則照常，提醒民眾留意。</t>
  </si>
  <si>
    <t xml:space="preserve">日本富士電視台今天報導，東京都內又新增3例新冠肺炎病例，總計東京都已有32例；鄰近東京都的神奈川縣今天也新增一例重症病例，患者並無海外旅遊史。
日本朝日電視台報導，神奈川縣今天新增一例病例，患者是住在神奈川縣的50多歲男性上班族，14日發燒到攝氏38度，今天確診感染肺炎。
這名男性在東京都內的公司上班，在醫療機構檢查時呈現陽性，目前症狀嚴重。
日本神奈川新聞報導，神奈川縣政府表示，這名男性患者並沒有海外旅遊史，目前正在調查他的活動史及有無密切接觸者。
</t>
  </si>
  <si>
    <t xml:space="preserve">就在美國乘客撤離後幾小時，厚生勞動省17日宣佈，在「鑽石公主」號郵輪上新檢測的504人中，又有99人確認罹患新冠肺炎，使確診共達454人。
據NHK報導，這些人中有70人並未出現症狀。至今郵輪上的乘客與工作人員共有1,723接受檢驗，而美國已包機接回約400名該國乘客。
除了1名上船執行公務的檢疫官染病外，郵輪上約3,700名乘客與工作人員中，如今已有454人確診，使這艘郵輪成為大陸之外疫情最嚴重的地方。而日本從2月3日開始強制實施的隔離檢疫期，即將於19日結束。
由於「鑽石公主」號的病例暴增，儼然成了疫區，也有24名澳洲人確診。據路透報導，澳洲總理莫里森（Scott Morrison）說，預定19日派包機接回船上200多位公民。他們將被帶往屬於熱帶氣候的澳洲北部達爾文（Darwin），並再接受14天的隔離檢疫。
此外，莫里森說，澳洲航空公司（Qantas Airways）包機將提供機上空位，接回「鑽石公主」號上的紐西蘭人，不過人數尚未確定。而這些紐西蘭人將在達爾文轉機，返回紐西蘭。
</t>
  </si>
  <si>
    <t>在電競領域中雄據一方的微星（2377），大動作宣布跨向商務筆電市場，除發布全新MSI Logo，更一口氣重整非電競筆電產品線、推出由Summit、Prestige和Modern三大系列組成的商務筆電陣式，為其筆電事業在電競之外建立營運動能的第二隻腳。
微星於9月3日以「登峰造極」為主軸、舉行全球線上虛擬高峰會，揭露全新以費式數列與黃金比例為基礎、具簡潔俐落設計的MSI全新商務筆電產品logo。
同時，微星亦以「商務＋生產力」，全面開展非電競系列的商務筆電新產品線，有新推出聚焦高階效能及資安強化的Summit系列外，還有與原既有針對創作者、行動工作者優化使用體驗的Prestige和Modern兩系列，全面搶進非電競領域的商務利基筆電市場，並展現其擴展戰線的決心。
在新冠肺炎疫情肆虐的2020年，微星筆電業務暨行銷處總監陳禮群表示，這一年雖充滿挑戰，但也帶來機會，尤因疫情帶動的遠端工作需求，更突顯了具高效能、高生產力之商務筆電的重要性。
微星此波發布的全新商務筆電系列，皆搭載英特爾第十一代Core i處理器，及英特爾新發布的Iris Xe顯示晶片，此外，全系列亦皆採用超薄鋁製、軍事耐用等級的機殼，同時內建TPM 2.0、提供企業級安全性防護措施。該場發表會中，微星也端出首度推出的翻轉螢幕筆電機款Summit E13 Flip，更再度打破其過往產品外觀框架、以多彩機身的全新商務筆電搶進市場。預計此回發表的全新商務筆電系列新品，將接續於10月起在各市場上市，屆時亦可望為微星第四季及明年上半年的筆電事業營運，增添一波銷售新動能。</t>
  </si>
  <si>
    <t>新冠肺炎疫情全球肆虐，各國人心惶惶，就有網友指出，中港台都曾經歷過SARS風暴，然而卻貌似僅有台灣記取教訓，讓他不禁好奇為何會有這樣的落差？貼文一出隨即掀起網友熱議。
2003年3月13日，台灣爆發首起SARS確診病例，直至疫情結束，台灣確診人數為346例，造成包括醫務人員在內的73人死亡。對此，就有網友昨（26日）在PTT「八卦板」以「為啥只有台灣會記取SARS的教訓？」為題，PO文指出，「台灣以前SARS掛了很多人，還搞到封院，結果這次新冠肺炎來襲，整個台灣都非常警戒，緊張程度要說是全世界第一也不為過。」
然而他不解的是，這麼多年過去了，為何大陸依舊沒記取前車之鑑，不重視醫療環境及預防，就連香港也不緊張，「明明中港台都經歷過SARS，為何只有台灣會記取歷史教訓啊？」
貼文一出隨即掀起網友熱議，紛紛留言回應「和平醫院封院太震撼」、「SARS封院真的是讓台灣人印象深刻的關鍵」、「台灣醫療衛生觀念好！最強的人都學醫」、「因為台灣有自知之明是孤兒」、「SARS被搞而且之後一直杯葛台灣進世衛，我們只好自立自強」、「被婊過一次，若再第二次就只能怪自己傻了」；但也有人吐槽「子彈還沒飛完捏，遶境完再誇獎」、「台灣接下來還有好幾關卡要過：媽祖繞境、台商祭祖…神經不要鬆懈」。
另外也有人認為「公衛醫療向來就不是大陸發展重點，香港的話純粹就是被帶衰，想防堵也防堵不了」、「資源分配問題，升級公衛其實是很花錢又看不到政績，對岸其實也是政客沉迷一堆經濟建設這種肉眼能看到的政績」、「日韓當年SARS不嚴重」、「香港是政府不緊張，人民很擔心」、「香港是人民乾急政府無視，氣死他們」。</t>
  </si>
  <si>
    <t xml:space="preserve">國內每日新增確診數不斷創新低，今(5)日新增本土病例降到28例，有人認為離「+0」不遠了。民進黨立委鄭運鵬表示，以每日確診量到各縣市都可以疫調的規模來看，「台灣要清0不會是天方夜譚！」不過他也透露，潮水開始退了就知道，台北市雖然擁有最密集的醫療資源，確診數卻無法在三級警戒下率先趨近於零非常可惜。
今天全台新增28例本土病例，其中仍以台北市15例最多，鄭運鵬在臉書表示，確診數低於30就是有信心可以清0的指標，不過潮水開始退了就知道，台北市是非常可惜的，因為台北市擁有最密集的醫療資源、平均學歷最高的公務人員，確診數卻沒辦法在三級警戒之下率先趨近於零，是令人遺憾的結果。
鄭運鵬指出，五月以來，國人又回到去年的自我防疫意識，現在每個人、每個家庭、每個工作環境的防疫工具也都算充足，即使有超級傳染源，也不容易再大爆發，以每日確診量到各縣市都可以疫調的規模來看，他認為台灣要清0不會是天方夜譚！
對於部分人士認為社區還有黑數，因此不可能清0，但他認為只要讓這些極少量的黑數不容易傳播出去，就很容易斷鏈，也不會影響清0的目標，而疫調就是台灣獨步全球的武器。
網友則紛紛回應「還好必勝進駐處理了」、「王必勝要是沒進駐台北市，現在一定還在燒」、「不要再境外移入就好了」，也有人建議，就算三級解封，大家仍不應該放鬆戴口罩、酒精消毒、勤洗手、保持社交距離、別去人潮壅擠的地方等防疫習慣，才能保護自己、保護家人。
</t>
  </si>
  <si>
    <t>針對「COVID-19公費疫苗預約平台」第8期預約民眾及第1劑AZ疫苗接種滿10周者，金門再獲中央配發8600劑AZ疫苗，預計今日到貨，9／15開打至23日，請鄉親多加留意。
此次施打的對象是依中央流行疫情指揮中心於9／6公布第八期AZ疫苗預約者共有2類，第一類對象為9／10(含)前符合AZ第2劑接種間隔滿10周以上民眾，接種第2劑；第2類對象為7／19(含)前已意願登記選擇AZ疫苗之滿18歲至22歲民眾接種第1劑。這些接種對象均應於9／10日至9／12完成預約。
縣衛生局說明，全縣第8期符合對象有2911人，至9／12日平台截止時間，有2368人完成預約接種成功，將由部立金門醫院及各鄉鎮衛生所於9月15日至23日施打。
另在7／2(含)前已接種1劑，且間隔10周以上者，雖未於預約平台預約，仍可逕向14家合約院所預約接種。該局也將視這些對象接種情形，滾動式檢討疫苗能量後，提供18歲以上尚未接種第1劑疫苗者施打。
該局為加速疫苗接種速度，又增加2家合約院所提供接種服務，目前全縣累計已有14家包含金門醫院、5鄉鎮衛生所、傅仰賢診所、陳水湖診所、吾家診所、禾心診所、三大診所、健康診所、安仁診所及台大中心診所。</t>
  </si>
  <si>
    <t>接種新冠疫苗常見副作用為注射部位紅腫、頭痛、畏寒及發燒等，不過日本一名女子接種完莫德納後，竟開始不斷地掉髮，令她崩潰地上網查詢相關副作用，但始終找不到答案，便將其過程PO上網，而現在她也接受生髮門診治療中。對此，中央流行疫情指揮中心發言人莊人祥表示，目前仍要進一步了解狀況。
今（12）日下午中央流行疫情指揮中心召開記者會時，有媒體關心打莫德納後，副作用引發掉髮一事詢問，發言人莊人祥則回應，關於打莫德納造成掉髮的副作用，目前仍要進一步了解狀況。
據了解，該名女子日前於個人部落格指出，6月29日接種施打莫德納後，手臂出現注射部位疼痛，但並沒有發燒，直到7月1日早上起床，發現自己掉落的髮量比平常還要多，當時她以為是季節交替所致，因此並未放在心上。
豈知，7月7日她從鏡中發現頭頂出現3個圓形禿，且持續掉髮，尤其是洗頭時，頭髮更隨著水沖洗下掉落。而接下來的幾天，女子的頭髮竟愈來愈少，使她心情大受打擊，進而影響到工作；沒想到7月31日時，女子的頭髮幾近掉光，只剩些許的細毛，從發拍攝的照片中，已可見大片頭皮。
女子8月10日再度更新貼文表示，去醫院看了生髮門診後，醫師研判為圓形禿，也進一步作血液檢查，目前正等待檢查報告，不過醫生也建議她2周後要再進行皮膚生檢，並告知她「目前未有相關數據顯示，打疫苗會有掉髮的副作用」，目前最重要的是治療。
★《中時新聞網》提醒您：因應新冠肺炎疫情，疾管署持續加強疫情監測與邊境管制措施， 如有疑似症狀，請撥打：1922專線，或 0800-001922， 並依指示配戴口罩儘速就醫，同時主動告知醫師旅遊史及接觸史，以利及時診斷及通報。</t>
  </si>
  <si>
    <t>2020美國網球公開賽男單亞軍小祖維瑞夫，賽後致詞透露，父母新冠肺炎病毒檢測呈陽性，因此這次無法一起到美國紐約為他加油。
今年美網男單爭霸，小祖維瑞夫在握有兩盤絕對領先優勢下，遭奧地利好友提姆逆轉，頒獎典禮上接過亞軍獎盃時，小祖維瑞夫看起來情緒波動頗大，致詞時他先感謝父母無怨無悔支持他挑戰網球，隨後透露父母這次無法同行的原因。
「我的父母過去不論大小賽事，都會到場鼓勵我。」小祖維瑞夫邊講邊眼眶泛淚，「但他們在美網賽前確診新冠肺炎，不能一同來紐約，我很想他們，這次美網真的挺難熬的，所以我在致詞時展現出比較多感性的一面。」
小祖維瑞夫補充：「他們身體狀況還不錯，後來的檢驗結果也呈現陰性，但就整場比賽來說，握有2盤絕對領先，卻在第五盤搶七大戰輸掉，真的是很遺憾的一場比賽。我現在心情是挺激動的，甚至字不成句，壓根記不得我說了什麼，過去這兩周對我來說很不好過。」
小祖維瑞夫來自運動家庭，爸爸老祖維瑞夫和媽媽伊琳娜過去是代表蘇聯出賽的職業網球選手，因此常會在場邊看兒子比賽，年長小祖10歲的哥哥大祖維瑞夫同樣在ATP巡迴賽奮戰，不過目前單打世界排名261，和弟弟的世界第7有段距離。</t>
  </si>
  <si>
    <t xml:space="preserve">針對美國多位議員要將陸駐美大使館外的路名改成「李文亮廣場」，李文亮的遺孀付雪潔表示，她對此消息感到難過，李文亮若有知，一定不會允許有人借他的名義來傷害他的祖國。她懇求各界，「讓逝者安息，生者前行」。
雖然美國總統川普改口不再咬定大陸武漢實驗室為新冠病毒的外洩起源，但美陸關係陷入僵局仍未解，川普政府仍堅定要大陸為全世界遭大流行侵襲負責。此時，多位美國重量級議員紛紛提出相關法案，也有議員提議要將陸駐美大使館外的路名改成「李文亮廣場」，紀念疫情早期階段就提出警告的「吹哨者」陸醫師李文亮，讓他的名字永遠不被忘記。
對此，付雪潔微博發文稱，近日從網上得知，有美國議員提案要求把中國駐美使館的一個路段改名為「李文亮廣場」。得知這一消息，很是難過。文亮是一名共產黨員，深愛他的祖國。他若有知，一定不會允許有人借他的名義來傷害他的祖國。真的希望不要再無端勾起傷心事，讓逝者安息，生者前行。
</t>
  </si>
  <si>
    <t>台灣在去年12月曾去函世界衛生組織WHO，表示新冠肺炎恐有「人傳人」現象，但遭WHO否認，陳時中更因此火大公布電郵全文反擊。不過外界好奇，指揮中心的資訊究竟從哪來，對此指揮中心發言人莊人祥今天(15日)防疫記者會上表示，是在PTT發現的，該篇文章也吸引大批鄉民朝聖，如今原PO本人也出面回應，低調表示「不用啦 功成不只在我 更何況大局還沒結束」。
去年12月31日凌晨2點多，一名網友「nomorepipe」在八卦版PO出問卦文「武漢疑爆發非典型肺炎冠狀病毒群聚感染？」。莊人祥指出，當時疾管署副署長羅一鈞凌晨5點多睡不著，因此瀏覽PTT時發現此文，了解情形後便立即回報工作群組，著手準備防範疫情。
這篇被視為「台灣吹哨文」的護國神文如今被挖出，也吸引大批鄉民朝聖，甚至有人提議該把PO文的nomorepipe列入PTT名人堂，不久後nomorepipe本人也在底下回文表示「不用啦 功成不只在我 更何況大局還沒結束」，也讓鄉民興奮不已，直說「神串留名」、「本人出現啦!!」、「朝聖推」、「我媽問我為何跪著看PTT」。</t>
  </si>
  <si>
    <t xml:space="preserve">受到新冠肺炎疫情影響，三級警戒至今已經超過一個月，不僅許多店家生意受到影響，就連藝人也因為工作喊卡，導致收入銳減。對此，八點檔女星璟宣透露因為疫情關係，詢問房東是能否調整房租？沒想到卻得到讓她傻眼的答案，立刻引起網友議論。
璟宣昨（18日）在Instagram限時動態發文，透露因為新冠肺炎疫情爆發，導致這段期間收入受到很大影響，便詢問房東是否能在房租上做些調整？沒想到對方回覆一張紓困專案的圖片，要她去申請後就「已讀不回」，讓在此處租房許久的她，坦言收到這般回應相當難過，但換個角度想，或許房東也有自己的困難，只能安慰自己「退一步海闊天空」，但也不禁感嘆：「頓時令人想念南部的人情味」。
此外，璟宣曬出與「疾管家」的對話紀錄，從內容得知已接種疫苗過了5週，她透露疾管家每週都會傳訊息關心接種疫苗後的狀況，不由得開始想念起工作、家人、朋友以及能夠自由活動的日子，更無奈表示：「我生病了，生了相思病」，看得出來心情相當低潮。
璟宣之前傳出為了賺錢養兩個兒子，長年累月下來身體累出毛病，根據《三立新聞網》報導，她到婦產科照超音波時，被醫生告知「子宮萎縮提早老化」，可能因此不孕，對此，她也於IG發文報平安：「謝謝大家的關心，關於報導內容提到我的健康出了些狀況，是前兩年拍八點檔時，現在都很好。」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國內爆發首例院內感染，第34例患者後續衍生出院內群聚感染，但誰是感染源？疫情指揮中心還無法判斷。陳時中指出，無症狀者是可能存在的，大家只能提高警覺。有專家懷疑，台灣是不是已經出現了超級傳播者？針對此案，媒體詢及無症狀可人傳人？台灣兒童感染症醫學會理事長李秉穎表示，他擔心很容易出現防疫漏洞。
案34例是退休婦人，從2月14日因低血糖、全身倦怠情形掛急診，並收治住院，當時沒有呼吸道症狀；直21日起才出現咳嗽發燒症狀，隨後醫院通報送驗後確診。第34例患者成為關鍵注意個案，是因為之後新增的四例，案34是在醫院的接觸者，包括1名清潔工（案35）及3名護理人員（案36至38）。外界擔心這是否代表案34無症狀的一個禮拜，恐怕傳染給清潔工跟3位護理師？有醫師認為，這是國內首度證實，沒有症狀也會人傳人的案例。
但誰是感染源？目前仍須要再追查，更有專家持不同看法是萬一是清潔工（案35）傳染給案34與護理師的感染途徑的話，可能問題更大，這代表恐怕早有院內感染。
媒體詢及新冠肺炎疫情是否無症狀時也可能會人傳人？ 台灣兒童感染症醫學會理事長李秉穎則說：「這個病毒因為重症比例不是那麼高，無症狀跟輕症的病人，都可能會把病毒傳染給別人，很難掌控，它也很容易出現防疫漏洞，出現我們沒有預期內的社區感染，它的管控沒有辦法像SARS，很容易辨識病人，的確是值得憂慮的地方。」
雖然陳時中進一步表示，案34例還沒有辦法說她是院內感染，目前推測她是在社區裡面得到，2/14入院，2/21出現呼吸道狀況，這樣看起來，院外感染的可能性高，目前還是維持了解中，有待釐清，指揮中心會再把疫調做得更清楚，再向國人報告。但他也說如果真如專家所言，那麼醫院內其他案例早就爆發了，院內感染是全世界都害怕，因此要做好準備措施。</t>
  </si>
  <si>
    <t>今年剛入選交通部觀光局經典小鎮的台南市新化區，防疫期間民眾往郊外走，部分民眾到中興大學新化林場園區外的造林區登山健行，常因迷路或體力不支打電話請消防救護人員協助，新化林場呼籲遊客，林場內步道維護完善，購買門票入場安全較有保障。
新化林場面積廣達378公頃，擁有台灣最大的桃花心木森林，目前正值桃花心木落葉時期，林場步道彷彿鋪上一層柔軟地毯。林場前山收費開放遊客入園遊憩面積達90公頃，有餐廳、教室、旅宿、步道，林道有工作人員維護，新冠肺炎疫情爆發以來，周末入園人數較往年增加2、300人。
新化林場後山還有上百公頃的造林地，也常見遊客登山。由於後山並無專人維護步道，而且山路複雜，常有遊客迷路或體力不支，台南市府消防局新化分隊常接到救護任務，民眾還搞不清楚所在地點，徒增救護人員困擾。
為協助民眾確認自己所在地點，新化分隊與林場員工至後山各路線掛設救援定位點標誌，方便民眾回報位置。新化林場場長吳佾鴻呼籲民眾，林場前山設備完善，步道有專人維護，安全有保障，雖然入園全票80元，但市民、警消、教師、學生都有折扣，門票還可以抵消費。
今年是新化林場百周年，目前推出森林野餐日活動，拍照打卡請喝咖啡，還有機會獲得百年慶紀念品。此外，新化林場也是台南3大賞螢地點之一，夜間賞螢有專人導覽，活動即日起開放報名，歡迎民眾來享受森林浴，呼吸清新空氣。</t>
  </si>
  <si>
    <t xml:space="preserve">越南一對夫妻確診新冠肺炎後，地方官員擔心狗會傳播病毒，下令撲殺這對夫妻及親戚飼養的15隻狗及1隻貓，引爆越南社會怒火。當初這對夫妻騎機車載著所有毛小孩逃離疫情的畫面也在網路上瘋傳。
綜合越南快訊（VnExpress）、越南《青年報》（Tuoi Tre）報導，49歲越南男子范明興（Pham Minh Hung）與妻子在南部隆安省（Long An）工作，但因為當地新冠疫情嚴峻，嚴重影響一家生計，夫妻倆於是決定前往更南部的金甌省（Ca Mau）投靠親戚。
夫妻倆在8日啟程，他們騎著一台摩托車，帶上15隻狗兒出發，跟隨妻子的親戚前往金甌省，妻子的親人一家也帶了3隻狗及1隻貓。
范明興夫妻的15隻狗包含4隻成犬及11隻幼犬，當他們抵達金甌省，范明興先把2隻小狗送給別人，之後再繼續驅車前往親戚家。
當一行人終於抵達親戚居住的社區時，所有人卻被驗出確診新冠肺炎，快篩及PCR病毒檢測全數呈現陽性，他們隨即被轉進醫院治療。
地方官員擔心這些狗兒身上也帶有新冠病毒，於是說服夫妻倆讓他們撲殺。范明興昨（10）日證實，他的13隻狗都被撲殺了，親戚的貓及狗兒也將面臨同樣命運。
金甌省地方官員撲殺無辜貓狗的行為引爆越南社會怒火，泰國「清萊時報」（Chiang Rai Times）報導，雪梨科技大學（University of Technology Sydney）教授阮端（Tuan Nguyen，音譯）在臉書發文痛批撲殺動物的行為「不科學、殘忍、而且不道德」，他強調科學上沒有證據顯示狗會傳播新冠病毒。
越南網友也開始轉發范明興夫妻騎車載著13隻狗遠征300公里的照片及影片。根據Google地圖估算，隆安省與金甌省相距約300公里，開車約要6小時。
其中一張相當衝擊的照片顯示，范明興的機車綁著大包小包，前座腳踏板區域坐了一隻黑狗及一隻黃狗，後座也坐了一隻黃狗，由於下雨，後座的黃狗還穿上雨衣，機車最後邊的扶手似乎還綁了一台電風扇。
Khoảng 13 giờ ngày 8-10-2021 vợ chồng ông Phạm Minh Hùng (49 tuổi) cùng vợ chồng người em vợ từ Long An về Cà Mau có mang theo 15 con chó (4 chó lớn và 11 chó con) từ Long An về Cà Mau tránh dịch bị chính quyền địa phương tiêu hủy. pic.twitter.com/90bjyrLcwf
針對地方官員撲殺無辜的貓狗，金甌省人民委員會已要求對這起事件展開調查。
</t>
  </si>
  <si>
    <t>國內疫情雖較緩和，疫苗施打持續上緊發條，台中市長盧秀燕26日在市政會議表示，「疫苗來就要打！」預計今天接種完第1劑的能量，達70％以上覆蓋率，第2劑達30％以上，兩項指標都比中央提早達標。
盧秀燕表示，從6月4日開始施打疫苗，台中市首創全國開設快打站，因應長輩可能上網或使用電腦較陌生，不需預約排隊，透過鄰里系統逐戶發放接種通知單，長者施打踴躍，預計到27日，長者施打疫苗告一段落，65五歲以上長者，55歲以上原住民全部完成第2劑接種，27日也完成莫德納第2劑完成，即台中市65以上長者與55歲以上原住民都已完成兩劑接種。
盧秀燕表示，快打站目前還不會撤除，會繼續保留，一旦疫苗配發台中市劑量多時，若醫療院所無法負荷，快打站即會出動，快打站地點加入預約平台發揮功能。
「疫苗來就要打！」盧秀燕說，預計今天接種完第1劑能量70％覆蓋率以上，第2劑達30％以上，兩項指標比中央提早達標。
台中市從10月22日展開第12期新冠疫苗施打，第一階段施打超過30萬劑疫苗，第二階段施打超過18萬劑，兩階段共計要施打超過50萬劑，是最艱困的一期，盧秀燕表示，市府團隊將戰戰兢兢盡力完成。</t>
  </si>
  <si>
    <t>新冠肺炎導致重症與死亡的程度，慢性病是關鍵！國健署昨天引用刊登於大陸流行病學雜誌上的近期研究指出，慢性病會增加致命風險，其中又以「心血管疾病」居冠。指揮中心則指出，患者若出現肺炎是最難治療的，提醒高血壓患者及年長者，疫情期間盡量待在家，以減少病毒感染風險。
國健署慢性疾病防治組科長張櫻淳表示，該研究是分析大陸2020年2月11日以前的所有上報病例，結果發現，慢性病會增加染疫後的致命風險。病死率以「心血管疾病」的10.5％最高，其次為「糖尿病」的7.3％、「慢性呼吸道疾病」6.3％和「高血壓」6％，比總體病死率的2.3％高出許多，有慢性病在身者不可以輕忽。
新冠肺炎病患會出現發燒、咳嗽、肺炎、流鼻水及味覺、嗅覺消失，指揮中心專家諮詢小組召集人張上淳表示，依照臨床治療經驗，肺炎是最難治療的，發燒及流鼻水復原狀況較好，至於味覺、嗅覺消失，有些病患恢復得快，有的則慢，由於其為後期才出現的症狀，需要再一段時間觀察及資料，才能較清楚。
眼睛是否也會出現症狀？張上淳表示，從國內確診者觀察，目前沒看到個案有抱怨眼睛痛，國外倒是有少部分有結膜炎現象；國外根據新加坡採檢分析，也沒發現眼睛有新冠病毒存在，他認為，病毒可能會經過眼睛粘膜進入人體，但眼睛會痛、發炎等病變不會是重點。
國民健康署署長王英偉表示，目前正值高血壓與心血管疾病的高發季節，高血壓患者及長者對於新冠肺炎自我防護很重要，應每日在家量血壓，避免到醫院或公共場所量測，監控血壓變化，可在就診時提供醫療人員參考依據。在疫情期間，高血壓、糖尿病患者及長者應盡量待在家，室內保持通風。</t>
  </si>
  <si>
    <t xml:space="preserve">海軍敦睦艦隊群聚染疫，中央流行疫情指揮中心昨宣布再增加1人確診，為高雄市磐石艦隊官兵，截至目前高雄累計共12例；高市府也公布該名個案的足跡，遍及鳳山、左營和三民區，新增5處熱點。
高市公布第6波染疫軍人足跡，去過的地方包括蓮池潭、冰店及拖吊場；鳳山區的五甲拖吊場、左營區的布魯商行高雄店、左營區蓮池潭、左營區大碗公冰甜品和三民區捉遊。
</t>
  </si>
  <si>
    <t>高鐵42名員工南下高雄多家醫院、闖關搶打莫德納疫苗的醜聞，4日晚間調查報告出爐。高市衛生局強調，針對網頁公告不明確，現場掛號及身份檢核未落實、部分民眾滯留現場爭取接種影響疫苗施打秩序、現場排除問題是否有遵循SOP、院方私自變更全國疫苗施打規則等五大疏失，將對高鐵及相關醫院進行議處並要求檢討改進。
高鐵員工日前被爆集體假冒身分，特地搭車到高雄健仁、小港、聖功與高市聯合醫院搶打莫德納疫苗第2劑，其中42人更在高雄市立聯合醫院大鬧3小時之久，盧到院方就範，接種得逞。
衛生局當時就表示，違反《醫療法》可處15萬元罰款。如觸犯刑事責任者，可移送司法機關。如今調查報告出爐，衛生局將對高鐵及違規醫院進行議處並要求檢討改進。</t>
  </si>
  <si>
    <t>新冠肺炎肆虐全球，歐美近期淪為重災區，旅居歐美台灣人大量返國，各界憂成為防疫破口。台大公衛學院副院長陳秀熙今天在廣播節目上表示，這一波境外移入最多增加確診500例，但是只要不要造成社區感染台灣都能應付。
陳秀熙說，最近幾天總病例雖然增加，但大多是境外移入不是本土發生，而以最近一波1萬6千人自歐美高病毒區歸國來看，5％的陽性比率，最多也不過就是增加500例，這也要看他們在海外期間有沒有確實做好防護措施。
陳秀熙又說，指揮中心有在估計，我們在學界推估做參考，不過也要看接觸史，包含一些不確定因素，現在談這數字意義不大。
他指出，目前台灣防疫還是100分，但我們還是要居安思危，比如說假設應該要隔離的人趴趴走傳染別人，可能會造成小型社區流行，可能會再增加30例。</t>
  </si>
  <si>
    <t>南投縣新冠肺炎疫苗第2劑施打率60.1％，略低於全國平均值，南投縣長林明溱13日提醒民眾踴躍施打疫苗，並指示衛生局，在19日下午舉辦的名間鄉親子生態公園開幕時，加開快打站，民眾當天施打疫苗將贈送肉鬆等禮品。
中央流行疫情指揮中心，要求24個特定場所工作者與6大類民眾，應在明年元旦完整接種兩劑新冠肺炎疫苗，並期滿14天；林明溱提醒民眾，如果17日前上述場所及6類對象未接種第2劑疫苗，必須每周自費快篩或PCR檢驗1次，目前，南投縣開放夜間施打第2劑疫苗，並有多元疫苗可以選擇，希望未打第2劑的縣民踴躍接種。
林明溱並指出，占地4公頃的名間鄉親子生態公園，將於19日啟用，當天衛生局將在會場提供新冠肺炎疫苗接種服務，民眾接種第2劑疫苗，縣府將贈送優質美味的豬肉鬆等加工產品。位於南投縣農產運銷公司旁的親子生態公園，除了寬闊的大草坪、遊樂器材，還有大型溜滑梯等共融式遊具。
衛生局長陳南松指出，南投縣新冠肺炎疫苗接種涵蓋率，第1劑達75.5％與全國接種率並駕齊驅，第2劑涵蓋率約60.1％，略低於全國的61.7％；國內接種疫苗進度似乎進入撞牆期，尤其是第2劑接種意願仍有待提升，南投縣已結合醫療院所加強疫苗接種，並且開放夜間接種服務，就是希望民眾重視趕快施打第2劑疫苗。
林明溱指出，現在打疫苗非常方便，為了大家的健康與防疫安全，希望鄉親不要猶豫，盡快施打新冠疫苗疫苗，以免造成明年元旦後，工作或進出特定場所不便。</t>
  </si>
  <si>
    <t>高端疫苗將於8月23日開打，聯亞疫苗今晚也傳好消息！最快明日將由衛福部長陳時中親自宣布審查結果，若順利通過將有200多萬劑的現貨可供中央調度使用，有望解決國內當前疫苗短缺的燃眉之急。
食藥署長吳秀梅今晚受訪時，並未否認今天召開專家會議審查聯亞疫苗的訊息，僅說「明天再說」，還強調「因為現在沒有要說，所以明天再說」；知情人士也透露，今天確實已召開專家會議審查聯亞疫苗，但審查結果就是要等到明天由陳時中親自宣布。
高端疫苗今年6月10日發表二期臨床試驗期中報告，隨即向食藥署申請緊急使用授權（EUA），過39天後順利通過EUA；聯亞疫苗6月27日公布二期期中解盲結果，但至今過了50天還沒有進一步消息，因此各界都相當關切，聯亞疫苗是否無法順利取得EUA。
聯亞生技發言人范瀛云表示，目前尚未收到食藥署通知取得緊急使用授權（EUA）的相關資訊，這部份應交由食藥署說明，不過先前已依照食藥署指示交貨18批，總數約200多萬劑的疫苗進行檢驗封緘審查。</t>
  </si>
  <si>
    <t>美國放棄世界領袖的責任與地位，國際政治出現真空，大陸乃趁虛而入，歐盟是其主要目標，中美衝突深化，歐盟更成為大陸突破美國「新冷戰」的重點地區。大陸外長王毅日前到訪義大利、荷蘭、挪威、法國及德國，接著中央政治局委員、中央外事工作委員會辦公室主任楊潔篪前往希臘與西班牙訪問，展現爭取歐盟支持的強烈企圖心。但大陸戰狼式外交路線不但不能為其外交攻勢加分，反而凸顯了雙方在制度、結構上的差異。
川普總統的強勢外交政策、個人獨斷風格，使美國與歐盟關係跌到二次大戰後最低點，同盟關係的堅定基石已經鬆動。相較美國全面對抗中國，歐盟採取的是「溫和但防衛性政策」，中國與歐盟關係看好。但新冠疫情蔓延全球，大陸頒行《港版國安法》後，歐盟開始重新盤點對中關係，重塑對中政策。美國國務卿蓬佩奧日前訪問中歐4國，王毅、楊潔篪隨即到訪，足見大陸爭取歐盟支持的用心。
川普第一任期已接近尾聲，過去3年，他做出一連串令歐洲盟邦感到不安及不滿的決定，包括退出《巴黎氣候協定》與伊朗核協議，自敘利亞、阿富汗及德國撤軍，退出《中程飛彈條約》及《開放天空條約》，要求各國增加軍費預算，甚至威脅退出NATO（北大西洋公約組織），對美歐同盟關係造成了嚴重負面效應。
川普的「美國優先」代表了美國要同時累積、擁有最強大的軍事及經濟力量，只跟順從華盛頓旨意的國家打交道，還要全面制衡中國、俄羅斯、伊朗等對手，過度的「單邊主義」破壞了世界秩序，民主陣營許多國家過去懷著羨慕與尊敬追隨美國領導，現在已被不信任及懷疑所取代。
過去3年，歐盟對中共採行務實策略，在推動加強經濟合作同時，對直接海外投資的審核、政府補貼、技術轉移、5G科技等經貿投資問題採取防禦性措施。中共與歐盟雙邊關係的轉捩點，在於歐盟於2019年3月發布的《歐中戰略展望報告》，認知「中共所帶來的挑戰與機會間的平衡已經轉移」，以及中共提倡的「治理模式」與歐盟迥異，更界定中國為「經濟競爭者」與「體制對手」。
今年以來世界局勢急劇變化，2020成為中歐關係發展的關鍵年，除了既存的治理模式、網路資安與人權等歧異外，新冠病毒傳染、香港《國安法》立法、大陸在南海的擴張行為、甚至對台灣問題的強硬立場等，都使雙邊關係更為緊張。
歐盟是中國最大貿易夥伴，中國則是歐盟的第二大貿易夥伴，歐盟27個會員國與中國關係不同，立場也呈現多元化。基本上，歐盟雖然不會出現美國「鷹派」式的全面對抗、制裁中國主張，但中歐過去10幾年的友好合作關係已經轉變，歐盟更堅持經貿投資的對等、互惠原則，更關切大陸壓制人權及新冠肺炎傳染造成的損害，另外，美國更是頻頻施壓要求歐盟配合「抗中」戰略，使許多歐盟國家在5G設備等議題上，對大陸採取強硬立場。
大陸強勢的外交路線，過度宣揚防疫的成果與貢獻，已產生反效果；強行通過香港《國安法》形同中共與西方世界攤牌，最近對台灣的文攻武嚇，都引發了歐盟強烈反應，促使歐盟全面檢討中國政策。
歐盟對台灣問題傳統上保持低調，但王毅最近針對捷克參議院議長韋德齊訪台，在歐洲接連發言恐嚇，引發地主國強烈反彈。德國的外長馬斯當著王毅的面表示完全無法接受，法國外交部發言人也聲援捷克，不能接受中國對歐盟成員國的任何威脅，這些言語上的針鋒相對代表了雙邊關係的警訊，不但是政府官員，歐洲議會、媒體及公民團體都醞釀反中意識，使未來雙邊關係蒙上陰影。
就中長程關係來看，從意識形態競爭、產業鏈重組、資訊安全、人權、新冠肺炎到安全議題，中歐之間確實存在價值觀和利益的衝突及信任危機，但雙方也有更多有助於全球合作，促進和平的機會，其中包括合作研發新冠肺炎疫苗、共同對抗氣候變遷，甚至在伊朗等區域性議題上也可扮演積極角色，唯有透過合作，才能修補、重建雙邊關係。</t>
  </si>
  <si>
    <t>外界認為中央採購疫苗政策可能是卡在面子，或為了保護國產疫苗，台北市長柯文哲27日表示，自己做品牌坦白講很吃力，為什麼要把國運賭冒險上面，國家有國家考量，沒有對錯，他沒有抱怨，但美國若願意賣給我們「算了，盡量想辦法。」
蔡英文總統稱買BNT疫苗是中國介入才沒買成，柯文哲今指出，BNT有代理權的問題，老實講細節他也不知道，這時段就是做事，重點在把人民生命放在你的思考裡，只能這樣呼籲了。
面對中央疫苗政策到底是為了面子，還是保護國產疫苗，柯文哲分析，當然國產疫苗要不要發展是見仁見智，如果是他就會採用韓國戰略去做代工，代工是台灣強項，不用搶專利權發明自己新的，大廠才有能力拿到世界發行權力，所以乾脆代工，生產出來後在台灣自己賣，以外的就繳回總公司賣，重來一遍，如果是他會決定選代工策略。</t>
  </si>
  <si>
    <t>有俄國聲樂女王之稱的女高音安娜．涅翠柯，2016年來台演出一票難求，17日晚間在臉書公布壞消息，表示自己確診新冠肺炎，已經有症狀出現、目前在醫院治療，但是「不後悔回到舞台演出」。
涅翠柯在上周六才在臉書上宣布自己陰性，如今傳來確診消息，她表示，自己的狀態算好，但是因為有肺炎的症狀，因此住院治療，目前得到妥善照顧，預計應該會痊癒。根據她的公開行程，8月底她在薩爾茲堡音樂節演出，9月回到俄國展開巡演，不料如今確診，演出預料將會取消。
她也在公開聲明中表示，她的兒子為陰性，同為歌者的丈夫、亞塞拜然男高音尤西夫．伊瓦佐夫為陰性，但是有抗體，將會繼續演出，她也為先生感到高興。
涅翠柯也說，自己本來就知道會有感染的風險，但是不後悔回到舞台上演出，因為她深信現在「比任何時刻都更需要文化」。同時，她也很感謝自己得到完善的治療，「預計會痊癒」。
新冠肺炎肆虐，許多古典音樂家都不幸遭到感染，知名西班牙男高音多明哥、義大利男高音波伽利、德國小提琴家慕特，都在社群網站公布自己確診的消息。</t>
  </si>
  <si>
    <t>衛福部長陳時中今(11)日表示，第2次武漢台商返台專機由台灣中華航空與中國大陸東方航空分別執行，共有361位於昨日深夜抵台，已全數入住集中檢疫所，陳時中也已經分別前往三個檢疫所，關心安置情況。
陳時中說，過程中有部分旅客沒報到、或拒絕檢疫，由於沒有親自詢問，無法得知他們心中的想法。至於大陸湖北台辦指稱，台灣「拒絕」30多位候補旅客上機，陳時中對此強調，台灣強調要事前掌握名單、了解其背景情況，才能做最適切安排，對於陸方想臨時安插人員上機，我方實在不放心。
針對此次包機，陳時中說明，台灣安排13位醫護人員(4位醫師及9位護理師)前往，以確保登機、飛航期間之防檢疫作業與人員照料工作嚴謹周全。此外，也安排救護車10輛、遊覽車22輛於桃園機場待命，協助返台旅客就醫後或載往集中檢疫所。
指揮中心說明，登機前，分別由我方(華航)及陸方(東航)人員以「發燒或具嚴重呼吸道症狀者，無法上機」原則執行檢疫，其中華航共載送169人、東方航空共載送192人。旅客抵台下機後，經醫師進行健康評估，「均無須後送」，故統一由交通車載送國內3處集中檢疫所進行14天隔離檢疫。此次機場檢疫及工作人員共356人均著安全防護裝備，民眾行李也統一消毒處理。
指揮中心指出，這361名返台旅客將於48小時內完成採檢，並以「一人一室」為原則完成14天隔離檢疫，每日需監測兩次體溫，如發現發燒、呼吸道症狀或身體不適時，立即依規定後送就醫，檢疫所也會提供口罩等相關防護裝備供檢疫者及工作同仁使用，集中檢疫者不能外出，且活動範圍以檢疫房間為主，與附近居民不會有接觸，請民眾放心。</t>
  </si>
  <si>
    <t>佛光山近期發文給中央流行疫情指揮中心提及將購買20萬至50萬劑嬌生疫苗捐贈給我國政府，但昨天嬌生聲明提及「只與政府協商」，對此，國際佛光會中華總會總會長趙怡表示，經與海外代表聯絡，得知嬌生公司已與我政府對接上，多了一絲希望。
趙怡說，後續只要指揮中心與廠商協調好，佛光山要做的就是負責付款。</t>
  </si>
  <si>
    <t>新冠肺炎的社區感染是我們最不希望看到的情況，也是整個防疫體系是否潰堤的指標。就算政府把台灣圍得跟鐵桶一樣，可別忘了新冠病毒會有氣溶膠傳染，只要有縫就能鑽進來，鐵桶也會氣爆。日本的殷鑑不遠，近日瞬間崩潰成中國大陸以外疫情最嚴重的國家。台灣也已出現社區感染病例，疫情走下坡指日可待。
社區感染為什麼可怕？因為人在生病時，都不會立即去看醫師，在這段具有傳染力的就醫前期，沒有人告訴他可能的診斷及該做的預防作為，造成在就醫前就在社區大量擴散；就醫後也沒好到哪裡去，醫師用以鑑別新冠肺炎與一般上呼吸道感染的疫區旅遊史，在感染已經社區化後完全沒有用，醫師不可能在第一時間將病人診斷出來，也會造成院內感染爆發。
日本為什麼會搞成這樣，光看第1個確診及第1個死亡病例就很清楚，這兩個病例都出在神奈川縣。第1個確診病例是住在日本的中國人，由武漢返日前就有症狀，入關時關口沒檢出，也沒對有明顯武漢旅遊史的人執行健康管理，就簡單地由關口放行。這種檢疫方式在疫情已很緊張的時候簡直不可思議。更扯的是醫院端檢疫，入關3日後他到醫院看病，病人誠實講了武漢旅遊史，也沒人理他，直到入關後11日才遂行通報及醫院隔離。這段時間內病毒早就散到社區與醫院了。
日本當時可沒認為自己有問題，沒做任何檢討，還沾沾自喜於他們偵測出第1個病例。果不其然，3個星期後日本第1個社區感染死亡案例就出在神奈川縣。這個80多歲的老太太，沒出過國，發病到呼吸衰竭往生總共22日，因為無旅遊史，一直不被認為是新冠肺炎，往生前1日才通報送檢，往生後確診。問題就出在地方政府沒有檢討第1個確診案例所犯的錯誤，改進暴露出的防疫缺口，沒有告訴醫療院所已經有社區感染的風險，診斷新冠肺炎不可再靠旅遊史，也應該針對不明原因肺炎。這何嘗不是另一種形式的掩蓋疫情，造成日本現在的局面。
台灣的問題出在過於自信，出現社區感染本就是遲早的事，剛開始的檢疫成績，讓每個官員都飛上了天。新冠病毒是像流感的病毒，檢疫是不可能阻絕於境外的。檢疫上的任何小缺失都有可能讓病毒鑽到社區。剛開始的武漢或大陸航班，全航班入境後的健康管理並沒法做得像現在這麼嚴，形成散播在台灣各地的未爆彈。他們散出去的第2代社區病例，輕症會被當作感冒，想採檢也因為沒旅遊史不讓採；重症病例會像神奈川的老太太一樣，以不明原因肺炎重症來表現。只要出現1個死亡確診案例，大概代表社區已經有50個病例了。
最近在醫療端，很多不明原因肺炎都礙於檢驗能量太低，不讓檢、不讓報，一旦1個陽性，就成防疫破口。政府應想辦法擴充常規檢驗，最少覆蓋到不明原因肺炎，神奈川老太太在往生前都還能驗到新冠病毒，我們可不能做得比日本還差。只有通報流感重症才檢驗是不足的。（作者為中華民國防疫學會榮譽理事長）</t>
  </si>
  <si>
    <t xml:space="preserve">日本女學生疑在台染疫消息傳出，許多人感到訝異，為何台灣連73天無本土病例，會無端冒出其感染源來自台灣？對此，精神科醫師沈政男認為，這是一個重大警訊，而今端午連假國內旅遊爆量，要阻止已經來不及了，他呼籲大家趕快把口罩戴起來，以防疫情升溫。
沈政男在臉書上表示，在連續73天本土零確診之後，爆出一例在日本確診的台灣本土病例，是一位在南部就讀大學的日本女學生，今年二月底入境台灣，直到六月二十日才回日本。顯然該例是在台灣感染，不是其他來源，這是一個重大警訊，提醒國人絕對不能對疫情掉以輕心。
台灣本土久無感染病例，突然傳出日本女學生在台染疫，對此許多人覺得不可思議，也有人質疑，該女有無可能是偽陽性？沈政男認為，當然有可能，問題是你永遠沒辦法確認，因為沒有更精確的方法可以推翻，而假使接下來PCR再次檢測呈現陰性，也只能說是轉陰，至於檢測抗體如果也是陰性，那麼也可能是抗體檢測不夠準確。所以說無論如何，此例必須被當成本土病例，謹慎進行接下來的疫調與防疫。
還有人感到不解，為何73天以後才迸出一例？沈政男直言，病毒當然不會無中生有，而是73天以來，不絕如縷；你以為沒有病例了，其實正以無症狀的方式持續在社區存在。這病毒的可怕在此，北京最近的第二波疫情，以及香港每隔十幾二十天零確診就爆出零星病例，都是明證。南韓、日本，還有歐美那些防疫相對鬆散的國家，當然不可能完全清除病例，甚至台灣準備開放的紐西蘭，也是隔了幾個禮拜以後又出現確診病例。
沈政男說，日女染疫當然也可能是從居家檢疫的漏網之魚感染而來，因為台灣並未全面檢測所有入境人士，而是有症狀才採檢，或許就會錯放無症狀病例。那位日本女學生如果入境台灣，就只會居家檢疫，不會在機場採檢。
至於日女染疫的時間點，依中央疫情指揮中心發言人莊人祥的說法，「如果Ct值小，就是近期感染」，Ct值乃達成陽性閥值所需循環數，如果較小，代表原始病毒數量多，因此是近期感染。
沈政男認為，此例出現，其實是對於台灣即將開放邊境的一個提醒，千萬不可吃快弄破碗，什麼「有PCR檢測陰性證明就可縮短成五天檢疫」，根本是跟病毒在賭博。
最後，沈政男疾呼，端午假期國內旅遊爆量情，如今要阻止已經來不及，只能相互提醒，拜託，請把口罩戴起來，尤其年輕人。
</t>
  </si>
  <si>
    <t>鴻海（2317）今（23）日召開股東常會，通過2019年財報及盈餘分配案，決議配發每股現金股利4.2元，以今日平盤價78.9元計算，現金殖利率約5.32％。展望今年，集團將持續求新求變，透過3階段措施持續轉型升級，提升集團營運績效。
鴻海2019年合併營收創5.34兆元新高，年增0.93％，但歸屬母公司稅後淨利1153.08億元，年減10.66％，為近6年低點，獲利「3率」毛利率5.91％、營益率2.15％、淨利率2.16％均創新低。不過，由於股本減少，每股盈餘（EPS）8.32元，創近3年高點。
鴻海董事長劉揚偉在營業報告書中表示，去年外有中美貿易大戰、內有公司領導團隊接棒，內外均處於高度變動時期，對集團是相當不容易的一年。所幸在創辦人郭台銘打下的紮實基礎下，鴻海面對充滿挑戰的一年，仍繳出營收創新高的成績單。
對於上半年新冠肺炎衝擊全球，劉揚偉表示，儘管疫情對全球經濟帶來挑戰，但鴻海向來認為任何一個時刻都可以是「最壞的時代，也是最好的時代」，對此從一開始的核心製造技術，到近年積極網工業互聯網發展，與致力資通訊科技領域研發，成績都有目共睹。
劉揚偉強調，集團仍持續求新求變，從原本的「勞力」密集為本體質，脫胎換骨為以「腦力」密集為主結構，因此依循F1.0現況優化、F2.0數位轉型、F3.0轉型升級等看似有別、實則合而為一的道路，朝「好、還要更好」目標大步向前。
劉揚偉指出，去年針對現有業務，已宣示分工、分享、興利、除弊等F1.0四大重點，目前均已產生成效。其中，分工、分享協作已在疫情時期發揮功效，透過在採購流程中導入系統化機制，亦達成興利及除弊效果。
在F2.0數位轉型方面，鴻海善用數位科技使整體營運更有效益，並著手建立各種大數據庫，形成自動化智能決策流程。劉揚偉指出，去年9月已從其中1個次集團開始試行，1年來已有相當不錯成效，預計將在5年間陸續推廣至整個集團。
至於F3.0轉型方面，鴻海設定投資電動車、數位健康、機器人等3大產業，以及人工智慧、半導體、新世代通訊技術等3大技術的「3+3」重要發展策略，並於年中成立鴻海研究院，下設5大研究所，提供前瞻支持5年後的成長計畫，以鞏固技術領域領先地位。</t>
  </si>
  <si>
    <t>近來虱目魚產地價格已跌至成本價每台斤40元以下，民進黨立委邱志偉日前邀請漁業署到高雄市路竹區與漁民座談。邱志偉要求漁業署與高雄市政府海洋局，於1周內共組聯合稽查查價小組，對魚價格下跌做調查並提出報告。
漁民抱怨，產地價格低，卻未反映在終端實際售價上，中間價差都被大盤賺走。目前，市場價每台斤約80至100元左右。邱志偉接獲漁民陳情，向中央反映漁民心聲。
分析虱目魚價格下滑原因，包含今年是暖冬，導致漁獲量大增，以及新冠肺炎影響等因素。也有漁民指出，漁業署應該要廣扶植小型加工廠，在虱目魚價格低時，加工廠就能運作，生產的虱目魚肚、魚皮、魚頭等都能忠實反應產地價格，能刺激銷量也能增加就業機會。
漁業署主秘繆自昌表示，這波疫情衝擊不只虱目魚，其他養殖魚種也都受創嚴重，漁業署針對養殖漁民有編列64億的紓困經費，並在網路商城等通路推廣食用，但國內消費市場的銷售量要提升，才能減緩產地出貨壓力。
此外，魚販文山伯受訪說，尚未到大出（豐收）的時候，相信養殖業者心裡都在滴血，未來的石斑魚、午仔魚、鱸魚等的價格也會受到衝擊，他對此並不樂觀。
他認為，政府應該要拿出辦法，幫漁民找出路，且漁民與養殖業者要三思，要在高雄市長補選投給對漁民有真正幫助的候選人。</t>
  </si>
  <si>
    <t>行政院長蘇貞昌今天再度赴立法院針對「國籍航空機組員隔離『3＋11』決策過程」進行專案報告。根據送抵立院的書面報告，蘇貞昌表示，「對於每一條寶貴生命的消逝，我都深感遺憾與抱歉。」不過，朝野協商時國民黨團總召費鴻泰表示不接受這份「3＋11」補充報告，國民黨團並佔領了議場。
根據書面報告，蘇貞昌表示，做為行政院長，要負全國最高行政的責任，「我們確實看到有國人因疫情而受苦、甚至死亡，對於給國人的照顧沒有做到百分之百好，基於對生命的尊重，對於每一條寶貴生命的消逝，我都深感遺憾與抱歉」。
書面報告指出，疫情指揮中心面對疫情隨時變化，即時作出妥適因應與處置，「加強版3＋11」的決策是4月13日向指揮官陳時中面報後拍板，「過程並不會製作會議紀錄，行政部門也不是每場都有做成紀錄，這是行政機關慣常運作的模式，並非沒有會議紀錄就是疏忽草率。」
有關外界質疑指揮中心將機組員檢疫模式改為「3＋11」，是導致華航諾富特群聚案，進而引發本土疫情爆發的原因。根據書面報告的解釋，今年4月17日爆發諾富特飯店群聚感染事件後，相關機組員、飯店員工及其同住家人共1790人進行居家檢疫採檢結果顯示「並無職場或家庭以外的社區接觸者確診」，因此沒有證據顯示機師與諾富特飯店群聚感染事件，與後來發生的社區疫情有關。</t>
  </si>
  <si>
    <t>台微體（4152）2020年營收1.02億元，年減51.3％，淨損9.83億元，每股虧損12.42元。台微體表示，子公司盈擘醫藥完成$1,500萬美元增資；新設子公司將專注於肺部疾病產品之開發，包含旗下新冠肺炎新方案TLC19及其他嚴重型急性及慢性肺部疾病藥物。
台微體總經理葉志鴻指出，有幸在新冠肺炎大幅擴散至美國前，提早完成術後長效止痛藥物TLC590二期試驗的收案，更在疫情肆虐全球之際，順利完成關節炎長效止痛藥物TLC599的收案，並持續拓展安畢黴的國際藍圖。
此外，台微體更啟動吸入式微脂體藥物的第一個臨床試驗，可望能夠預防及治療新冠肺炎等嚴重型肺部疾病。
台微體依照傳統參加全球最大的生技及醫療活動，惟今年因疫情關係改成線上舉行。目前全球智慧財產權保護增至257項；截至2020年12月31日止，台微體已於世界各國取得160項發明專利，並有97項發明專利申請案正在審查階段。</t>
  </si>
  <si>
    <t>新冠肺炎疫情延燒，國中小所延長兩周的寒假終於要結束，針對下周二就要開學，基隆市長林右昌於17日親自主持教育處防疫會議，確認所有學校防疫物資的整備都已到位，並瞭解是否有需要市府協助及加強之處，務必要讓學童都能夠安心上課。他指出，大家的警覺心都很高，若是學生有發燒等現象，也請家長讓學生就醫、在家休息。
林右昌強調，台灣的防疫工作起步很早，因此相對於其他國家，台灣的防疫工作做得非常好，但最重要的除了醫護人員的辛苦跟努力之外，強調防疫是所有國人的責任，只要大家依照中央疾管中心的指揮，做好自主管理，遵循相關規定，大家團結合作，就能夠度過這次的疫情。
市府表示，這次徵調防疫物資的量，其中額溫槍為84支、口罩為一萬片，酒精為232瓶，乾洗手為56瓶，配發原則為每200名學生配置一支，酒精為每30名學生可配得500c.c的儲備量，而這些物資可以供在地學童使用多久，市府則回應道，因為現在的量都是應付緊急狀況，不適每日發放，所以市府目前也無法估算使用期限，市府強調，勤洗手及確實量體溫才是防疫的重點。
教育處指出，開學後校方派人在門口量體溫，要是37.5度就要勒令直接帶回家或去醫院就診，其中建德國小怕家長無法臨時趕來，更騰出一間教室來做為隔離教室，讓有發燒的學生可以到那間空教室裡等家長，並會用耳溫再量二次做確認。
更有國小指出，他們已把消毒水等防疫配備分裝成袋，給每個班級用，開學後請老師來領回天天消毒，其中各班以肥皂勤洗手，並以消毒水來清潔整間教室，會將桌面、把手等肌膚長會接觸到的地方，仔細擦拭消毒。</t>
  </si>
  <si>
    <t>台股守在萬二以上，讓更多投資人「心癢癢」，想進場投資。國泰金控20日公布7月國民經濟信心調查，因為全球疫情再起，讓庶民經濟信心略為下滑，外界也擔心股市風險已高，但仍有26.2％的受訪者有意將現金或定存轉入台股投資，風險偏好指數4.3，更是從5月起連續三個月升高。
儘管7月有31.8％的受訪者認為國內經濟景氣比過去半年改善，但因為全球新冠肺炎疫情再度緊張，所以受訪者對未來半年經濟景氣「略為擔心」，未來半年的經濟展望指數從6月的19.3，7月降到13.1，終止5月開始連二月的上升。
7月仍有35.2％的受訪者預估未來半年台股仍會比現在上漲，比6月的39％略降，但台股展望指數仍有5.2，守住正指數，即看漲台股的民眾比看跌的多。
全球股市持續上揚，台股亦堅守在1萬2千點以上，上半年股市大戶、中實戶增加，讓不少散戶想進場。據國泰金控每月定期調查其客戶各項經濟看法的國泰國民經濟信心顯示，民眾對台股的投資意願持續升高，今年的投資意願由正轉負是在3月新冠肺炎最嚴重時，由2月的1.3到3月直接降到-6.9。
4月則是民眾投資信心「谷底」，投資指數續降到-9.6，有33.9％的受訪者寧願將錢繼續存在銀行，是15個月新高，但隨台灣疫情受控，且資金行情推升股市持續走高，也讓民眾投資意願升高，台股投資偏好指數，5月升高到-2.2，6月一口氣轉正到3.4，7月續升到4.3。
7月民眾對經濟景氣樂觀程度略為下降，但據國泰金調查，受訪民眾預估今年經濟成長率無法保住1％的比率，已從5月時的27.6％，6月降到21.3％，7月再續降到16.3％；且最多人，即有29.9％受訪者認為全年經濟成長率會落在1.5～1.75％之間，比5月及6月時最多人（都逾28％）預估全年只有1～1.25％的經濟成長率明顯樂觀。</t>
  </si>
  <si>
    <t>近期全球股市受到新冠肺炎疫情全球持續升溫、阿拉伯提高產能引發國際油價崩跌兩大利空干擾，整體市場投資氣氛較差。兆豐臺灣藍籌30ETF經理人周彥名表示，根據研究機構預估，台股今年整體股利率可達4％，相較香港、大陸、南韓，各約3.5％、2.6％、2.6％而言，在亞洲地區仍位列前段班，對外資法人仍較具吸引力。
尤其現在新冠肺炎的疫情恐慌，美國又持續降息，在全球低利環境下，法人資金也很難找到安全落腳處，因此台股仍將是較為優先的選擇。
周彥名指出，兆豐臺灣藍籌30ETF採用策略選股，篩選條件包括流動性、營運穩定性、獲利能力、分配股利等，精選出體質較佳、股利優質的公司後，再選取市值前30大標的，以此兼顧成長性、高股利、安全性等特質。這檔ETF在市場環境不好時，有高股利率作為保護傘；在行情轉佳時，也有向上的爆發力，因此可真正稱得上具有攻守兼備的特性。
野村投信預估，疫情對台灣經濟的影響在兩季內，短期間建議投資人避開受影響較大的產業，但長期而言，在歐美央行持續的寬鬆貨幣政策以及大陸不斷釋出流動性等利多政策加持下，疫情和緩後市場將出現反彈，建議於股市回檔之際，逢低布局長線成長潛力產業，如半導體、5G、Data Center、記憶體、電動車、電動自行車及機能鞋等相關產業。
第一金投信指出，展望後市，若疫情可控制在湖北，企業獲利成長下修有限，下半年在半導體、5G手機換機潮等利多因素帶動下，股市仍有創高機會。第一金投信建議，投資人待疫情沉澱後，觀察量縮後出量或武漢解除封城的時間點，以定期定額或往下分批方式建立投資部位。</t>
  </si>
  <si>
    <t xml:space="preserve">
新冠肺炎重創零售百貨業，國內百貨業也開出裁減人力第一個震撼彈，微風集團傳出將資遣近3成人力，將有百人以上受影響。對此，微風集團回應，此為依例年度進行內部人力組織調整，等於是認了有裁員一事，微風是否會啟動百貨業裁員連鎖效應，後續值得關注。
早先在微風集團尾牙上，微風董事長廖鎮漢對2019年全年營收成功達到305億元，相當滿意，甚至對員工打出120分的分數，並大手筆宣布員工年終2.5個月起，最高可達7個月；沒想到才事隔一個月就風雲變色，啟動縮減人力計畫，令外界大感意外。
還記得廖鎮漢當時談到今年景氣指出，「2020是變化多端的一年，就看大家有沒有準備，機會是給準備好的人。」似乎也印證新冠肺炎在全球的暴風肆虐，殺得各產業措手不及。
微風廣場今年進入第19年，近年展店積極，除了本店之外，2014年首度插旗北市信義區開出微風松高，隔年開出微風信義，去年初更是大張旗鼓開出微風南山，6年來一口氣開出8個據點，且全數位於台北市，並積極布局自營餐廳與多家醫院美食廣場。
微風集團由廖鎮漢一手打造，自第一家百貨店面「微風廣場」於2001年10月開幕，到去年1月「微風南山」開幕，成為信義計劃區人潮新焦點，未來還有「微風南港」預計加入。事實上，微風近年來展店相當快速，儘管展店速度快，但承受高額租金也令其獲利狀況一向受到同業和外界的質疑。
百貨業者分析，微風一大營運強項就是餐飲，新冠肺炎疫情造成的衝擊應該不小，但若此波裁員規模高達3成，令人驚訝。對於微風集團傳出大幅資遣近3成人力，台北市勞動局主秘劉家鴻表示，目前未收到大量解僱通報、資遣通報，也沒有收到員工申訴。
根據勞動局資料顯示，截至去年11月止，微風集團勞保人數為245人，劉家鴻表示，目前未收到任何員工申訴，以及業者大量解僱通報與資遣通報，但會緊盯微風廣場後續發展。
更多 CTWANT 報導
</t>
  </si>
  <si>
    <t>新冠肺炎疫情台灣逐漸升溫，今傳出新北某私立大學生赴日本旅遊後返台，卻沒進行自主管理，且向周遭友人隱瞞旅遊史。對此，經詢問校方由秘書長回應，「確實有一位同學赴日旅遊，但校方在事情傳開後，已請系上緊急調查了解，聯繫到該生，並要求其在家進行自主管理、勿到校上課，和進行後續密切追蹤」。
某私立大學臉書粉專，17日深夜爆料傳出，該校財經相關系所某男研究生，與友人(非該校學生)3月9號赴日本旅遊，當周13號回來「沒有自主管理，且向友人隱瞞旅遊史」。事情傳開，引起校內師生一陣恐慌。
經記者致電詢問校方，校秘書長回應稱，請系所了解後，確實有一位男研究生，赴日本旅遊，校方已在今天請系所緊急協助處理，因該生赴日時，日本並未成為紅色出入境警示，係3月17日才由中央疫情指揮中心提升為第三級「警告(Warning)：非必要勿前往」。
校方強調，目前已連絡上該名學生，了解他「沒有接觸可疑症狀人士，現在也未出現任何症狀」。「已要求他勿到校，儘量不要外出、並自主健康管理」。
學校也備有體溫計提供早晚量測，有狀況將請學生聯絡教官或校安中心，學生同意並配合學校政策。校方會對該生後續情況，做進一步追蹤和防範，請師生勿過度擔憂。</t>
  </si>
  <si>
    <t xml:space="preserve">新冠病毒肆虐全球，意外引起美陸政治糾紛，雙方就病毒起源與是否隱瞞疫情、甚至陰謀論等說法隔空交火，其中又以陸外交部發言人趙立堅的「美軍可能帶疫情進入武漢」的說法具爭議。對此，陸駐美大使崔天凱時表示，由記者或外交官來揣測病毒源起「非常不當」，除了明嗆美議員對「病毒起於武漢實驗室」陰謀論之外，也暗批趙立堅的美軍帶病毒一說。
崔天凱接受美國媒體Axios on HBO於22日專訪時表示，他曾於2月9日在哥倫比亞廣播公司（CBS）政論節目「面對全國」（Face the Nation）訪問時就曾表示，散播「新冠病毒是源自於美軍實驗室」之類謠言的想法根本是瘋狂的，至今立場仍不變。
不過媒體追問，崔天凱的說法是在趙立堅的「美軍可能帶疫情進入武漢」一說之前，並詢問他的立場；對此，崔天凱表示立場沒變，「我當時立場如此，現在依然。報導指出，趙立堅的說法惹火包括總統川普在內等多名美國官員，對於陸官員隨意散播美軍帶病毒進大陸的陰謀論十分不以為然，甚至引起美國務院還為此召見崔天凱。
媒體再追問崔天凱是否對此曾問過趙立堅，崔天凱表示沒問過，強調並說「我在此代表我國領導人與我國政府，不代表任何個人」；對於主持人詢問「趙立堅還是崔天凱發言代表中國政府」，崔天凱回答「我是在美國的中國代表」。
不過主持人仍感覺沒回答到核心，追問「所以我們不應該逐字逐句看到趙的發言、也不必將他的話當成是大陸政府的立場，即使他是發言人？」崔天凱則回答：「你可以嘗試解讀某人的聲明。我沒有立場，也沒有責任向你解釋每個人的觀點」。
崔天凱表示，病毒究竟源起何處應由科學家解釋，由記者或外交官來揣測病毒源起「非常不當」；他也譴責有些在華府的人散播一些未經證實的謠言，暗指共和黨籍聯邦參議員柯頓（Tom Cotton）曾暗示病毒起源於武漢實驗室的陰謀論。
此外，對於川普多次稱「中國病毒」，崔天凱也引用世界衛生組織的命名規則時，就提到要避免與特定的團體或地名連結，以免遭汙名化，「希望WHO的規則有人遵守」。
</t>
  </si>
  <si>
    <t>中央流行疫情指揮中心今(11)日公布國內新增4例境外移入COVID-19確定病例(案1204至案1207)，均自印度入境。
指揮中心指出，案1204至案1206為50多歲男性、40多歲女性及20多歲男性，皆為本國籍，分別於2019年12月、今(2021)年3月及2月至印度工作。其中案1204無症狀；案1205於4月24日至4月26日陸續出現咳嗽、鼻塞、發燒及嗅味覺異常等症狀；案1206於5月3日出現咳嗽、胸悶及胸痛等症狀。
指揮中心表示，案1204至案1206於5月8日搭乘同一班機返臺，皆持有搭機前3日內檢驗陰性報告，案1204入境後至集中檢疫所檢疫並於5月9日接受採檢；案1205及案1206則於入境時主動通報曾有症狀，於機場採檢，3人皆於今日確診(案1204 Ct值29；案1205 Ct值30；案1206 Ct值29)。3人皆為昨(10)日公布案1192及案1193之同班機旅客，該班機截至目前共計5人確診，全機旅客71人皆已於昨日列為居家隔離對象。
指揮中心指出，案1207為印度籍20多歲女性，長期在臺工作，今年4月22日返回印度處理私事，並於5月9日來臺，持有搭機前3日內檢驗陰性報告，入境後至集中檢疫所檢疫，5月10日接受採檢，於今日確診(Ct值30)。個案在臺期間並無症狀，已掌握同班機接觸者1人，列居家隔離。
中央流行疫情指揮中心指揮官陳時中表示，今天新增的確診個案（1204、1205、1206）都是於5月8日搭乘同一班機返台，加上先前的2例確診，該班機目前總計有5人確診。</t>
  </si>
  <si>
    <t>國內新冠肺炎疫情持續延燒，醫療量能緊繃，台北市長柯文哲今（26）日上午在北市防疫會議上指出，如果要等到8月打疫苗，且是國產疫苗，這等於把國運賭在一個不可知的期望上面，若要撐到8月恐撐不下去，「會死傷慘重」。而今下午柯文哲在北市疫情例行記者會中，談到地方政府自行採購疫苗問題，他說，若被逼到不行，再等不到疫苗，台北市只好「自謀生路」。
今日指揮中心公布國內新增302例本土個案，另有校正回歸本土個案331例，總計635例；確診個案中新增11例死亡。其中台北市有87例本土確診、校正回歸221例。柯文哲在記者會中將針對疫情進行最新說明。
柯文哲表示，根據指揮中心的數據，校正回歸比當日公布的確診多，已經失去實質意義，還是要看整體趨勢比較重要。他說，5月16到20日這週，萬華確診病例還是最多，但有踩煞車，其他11個行政區多多少少都有上升，所以萬華疫情趨緩，不過其他行政區都有相當程度的病例，因此不要誤以為在台北市只有萬華是疫區，在其他地方還是有感染的可能，甚至中南部也會有小型群聚的現象。他並提到，昨日萬華三個篩檢站，篩檢800多人，結果陽性率為7.4%。
柯文哲也提到，中央預計配發2200萬劑疫苗給台北市政府，原則按照優先順序施打，除發給各專責醫院處理，其他則會入冊處理。對於救護車被擋在醫院外的情況，柯文哲說，今日雖有所緩減，但還是有發生，且急診室病床也是滿床，他強調，醫療量能仍相當緊繃。
柯文哲說，三級警戒短期內無法結束，除非硬性封城；另外則是打疫苗，才是最終解決方法，而疫苗還是有種類和數量的問題，呼籲中央慎重處理。柯也批，過去大官都說幾月疫苗要來，「蘇貞昌說什麼時候（疫苗）會來，現在幾月了？」蔡總統剛剛也說，疫苗買了3000多劑，但重點是疫苗到底什麼時候會來，有答案才能充分準備。</t>
  </si>
  <si>
    <t>美國民眾持續接種新冠肺炎疫苗，但施打進度近日出現放緩跡象，美國高階衛生官員敦促更多民眾接種疫苗。
根據美國疾病管制預防中心（CDC）數據顯示，過去一周美國每日平均施打約280萬劑疫苗，低於4月初的平均320萬劑。
美國每周平均施打的疫苗數量自2020年12月中起呈現上升趨勢，但上周數據卻下滑。美國接種首劑疫苗的7日平均數，更由4月11日的190萬劑，降至4月17日的140萬劑。
美國約有28.6％的民眾已經打完兩劑疫苗，還有42.2％的人口至少接種一劑疫苗。然而各州疫苗接種進度不一，緬因州有36.2％的民眾完成兩劑疫苗接種，但阿拉巴馬州的數據僅有21.7％。
根據約翰霍普金斯大學統計，截至26日，美國新冠肺炎確診案例超過3,200萬人，死亡人數逾57.2萬人。美國25日的新增確診案例不到3.2萬例，低於前一日的53,363例。不過值得注意的是，周末接受篩檢的人數較少，新增案例往往也較低。
截至24日，美國每日新增確診案例的7日平均數為59,586例，14日平均為63,830例。7日平均值低於14日平均值是因為自4月17日起，美國的確診人數下滑。
至於多少人接種疫苗才能達到群體免疫？各界估算各不相同，但許多衛生專家將接種率70％至80％視為目標。
鑑於美國疫苗施打速度放緩，美國高階衛生官員敦促民眾接受疫苗接種，並警告對疫苗接種猶豫不決，將影響美國阻止新冠肺炎病毒擴散的努力。
美國國家衛生研究院（NIH）院長柯林斯（Francis Collins）25日表示，如果想要徹底擺脫新冠肺炎，需要全美民眾齊心協力，實現該目標。
此外，拜登內閣首席醫療顧問佛奇（Anthony Fauci）亦表示，美國整體疫苗施打進展不錯，但新增確診人數仍構成危險。</t>
  </si>
  <si>
    <t>全球各地都受到玩家歡迎的知名手遊《Pokémon GO》，原訂 3 月 15 日將舉辦本月社群日(Community Day)活動。不過目前官方已提早宣布，今年 3 月社群日確定延期舉辦，並公布了補償辦法，訓練師們可以特別留意。
《Pokémon Go》官方提早宣布，原定 3 月 15 日舉辦的凱西(Abra)社群日確定延期。延到什麼時候舉辦，並沒有明確公布。頗有可能讓凱西直接遞補，成為 4 月社群日的主角，但一切需要等候官方確認才能算數。針對 3 月社群日延後的政策，官方並沒有特別公布原因，但因為新冠肺炎疫情，先前《Pokémon Go》在日本、義大利、韓國等疫情比較嚴重地區的活動都已停辦，而社群日主要是鼓勵訓練師可以走出家中，前往各地抓寶，與其他訓練師互動的機制，因此推估 3 月凱西社群日延期也可能是被疫情影響，必須要主動降低群聚感染的機會所致。
由於取消了凱西社群日，《Pokémon Go》官方也提出了補償措施，在另行公布凱西社群日相關政策前，遊戲內將帶來幾項改變：(1)每位訓練家可以1枚寶可幣交換30個薰香（效果延長為1小時）的組合(本組合僅可交換一次，可在商店中兌換)；(2)孵蛋所需的行走距離減半。(3)旋轉寶可補給站的轉盤時將更容易得到友情禮物。(4)寶可夢的棲息地將增加，野生寶可夢的出現也因此增加。從內容來看，主要是補償內容是在玩家因疫情被迫降低外出走動頻率的狀態下，仍舊能維持與過去差不多的獎勵與抓寶收穫。
雖然 3 月凱西社群日取消，可能讓不少訓練家覺得失望。但是官方已經確認 3 月 14 日將會開打GO對戰聯盟第 1 季，坐在家裡就可以跟全球玩家連線對戰；此外，3月底的周末也將推出直擊！古生代寶可夢之謎！」特殊調查(需要購票，票價NT$270)；此外，3月份還有很多特別的團體戰，騎拉帝納(別種型態)、勾帕路翁、洛奇亞都將在不同時間加入特別團體戰，《Pokémon Go》玩家們仍舊可以多多期待。</t>
  </si>
  <si>
    <t>人類新冠肺炎侵襲，禽畜也受禽流感威脅，雲林縣口湖17日一大型牧場撲殺了3萬2454隻黑羽土雞，該場飼主本月12、13日發現雞隻異常死亡，雲林縣動植物疾病防疫所16日下午確診感染H5N2及H5N5兩種高病原性禽流感。
雲林防疫所指出，該所接獲畜主通報後派員查驗，發現部分罹病雞隻有腳部發紺的禽流感典型病徵，立即開立移動處分書，限制全場雞隻移動，並採樣送檢，16日確診，而且同時檢出H5N2及H5N5兩種高病原性禽流感。
由於正值新冠病毒肆虐全球，台灣防疫目前控制得宜，但是農業縣禽流感的威脅始終未止歇，有人擔心會不會禽傳人？
雲林縣防疫所技正鄭安國請大家放心，表示目前台灣禽流感尚無禽傳人的報告，而且政府部門從飼養到屠宰有3道防線幫消費大眾把關，禽肉要取得獸醫師簽章的健康證明書才能上市，禽場有異立即查驗，需在合格屠宰場屠宰。</t>
  </si>
  <si>
    <t>部立桃園醫院副院長王偉傑帶領院內血漿淨化團隊，將血漿淨化術運用在新冠肺炎患者身上，去年已成功將3名重症個案救回，王偉傑強調，血漿淨化術費用少、副作用低，個案採用血漿淨化術後症狀大幅改善，該技術也獲得美國FDA緊急授權使用在新冠肺炎重症病患治療的適應症。
王偉傑表示，桃醫醫療團隊去年對於新冠肺炎重症患者採取血漿淨化術，成為世界第1例成功治療新冠肺炎重症病患，相關治療也發表在醫學期刊，後來陸續又完成2例，桃醫近期重回防疫第一線，專責病房收治重症病例個案，再度施以血漿淨化術，陸續有3名個案症狀明顯改善。
感染科主任鄭健禹提到，其中1例50多歲新冠確診男性個案，到院時幾乎呼吸衰竭且胸部X光呈現雙側肺部浸潤，第一時間施以「經鼻高流量溼化氧氣治療」和申請瑞德西韋使用，由於症狀未見好轉，相當危及，隨時處於需要插管和呼吸器治療的狀態，經與病人討論並取得同意血漿淨化術的療法後，給予4次血漿淨化術的治療和新鮮冷凍血漿補充，最後病人免於插管。
鄭健禹說明，血漿淨化術因為吸附器含有類似樹脂材質，會將病毒與發炎因子吸附在吸附器，吸滿後丟棄，同時透過血漿分離方式，將帶有大量其他發炎物質與病毒直接濾出體外，接著補充健康的新鮮血漿來替換體內被濾掉的血漿數量，血液中的RNA病毒也會被吸附在吸附器，等待血漿淨化術療程結束後，再將吸附器棄置到感染性垃圾。
鄭健禹提到，新冠肺炎會造成肺泡上皮細胞死亡而脫落，此時免疫系統會認為該部位有發炎潰爛的風險，因此引發介白素大量釋放，而該機制會導致一系列的凝血反應，血小板會開始聚集並形成血栓，這些微小血栓也可能造成肺泡微血管阻塞，而血漿淨化術會把這些促成凝血的因子去除，以避免高死亡率的肺栓塞發生。</t>
  </si>
  <si>
    <t xml:space="preserve">美媒引述消息人士指出，美國前總統川普去年染上新冠肺炎時，症狀比外界知道的還要嚴重，出現了肺浸潤等重大急性症狀，醫生甚至一度考慮要為他戴上呼吸器。
美國有線電視新聞網（CNN）報導，消息人士證實，美國前總統川普2020年10月染上新冠肺炎時，病況一度令人擔憂，醫療團隊甚至考慮讓他戴上呼吸器。
《紐約時報》（New York Times）昨（11）日率先披露川普去年染疫時症狀比外界已知還要嚴重的消息，報導指出，川普當時實際上出現了肺浸潤的狀況。肺浸潤是一種肺部出現液體、細菌等物質的發炎狀況，出現肺浸潤時，患者通常已經併發其他症狀，從一般X光攝影、掃描等程序中就可以輕易檢查出來，患者部分肺部會呈現不透明的白色，報導指出，肺浸潤是新冠肺炎的急性症狀。
《紐時》也指出，川普當時的血氧濃度甚至降到只剩下80%多。報導指出，川普御醫康利（Sean Conley）當時對於外界詢問川普病情閃爍其詞，直到川普恢復後才向記者表示川普的血氧濃度從未降到80%。
另外他也迴避記者們有關川普是否接受輸氧治療的提問，CNN指出，當時康利只回應「川普現在不需要輸氧」，針對記者詢問川普是否曾經接受過輸氧治療等問題時，康利也答非所問，強調「他今天早上完全不需要輸氧治療」、「他現在不需要，昨天、今天他都沒有接受輸氧治療」。
針對川普當初病況可能比原先知道的更為嚴重，布朗大學（Brown University）公共衛生學院院長吉哈（Ashish Jha）表示，康利對外隱瞞川普病情的行為「令人不安」，他說康利當時明顯在迴避及欺騙，他說如果當時康利醫生及白宮對美國民眾公開病情的話會更好，現在這種狀況不只令人失望，也讓人難以忍受。
川普當時靠著美國雷傑納隆藥廠（Regeneron Inc.）的實驗性抗體療法康復，不過前美國第一夫人梅蘭妮亞（Melania Trump）則從未接受這種療法，消息人士透露，梅蘭妮亞堅持讓病毒走完自己的病程，並且只使用藥草茶以及其他藥效較止痛藥弱的藥物來治療症狀，所以梅蘭妮亞花了「非常、非常久」的時間病情才好轉。
</t>
  </si>
  <si>
    <t>「卡神」楊蕙如長期使用網軍在PTT帶風向，更在去年關西機場事件中指示下層痛罵大阪辦事處，去年12月遭檢調以侮辱公署罪起訴，開庭前一晚(13日)，她也在臉書PO長文表達心聲，但不僅否認花錢養網軍，更稱自己也「被大陸網軍的造謠所誤導」，會和律師舉證表清白，並要求全台應該將焦點放在新冠肺炎防疫，而不是她身上。
楊蕙如在開庭前一晚痛批大陸網軍，和新冠肺炎一樣攻擊世界各國，捏造關西機場派車假消息，自己也被誤導，才會試圖還原真相，對抗大陸假消息，更表明被起訴後選擇沉默是怕影響到選舉。
楊蕙如最後表示會和律師團隊提出舉證證明清白，並呼籲大眾要把焦點聚集在肺炎疫情上，對抗來自大陸各方面的惡意並且組織性的滲透，團結打贏新冠肺炎戰役。
不少楊蕙如的朋友與粉絲看到後也紛紛留言打氣，但文章被轉錄到PTT八卦版後，網友痛罵：「還在轉移焦點，看了就噁心」、「為了護航主子桶台灣自己人」、「害死一條人命還不在乎」、「呼籲大家注意武漢肺炎，好讓自己安然度過嗎」、「她的PO文不就間接承認風向是她帶的嗎...」、「殺人償命，沒什麼好說的」、「滿滿的台灣價值」、「這種人沒被關真的沒天理」。
楊蕙如因長期在PTT使用大量分身養網軍、帶風向，去年5月被抓去與汙衊大阪辦事處的「idcc」短時間內同IP登入，整件事情因此爆發，8月更被PTT站方列入黑名單，12月遭到起訴後神隱長達一個半月，直到勝選後2個禮拜才又出面。今天楊蕙如首次開庭，罕見遭檢方痛批「侮辱中華民國」，但楊仍否認犯行。</t>
  </si>
  <si>
    <t>中央疫情指揮中心指揮官陳時中上午宣布台北市、新北市進入三級警戒，雙北民眾人心惶惶，擔心下一步就是封城，紛紛趕往大賣場補充民生物資，以新北市板橋區的家樂福大賣場為例，宣布三級警戒才1個多小時，中午採買民眾就已爆滿，入口處管制進入，引起部分民眾不滿。
現場客服人員表示，這幾天人潮本來就比較多，但今天上午10時許宣布雙北進入三級警戒後，人潮明顯瞬間暴增，都是搶購泡麵、白米、罐頭、衛生紙等民生物資。
不僅如此，在中午12時，賣場更時直接將入口鐵門降下一半，現場人員在入口處宣布，因賣場內走道已經擠滿人，所以暫時管制進入。由於賣場實施實聯制，必須填寫資料才能進入，本就已有排隊人龍，有民眾不滿久候，又被告知管制進入，當場發飆，賣場人員不斷道歉安撫。
賣場宣布暫時管制進入後，不少排隊民眾決定離開，吳先生說，現在不知道要等多久才能進去，進去後也不一定買得到想買的東西，所以他決定趕到其他賣場試試運氣。</t>
  </si>
  <si>
    <t>美國職籃（NBA）7月即將於奧蘭多迪士尼世界（Disney World）復賽，主辦單位打算出動穿戴式裝置與大數據分析，希望確保22支隊伍球員與工作人員免於新冠肺炎的感染威脅。
NBA為了復賽做足準備，備妥超過100頁的備忘錄，裡頭詳述他們計畫如何保護球員健康以及使用的工具技術。參賽球員必須接受全面健康檢測、與親友隔離，同時也得遵守維持社交距離等嚴格規定。
在工具方面，NBA要求球員配戴「智慧戒指」（smart ring），此裝置能量測體溫、呼吸功能與心率等生理數據，藉此判斷球員是否生病。
這枚鈦金戒指由芬蘭新創公司Oura打造，據說可提早三天偵測民眾是否感染肺炎，準確度高達九成。戒指收集到的數據將送往密西根大學判讀與分析，目的在於掌握所有人完整健康狀況。
達拉斯獨行俠隊老闆庫班（Mark Cuban）表示：「我們將盡一切力量確保大家健康無虞。我深信這些方法絕對有用。」
球員也必須隨時配戴「魔術手環」（MagicBand），但練習時間與比賽除外。此手環功能類似門卡，也是球員通過篩檢站的依據。手環會依據球員健康狀況顯示不同顏色，只有合格者才能通過。
此手環亦能記錄球員的接觸史。萬一球員真的感染肺炎的話，便能迅速查出他過去與誰有過接觸。
至於維持社交距離更是防疫一大重點。NBA希望球員在證件上頭安裝一個小型裝置，當球員之間距離少於6英尺、時間超過5秒時，裝置便會發出警告聲響，但球員可自由選擇配戴與否。
此外，所有球員都會分配到一部私人血氧飽和儀與智慧溫度計，以量測他們每天的血氧飽和度與體溫。</t>
  </si>
  <si>
    <t xml:space="preserve">（10：13）拜登演說結束，美國總統國會聯席會議演說通常會持續1小時，拜登首場演說一共花了1小時5分鐘。
演說尾聲，拜登表示從來沒有對美國這麼有自信、樂觀過，「未來將會屬於美國」，他說美國原本面臨動亂及疫情深淵，但是美國人民並沒有退縮，敵人原先預期美國會分崩離析，「但是我們團結了」，「和美國對賭永遠不會是好事，現在也是。」
拜登說：「如果我們團結，沒有什麼是我們做不到的。」
（9：55）針對俄羅斯，拜登表示已經明白告訴俄羅斯總統普丁，美國不會尋求讓衝突升溫，不過如果莫斯科真的付諸行動，那將面臨後果。
CNN報導，4月稍早，美國對俄羅斯祭出制裁及驅逐外交官，以懲罰俄羅斯干預2020美國總統大選、大規模網路攻擊行動、以及佔領克里米亞、相關嚴重侵犯人權的行為。
（9：50）針對美中之爭，拜登說他向大陸國家主席習近平表明，美國將在印太維持強大的軍事存在，就像北約（NATO）在歐洲一樣，此舉不是要開啟衝突，而是避免衝突發生。
他也向北京喊話，美國歡迎競爭，但不尋求衝突，將捍衛美國所有利益，捍衛基本貿易權利，面對竊取智慧財產以及國家補貼行為，華府也將反擊。
BBC報導，拜登透過這場演說向全球宣示：美國回來了。通篇至少提了4次中國大陸及大陸國家主席習近平，他說明習近平對於讓大陸成為全球重要國家的決心非常強，
拜登也提到應該對美國研發工作有更多投資，指出過去幾十年來美國已經落後包括中國大陸在內等國家。
（9：48）CNN報導，拜登在這次演說中，痛批前總統川普2017年的減稅計畫，他也向富人喊話，表明希望最富裕的美國人可以開始繳納他們那份公平的稅額。
他強調不會對年薪少於40萬美元的美國人額外加稅，「但現在是美國公司、1%最富裕的美國人開始繳納他們稅額的時候了。」
他強調，透過相關計畫，國稅局（IRS）將嚴厲打擊那些逃稅的百萬和億萬富翁。
（9：45）據BBC報導，拜登將致力讓全美執行至少15美元（約418台幣）的最低時薪制，「讓我們通過15美元的最低時薪吧，」他說，「任何一星期工作40小時的人，都不該生活在貧窮線下。」
語畢，他獲得全場起立熱烈鼓掌，不過目前還不清楚，國會要採取什麼行動，才能將聯邦最低時薪由7.25美元（約202台幣）提高為15美元（約418台幣）。
（9：40）有關沒有合法居留文件的移民，拜登強調，國會今年必須通過保護「追夢人」（Dreamers）的立法。
（9：25）據路透社預先透露，拜登的講稿中還包含他向大陸國家主席習近平表明，美國將在印太維持強大的軍事存在，就像北約（NATO）在歐洲一樣。拜登也將表示，美國會像因應補貼國有企業、還有竊取美國技術和智慧財產那樣，勇於面對不公平貿易的做法。
針對俄羅斯，拜登說他明白告訴俄羅斯總統普丁，美國不會尋求升高情勢，但他們的行動會承受後果。
（9：23）演說中拜登向美國民眾大力推銷基礎建設及就業計畫，他強調，這個計畫只有唯一一個原則，就是美國投資。美國稅收將用來買美國貨，美國貨將在美國製造、以創造美國人就業機會。
（9：20）拜登說，他接下川普的棒子，上任近百日後，已恢復美國人對民主的信心，並計劃公布1.8兆美元（約50兆台幣）的支出和稅收抵免計畫。
他說自己接手了一個「陷入危機」的國家，「世紀來最慘重的疫情」、「大蕭條以來最慘重的經濟危機」、「自內戰以來對美國民主最嚴重的攻擊」，但是不到百日，他的政府已經開始讓國家翻轉。
（9：18）拜登接著談及經濟議題，針對3月通過的1.9兆美元（近53兆台幣）新冠經濟紓困案，拜登感謝所有議員的協助。
■疫苗很夠用 拜登呼籲所有美國人「去打疫苗」
（9：10）拜登演說首個主題聚焦疫苗施打進度，他強調，原本保證在100日內要提供1億劑新冠疫苗，但新政府早已遠超過這目標，不斷呼籲所有美國民眾「去打疫苗」，因為疫苗很夠用。據BBC報導，拜登強調，他在就職100天內，就提供了超過2.2億劑疫苗。
他說，目前新冠確診數已從1月下降了80%。
然而，新冠大流行無疑仍是美國面臨的最大問題，至今已有57.5萬美國人因而死亡，仍高居世界第一。不僅如此，有超過3,200萬美國人確診，幾乎和位居第2的印度和第3的巴西人數加起來一樣多。
他說，對於抗擊新冠疫情還有很多要做的，大家不能鬆懈。
（9：08）演說時，拜登拿下口罩，強調要重建美國，要讓美國再度前進。
（9：04）戴著黑色口罩的美國總統拜登正式進場，全場給予熱烈掌聲。裴洛西介紹拜登發表演說。
（8：50）英國廣播公司（BBC）報導，演說開始前，1名男子躺在美國國會大廈周邊安全區內，由於他拒絕離開，因此被警方抬走。
He’s now in the police van https://t.co/L6pXTh28AP pic.twitter.com/fjeaV6fbnj
29日是美國總統拜登入主白宮百日，美東時間28日晚間9時（台灣時間29日上午9時），拜登將在國會山莊發表上任後首場國會聯席會議演說，預料他將藉此機會推銷總額高達4兆美元的「美國就業計畫」與「美國家庭計畫」，「中時新聞網」屆時將為您直播拜登演說內容。
美國國家廣播公司新聞網（NBC News）報導，拜登將藉由演說盤點上任100天的政績，以及推銷他對國家的願景。盤點目前政績方面，預料將觸及政府如何應對新冠疫情及疫苗施打進度。
關於未來願景，預料他將專注推銷1.9兆美元基礎建設及就業計畫，白宮新聞秘書莎琪（Jen Psaki）上周表示，拜登也將藉此機會公布一項專注在支出及稅收的「美國家庭計畫」（American Families Plan），此案預計將斥資1.5兆美元。
另外，預料他也將提及美國經濟、醫療健保、及警察改革等議題。
據美國有線電視新聞網（CNN）報導，在這歷史時刻，美國第一位女性副總統賀錦麗將與眾院議長裴洛西（Nancy Pelosi）一起坐在拜登後面，這是美國史上首度有2位女性坐在總統後方，有人開玩笑說，拜登被「女性圍繞」，但賀錦麗說，這是相當「正常的」。
報導指出，由於拜登陣營十分在意首度在國會演說的表現，因此只邀了少數共和黨議員出席，如喬治亞州新科眾議員葛琳（Marjorie Taylor Greene）因為經常製造騷動，因此並未受邀出席。據路透報導，為了這次演說，拜登精挑細選了少數民主與共和黨議員出席。
此外，由於新冠疫情影響，眾院遵守維持社交安全距離的規範，因此人數稀少，僅約200人獲邀出席。
</t>
  </si>
  <si>
    <t>中央日前宣布，從11月2日起將進一步鬆綁防疫管制措施，並分階段鬆綁分階段鬆綁八大行業防疫管制，以「有、無陪侍服務者」為區別，無培侍服務可在11月2日向地方政府提出復業申請，台北市今臨時舉辦防疫記者會，台北市副市長黃珊珊指出，11月2日起開始放寬某些管制，部分活動可有條件免戴口罩，會遵循中央指引開放。
黃珊珊指出，11月2日起將開放「社區照顧關懷據點」及「長青學苑課程」與共餐；另外，舞場夜、夜店業、三溫暖可申請復業，部分體育活動則有條件免戴口罩、體育場館容留人數回歸各場館規定。
黃珊珊強調，雖然部分活動放寬，但仍維持實聯制量體溫、主動申報健康調查、出入口單一動線、加強手部消毒、維持社交距離、加強環境清消等防疫規則。
北市社會局表示，11月2日起同意開放長者內用共餐及外帶餐食；同意開放辦理卡拉OK、麻將及桌遊類課程，關懷據點仍應函報社會局申請復辦，截至11月1日已有260家社區照顧關懷據點申請復辦。
至於八大行業防疫的部分，黃珊珊說，舞場業、夜店業和三溫暖業等「無陪侍服務者」11月1日公告受理申請復業，現勘符合規定，11月2日起復業；至於酒吧業、酒家業、舞廳業、萬華茶室172家業者，須待11月9日公告受理申請復業，現勘符合規定後，11月16日起依中央公布復業。
此外，八大行業要開放需符合幾個條件，包含從業人員至少接種過1劑疫苗並滿14天以上，且首次服務前要提供3日內快篩或PCR陰性證明；未完整接種2劑疫苗的員工，須每周進行一次快篩或PCR檢驗；顧客進場至少要完成1劑疫苗滿14天證明。
至於八大行業是否會結合健康通行證？黃珊珊說，當時北農跟環南有使用過，有再跟中央爭取介接台北通，但時程還不確定，除八大外，希望也能在醫院和老人機構使用健康通行證管理，台北市已經準備好了，做好監測，只要開放後台就可以做介接。
另外，被問到現階段沒有疫苗護照如何做把關？黃珊珊回應表示，員工要造冊，並提出相關疫苗證明，顧客的部分則須持有黃卡或健保快易通，會請同仁以抽查方式，警察也會臨檢，抽查如發現不符規定，會依《傳染病防治法》開罰。</t>
  </si>
  <si>
    <t xml:space="preserve">Adam Silver letter to NBA fans pic.twitter.com/F5GA2Yb0Ib
為了更加清楚表達NBA對抗新冠肺炎疫情的決心，NBA總裁席爾佛13日特別寫了一封給所有NBA球迷的公開信，強調會做出停賽的無奈決定，都是為了所有人的幸福與健康著想，更表示這次停賽至少持續30天，直到所有人確定安全才會重新開打。
以下是席爾佛寫給球迷的信件內容，「親愛的NBA球迷，就如同你們知道的，為了因應新冠肺炎疫情，我們已經臨時把賽季暫停了，我們做出這個決定是為了保障球迷、球員，以及所有跟我們比賽相關人士與公眾的幸福和健康，這次停賽至少持續30天，我們打算在所有相關人員安全情況下，再重新開始這個賽季。
我們同時將跟傳染病與公共衛生專家、政府官員協商，確定恢復比賽的安全規程，當我們為了未來的NBA賽事與制定合適賽制，會在發生任何變化時即時告訴大家，已購買的延賽門票，將在改期後仍可使用，假如比賽被取消或閉門進行，球隊將替球迷辦理退票。
我們鼓勵球迷前往官網第一時間了解最新消息，與NBA保持聯繫，你也可在那裡得到一些如何保護自己或家人健康的相關訊息。現在仍是一個複雜且隨時迅速演變的局面，卻也提醒我們都是廣泛社會的一部分，有責任彼此照顧，這是NBA將做的事情，我們感謝你們的體諒，感謝你們是體育界最棒的球迷。」
湖人球星「小皇帝」詹姆斯也在第一時間分享席爾佛的公開信，更寫，「席爾佛做得很棒！給我們的球迷，我們已經開始想念你們了。」清楚表達自己支持聯盟停賽作法，就算他先前曾一度公開放話，假如聯盟選擇閉門開打，他將拒絕參加，隨後卻馬上改口支持。
</t>
  </si>
  <si>
    <t>海軍敦睦艦隊有24名官兵感染新冠肺炎，國防部的處置和說法屢遭打臉，因此遭外界質疑隱匿病情。事發至今，國軍至少有3大防疫疏失，包括口罩政策未落實等艦上健康管理問題、返國檢疫隔離不如遠洋漁船標準以及下船檢疫措施遠遜郵輪，因此造成群聚感染。傳出府院高層一度對軍方輕忽及後續處置態度相當不滿。
磐石軍艦群聚感染，引發各界譁然，朝野更紛紛提出許多質疑。國民黨桃園市議員詹江村質疑，艦艇放下那麼多軍人，從帛琉回來，為什麼可以不用隔離？民進黨立委劉世芳則質疑艦艇為何沒有遵守中央疫情流行管制中心規定，進到國內就要14天的居家檢疫跟隔離，她認為軍系的系統需要反省跟檢討一下，為何跟別人的天數不一樣！據《鏡週刊》報導，敦睦艦隊這次染疫，國軍至少有3大「可預防而未預防」的防疫疏失，使全力圍堵病毒入境的府院高層，一度對軍方輕忽及後續處置態度相當不滿。
據週刊報導，國軍至少有3大防疫疏失，包括口罩政策未落實等艦上健康管理問題、返國檢疫隔離不如遠洋漁船標準以及下船檢疫措施遠遜郵輪，因而釀成這次群聚感染。
這起事件也引發國人對國軍的信任危機。對此，總統蔡英文昨召集國防部等單位檢討，強調「誠實以對，是我對國防部下達的最高原則」。她要求國防部及其他政府機關「不要隱匿」，在最短時間完成內部調查，該檢討的就檢討，該究責的也不能迴避。</t>
  </si>
  <si>
    <t>三級警戒期間死亡人數高達近800多人，面對不停歇的死因質疑聲浪，專家諮詢小組召集人張上淳曾說，「死亡率高與家屬具DNR觀念（不施行心肺復甦術）有關」，有相當比例的病人是救得回來的，引發軒然大波，醫界批評這是對家屬的打擊，而他也在沉寂幾天後致歉。
指揮中心分析雙北死亡個案資料表示，5月18日至6月24日間，有17.85％病患或家屬簽DNR（不施行心肺復甦術），平均75.8歲，9成有潛在疾病如高血壓、糖尿病、癌症等。
而本報取得健保署DNR統計資料，發現全台65、75歲以上長者簽署比例是7.77％、8.79％，而近3年主診斷為癌症者的比例為10.55％，雙北確診死亡個案簽署DNR比例，甚至是長者的2倍多。
對於指揮中心一度將致死率與DNR掛鉤，健保署長李伯璋說，不論是新冠肺炎或癌症，假如無法繼續治療，簽署DNR是好的，不過有時DNR概念若不夠普及，真出現還沒治療就離開的案例，就會有點可惜。
一位新冠肺炎家屬表示，先生在確診入院後，其實狀況還在控制，但護理人員一直跟他們談簽署DNR，讓他們覺得十分不解，覺得觸霉頭。
北醫附醫胸腔內科主任周百謙則說，疫情爆發時醫療滿載，大家悲觀以對，醫師憑著有限的藥物、設備，去面對可能呼吸衰竭的危險族群，多會偏向家屬預告插管、難以拔管的風險，就有可能去碰觸DNR。
但台北市醫師職業工會發言人陳亮甫說，確診者病況變化大，疫情嚴峻時陪病管制嚴，若狀況危急，家屬無法隨時在旁，醫師會較積極詢問DNR意願，這是趁家屬還在時讓家屬考慮，不代表此事不該被談論。
北市聯醫整合醫療科主治醫師姜冠宇強調，造成死亡的真正原因是醫療量能不足，DNR只是必經之路，在資源不足前提下，即使不簽也不保證能救回，DNR應回歸單純倫理問題。</t>
  </si>
  <si>
    <t xml:space="preserve">赴大陸考察新冠肺炎疫情的世界衛生組織專家已結束在路調查行程，考察組外方組長、世衛組織總幹事高級顧問艾爾沃德（Bruce Aylward）表示，大陸所採取的策略明顯影響了確診病例增加的速度，並已認識到武漢人民所付出貢獻，「世界欠你們一次」，當疫情過去後，希望有機會代表世界再一次感謝武漢人民。
據路透社報導，艾爾沃德在與大陸國家衛健委官員舉行的聯合記者會上表示，儘管最近幾周觀察到了一些統計問題，但多個資料來源支援衛健委報告的新增病例數量總體下降的趨勢。國家衛健委24日報告新增409例新冠病毒確診病例，低於一天前的648例，兩周之內實現下降80%；而包括北京和上海在內的20多個省級行政區報告新增感染者數量為零，為自疫情爆發以來最佳資料。
艾爾沃德表示，雖然疫情從武漢市爆發後，大陸採取如封城等行動，特別是武漢，即使中止交通、如汽車與手機零件等產品全球生產鏈也中斷，但確實防止了數十萬病例發生，「全世界欠你們一次」，希望場疫情過去，有機會代表世界再一次感謝武漢人民，並呼籲全世界從快速反應中學到一課。
而據《環球時報》報導，艾爾沃德表示，在全球不得不為疫情做應對和準備的過程中，自己曾經像其他人一樣對於非藥物干預措施是有偏見的，但大陸的方法被事實證明是成功的，雖然全球社會尚未做好準備採用大陸的方式。
艾爾沃德進一步指出，很多人都會說現在沒有藥，現在沒有任何的疫苗，「所以我們只能拍拍手表示沒有辦法」；而大陸的做法是，既然沒藥沒疫苗，那有什麼就用什麼，能怎樣調整就怎樣調整，能怎樣適應就怎樣適應，能怎樣去拯救生命就怎樣去拯救生命。
不過華盛頓郵報北京分社社長弗菲爾（Anna Fifield）在推特上質疑，身為世界頂尖的流行病學家，為何才剛進過武漢境內醫院的艾爾沃德沒有強制隔離檢疫14天就離開大陸。對此，艾爾沃德表示向他表示，他沒有去過武漢任何「骯髒的區域」（dirty areas），而且已接受冠狀病毒核酸檢測，為了趕飛機才急著離開記者會。
I just asked Bruce Aylward, who was in Wuhan over the weekend, why he was not in quarantine. He said he didn’t go to any “dirty” areas in Wuhan and that he was tested for coronavirus this morning. He hastily left the press conference because he has a plane to catch...
</t>
  </si>
  <si>
    <t>新冠肺炎疫情延燒，網路假消息不少，行政院長蘇貞昌今天透過臉書、LINE官網表示，最近網路上出現很多散播假疫情、假防疫政策的惡意訊息，甚至有人竄改行政院公文說「大家可以免費去醫院領十張口罩」。他要在此說明，這顯然是假的 ，行政院也已報警處理。
蘇貞昌也提醒大家：如果在網路上看到關於疫情或防疫政策的消息，但是新聞沒報、防疫記者會沒講、衛福部粉專沒有寫、他這邊也沒有貼，請審慎判斷、不要隨便分享，以免觸法。依據紓困條例規定，散布假訊息，最重可關三年、併罰300萬元。
蘇貞昌說，新冠肺炎疫情險峻，台灣政府把防疫擺第一，宣布防疫政策也一向公開透明，請大家留意不要聽信假消息。</t>
  </si>
  <si>
    <t>全球新冠肺炎疫情未歇，使景氣後市遲未明朗。專家認為，5G仍是後疫情時代啟動全球經濟引擎的鑰匙，基礎建設、關鍵元件等「硬5G」將迎來首波商機，在5G趨勢初始爆發階段，超前部署關鍵科技硬5G等相關商機，將是掌握布局5G的最佳策略。
專家指出，5G範圍包羅萬象，包括基地台、行動裝置、自駕車等，乃至智慧家庭與智慧城市實現，需要的硬體零組件非常廣泛。因此，鎖定5G發展技術中的「關鍵科技」甚為重要，即可藉此掌握各個關鍵科技製造商的發展脈動。
而欲發展5G，首先需要建立5G基地台、天線等基礎建設。市調機構預估，今年全球5G無線網路基礎設施產生的全球收入將超過41億美元，約達去年的2倍。因此，包括基礎建設、關鍵元件等「硬5G」將迎來5G時代首波商機。
據工研院IEK Consulting報告，在美國、中國大陸、歐洲、日本、韓國等電信業者陸續投入5G網路基礎建置帶動下，去年5G基地台在整體基地台市場占比為8.5％，預估至2023年占比將大舉提升至54.6％以上。
元大投信看好相關商機，推出全台首檔著重於5G「前趨勢」的「元大未來關鍵科技」ETF（00876），追蹤iSTOXX全球未來關鍵科技指數，自5G關鍵元件製造商中挑選掌握優先受惠族群的投資標的，涵蓋基礎建設、智慧裝置、終端裝置、行動裝置等4大商機產業。
元大投信指出，元大未來關鍵科技ETF在5個募集日內的累積扣款筆數逾4萬筆，募集金額高達152億元，除了成為台灣募集金額最高的ETF，也是國際間投資全球5G規模最大的ETF，7日掛牌首日成交量便突破10萬張，顯現國人看好5G主題投資。</t>
  </si>
  <si>
    <t>台灣於5月中旬新冠肺炎疫情爆發，民眾將其歸咎於指揮中心放寬機組員檢疫措施為3+11，而民進黨不分區立委范雲被網友指控為向指揮中心「關心」將機組員檢疫措施放寬為3+11的主要推手。范雲在事件爆發後臉書均未發文，自5月12日至今，在沉默83後今晚首度又貼文表示，會盡全力協助相關爭議釐清。
范雲指出，自從五月份疫情爆發以來，因為3＋11相關爭議，她鮮少對外發文，但對民眾的服務從來沒有停歇。
范雲表示，對於3＋11的爭議，如她之前所說，她為機組員開協調會，出發點是擔心機組員身心狀況導致飛安疑慮。對於相關決策與疫情關聯，除了指揮中心多次說明，她也相信行政院與監察院分別進行的調查，會釐清相關爭議，她也會盡全力協助相關爭議釐清。
范雲也不忘洋洋灑灑詳列9大項簡要問政報告，最後說「讓我們一起加油，為弱勢、為公益、為台灣，繼續風雨同路。」</t>
  </si>
  <si>
    <t xml:space="preserve">5G今年起在全球陸續商轉，預計對於小型基地台周邊相關產品在未來幾年內將持續快速成長，小型基站概念股包括有正文(4906)、中磊(5388)、啟碁(3596)、明泰(3380)，另外，光濾波器廠統新(6462)等均可望受惠。
隨著各國電信商陸續發放5G頻譜，5G也陸續商轉，對於小型基地台等5G相關設備之需求逐步增溫，由於小型基地台具有體積小、建置成本低，且網路容量可擴增，讓電信商可以最具成本效率之方式彈性組網，5G小型基地台量隨之成長，市場統計2019年5G基地台市場規模已達14.75億美元。
台灣網通廠在小型基地台具有成熟的研發經驗，從3G、4G LTE，到現在的5G，且因為5G穿透性較差，故對於具有補強功能的小型基地台來說，地位又更加重要，加上大陸在5G的積極程度和4G不可同日而語，以往大陸電信三雄就有向台系網通廠採購的經驗，故此波商機對台灣網通廠來說，相當值得期待。
統新針對5G市場積極開發25G產品，統新濾波片設計良率優於競爭同業，可望取得一定市場地位，且上半年因為疫情衝關係，光模塊需求遞延超逾一個季度，目前市場已經陸續回溫，以統新來說，目前資料中心仍以100G產品為主軸，但400G產品有機會在明年躍升為主流商品，基地台方面，仍以10G、25G產品為初期布建主力。
</t>
  </si>
  <si>
    <t xml:space="preserve">總統蔡英文日前表示，各廠牌疫苗取得累積數量已經達到1730萬劑，這當中有國際夥伴的援贈，行政團隊更是天天寫信、週週視訊會議，多管齊下和民間努力的成果。對此，前藍委孫大千譏諷，現在是在催貨，還是在吹牛？蔡英文就算吹牛也要打一下草稿。
台灣自購的108萬劑莫德納疫苗和64萬劑AZ疫苗抵台，蔡英文17日在臉書表示，行政團隊卯足全力，天天寫信、週週視訊會議，多管齊下，不分廠牌都持續催貨，更提到目前疫苗取得累積數量達到1730萬劑，除有國際夥伴的援贈，也有政府民間共同努力的成果。
對此，孫大千今（19日）在臉書發文表示，什麼叫做「天天寫信」？照這種邏輯，至少也寫了100封以上的信了吧？蔡英文要不要公布一下這些信件給大家見識一下；什麼叫做「週週視訊」？視訊如果真的有用，南韓就不用派特使團去催貨了。
台灣現在取得的疫苗，孫大千直言，大多數都是國外友邦和民間團體捐贈的，蔡英文就算吹牛也要打一下草稿吧！連這樣的功勞也要搶嗎？
</t>
  </si>
  <si>
    <t xml:space="preserve">據兩名參與籌備工作的人士表示，中國大陸已暫定計劃在4月下旬或5月初舉行全國人大、政協會議，這兩個每年按例在3月舉行的會議因新冠病毒而延後，目前大陸新冠病毒新增病例已大幅下降，因而打算在疫情趨緩之際召開此一年度大型政治集會。
據《路透》報導，大陸全國人大和政協會的年度會議原依慣例定於3月初舉行，但今年由於新冠疫情爆發而推遲，至今未宣布正式召開的日期。
報導認為，這個參加人數高達數千人的大型政治性集會在北京人民大會堂恢復舉行將是一個重要信號，表明中共領導路階層認為疫情已經受控制，政治活動將恢復正常。
不過，大陸國務院新聞辦公室和全國人大常委會新聞部門未回覆媒體置評的要求。
在武漢爆發並擴散至大陸全境與世界各國的新冠肺炎，在大陸已有8萬多人感染，導致3200人死亡，對經濟生活造成嚴重破壞，企業生產急劇下降，創下30年來最嚴重的紀錄。
報導引述知情人士的話說，全國人大召開日期尚未最後確定，參加人數可能會減少，從外地到北京參加會議的代表可能要進行檢疫措施。
每年的全國人大、政協會議召開時間大約為10天左右，是一年一度極重要的政治儀式。人大會議期間會通過多項立法並審議國務院總理的政治工作報告，並公布未來的經濟與社會目標、國防預算和其他重要的政策決定，同時也會有重大政策宣示與人事異動。
報導說，今年全國人大的重要議題除了新冠疫情防控之外，還會包括導致去年下半動盪的香港反送中運動，以及更重要的如何恢復受疫情衝擊的大陸經濟問題。
</t>
  </si>
  <si>
    <t>華南銀行積極配合政府政策，照顧受新冠肺炎疫情衝擊的基層勞工，率先推出「受嚴重特殊傳染性肺炎影響勞工紓困貸款」，每人最高十萬元，貸款期限三年，第一年免繳利息，前六個月寬限期間不必攤還本金，第二年起利率則依郵政二年期定儲機動利率加1個百分點（目前合計1.845％）計收利息，且不收取任何開辦費用。
該貸款申請對象為年滿20歲且受疫情影響之本國籍勞工，票債信無異常，簡易信用評分總分在60分以上者，即可申貸。華銀更將從寬認定受理對象，只要有工作事實皆可提出申請，包含有投勞保者與固定薪資收入的受僱勞工，無投保紀錄者可提出薪資證明、接案單等工作事實佐證，即日起就可至華銀各分行申請紓困。
另為了讓受疫情影響的企業能快速、便捷申請紓困貸款，華銀推出「小微企業線上貸款平台」，提供企業24小時全年無休的線上申請服務，企業戶只需上網填寫企業基本資料，華銀就會有專人主動聯絡，縮短貸款申請流程，以「從寬、從簡、從速」三原則力挺中小企業。
華銀的「小微企業線上貸款平台」，透過簡化內部核貸流程，讓實收資本額在3千萬元以下且符合信保基金保證對象的中小企業，或是僅辦理稅籍登記的營利事業，都可透過平台提出申請，而對於未達使用統一發票標準的「小規模營業人」，只要通過簡易評分表計算符合標準，也能符合申貸資格，最快在三天內就能取得資金。
為照顧新冠肺炎疫情衝擊攤商等「小規模營業人」，自5月1日起，華銀提供新台幣50萬元簡易申貸方案，貸款期限最長5年，央行融通期間利率以1％計收，且免收取信保手續費，「小規模營業人」只需於華銀官網專屬網頁勾選確認稅籍登記期間、負責人從事本業經驗、不動產擔保設定、營業狀況等四個欄位，系統就會自動判斷是否符合資格。
華銀秉持「從寬、從簡、從速」三原則，全力配合政府產業紓困及經濟振興政策，並彙整相關紓困貸款資訊與諮詢窗口於華銀官網「新冠肺炎紓困專區」，持續協助客戶度過難關。</t>
  </si>
  <si>
    <t xml:space="preserve">台灣疫情居高不下，每天被確診數與疫苗採購相關問題夾擊，而在如此嚴峻的情況下，不但警消、物流人員身處險境，在第一線的醫護人員更是首當其衝，近日還爆出確診者傷害護理師的事件，讓人心疼又著急，藝人洪都拉斯受訪吐露兒子其實就是護理師，很有使命感每天努力工作，下了班竟不敢回家，擔心害家人染疫，讓當爸的他好心疼。
洪都拉斯接受《聯合報》專訪，吐露兒子2年前退伍後，就投入了護理師行列，不料如今遇上這場比SARS還慘烈的新冠疫情，做人家長的他其實很擔心，透露之前疫情還不嚴重時，他就問過孩子在醫院工作，防護夠不夠？兒子說即使防護再好，心裡還是會不安，他深知孩子熱愛這份工作，因此身為家長，即使內心很糾結，但仍是在背後默默給予支持。
而本土疫情爆發後，兒子工作更忙，但這不是洪都拉斯很久沒看到孩子的原因，是兒子擔心外人對護理師的異樣眼光，會影響家人，也怕在第一線工作，會帶著病毒回家，因此下班後連家都不敢回，跟爸爸說自己盡量不要回家，讓洪都拉斯好心疼，直跟兒子說沒關係，「就算因為這樣染疫也甘願，怎麼可以放你自己在外面？」。
洪都拉斯接受訪問後，也在臉書po文，溫情告白兒子：「天下的爸爸媽媽都是一樣的，我為我兒子感到無限的驕傲，那是一種崇拜！大家都要平安」，許多星友如鍾欣凌、嚴立婷、楊麗音、陳美鳳、范瑞君、NONO等，都感動不已，紛紛留言給父子倆打氣，陳仙梅更說：「看你一句『我被染疫我也甘願，我怎麼可能放你一個人在外面』…天啊，我整個眼眶都是淚」，直接被逼哭，洪都拉斯又po文，表示接收到大家的關心，很感謝眾人溫馨給予信心，「這所有的關懷我會告訴兒子，你不孤單，大家都在，期待雨過天晴」。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 xml:space="preserve">
荷蘭農業部19日表示，國內傳出一起養貂場員工被貂感染新冠肺炎案例，是荷蘭第一件通報的動物傳染給人的病例。
荷蘭南部荷蘭北布拉班特省（North Brabant）的大城愛因霍芬（Eindhoven）東部有兩座養殖場，新冠肺炎病毒便是在其中之一所飼養的哺乳動物「貂」身上被發現，而該養殖場的貂毛皮利潤可觀，每年可帶來不少進帳，卻在今年4月底傳出有飼養的貂染疫而遭當局封鎖。
荷蘭農業部長史考登（Carola Schouten）表示，研究人員將在染疫的貂中與受感染員工的新冠肺炎基因做對比，並將以此繪製追蹤病毒突變的「系譜樹」（family tree）。
史考登在致函國會議員時表示：「經調查可斷定，染疫的養貂場員工確實極有可能是被貂感染了病毒」。同時，他也提到，養貂場外的空氣和土壤採樣中未發現病毒，因此民眾對於動物傳人的可能不必過度擔心。
另外，政府表示兩座養殖場中的一座曾在上週發現有3隻野貓感染了新冠肺炎病毒，有關當局目前正在研究野貓在兩座染疫的養貂場之間散播病毒的可能性。史考登表示，荷蘭將加強控管措施，所有養貂場都必須實施檢測，並禁止所有染疫的養貂場對外開放參觀。
延伸閱讀
更多 CTWANT 報導
</t>
  </si>
  <si>
    <t>鑑於香港街頭的抗爭不斷，中共決定推動香港國安立法。蔡總統一反過去所謂關懷香港人民福祉的口氣，透露出要把香港停止適用《港澳關係條例》，將香港視同大陸處理的意向。蔡英文此舉若是成真，不僅是香港人，就連台灣人都應從中領悟到民進黨惹事後，「要死，死道友，不死貧道」的行徑。
中國大陸或者香港，就算民進黨政府不把他們當成兄弟，也都是我們關係極為密切的鄰居。即便民進黨政府把他們視為眼中釘、肉中刺，那也不必一定得故意去東惹西惹，硬要把他們激化成「不是你死，就是我活」的死對敵。
很不幸，民進黨政府就是這麼個愛惹事的政府。他惹的事，自己不負責任，卻要別人承擔惹事後的苦果。先從美國最新一件反台裔記者的事例說起。來自台灣的CNN記者陳亦芃在美國南卡羅萊納一處海灘採訪時，因戴了口罩，被民眾朝她大罵「摘下口罩，滾出我的國家」。陳亦芃的遭遇當然和川普總統經常把「新冠肺炎」，故意講成是「中國肺炎」、「武漢肺炎」有關。而民進黨政府故意把「武漢肺炎」掛在嘴上，處處和川普同一個鼻孔出氣，指責大陸處理疫情的方式，也和陳亦芃的遭到歧視脫不了干係。
對付大陸，民進黨政府沒本錢又缺本事，卻又經常擺出一副要台灣獨立的模樣，挑對岸的最敏感神經打，惹得對岸必須得說出一番狠話。而等到對岸說出硬話，民進黨政府卻又拿來宣傳，說對岸要武力犯台。說真的，中共要是真的被惹到必須武力犯台，民進黨政府可能也只是兩手一攤，要全台灣人承擔苦果。
香港的例子最明顯。香港爆發「反送中」時，台灣正舉行總統及立委大選。民進黨明著暗裡，以各種形式介入香港反送中運動，表面上給人家他們關心香港人福祉的印象，實地裡卻是出口轉內銷，把反送中當成台灣內部的選舉議題，從中撈取政治及選舉利益。
如今，民進黨勝選繼續執政，香港反送中所引發的問題不僅沒有結束，反而更為嚴峻，迫使中共決定通過港版國安法。此次立法是否會破壞現行的「一國兩制」，尚待觀察，蔡總統卻已經準備和香港切割，未來很可能把香港視同大陸處理。
大家都知道，《香港澳門關係條例》與《兩岸人民關係條例》最大的不同是，我們給予香港人民、團體如同「外國」或「僑胞」的待遇，無論在商業投資、租稅待遇，或來台居留上，都與大陸人民有很大的差別。就在這個當口，民進黨政府如果真的要修法停止香港適用《港澳條例》，不管是一部分或全部，那麼，這等同於是把幫民進黨政府打下第2任天下的香港，丟棄不顧。這會讓香港人，甚至台灣人怎麼想？（作者為資深媒體人）</t>
  </si>
  <si>
    <t xml:space="preserve">美國國務卿蓬佩昨（31）日證實，一名國務院官員不幸因新冠肺炎逝世，這也是美國外交官員病逝首例。
綜合美媒CNBC、美國《野獸日報》（Daily Beast）報導，美國國務卿蓬佩奧昨日證實，一名國務院官員因為新冠肺炎喪命，成為美國外交官病逝首例。蓬佩奧並未透露這名外交官身分細節，僅表示國務院內有數十名同仁都感染了新冠肺炎，至少有48至60人，部分染疫人員是在美國本土服務。
蓬佩奧說，未來幾周將持續撤回數千美國人，強調會把所有美國人帶回來，呼籲那些想回國的人「立刻」回國，因為他不確定未來全球各地還有多少航班會持續提供服務。
除了國務院，美國國防部3月30日也證實，美軍再添一例死亡案例，一名在紐澤西州服務的陸軍國民兵（Army National Guard）於21日住院治療，28日不治。這是美國國防部第4名因為新冠肺炎病逝的人員。
截至昨日，美國防部一共有1,259人染疫，當中51人痊癒、4人死亡。
</t>
  </si>
  <si>
    <t>新冠肺炎自1月底爆發至今，國光生技董事長詹啟賢表示，無法出國、應酬也變少了，意外收穫是高爾夫球的球技進步了；詹啟賢說，因為大家都不出國，幾個朋友很容易約，以前高爾夫球久久打一次，現在一星期可以約上2次，且這個戶外活動，能保持社交距離，皮膚曬黑，但身體更健康了，現在還能每天回家吃太太做的晚飯。
歐、美疫情3月大爆發，不僅停班、停課，連公園、運動場所也沒開放，要到咖啡廳品嘗咖啡香，更是奢侈的享受；詹啟賢認為，「隔離久了會出事」，因為隔離違反人性，美國非裔男子遭白人警察不當執法致死，引發全美示威暴動，就是情緒找宣洩出口。
美國之所以執行嚴格的隔離政策，就是因為先前的警覺性不夠，詹啟賢分析，美國成功嚴防了中國大陸，卻忽略防堵歐洲，當新冠肺炎病毒在社區流竄，就很難壓抑下來，鎖國、封城、隔離是不得已的做法。
新冠肺炎不僅改變每個人的生活日常，異地辦公、視訊會議，也讓產業商業模式面臨很大的調整與挑戰，最顯著的是「全球化」將不會繼續擴展，取而代之的是在地化、區域化；詹啟賢認為，很多產業不能像過去布局單純，透過一個地方製造生產行銷到全世界，現在必須分散、在地化生產，雖然成本可能因此提高，但這是疫情過後，大家得承受的風險。
舉例來說，新加坡原本有生產線在台灣生產口罩，疫情爆發後，新加坡毅然決然將生產線移回新加坡，理由很簡單，台灣禁止出口，又擔心新冠肺炎疫情第2波、第3波來襲，雖然新加坡生產口罩人力組裝貴了一點，但就當「買保險」。
詹啟賢認為，口罩只是個簡單案例，新冠肺炎的檢測試劑、呼吸器很多來自大陸，這點讓美國急跳腳，不是大陸故意不出口，而是自己根本不夠用，分散生產線將成為疫情後的主流趨勢。</t>
  </si>
  <si>
    <t>基隆市新增1例本土確診個案，是家庭群聚延伸，累計279例，市長林右昌表示，已連續6天確診數都在5以下，若疫情持續穩定，成功、仁愛市場將分別於6月23、24日復市。
林右昌公布確診案例，案14084為70多歲女性，由於親人確診，被匡列居家隔離，12日第一次採檢陰性，19日身體不適安排就醫採檢確診，目前收治醫院治療。
疫情有趨緩情勢，林右昌提及，6月初成功、仁愛市場爆出群聚感染，目前未再新增案例，他說，成功市場6月6日新增1例確診個案，當時PCR採檢129人，其中6人陽性，皆為攤商，匡列89人居家隔離，潛伏期將屆，若一切順利，市場會於6月23日復市。
而仁愛博愛市場6月7日因成功市場確診攤販前來擺攤淪陷，市府下令休市，並採檢315人，其中8人陽性，包括1名攤商、2名外勞、4名外勞接觸者、1名確診個案接觸者，並匡列11人進行居家隔離，林右昌指出，將比照成功市場，解隔離前會要求隔離者再進行一次篩檢，仁愛市場最快6月24日解封。
林右昌說，疫情有穩定趨勢，是大家努力的結果，但雙北確診個案仍偏多，只要一個城市沒有緩下，還是不能鬆懈，至於疫情警戒是否應該降級，他認為，還是要看雙北疫情，加上每日確診數、不明感染源有下降情勢才能進一步考慮，其中最重要的還是施打疫苗，呼籲符合資格民眾盡速接種。</t>
  </si>
  <si>
    <t xml:space="preserve">中職棒球比賽開放入場，其他行業、八大行業是否會陸續開放營業？台中市長盧秀燕8日表示，這幾天有業者不斷詢問，因為考慮到特種行業的服務，業者與消費者之間還是較難保持社交距離；可以維持社交距離的，像是戶外打擊的球賽，場地空曠又是戶外，這部分可先做嘗試，但室內且近距離接觸的，會再檢討。
盧秀燕指出，疫情穩定後，會採循序漸進的開放措施，室外先嘗試性開放，穩定安全後，再開放室內集會活動，可保持社交距離的活動會先開放，但如果是人群密切接觸的活動，會再考慮檢討。
她說，希望逐漸讓民眾恢復日常生活，但防疫仍不能鬆懈，要在這之間求取平衡，無法一次全面開放，因為全世界疫情，包括台灣都還沒有完全根絕，這段時間會逐步讓市民朋友們恢復正常生活，但防疫也要做，兩者兼顧。
針對酒店等特種行業等業者，關切何時可以恢復營業？盧秀燕表示，因為考慮到特種行業的服務，業者與消費者之間，還是較難保持社交距離；可以維持社交距離的，像是戶外打擊的球賽，場地空曠又是戶外，可先做嘗試，但室內且近距離接觸的，以後會再考慮再檢討。
</t>
  </si>
  <si>
    <t>新冠肺炎疫情延燒，境外移入個案近日暴增，新北市長侯友宜17日在新北環狀線形象廣告發布會後指出，「全世界都在鎖國，我們不要隨隨便便把疫情帶回來」，有可能今天是一級警示，明天會變成三級，呼籲這段時間沒有必要不要出國，不是只有學生，所有市民非必要不要出國。
侯友宜指出，防疫只有過，沒有不及，現階段防疫策略是要「阻絕於境外、管控於境內」，對最容易群聚的校園，更是要嚴格標準來看。
侯友宜說，擋住了第一波的中港澳攻擊，能不能擋住第二波全球化攻擊，是現在最大的考驗，大家要互相包容體諒，昨天一下子暴增8個，若擴散出去是會呈現倍數成長，必須要堵住國門這關，國門賭不住，再怎麼管控是效果有限的。
侯友宜說，沒有必要就不要出國，不管是疫情二級、三級，要有作戰觀念，「不要出去就沒事嘛」，去疫情高張國家趴趴走，不管是列為一級、二級，很有可能就變三級，他給國人呼籲，也給新北市民呼籲，盡量要求自己非必要不要出國，阻絕於境外才是最重要的。</t>
  </si>
  <si>
    <t>新冠肺炎疫情導致英國籍鑽石公主號郵輪成為國際間確診、感染人數最多的「疫區」，荷蘭籍威士特丹號漂流海上兩星期。有鑑於此，義大利歌詩逹郵輸公司今天發聲明，宣布取消旗下歌詩達新浪漫號及歌詩達威尼斯號3月份從台灣母港出發的所有航程，並開啟相關退票（款）程序。
具有百年歷史的義大利歌詩逹郵輪公司表示，目前新冠肺炎疫情狀況及相關地區的政策尚未明朗，為顧及遊客相關權益，故很遺憾地宣佈取消從台灣母港出的行程。
針對搭乘2020年3月31日前出發航次的旅客，全額退還船票及港務稅，需要退票旅客可於即日起洽詢原訂購旅行社並提供相關旅遊文件以處理後續退款事宜。
有鑑於近期新型冠狀病毒肺炎疫情的迅速發展，為了保障全體遊客與工作人員的安全與健康, 歌詩達郵輪持續加強防疫措施，以確保所有旅客與工作人員的最大安全保障。
聲明中也明確指出，在全球營運的任何歌詩達郵輪已暫停接收特定人士（不論國籍）登船，包括出發前14天內曾經出入、途經或停留中國大陸、香港、澳門地區的遊客及工作人員，以及出發前14天內曾接觸已確診或疑似感染新型冠狀病毒肺炎的旅客及工作人員。</t>
  </si>
  <si>
    <t xml:space="preserve">新冠肺炎疫情延燒，民眾減少外出用餐，台灣許多老牌中餐廳不堪虧損紛紛停業。對此，「天廚菜館」的餐廳監察人、退休情報人員陳虎門表示，許多老牌中餐廳會停業，除疫情影響外，還有一例一休和年金改革都影響餐廳營收，許多店面因不堪損失，就借這機會收起來不做了。
開業近50年的老餐廳「天廚菜館」才宣布於4月16日起將暫停營業2個月，消息一出，老顧客紛紛致電勸說不要停業，並以實際行動訂位來支持餐廳，陳虎門深受感動，再加上不忍員工頓時失去經濟來源，因此再度宣布將不停業。
對於天廚停業又復業的消息，陳虎門接受港媒《中評網》採訪表示，因為一例一休和年金改革影響，許多老牌中餐廳都受到嚴重衝擊，天廚也不例外。以天廚為例，其最大客源不是陸客，而是75%台灣本地客和25%日本觀光客。在台灣本地客中，軍公教占最大宗，所以年改後，天廚營運受到嚴重波及，新冠肺炎的爆發只是最後一根稻草。但是天廚復業後能經營多久，陳虎門嘆道，現在先暫定做到年底，之後看情形再決定是否繼續營業。
陳虎門因江南案而知名，並曾入獄。陳虎門是以化名「陳奕樵」晉升少將，「樵字輩」在情報員中輩分相當高。陳虎門退伍後，接手父親和軍中退役同袍一起開的天廚餐館，現為天廚監察人。
</t>
  </si>
  <si>
    <t>在新冠肺炎持續延燒，全球經濟大受打擊之際，20國集團(G20)週四(26日)以視訊方式召開緊急會議，決議共同投入大量資源拯救遭到重創的經濟，總金額高達5兆美元。
根據路透社報導，G20是2008-2009年全球金融海嘯之下的產物，這20國影響著全球經濟的脈動，現在主席國是沙烏地阿拉伯，本周四召開了一場90分鐘的緊急視訊會議，討論如何挽救這場經濟危機。沙烏地阿拉伯國王沙爾曼(Salman)會後公開表示，現在首要的任務就是恢復全球的物流系統及供應鏈，民生物品、醫療資源極度仰賴物流運送，一定要維持正常運作才能穩定民心。
各國都同意投入特別預算救經濟，總額加起來超過5兆美元，這金額已超越了2008年金融海嘯後的振興政策總金額了。其中包含了現金、借貸方案等紓困措施，最大手筆的就是川普政府的2兆美元振興方案。
世界衛生組織(WHO)對於這場會議感到高興，總幹事譚德塞表示，這場災難已成為全球衛生及經濟的危機，20國集團有責任及義務帶領全球走出這場經濟危機。</t>
  </si>
  <si>
    <t>立法院長游錫堃呼籲立法院盡速通過「台灣加入世衛組織決議文」，大陸國台辦批評，這是以疫謀獨的妄想，在疫情面前製造兩岸對抗，呼籲台灣一些政客若自我膨脹、逆勢蠢動，只會碰得頭破血流。
國台辦發言人馬曉光14日針對游錫堃的發言，批其借新冠肺炎疫情大放厥詞，公然鼓吹台獨，傷害同胞感情，破壞兩岸關係，再次暴露出台灣極少數人以疫謀獨的妄想。
馬曉光說，在疫情面前，這些人不去思考如何維護兩岸同胞生命安全與共同利益，反而傳播政治病毒，製造兩岸對抗，阻礙兩岸同胞關愛互助，已喪失基本良知，令人不齒。
他強調，台獨是一條走不通的死路、絕路，只會給台灣民眾帶來深重災難，一些政客自我膨脹，逆勢蠢動，罔顧廣大台胞的福祉安危，只會碰得頭破血流。</t>
  </si>
  <si>
    <t>科技部長陳良基26日公布「台灣10家最酷科技新創」，希望幫新創好手增加國際能見度，讓台灣新創茁壯成為更厲害的獨角獸。其中聯齊科技近日獲得首波B輪注資，獲國外創投基金相中，挹注約新台幣3億元挹注，是獲獎者中得到最高募資額的新創企業。
今年科技部聯手微軟新創加速器、中華電信5G加速器、資誠創業成長加速器、高通台灣創新競賽等20家台灣新創生態圈夥伴，從2,620家科技新創中推薦521家團隊參與選拔，最後決選出台灣科技新創10酷。
得獎者包括聯齊科技、雲守護安控、愛因斯坦人工智慧、亞大基因科技、光禾感知科技、洞見未來科技、聿信醫療、豐康微流體晶片、昱星生物科技、稜研科技等。
專注推動能源物聯網的聯齊科技，推動能源管理服務，並成功進軍日本市場，不久前才獲得軟體銀行旗下Arm安謀控股所屬的Arm IoT基金、美商中經合集團及阿里巴巴台灣創業者基金等共1,000萬美元（約新台幣3億元）資金挹注。
在新冠肺炎疫情衝擊下，聿信科技開發出AI連續輔助聽診系統，可遠端掌握患者肺部呼吸情形，受到各方關注，團隊也希望透過這套系統捕捉到新冠肺炎患者肺部的呼吸音，讓醫生可以更密切掌握病人狀態。
陳良基強調，會持續追蹤每年新創10酷後續發展，目前已有一家業者將觸角延伸至全球20多國，已堪稱是獨角獸，科技部也將協助台灣新創10酷，提高他們的國際能見度，吸引全球資金挹注，站上國際舞台。</t>
  </si>
  <si>
    <t>全球研究與創新論壇2月11在日內瓦開幕。世衛組織總幹事譚德塞在記者會上宣佈，將新冠狀病毒命名為「COVID-19」。
大陸央視新聞報導，此一英文縮寫象徵，此為2019年發現的冠狀病毒疾病。譚德塞表示，選擇這一名稱，是為避免將此病毒與地域、動物或個人相關聯，消除歧視。</t>
  </si>
  <si>
    <t>澳洲新南威爾斯省7日宣布，該省首府雪梨和周邊地區為期兩周的封鎖本預定9日結束，但為了阻止高傳染力的新冠變種病毒Delta擴散，因此決定讓封鎖時間，延長一周至16日晚上11點59分為止。
省長貝雷吉克利安（Gladys Berejiklian）說：「省政府決定延長封鎖一周的理由，是因為我們不想陷入必須反覆地封鎖、解封、封鎖後又解封的狀況之中。」
她強調現在可能是去年爆發疫情以來所面對的最重大挑戰，因為Delta變種病毒已令疫情出現重大變化。省政府只希望這次封鎖，是在大量民眾完成接種疫苗之前的最後一次。
澳洲全國人口約2600萬人，目前約7％民眾完成疫苗接種。
大雪梨地與附近的藍山（Blue Mountains）、中央海岸（Central Coast）和沃隆岡（Wollongong）在封鎖期間必須留在家裡，只有工作或採購民生必需品等原因才能外出。</t>
  </si>
  <si>
    <t xml:space="preserve">行政院推出的「花1000元換3000元」振興券，即將在7月15日上路，但是怎麼領、怎麼花、去哪花？民眾依舊「霧沙沙」，尤其聽到要自己先從口袋掏出1000元才能領，更是引爆怒火，有網友直接點出關鍵：有些人根本沒1000啊！
新冠肺炎疫情衝擊經濟，行政院為振興經濟，推出「振興券」。問題是想拿價值3000元的「振興券」，民眾得自己先拿1000元來換，引發爭議。有網友在臉書社團【爆廢公社公開版】發文：「7/15要發消費卷了，1000換3000的作法真的很OOXX，有些人根本沒1000啊，叫他們看得到吃不到？什麼G方案？」，引爆贊成、反對兩派吵翻天。
力挺振興券的網友表示：「中低收入直接發放，版主有在follow新聞嗎」、「有些人可能領了3000會拿去繳東繳西 沒促進消費啊」、「這是振興方案，是要你花錢，一堆低能兒紓困跟振興搞不清楚」。
不過更多網友批評：「政府那些學者博士碩士,沒下過鄉根本不知人民需求,議員是聽民意的,政府不聽嗎?」、「妳敢質疑當今政府，妳強妳準備被砲轟」、「政府為何不直接發$3000消費卷就好一定會去消費因為不能折現金啊！罷韓都花那麼多錢印紙張了，不差消費卷吧！」、「拿你的稅金做券再讓你用你的錢買你稅金做的東西，沒那麼難明白」。
</t>
  </si>
  <si>
    <t>由於新冠肺炎疫情影響，美國政府推出企業貸款服務，但卻因為太多小企業貸款遭到拒絕，導致獲得460萬美元貸款的湖人成為攻擊標靶，因此湖人決定將這筆貸款退回。
美國小企業管理局這次推出總金額3490億美元的貸款，希望能幫助美國境內小型企業度過疫情難關。
然而美國媒體報導指出數千家企業申請貸款遭到拒絕，反而是家大業大的湖人申請到460萬美元的貸款，因此球團決定退回這筆款項。
湖人球團表示，我們符合工資保障申請資格，但我們得知這筆金額耗盡之後決定退回貸款，希望這些錢能夠幫助需要的企業，我們也將繼續照顧旗下員工。</t>
  </si>
  <si>
    <t>合庫銀行總行於今日接獲城東分行通報該分行實習生，經檢疫後確診新冠肺炎，分行立即於同日晚間請專業清潔廠商進行全面消毒作業，並規劃全體同仁進行快篩及加強自我健康監測。
據該分行通報，該實習生工作以定存業務為主，工作時均配戴口罩。合庫配合中央疫情指揮中心宣布第三級警戒，於5月18日通知各營業單位該日起暫停產學合作實習，故該實習生自此未進入分行辦公，後於6月25日至分行辦理移交作業約莫30分鐘，未與客戶接觸。
城東分行於6月30日17時20分接獲實習生確診消息，立即通報總行，安排專業清潔廠商進行全面消毒作業，提供同仁與客戶安心的營業廳環境；另規劃分行全體同仁進行快篩作業，安排與實習生辦理移交作業接觸的同仁，自明日起實施居家辦公。
合庫將持續以高強度防疫作為，確保員工健康及工作環境與營運場地安全，攜手同仁及社會大眾共同守護健康、戰勝病毒，一起度過這次疫情嚴峻的考驗。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疫情延燒，台灣已出現數起群聚、1起院內感染。中央流行疫情指揮中心召集人張上淳表示，目前國內仍維持在零星社區感染，未來若懷疑進入社區傳播，將考慮對有機會接觸到病毒的人，不限醫護或一般大眾，進行血液抗體檢測，藉此得知整個社區的感染狀況。
對於國外針對醫護人員進行普篩，張上淳表示，僅在社區感染嚴峻的時候比較有意義，目前國內還是零星社區感染，近期的幾例則是境外移入。先前進入醫院才確診的個案，身邊的醫護人員都已檢驗過，除了先前確診的護理人員，其他都沒有帶病毒。因此，進行普篩並不那麼值得。
張上淳進一步表示，若社區個案增多，懷疑疫情進入社區傳播，但尚未確認時，考慮以血液抗體檢測的方式進行篩檢，效率比PCR快一些，不限醫護或大眾，藉此查看一個人過去一段時間有沒有感染新冠肺炎。舉例而言，在一個地區內針對一群民眾進行檢測，推算出百分之幾的民眾曾經染疫。</t>
  </si>
  <si>
    <t>新冠肺炎疫情延燒，短短1周內，全球確診病例數暴增2倍，即將超越百萬門檻，各國政府紛紛採取禁足令，全球進入鎖國時代，旅館、餐廳、商店、工廠等關門，全球經濟烏雲罩頂。世界銀行下修全球經濟預估，亞太地區今年最糟情況是負成長0.5%，中國最糟僅成長0.1%，影響所及，數千萬人陷入貧窮深淵。
新冠肺炎疫情如火如荼，由於歐美人士不習慣戴口罩，也不理會政府的禁足令，使得疫情不斷擴大，各地醫院被擠爆，義大利、美國紐約州宛如武漢第二。目前較令人擔憂的是，如果連公衛、醫療系統較優的G7國家都疲於奔命，那麼醫療系統欠缺的開發中國家如非洲、南亞、中東等地區，後果不堪設想。
世衛組織（WHO）專家警告，這一波疫情如果在夏天暫告一段落，秋天可能再起。《經濟學人》預估，第二波疫情可能在11月帶來更嚴重的衝擊，今年全球經濟為負成長，歐盟與美國也落入負成長，中國則是歷史新低，全球三大主要經濟體成長同步減速，對全球經濟的衝擊非常大，引發的失業潮也將超越全球金融海嘯。
新冠疫情將改變人們生活方式，同時淘汰不合時宜的產業，催生新的產業。目前不論是製造業或服務業，許多進入加護病房等待急救，企業負責人無語問蒼天，也必須設法自救，開創新的經營模式，例如餐廳沒生意，那就專攻零接觸外賣，透過宅配限時快遞，只要清潔衛生且服務好，訂單可能倍增。
各國政府紓困、補貼有其侷限性，如果第二波疫情在冬季捲土重來，預料威力更強，屆時無論產業或個人都必須有新的因應方式。在疫苗尚未出爐之前，每個人都要做好長期抗戰的準備。</t>
  </si>
  <si>
    <t xml:space="preserve">口罩製造廠商不同，產出的花樣與款式也不一樣，其中白色、綠色、藍色最為常見，陸續有人拿過橘色、紫色，甚至還有人買到雙色、點點等樣式，讓人宛如在買驚喜包一樣，而近日一名網友竟買到傳說中的「米奇版本」，讓1萬名網友直呼好羨慕。
一名女網友在《爆廢公社》表示，近日去買口罩，豈料拿出來後發現，口罩不是簡單的素色，上面還印有米奇的圖示，而且還有簍空及實心的設計，口罩右下方則印有Made In Taiwan字樣，超Q的口罩讓原PO直呼「領到這麼美的口罩，心情都變美麗了」。
不少網友也羨慕的說「好好喔...，這個可以讓我戴半個月了」、「超羨慕的，我們這裡都只有基本的白色、藍色、綠色」、「好可愛啊！這一拿到一定會收起來只拿三個預備戴著」、「可以收藏當古董了」、「天啊！這是頭獎吧！捨得用嗎！」，而原PO也透露，這是在內湖的藥局買到的，不過29日她再經過店家時，發現店門口貼「讀卡機壞了，送修」的告示。
</t>
  </si>
  <si>
    <t>國內今日新增16例本土案例，及1例調查中的案例，中央流行疫情指揮中心表示， 目前仍處於第2級的「出現感染源不明的本土個案」階段，還未進入第3級的「單周出現3件以上社區群聚」。今天新增的有2起群聚，其他3例是不明感染源病例。
根據指揮中心1月公布的「疫情警戒標準」，疫情的嚴重程度共分為4個階段，分別是第1級的「出現境外移入導致的零星社區感染」，第2級的「出現感染源不明的本土個案」，第3級的「單周出現3件以上社區群聚」或「1天確診10名以上感染源不明的本土個案」，以及第4級的「14天內平均每日確診達100例，且一半以上找不到感染源」。
對於今日新增16名本土案例，是否已經進入第3級的「1天確診10名以上感染源不明的本土個案」？發言人莊人祥表示，除了一開始的蘆洲、百家樂群聚，後續的感染源都很清楚，雖然今天有出現幾起新的不明感染源，不過還沒有到10人。
指揮官陳時中表示，目前還沒有進入第3級，如果能及時準備，相關的企業指引是在的。目前2起群聚，宜蘭和新北，今天的個案有3起不明感染源病例，並非群聚。對於是否會要求校園等場所為升3級做準備？他表示，學校也在積極規劃相關的措施，去年過年後，延後2周開學的作業，當時教育部也已經做過完整。
對於國中會考將至，若有學生被隔離怎麼辦？陳時中表示，教育部已經有好幾次的經驗，基本上安排是妥適的。對於居家檢疫、隔離、自主健康管理的，風險不同，會和一般考生區隔開，每間教室以不超過5個人為原則，當然也要戴口罩，另也設有補考規定。
至於民眾上班怎麼辦？陳時中表示，指引是軟性的，辦公的時候要求儘量分流上班，戴口罩免不了，能不見面就避免見面，能視訊就視訊。在可以營運的前提下，把接觸減到最低。</t>
  </si>
  <si>
    <t xml:space="preserve">疫情過後，為了未來防疫，你願意犧牲個人隱私，換取代表你健康無虞的證明當成恢復日常生活和行走各地的「通行證」嗎？
COVID-19（新冠肺炎，一稱武漢肺炎）在多國出現觸頂跡象，但這場大流行病恐怕就此改變人類生活方式，尤其是實施封城的國家，民眾要恢復日常生活，可能需要一張「通行證」。美國正討論「免疫護照」的可行性，中國大陸則實行「健康碼」。
現在進入中國大陸的飯店、餐廳、購物中心，甚至一般社區，可能都會聽到這一句話：「把健康碼打開來看一看。」
健康碼，是一種手機APP所顯示的QR code，和美國打算推出的免疫護照一樣，都是疫後用來追蹤，或判定是否可復工、復學的機制。兩者都高度仰賴科技，根據美國媒體《Business Insider》報導，美國政府正與新創公司Onfido洽談，打算利用AI技術發展免疫護照。
大陸的健康碼則已施行2個多月，並快速覆蓋200多座城市，除了被質疑徒具形式之外，這種系統若無限上綱，個人隱私可能蕩然無存，形同電子監控。
健康碼如何運作？
CNN記者敘述他在上海的真實經驗，走進飯店除了例行的測體溫、清潔雙手，飯店人員請他打開手機上的健康碼，確認是綠色後才放行。
其實「健康碼」只是一個泛稱，指所有呈現用戶健康狀況的手機APP。最早來自阿里巴巴旗下網銀平台「螞蟻金服」開發的「支付寶健康碼」，自杭州2月復工後上線。接著騰訊微信也推出類似系統，覆蓋範圍更廣。
簡單來說，打開手機APP，QR code可能呈現紅、黃、綠3種顏色，各代表集中觀察、居家觀察、未見異常3種狀態。問題來了，APP如何能確認用戶健康狀況？
CNN記者表示，他從頭到尾都沒接受過任何檢測，APP是透過手機定位來判定他是否曾接近確診者。除了行蹤，還透過用戶登錄的個資、自行填報的個人健康情況等判讀QR code顏色，並依狀況變色，例如假使地理位置接近確診者，就可能由綠轉黃。
簡言之，健康碼是「確認行蹤」的APP，而不是「呈現檢測結果」的APP；判定用戶健康狀況的不是醫生，而是大數據和AI。
此外還有這些疑慮：
1. 資料不實、徒具形式
雖然手機可定位，大陸購買火車票、高鐵票也都採實名制，可掌握部分行蹤。但APP仍仰賴用戶自行填寫的個資，如果填寫不實，判讀自然不準，進出還是得靠現場量體溫，以體溫為準。
2.判斷標準不明、各省市不統一
健康碼未詳細公開判定標準，也有誤判的疑慮。有民眾表示只因勾選有鼻塞、疲倦等普通流感症狀，就被系統判定為「紅碼」而不能出門。另外健康碼雖是統一研發，但大數據資料來自各地方政府，且彼此不互通，因此跨省市的健康碼不一定能互相承認，各地對於綠黃紅的分類標準也不一。甚至可能因判讀不準確而誤放行，例如就曾有「綠碼」湖北民眾進入甘肅，卻在甘肅境內確診。
3. 侵犯隱私、管制無限上綱
外界批評以顏色區分群眾只是「一刀切」的管制，大陸已有人臉辨識等系統，現在再加上覆蓋範圍更廣的健康碼，管控力道更大。打著防疫旗幟，未來民眾恐怕出入任何場所都得刷碼，形同行蹤全透明。
健康碼假使不夠可靠，美國的免疫護照是否比較可行？
與新創公司合作免疫護照？美拚加快復工
美國總統川普已表示將採3階段逐步重啟經濟活動，為了讓民眾盡早復工、復學，美國過敏與傳染病研究院主任、也是這次抗疫大將佛奇（Anthony Fauci）打算推出大規模的抗體檢測，讓已有抗體的人取得證明。英國、德國也正朝此方向努力，義大利的免疫護照政策則包括強制性的抗體檢測，及非強制性的接觸追蹤APP，但具體怎麼施行，這些國家都還沒勾勒出像健康碼那樣的明確模式。
其中美國可能已有初步動作，《Business Insider》表示，美國政府正與Onfido洽談，打算仰賴Onfido的技術推出免疫護照。
Onfido是一家英國新創公司，透過ID資料、自拍照，以及AI演算來幫助客戶辨認使用者身分。Onfido透露可能將抗體檢測結果與個人ID綑綁，方便辨識已痊癒的患者，有信心能快速施行到全美。
美國官方對此還沒有正面回應，不過有抗體真的就萬無一失嗎？
中央流行疫情指揮中心專家諮詢小組召集人、台灣大學副校長張上淳曾接受《康健》訪問表示：「通常來說，有抗體代表已有免疫力。」抗體會將體內病菌清除，且自然感染幾乎都能終生免疫。
不過也有抗體是「無效抗體」的例外。例如C型肝炎病毒的RNA會躲在細胞裡面，抗體無法將它完全清除，愛滋病毒HIV也是類似情況。而全新的新冠病毒，只能依照一般呼吸道感染病毒，推測它所產生的都是有效抗體，但張上淳表示目前也有看到例子是「患者產生了抗體，病毒卻沒有立刻被清除掉，還維持了一段時間。」
國際間也有媒體質疑抗體持續的時間，以及在歐美確診數眾多的情況下，假使抗體不持久，難保解封後接觸人群不會再次染病。抗體護照怎麼做、效力如何、會不會是另一種形式的健康碼，都還沒有答案。這或許是一張通行證，但暫時恐怕還不會是你的保命符。
資料來源：CNN、Business Insider
</t>
  </si>
  <si>
    <t xml:space="preserve">對於美方先前抱怨其專家無法進入大陸了解新冠肺炎病毒，大陸外交部17日表示，包括美方的世界衛生組織專家將訪北京，以及廣東與四川等省份，但疫情爆發點武漢市與湖北省不在行程內，引起外界關注世衛專家是否確實能調查出病毒傳播途徑。對此，美國耶魯大學公共衛生學院助理教授陳希表示，此時武漢與湖北省各市仍處於對抗疫情關鍵時刻，恐無暇與世衛團隊合作。
世界衛生組織（WHO）秘書長譚德塞（Tedros Adhanom Ghebreyesus）14日指出，世衛專家團隊由共12名國際衛生及世衛專家組成，團隊將到訪數個省份，了解衛生體系及醫護人員的防疫措施，關注病毒的傳播方式、疾病嚴重程度、了解因應措施的影響，以指導全球應對工作。不過他並未進一步說明考察省份等細節。
隨著新冠肺炎持續在陸延燒，截至18日已有72530確診、1870死，其中多為武漢市病例。對於大陸聲稱歡迎國際合作對抗疫情，但美疾病控制與預防中心（CDC）先前曾抱怨仍未收到北京邀請，同意讓美專家進入調查，而據《南華早報》報導指出，大陸外交部17日表示，包含美國專家在內WHO的代表團將赴陸調查，而大陸國家衛健委也表示，WHO專家將與陸專家一同一同到北京、廣東和四川現場考察。
至於WHO專家調查行程中未包含武漢市與湖北省各市等疫情爆發中心，《南華早報》引述《人民日報》報導，同時也是中國衛生政策與管理學會會長陳希表示，主要原因應該是湖北當前處在防控疫情的關鍵期，接待能力有限。
至於為何選擇廣東與四川，陳希表示除了要與鐘南山交流外，廣東也是在SARS後，大陸衛生系統建設最為完善、人員配備最為齊全的地區；他也說，專家考察組考慮四川，或許與四川省省長尹力有關，他在公共衛生領域有著豐富經驗，且四川省與美國公共衛生學界有著較多交流。
</t>
  </si>
  <si>
    <t>防疫期間，大陸民眾除了出門工作、購買民生物資，幾乎都宅在家，為豐富民眾精神生活，紓解恐情緒，大陸廣播電視總局日前啟動廣播電視節目「眾志成城 共同戰疫」公益展播活動，宣布即日起至8月底，釋出《經典詠流傳》等180餘部廣播、電視節目的版權，無償在大陸各級廣播電視台播出。
中新網援引廣電總局宣傳司負責人說法，表示新冠肺炎疫情發生以來，廣電總局等部門已組織捐贈3批次近1000小時的節目播出版權。
這次長達5個月的展播活動，官方提供的作品包括文化節目《故事裡的中國》、《中國詩詞大會4》、《思想的田野》，科技、教育、健康類節目則有《從地球出發》、《智造將來》、《養生堂》、《師說》等，適合小朋友觀看的動畫片則有《小涼帽之白鷺歸來》、《喜羊羊與灰太狼之深海歷險記》、《豬豬俠之競球小英雄》等。
至於紀錄片方面，包括《醫者——脊樑》、《回家過年2》、《黃河流過的村莊》等，還有《以月致心》《呦呦青蒿》《你是我的眼》《打工局長》等廣播劇。</t>
  </si>
  <si>
    <t xml:space="preserve">群聯(8299)6月營收月減少13.68%，較去年同期持平，董事長潘健成認為，群聯已經於去年拿到日本最大柏青哥品牌的訂單，並於今年開始出貨，對營收及獲利將有正面助益。
群聯6月合併營收為33.71億元，較去年同期持平，月減少13.68%，累計前6月營收達237.22億元，年增率將近25%，目前雖然新冠肺炎在全球肆虐的情況尚未有放緩的跡象，但各國因擔心疫情大幅影響經濟活動與復甦，均開始實施有條件的解封，而群聯也在各國逐漸解封的氛圍中，努力維持應有的營運水平與獲利表現。
就出貨表現來說，群聯6月控制晶片總出貨量成長近12%，而SSD及eMMC控制晶片總出貨量成長近50%。6月總銷售額部分，SSD年成長近25%，PCIe SSD更是維持75%的年成長，顯示在群聯高階PCIe Gen4 PS5016-E16 SSD控制晶片的技術帶動之下，消費者對於高速SSD儲存產品持續產生相當的興趣與需求。此外，針對全年度累計前6月的整體出貨量年增率，SSD及eMMC控制晶片成長近40%，PCIe SSD控制晶片成長近120%，工規控制晶片成長近90%，記憶體總位元數成長近20%，均創下歷史新高。
群聯董事長潘健成表示，近幾年快閃記憶體(NAND Flash)產業的成長動能，除了愈來愈多的電腦系統從傳統的機械式硬碟HDD改成固態硬碟SSD以外，許多原本沒有使用NAND Flash作為主要儲存裝置的硬體設備，因為NAND Flash的物美價廉優勢，也逐漸導入NAND儲存產品，例如柏青哥機台早期因為畫面解析度低，遊戲動畫簡單，所以沒有使用NAND儲存產品；然而近幾年因應消費者需求，遊戲畫面大幅提升解析度及複雜度，因此柏青哥機台已逐漸導入NAND儲存產品SSD。由於柏青哥產業具有其特殊性，群聯經過多年的耕耘，已於去年拿到日本最大柏青哥品牌的訂單，並於今年開始出貨，預估對公司營收及獲利將有正面助益。
</t>
  </si>
  <si>
    <t>武漢市已連續多日宣布新增新冠肺炎確診人數為0，但日前網路上出現一篇名為「我最難忘的一天」的文章，文中聲稱目前武漢仍有多地出現確診病患，甚至聲稱有確診病患遭官方互踢皮球。武漢當局也火速出面澄清表示該文章情節不實。
「我最難忘的一天」文章作者自稱是名湖北的主流媒體記者，描述了自己在3月19日從凌晨到晚上的親身經歷，並在文章撰寫完成後向親友發送。
而這篇文章提及玫瑰西園社區以及麗水康城小區都有新增確診病例，同濟醫院新增更多達百起確診病例，甚至指出有名老婦人在湖北省人民醫院就診卻遭踢皮球。
由於事關重大，武漢市疫情防控指揮部與流行病學調查組在22日凌晨緊急於武漢市衛健委官網發布通報，指「我最難忘的一天」文章中描述的情節與武漢新冠肺炎確診個案數目都是不實的。
通報中提到，文章指涉的同濟醫院本部、光谷院區、中法新城院區近日來都沒有新增確診個案；被指稱遭踢皮球的老婦人則是因為出現上呼吸道症狀，因此被轉院，但後來檢驗後顯示為陰性；另外麗水康城小區的個案應屬於無症狀感染者，非確診病例。
該通報也重申，近幾天武漢市新冠肺炎確診病例皆為0，均為各醫療機構、各級疾控部門依法依規進行網路直報，數據客觀真實。</t>
  </si>
  <si>
    <t>新北市長侯友宜今（6）日上午視察致理科技大學防疫工作，媒體追問中央宣布暫停警察酒測勤務的看法，侯友宜表示，尊重中央的規定，不過，酒駕是無形的殺手，不輸新冠肺炎，新北市來講不會停止，會用彈性、重點的方式來取締酒駕。
侯友宜說，酒測器不用沒關係，可以用目測，吹氣用拋棄式的，這些衛教會請衛生局和警察局藝一起宣導，讓我們同仁在執勤，可以保護自己，也可以保護他人。酒駕還是要嚴格取締，沒有空窗時間。
侯友宜強調，酒駕的死亡率是很高的，不輸新冠肺炎，所以取締酒駕這個工作，對地方的首長來說，是非常重視的工作，所以新北市取締酒駕是不會停止的。</t>
  </si>
  <si>
    <t>今年因應新冠肺炎疫情持續延燒，許多宮廟紛紛停止舉辦宗教遶境活動，避免群聚，嘉義縣新港奉天宮4年一度的十八庄遶境也受影響而延期，因此，新港奉天宮特地將已有200年歷史的元宵遶境活動搬進展場，舉辦「百年元宵 新生不息－新港奉天宮元宵遶境特展」，讓信徒了解元宵遶境富含的新港百年在地文化與禮俗。
奉天宮指出，此次展覽介紹了新港奉天宮元宵遶境的許多重要文化程序，包括4年一度的十八庄繞境路線、新港奉天宮媽祖轎班會、武館與曲館介紹，更有睽違一甲子再次呈現於信徒面前的1962年新港奉天宮元宵遶境老照片等，還有義工們耗時18個月手工製作的遶境人偶公仔。
新港奉天宮董事長何達煌表示，今年雖然因為疫情的關係，4年一度的十八庄遶境只能延期舉行，但也希望能夠藉由展覽的方式，讓遶境活動轉換成為另一種方式持續進行，同時，也期待透過展覽，讓大家更了解新港奉天宮元宵遶境的儀式與在地文化傳統，而不再只是「拿香兌拜，看熱鬧！」
活動策展人戴士翔說，新港奉天宮元宵遶境對於新港人來說，不僅僅是每年的重要例行公事，更是新港在地信仰與文化傳承的文化記憶，也因前人們的堅持與傳承，得以讓此次展覽能夠展出許多例年元宵遶境留下的珍貴文物與影像，此次展覽可說是由古至今，新港人們一同努力累積的一場展覽。
新港奉天宮這次也與富御琉金文化創意有限公司共同開發《框金a保庇》純金手環，更邀請國際書畫藝術家辜琪鈞以古符為原型親筆創作符文，除將古符咒藝術化，也創作成時尚精品。</t>
  </si>
  <si>
    <t>國內今日新增5名新冠肺炎境外移入個案，其中3人為印尼移工、2人為菲律賓移工，均是期滿前採檢確診。截至目前，國內共累積623名確診案例。
案620至622都是印尼籍女性，介於30多歲到40多歲之間，11月10日來台工作，入境後進行集中檢疫，但至今都沒有出現症狀。11月23日期滿採檢，於今日確診新冠肺炎。因未接觸他人，因此皆無匡列接觸者。
案623、524為菲律賓20多歲女性及30多歲男性，11月10日、11日來台工作，入境後進行集中檢疫，但未出現症狀。11月23、24日進行期滿採檢後，今日確診新冠肺炎。由於未與他人接觸，也無匡列接觸者。
截至目前，國內共累計623名個案，分別為531例境外移入、55例本土個案、36例敦睦艦隊及1名比利時工程師。</t>
  </si>
  <si>
    <t>網路溫度計發布六都市長防疫100天評價，新北市長侯友宜名列第一。侯友宜今日（30日）視察金山老街時表示，「我只是把應盡的責任做好」，非常謝謝新北市民，從過年期間至今都非常配合，支持市府的防疫措施。
侯友宜表示，現今已連續10日0確診，新北市狀況已經非常穩定，市府將慢慢啟動下一個階段，確保防疫，建構新型態的安全生活。他也向市民喊話，「我們大家一起加油，我們一定可以做好。」</t>
  </si>
  <si>
    <t>新竹縣55歲住長照機構的徐姓婦人，染疫住院治療後4日解除隔離，但2天後慢性病情加重身亡，醫師在死亡證明載明「新冠肺炎」死亡，引發殯葬人員恐慌，經縣府民政處協調後9日完成火化。
衛生局長殷東成表示，徐姓婦人經確診住院治療後，CT值已高於30，8月4日解隔離，已不具傳染性，從加護病房轉到一般病房持續治療慢性疾病，在解隔離2天後因病情加重死亡，
殷東成指出，醫師在開死亡診明書時沒有說清楚，徐婦死亡原因應是「慢性疾病」，「曾經罹患新冠肺炎」，這樣比較精確，會與醫院溝通避免日後發生類似情形。
東元醫院表示，醫師考量死者是因新冠肺炎住院，治療期間引發慢性病而死亡，CT值已高於30，沒有傳染力，可以解隔離，綜合考量下才開立死者因「新冠肺炎」死亡的證明書，可能引起誤會，將與衛生局及民政處做好橫向聯繫，避免引發不必要的恐慌。
由於死者解隔離且無傳染力，認定不用依傳染病防治法於24小時火化遺體，交由家屬處理後事，經民政處與家屬協調後9日火化，殯葬人員為慎重起見都穿上防護衣，將死者棺木送到竹東火化場，並派人員在現場消毒，完成火化工作。</t>
  </si>
  <si>
    <t xml:space="preserve">馬林魚27日隊上一口氣爆出十多名新冠肺炎感染者，衝擊自家與他隊賽程，讓大聯盟再現停擺危機。聯盟發出備忘錄給各隊高層，表示目前還不會中斷球季，只要求提升防疫層級，包括「建議大家都去打流感疫苗。」職籃NBA也跟進下令防疫升級。
依照開季前勞資共識，大聯盟設下停賽3條件，其中包含「參賽的球員人數(陣容)不足以維持大聯盟的競爭強度」。停賽的決定權交給了聯盟總裁曼佛雷德(Rob Manfred)，但具體要感染多少人才會停賽，曼佛雷德沒有訂出明確數字。
「如果有一兩支球隊損失了部分球員，並且有很長時間無法比賽，這就會衝擊整個賽季，屆時我們必須非常慎重地重新考慮。」馬林魚隨隊出征費城的33位球員高達11位染病，他們暫時無法返回邁阿密。曼佛雷德確實在開季前說過，能打完60場例行賽就算走運了。
外界批評大聯盟在馬林魚爆出首例感染後，沒有及時喊停他們與費城人的比賽，拖累接下來費城人與洋基的賽程(金鶯與馬林魚賽事也被延後)。此外白襪總教練倫特利亞(Rick Renteria)28日賽前出現咳嗽等症狀，必須等檢驗報告出爐才能回歸，白襪與印地安人的比賽則因天候不佳取消。
</t>
  </si>
  <si>
    <t xml:space="preserve">最近發表在《美國心臟病學會雜誌》( Journal of the American College of Cardiology)的一項研究報告指出，一種常見的心臟病藥物「美托洛爾」(metoprolol，常見商品名為「倍他樂克」 Betaloc)，可以減輕新冠肺炎重症患者身上的呼吸窘迫，並改善其呼吸功能。
今日醫學新聞(Medical News Today)報導，新冠肺炎已蔓延世界一年半，大約有14~33%的患者，可能會惡化為重症，約有三分之二的重症患者會出現急性呼吸窘困症(Acute respiratory distress syndromeARDS)的情況，，大多數的供氧、重症監護病房 (ICU)就是搶救這類病患。
來自NASA的消息，醫治重症患者所耗用的氧氣，已造成太空行業的停頓，因為火箭發射需要大量的液態氧，但是救人優先，太空行業也只能讓位。
急性呼吸窘困症(ARDS)是 涉及由於炎症和肺泡中積液而導致的肺組織損傷，肺泡是肺中的氣囊，在那裡與血管發生氣體交換。
由於血管洩漏而導致肺泡中積聚的液體限制了肺部向身體其他部位供氧的能力。因此，ARDS 需要入住重症監護病房 (ICU) 和有創機械通氣以補償有限的肺功能。
ARDS是受新冠病毒感染後，受損的組織所釋放的細胞因子，以及病毒的持續擴散，導致免疫系統的過度亢奮，大量的免疫細胞(例如白血球、巨噬細胞、T細胞）聚集到肺部，它們又造成更大的發炎反應，科學家稱之為細胞因子風暴，導致更大範圍的肺部破壞，這也就是重症患者出現的肺部纖維化。
進入這個階段非常嚴重，是新冠肺炎的重要死亡原因，即使成功搶救，仍然會造成永久性肺部損傷。因此，減少免疫細胞、阻止白血球的活躍，一直是減輕重症肺炎的主要方法。
西班牙馬德里卡洛斯三世健康研究所-國家心血管研究中心(CNIC)的研究發現，原本用於治療心臟病的「美托洛爾」，可以達到遲滯白血球動員的效果，它是一種β 受體阻滯劑，具有阻斷腎上腺素和去甲腎上腺素的作用，醫生通常使用 β 受體阻滯劑，來治療心血管疾病。
「腎上腺素」常被稱為超人激系，是人類在高度緊張狀態時，身體分泌的腺素，它會使肌肉收縮，變得更強壯，但是身體也會付出相應的巨大代價，它造成的反應類似發炎，會對器官造成損害。「美托洛爾」具有抑制腎上腺素的作用。
研究團隊發現，美托洛爾可以減少肺部發炎，並改善血氧濃度，這也就降低了肺部的白血球數量，也就改善了細胞因子風暴。
該研究的第一作者-阿古斯丁‧克萊門特·莫拉貢(Agustín Clemente-Moragón)博士表示：「在過去的幾年，我們已知β受體阻滯劑倍他樂克與白血球茲生的關係。」
「我們找到馬德里的重症自願患者進行實驗，他們每天注射15毫克的美托洛爾，然後檢查肺部積液中的白血球數量。」
「實驗組為12 名患者，他們每天接受靜脈注射美托洛爾 ，而對照組為8天，接受的是標準護理。」
接受美托洛爾治療的實驗組在4天之後，肺部積液裡的白血球量，確實比對照組來的少，發炎細胞因子的濃度也有所下降。這些結果表明，美托洛爾限制了白血球的活化，也就減輕了患者的肺部發炎症狀。
在調查臨床結果的影響時，研究人員也發現另一個好消息，就是血氧濃度有所提升。
莫拉貢博士表示，美托洛爾是一種臨床可用，而且便宜的藥物（每日治療費用不到 3 美元），如果確定它有效，可以改善全球幾百萬名仍以呼吸機、氧氣瓶在幫助呼吸的重症患者，也就能降低全球醫療院所 ICU病房的壓力。
不過，他也強調，這是給重症患者的藥物，不是預防藥物與輕症治療藥。而且，這只是20人進行的極小規模實驗，還必須通過更多的臨床實驗，才能證實它廣泛有效。
</t>
  </si>
  <si>
    <t xml:space="preserve">美國新冠肺炎確診人數飆破462萬，疫情導致經濟步入衰退、失業率飆升，但川普總統1日，仍前往他位於維吉尼亞州史特林的私人高爾夫球場揮桿。
由於川普國家高爾夫俱樂部，就位於華府近郊，因此川普搭車前往。球場外有一位打扮成撒旦的抗議人士，一手高舉假鐮刀，一手舉上面寫著「152K」的標語，象徵美國因新冠肺炎死亡的人數，已經累積到15萬2千人（到2日已達15.4萬）。不過因為男子沒有過激舉動，祕勤局人員僅在旁戒備。
美國有線電視新聞網（CNN）統計，這是川普上任3年多以來，第283次忙裡偷閒去打小白球，也是他在自家物業待的第376天。
川普在4年前競選期間，過去多次攻擊前總統歐巴馬愛打小白球，並稱如果他當總統，一定會忙於國事而沒空打高爾夫。但數字會說話，川普第一個任期未滿，他去打高爾夫球的次數，已經遠遠超過歐巴馬。
</t>
  </si>
  <si>
    <t>北部1名高中生確診新冠肺炎，全班停課，新北市「開出第一槍！」禁止高中職以下師生出國，防疫經常「依中央指示」掛嘴上的基隆市長林右昌，下午再補一槍，跟進北北桃「逆時鐘」，更加碼基隆至7月14日前都禁止。零確診的花蓮縣則「配合中央指示」。
新北市長侯友宜今早率先宣布6月底前「高中職以下各級學校師生禁止出國」，北市、桃園也隨後跟進，基隆市長林右昌則在下午宣布，7月14日之前基隆市各級學校出國計劃一律暫停，若有特殊狀況及原因，需呈報各校與教育處專案核准。
基隆市府教育處將發函請各私立學校配合，範圍包括基市轄內公私立幼兒園、國小、國中以及高中職，所有師生一律禁止出國，「也不准出國假！」林右昌也宣布，五月份母親節的模範母親表揚活動，考慮疫情狀況，屆時將委由區里長代贈禮與表揚。
對於是否要禁師生出國，各縣市莫衷一是，疫情相對穩定的東台灣，花蓮縣政府表示，「目前暫不跟進」，縣府教育處長李裕仁說，師生禁出國規定將等待中央疫情指揮中心指示，中央單位有明確建議地方後，縣府才會再行規畫。
李裕仁說，教育人員也是公務人員，如果縣府有要限制公務員出國，就會對教職人員有進一步的做法，至於學生部分，他認為應限制家長而不是限制學生，目前沒有進一步的相關措施及研議，將會再視疫情發展，等待並配合中央指示。</t>
  </si>
  <si>
    <t>新冠肺炎全球蔓延迄今，高雄30例確診都是境外移入，高雄市長韓國瑜17日上午視察衛生局疫調支援中心，嘉勉全體人員執行防疫業務的辛勞；有媒體追問市長除慰訪行程外，整天幾乎無其他行程，新聞局長鄭照新強調，只是沒有公開接受採訪的行程，不是沒有行程，下午忙第二波紓困財政方案的討論。
大年初三值班至今
新冠肺炎爆發以來，高市府守住無本土確診個案，其中辛苦的幕後推手就是參與疫調支援中心的團隊成員；市長韓國瑜昨早特別前往衛生局疫調支援中心，慰訪42名護理師及相關工作人員，為居家檢疫或居家隔離民眾釋疑或進行醫療轉銜。
韓國瑜致詞表示，衛生局同仁從大年初三值班到現在，24小時輪班保護市民健康，非常辛苦，他代表市民跟衛生局同仁致謝。韓送了126張餐券給疫調支援中心人員，讓大家可以就近在衛生局附近的店家消費。
公開行程少惹質疑
慰訪行程結束，韓國瑜隨即進入電梯離開，媒體追問市長整天是否只有這個行程，之後就沒有行程；隨行的新聞局長鄭照新說，市長不是沒有行程，只是行程沒有公開讓媒體採訪，鄭指出，韓市長忙於市政，忙於紓困，等下就會找財政局討論第二波紓困方案，期待中央與地方聯手，儘快把財源送到第一線人員手上。
對於韓國瑜是否出席議會臨時會，鄭照新說，不需牽扯政治運動，應回歸市政與防疫，已做好準備進入議會；他也批評部分團體發動政治運動，無視市民對於防疫需求，相當可議。</t>
  </si>
  <si>
    <t>受新冠肺炎疫情影響，大陸文娛行業今年首季只運作近1個月，加上廣電總局2月公布《關於進一步加強電視劇網路劇創作生產管理有關工作的通知》，要求電視劇、網路劇、網路電影在備案審批時「須提交完整劇本」的規定，以致Q1新劇備案量比去年同期大減12%，1、2月僅147部（1月84部，2月63部）。
備案新劇的題材中，以當代主題的數量最多，穩居榜首，而由小說IP改編影視作品的依然不在少數，如1月份的《繁花》、《阿麥從軍》、《木蘭無長兄》，以及2月的《億萬星辰不及你》、《親愛的，摯愛的》、《星漢燦爛》等，尚未拍攝就已經在社群媒體自帶話題流量。
礙於大陸官方公布的「限古令」等政策影響，古裝劇備案數量比去年同期下降16%。1月有《少年御醫》、《漢鄉》等11部備案，2月有《曹操傳》、《汴京夢華圖》、《長風渡》等5部備案，至於過去曾叫好又叫座「仙俠類題材」因為於泛濫，網友喜好度下降，Q1的備案通報中已看不到相關作品。
業者表示，2月因為新冠肺炎確診病例大增，大陸各省市封城、封路，多家大陸上市製作公司平均備案數僅5部，遠低於2019年同期的7.5部。而立項成本增加，備案數量優化、影視公司趨於理性等因素影響，電視劇行業內的一系列連鎖反應就此展開。</t>
  </si>
  <si>
    <t xml:space="preserve">被俗稱「武漢肺炎」的新冠肺炎，從中國大陸蔓延全球，疫情至今還未控制。在台灣目前確診的18例中，首位被診斷出新冠肺炎的女台商，日前康復出院，引發國內社會高度關注。而作為台灣第一位確診新冠肺炎治癒的「幕後功臣」，其實十分低調，最近這名抗疫幕後謎樣般的英雄「范姜醫師」，首度接受媒體專訪，袒露自己投入治療的心情。
據媒體《HEHO》報導，身為首例確診新冠肺炎女台商的主治醫師，范姜醫師先是謙虛表示，患者之所以能順利痊癒，主要還是靠她的免疫力康復。他透露，這名女台商在第一時間知道自己是打破台灣確診「0號」的人，曾問過范姜醫師：「如果說有一件事情是正確的，但是你可能會危及到生命，你會去做嗎？」
范姜說，他知道治療這位首例患者，關乎台灣防疫的士氣，他與團隊是抱持著「我們絕對不要讓台灣漏氣」的心情與醫療職責所在，把所有資源都安排好，「這本來也是我們該做的。」
過去也曾投入SARS疫情救治的范姜，他提到，有時治療的困難不在疾病本身，而是瞬間「病人太多」，醫師要「打仗」的工具都不夠，自然無法守住病人的生死。
回憶當年SARS疫情，范姜醫師說，新冠肺炎的傳染力雖然勝於SARS，但就目前狀況評估，整體致死率是低於SARS的；且台灣目前沒有社區群聚感染的狀況，他認為我們只要守住邊境、守住社區，就不用擔心過去SARS的悲劇會重演。
而身為台灣首例確診新冠肺炎的主治醫師，范姜醫師站在攸關生死的前線作戰，他坦言，只有傻子才說不害怕，但救治病人是他的責任，「上了戰場，就不能怕死」。他也對媒體分享他所寫下的「醫護出師表」，其中提到「我們有恐懼的理由，但沒有逃避的藉口，我們可能會犧牲，但壯烈成仁似乎比苟且偷生來的好聽些。只要疫情需要，我們責無旁貸，祈上天垂憐，醫病兩相安」。他也相信，只要醫師好好的、病人好好的，台灣也會好好的。
更多 CTWANT 報導
</t>
  </si>
  <si>
    <t xml:space="preserve">資深主播張雅琴播報新聞風格獨特又犀利，一針見血又中肯的評論，總是讓網友聽了大呼過癮。然而她昨（26日）在播報大甲媽祖遶境相關新聞時，突然在主播台上大咳嗽，讓她當下急忙道歉，澄清自己只是嗆到。
大甲媽祖遶不遶境？台中立委3Q哥陳柏惟在臉書發文：「遶境不需停辦，媽祖本身去哪裡應給予尊重，但信眾要不要跟去，就必須配合國家防疫政策，建議政府尊重宗教傳統，但宣布管制民眾參加。」
對此張雅琴直言對陳柏惟說法不全然贊同，認為遶境應該要停辦，但若一定要辦，她有個方法不知可不可行。未料張雅琴在說出她的想法前，突然現場大大地咳了一聲，令她當下笑場：「對不起我是嗆到。」還指著攝影棚外要工作人員不要笑。
接著張雅琴說出她的方法，那就是只要參加媽祖遶境全部都要登記身分證，不能亂跑，旁邊接近100公尺內的參加者也要登記，但她也稱這個方法感覺起來很難實行。
</t>
  </si>
  <si>
    <t>新冠疫苗接種自15日起展開，隨著美方捐贈的250萬劑莫德納抵台，加上已有的近200萬劑AZ，政府承諾的大規模施打即將具體實現。《中時新聞網》整理7項重點，供有意前往接種的民眾、以及陪同的家人參考，確保疫苗副作用降至最低。
1.吃早餐。當天若要打疫苗，肚子裡最好先墊點東西，用意是確保血糖不會太低；也不要吃太飽，約6、7分即可，以免造成身體負擔。
2.準備普拿疼、乾洗手，口罩戴好戴滿。普拿疼是為了改善疫苗副作用，不良反應程度因人而異。乾洗手、戴口罩，都是出入接種站時，應有的保護措施，若有護目鏡或面罩更好。
3.家人陪同。長者行動不便，家中若有年輕人陪同前往接種最好，沿途照護。
4.量體溫。近來天氣高溫炎熱，到了接種站可稍作休息，讓因移動而升高的體溫恢復正常。萬一當日體溫偏高，不建議接種。
5.心情好。盡量放輕鬆、保持心情愉悅。
6.多喝水。促進身體新陳代謝、循環，也可預防脫水。
7.觀察30分鐘。接種後在現場陰涼處觀察30分鐘，確認無不良反應再返家；現場有醫護人員，可隨時處理突發狀況。</t>
  </si>
  <si>
    <t xml:space="preserve">美國總統拜登今天表示，預定6月底前將釋出2000萬劑疫苗到海外，這是美國首度將獲得官方認證使用的疫苗供應海外。對此，駐美代表蕭美琴表示，「進洽爭取中」。
拜登（Joe Biden）今天下午宣布，將再釋出2000萬劑2019冠狀病毒疾病（COVID-19）疫苗到海外，以協助對抗疫情的國家。這批疫苗是已經獲得在美國使用許可的疫苗，包括輝瑞（Pfizer）、莫德納（Moderna）與嬌生（Johnson &amp; Johnson）生產的疫苗。
白宮曾於4月時宣布，將與他國分享約6000萬劑由阿斯特捷利康（AstraZeneca）生產的疫苗。不過，阿斯特捷利康疫苗尚未獲得美國食品暨藥物管理局（FDA）使用許可。
對於美國將再釋出疫苗，蕭美琴在回覆媒體詢問是否會向美國政府表達疫苗需求時表示，已經向美方表達爭取這波釋出疫苗的意願，「進洽爭取中」。
她也表示，國內疫苗採購由衛福部主責，駐美代表處主要是從旁進洽美方加速回應所提的需求。
台灣近日來確診病例大幅增加，對疫苗的需求也隨之加大。衛生福利部次長薛瑞元日前在立法院表示，台灣已採購的505萬劑莫德納疫苗，快則5月可能交貨，但比較沒有把握，希望至少6月以前到貨。
蕭美琴14日表示，台灣向美方商購的疫苗目前有2批，其中阿斯特捷利康已經有少量送抵台灣，莫德納藥廠生產的疫苗預計6月可以開始送交。現在的目標是努力爭取務必能如期到貨。（編輯：張佑之）1100518
</t>
  </si>
  <si>
    <t>台灣新冠肺炎疫情急遽升溫，國內今天再度新增26確診個案，中央流行疫情指揮中心指揮官陳時中今天公布，其中25是境外移入，本土案例1人，這名本吐案例是124案研究機構內群聚感染再擴大，該群聚共5人感染。國內累積確診個案達195人。
陳時中指出，新增本土病例為30多歲女性(案186)，為某研究機構群聚個案(案168)同住接觸者，3月17日發病，因案124於3月20日確診，且案168曾有症狀，故案186於3月20日自行就醫並採檢通報，於今日確診，為該研究機構群聚第5名確診個案
中央流行疫情指揮中心今(23)日公布國內新增26例COVID-19病例，其中25例境外移入、1例本土。境外移入個案為13女12男，年齡未滿5歲至70多歲，入境日介於3月15日至21日，發病日介於2月22日至3月21日。個案發病前分別有美國、西班牙、荷蘭、法國、瑞士、英國等國活動史。
陳時中表示，今天確診的26人中有16人是機場採檢的。居家檢疫者11位，包含一名自行就醫的本土案例。
案171、174為職場同事，分別於1月12日及2月25日至荷蘭工作，其中案171的兩名家人，也就是四歲多的兒子案175、與妻子178亦陪同前往，4人分別在3月7日及10日發病，並於3月20日入境時，由機場攔檢通報，4人均於今日確診。</t>
  </si>
  <si>
    <t xml:space="preserve">新冠肺炎升溫，爭議假消息被網友匿名在網路上散播，調查局假訊息防制中心一口氣溯源追查了包括「武漢台商…與一位女性打麻將…出現發燒症狀…」等4件假訊息，共約談6位散播網友到案，偵訊後依違反《傳染病防治法》移送法辦。
調查局追查的假訊息，共有南機站約談高雄廖姓市民散布「武漢台商…與一位女性打麻將…出現發燒症狀…」；彰化縣調查站約談謝姓、王姓縣民散播「武漢肺炎…確診第五例在和美北環和興診所…」及葉姓、蔡姓縣民散播「昨天在秀傳去世的那位住崙平、751的司機，有去過蔡文瑞耳鼻喉科…」；新北市調處約談新北范姓市民散播「武漢肺炎第20例死亡患者前幾天還在車行載客…」。
調查局外勤站約談散播假訊息的民眾後，都依違反《傳染病防治法》移送，並將持續積極查辦疫情假訊息案件，呼籲民眾審慎閱聽思辨各方消息，切勿人云亦云、轉傳不實訊息以免誤蹈法網。
</t>
  </si>
  <si>
    <t>新冠肺炎(COVID-19)疫情持續延燒，受到疫情影響，有多場全球性的大型展會，包含今年 2 月份 MWC(全球行動通訊大會)以及日本橫濱攝影器材展CP+等都已經確定取消，在台灣的台北國際書展(TiBE)以及台北國際電玩展(TpGS)也都因此延後到年中舉行，對於全球各產業的影響仍舊在持續中。而繼宣布取消自家的年度行銷高峰會(Global Marketing Summit)之後，Facebook 再度宣布取消 5 月份的 F8 開發者大會。是美國一線科技巨頭中，第一個宣布取消年度開發者大會的廠商。
Facebook 平台合作夥伴總監 Konstantinos Papamiltiadis 稍早之前在 Facebook for developers 網站中指出：「F8 對於 Facebook 來說是極為重要的活動，但是我們需要優先考量員工、合作夥伴以及開發者的安全與健康。也認為在強調該公司包容文化的基礎上，若沒有來自國際的開者者參與 F8，是不妥當的做法。」因此，Facebook 發出聲明表示，「因對於新冠肺炎疫情憂心日益增加，在優先考量員工、開發者、合作夥伴的健康與安全的前提下，不得不作出取消今年 F8 大會的決定。」
由於新冠肺炎疫情影響，Facebook 已經退出了不少今年大型展會，而且都屬於較早做出反應的廠商，包含今年的 MWC、GDC(遊戲開發者大會)，Facebook 先前都率先宣布退出。值得關注的是，Facebook 目前宣布取消的是預定 5/5-5/6 在加州聖荷西舉辦的開發者大會，相距目前還有 2 個多月。會提前這麼早宣布取消活動，或許是觀察到新冠肺炎在美國的疫情也逐漸升溫，此外也不排除還有其他相關統計數據的輔助，而做出的艱困決定。這會不會引發骨牌效應，讓微軟(Microsoft)、Google 以及蘋果(Apple)等科技大廠跟進，值得觀察。
Facebook is cancelling F8 more than 2 months in advance, which is a very big deal in the tech industry. Obviously a data-driven decision. FB would not cancel such an important conference, unless they were confident that the #coronavirus situation in USA is about to blow up. https://t.co/laAzOJZUOB
Facebook 一般來說都會在開發者大會中宣布接下來一年之內對於旗下產品的規劃。在 F8 2019 當中，Facebook 宣布 Facebook 平台要轉向私密化(private)，並強化社團(group)功能，也針對 Messenger 加入端對端加密、針對 Facebook 桌面版改版(FB5版本)等等。除此之外，Facebook 也規劃長期要進一步整合 Instagram、Messenger 以及 WhatsApp 的底層，讓使用者不需要選用不同的社群工具，都能找到你的朋友。在今年 F8，則預期 Facebook 除了宣布針對旗下社群平台的新功能規劃外，也將公開對於數位貨幣 Libra 的現階段規劃。
Facebook 宣布取消今年的 F8 大會後，表示仍會舉辦在地的活動，並且以影片、線上直播的方式來發表原本預計在 F8 要發表的計畫。會這麼早決定取消 F8，推測 Facebook 也是需要有更多時間反應，盡快推動取消 F8 後的各樣應變計畫。</t>
  </si>
  <si>
    <t>日職阪神虎選手藤浪晉太郎與二軍2名不具名選手，在新冠肺炎檢測中都為陽性，日職一下暴增3確診案例。雖然球員確診可能衝擊到原本日職開幕日，不過日職事務局長井原敦表示，最快4月24日開幕的目標不會變。
先前日職聯盟與職業足球J聯盟曾在12日新冠肺炎對策會議中，曾有共識若球員或職員確診，除了做好防疫措施外，其他工作應正常進行。因此日職遵循此目標，開幕戰依舊希望於4月24日進行。不過今日下午中央聯盟6球團會針對阪神虎3名確診球員進行會議，是否會有所改變要等官方宣布。
而藤浪因出現「嗅覺失靈」，雖然沒有咳嗽、發燒等症狀，他仍多次赴醫院檢查，最後新冠肺炎檢測為陽性，同時球隊二軍2名曾與他一起吃飯的選手，也出現「味覺失靈」，檢測後也都是陽性。
藤浪勇於檢測的做法獲大多數人稱讚，一名球隊職員說，「所有棒壇人士都擔心自己是日職第一個被感染者，但有些人有咳嗽、發燒等明顯症狀，可能會因為害怕而保持沉默，但藤浪並沒有輕視自己的病徵，還多次赴醫檢查，這很勇敢，他對身邊的人和球隊都很體貼真誠，雖然我們仍處在低潮，但相信一切會回到正軌，他也能重回身手。」</t>
  </si>
  <si>
    <t xml:space="preserve">
若今年冬季COVID-19疫情與流感同時夾攻，人類該如何因應？最佳的預防方法就是接種疫苗！由中央研究院翁啟惠院士領導的基因體研究中心團隊，多年來致力於研究廣效流感疫苗，近期又出現重大突破。
團隊研發出「單醣化嵌合血凝集（chimeric HA）蛋白疫苗」，可對抗各種異株和亞型的A型流感病毒，減少因誤判病毒株導致疫苗防護力不足的問題，研究成果於今（109）年7月登上國際期刊《美國國家科學院院刊》（PNAS）。
預防流感最佳方法是接種疫苗，但疫苗通常只針對單一亞型，不同亞型之間沒有免疫交叉性，一旦病毒突變，或者病毒株預測錯誤，當年趕製的疫苗就會失去預期保護力。因此，研究團隊擷取來自2種不同病毒株的蛋白質，組合成全新的血凝集素，再輔以中研院獨創單醣化技術，研發出「單醣化嵌合血凝集素蛋白疫苗」，可預防各種異株和亞型的A型流感病毒感染人體。
A型流感病毒的分類是由病毒表面的血凝集素（HA）以及神經胺酸酶（NA）2種蛋白決定，經過排列組合後，可以組成不同的病毒株，而病毒突變通常發生在血凝集素的頭部區域。論文第一作者廖心瑜博士後研究員為了克服H1亞型產生的抗體只能預防H1病毒感染的問題，便鎖定病毒表面1根根突起的血凝集素蛋白進行研究。
先將H1和H5不同亞型的血集凝素序列進行排列，找出共通序列，然後再將不同的區域排列組合，設計出不同於自然界存在的嵌合血凝集素。經過多方嘗試後，篩選出1個頭部含有共通H5序列、枝幹含有共通H1序列的嵌合蛋白。實驗發現，此蛋白可引發良好的免疫反應。
為了進一步優化疫苗效力，研究團隊還利用單醣化技術，修飾血凝集素上特定部位多餘的醣，簡化後的嵌合蛋白可以露出不易突變的區域，使得人體免疫系統更容易辨識、消滅已被感染的細胞。
研究團隊發現，將單醣化後的嵌合血凝集素結合中研院專利的醣脂佐劑（cHAmg+ C34）一起使用，可產生較多的細胞激素以及T細胞反應，增強免疫效果。攻毒試驗結果也顯示能有效抵抗4種不同的H1N1病毒和2種不同的H5N1病毒，達到至少80%的保護效果，甚至也能中和H3、H5、H7和H9等不同亞型的病毒。本項技術亦可用來開發新一代冠狀病毒疫苗，以對付不斷突變的新冠病毒株，相關研究目前仍在進行中。
更多NOW健康報導：
</t>
  </si>
  <si>
    <t xml:space="preserve">新冠肺炎疫情延燒，中央流行疫情指揮中心今公布國內新增16例新冠肺炎確診者，包括2例本土及14例境外移入。本土個案為50多歲男性(案268)及30多歲男性(案269)，兩人均無出國史，感染源不明。境外移入個案為9女5男，年齡10多歲至60多歲，入境日介於3月6日至26日，發病日介於3月1日至25日，發病前活動地包括北美洲(美國、加拿大)、歐洲(英國、西班牙、瑞士、捷克、愛爾蘭)、大洋洲(澳大利亞)及亞洲(菲律賓)，出國目的以就學或工作為主。
案268於2月28日至3月18日間陸續出現咳嗽、喉嚨痛、頭痛、發燒等症狀曾多次就醫，3月20日因發燒、肺炎收治住院，經治療後症狀改善並於3月23日出院，但返家後又出現發燒、呼吸急促及腹瀉症狀，3月25日再次就醫，經醫院採檢通報，於今日確診。衛生單位已初步掌握同住家人、職場及就醫接觸者等共102人，將進一步調查案268發病前活動史及暴露史，以釐清感染源。
案269於3月23日、24日因陸續出現肌肉痠痛、腹瀉及發燒症狀分別至診所及醫院就醫，醫院於3月25日採檢通報，於今日確診。衛生單位調查，案269平時活動地以職場及住家為主，目前已掌握同住家人及職場接觸者共7人，將進一步匡列就醫接觸者，並持續調查個案發病前是否有其他高風險暴露史，以釐清感染源。
指揮中心指出，新增的境外移入個案中，2例與先前公布國外校園群聚有關，其中案272與案152、222至225等5人於英國就讀同校，案272於3月19日發病，3月25日入境時由機場採檢通報，於今日確診；截至目前該校相關群聚共6人確診。衛生單位調查，6人曾於3月14日、16日在英國當地聚餐，研判可能是引發群聚感染的原因。
另一例境外移入校園群聚個案為案276，與案58、64、80及213於西班牙就讀同校同系。案276於3月12日返國後進行居家檢疫，3月18日發病，由衛生單位安排就醫採檢，於今日確診；截至目前該校相關群聚共5人確診。
</t>
  </si>
  <si>
    <t>行政院長蘇貞昌今在臉書表示，為了確實阻斷疫情傳播鏈，在專家會議建議下，疫情指揮中心、各部會會商後，防疫指揮中心今天下午宣佈，全國第三級警戒及各級學校停止到校上課的措施，延長到6月14日。原定6月5日至6日舉行的國中會考補考及後續分發維持辦理；高中以下學校畢業典禮則會停辦或採線上轉播。
蘇貞昌表示，這一個禮拜過來，台灣人民展現無比的團結與韌性，密切配合政府的防疫措施，市面上的民生、防疫物資也呈現正常供給，因為大家的努力跟體諒，我們才能在互相扶持中應對挑戰。
蘇貞昌說，為了確實阻斷疫情傳播鏈，在專家會議建議下，疫情指揮中心、各部會會商後，防疫指揮中心今天下午宣佈，將現有的全國第三級疫情警戒、各級學校停止到校上課的措施，延長到6月14日 ，端午節假期結束為止。
至於原定6月5日至6日舉行的國中會考補考及後續分發維持辦理，高中以下學校畢業典禮則會停辦、或採線上轉播，各校的畢業考將採多元方式評量。教育部會繼續整合提供更多線上教學資源，維護學生的受教權，也減輕家長負擔。
蘇貞昌強調，當此疫情險峻之時，請大家保持鎮定、配合防疫措施，只要大家都能繼續做好防疫，我們就可以更快回到正常的生活，只要團結，我們就能度過難關。</t>
  </si>
  <si>
    <t>天氣轉涼，也宣告泡溫泉的旺季來臨！交通部觀光局今年再度結合全台19個溫泉區舉辦「2021-2022台灣好湯」活動，今日舉行啟動儀式，民眾前往全台400多家合作業者住宿或泡湯，使用振興五倍券或國旅券消費滿200元，即有機會抽中溫泉住宿券及iPhone 13。
觀光局邀請國際知名設計師沙布喇安德烈、針織女王潘怡良與曾參與柏林時裝週、紐約時裝週的設計師群們，為全台灣19處溫泉區域的打造專屬時尚浴衣，展現獨一無二的溫泉暖時尚。
交通部政務次長陳彥伯表示，交通部觀光局自2007年起推動溫泉品牌化，以「台灣好湯」行銷全台的溫泉區，將台灣溫泉推上國際。新冠肺炎疫情爆發以來，政府推出振興五倍券及國旅券，期能刺激國內消費及帶動經濟振興，台灣好湯也加碼振興五倍券優惠抽獎活動。
陳彥伯說，台灣溫泉是剛剛好的40度Ｃ，不只是療癒的暖度，更是充滿人情味的暖度。
觀光局主任秘書林佩君表示，觀光局以健康40度C的概念推廣台灣好湯品牌，希望遊客用「溫度」認識台灣，觀光局整合超過400家合法溫泉旅宿業者，民眾只要於全台溫泉區域特約店家住宿或泡湯，使用振興五倍券或國旅券消費滿200元，憑認證後的消費發票上網登錄，即可抽住宿券及iPhone 13，歡迎遊客帶著抽中的泡湯券，攜家帶眷一起到全台各地泡湯、吃當季美食，活絡在地消費。
「2021-2022 台灣好湯」活動即日起開跑，一直到明年4月底止，期待不只帶動台灣秋冬溫泉旅行熱潮，更將台灣溫泉區域的各樣美好、溫暖的感受傳遞給更多人，讓溫泉真正撫慰人心。</t>
  </si>
  <si>
    <t>拜登當選總統，美國防疫展開新局，與美國總統川普用諸如「中國病毒」等歧視用語不同，拜登防疫的重點在科學，而非政治；在美國防疫要轉向下，是否台灣的政治防疫也該下架了，放台商、大陸專業人士一條活路吧。
拜登勝選後，已承諾將把應對疫情作為首要任務，將組防疫新團隊，雖然他曾經透露，當選後希望派專家到大陸本土，詳盡調查新冠肺炎的起源，並且盡快掌握一切的最新資訊。對照川普把防疫荒腔走板，全部推給大陸，拜登則是強調讓科學說話。
否定大陸檢測結果
台灣爆發新冠肺炎至今，諸如陳時中等官員，只要聽聞大陸防疫成功或大規模檢測的成果，一律以大陸數據「不可信、不可能」來質疑。
防疫是門科學，而非政治，數據會說話，從2月至今，即便兩岸仍有四個航點，人員往來不斷，從大陸返台人士，已經10個月沒出現病例，難道這個事實，民進黨政府故意看不到嗎？
目前台港澳陸四地的疫情皆控制得當，人員往來在疫情前非常頻繁，要等到疫苗問世，達成群體免疫，最快恐怕也要明年下半年。
在此情況下，考量到家庭團圓、公司經營，在核酸檢驗、強化自主管理下，或許可以思考把14天隔離期縮短到7天，如果要就此展開談判，相信大陸不會拒絕，也可以透過台企聯等團體居中協調。
對於大陸專業人士來台，也應在配合防疫隔離措施下，盡速開放。
口水抗疫於事無補
先前川普枉顧醫療專家建議，不要求戴口罩、更批評封城的地方是扼殺經濟，開口閉口就是中國病毒、中國肺炎，一切都是中共的陰謀，但美國確診病例一再攀高，說明口水防疫於事無補，只是讓更多無辜生命犧牲。現在，拜登要帶美國走上科學防疫之路，我政府在有關應對大陸防疫措施上，也該是回歸專業的時候了。</t>
  </si>
  <si>
    <t>. @morisatwine is a quick study.Combating #Coronavirus needs #AllHandsOnDeck.🙌Lots of bilateral conversations, no top-down authoritarianism.🆓 Watch my virtual lecture on mask revitalising with @agoerlach via @vf_institute.▶️https://t.co/8mrpydHaB3Yes! #TaiwanCanHelp🇹🇼 https://t.co/LcD8tvsaFe pic.twitter.com/5TjLh2KKsX
新冠肺炎疫情嚴峻，我國口罩日產量不斷提升，台灣政府目前已放寬到每14天成人可買9片口罩、兒童可買10片，不過，部分民眾困惑為何不是每天一片？行政院長蘇貞昌前日透露，衛福部認為如果不限量大家可能就會浪費。政委唐鳳拍影片教學如何「乾蒸口罩」，還大玩「順時中」雙關哏，要大家「時鐘要順著跑8分鐘」，然後就可以繼續安心使用同一片「復活的口罩」。唐鳳同時跟隨政府主打防疫外交，PO影片的推特文上標註「TaiwanCanHelp」。
行政院長蘇貞昌前日在立法院被詢，被民進黨立委黃秀芳問及未來多久之後可以達成每天口罩產能1500萬片？哪時可以讓台灣每位民眾1天可以有1片口罩？蘇貞昌透露，之前討論時衛福部也有意見，認為說不要浪費，因為如果不限量大家可能就會浪費。但蘇也正面回應，未來口罩視產量，1天1片，到時再參考。
還是有民眾擔心這段期間會有口罩不夠用的問題，被日本媒體讚為「天才IT大臣」的政委唐鳳在自己公開的推特分享如何乾蒸口罩，讓口罩可以簡單消毒過後再重複使用。唐鳳說此法不會讓口罩融化的關鍵是不要加水，指出「電鍋乾蒸的溫度較高（149~164℃）」。
只見影片中，唐鳳模仿美食節目主持人的口吻，說要教民眾做一道「乾蒸口罩」，要準備這3樣東西：1.電鍋、2.用過的口罩、3.時鐘。
唐鳳說：「首先把電鍋鍋蓋打開，口罩平放進內鍋，原汁原味不加水。」接著，唐鳳還大玩「順時中」雙關哏，「開啟電鍋的電源，讓時鐘順著跑8分鐘」。8分鐘後，把鍋蓋打開，稍微放涼，消毒之後，可以重複使用的口罩就完成了。最後，唐鳳戴上乾蒸好的口罩說 ：「戴上口罩即可安心使用囉！」短短37秒的教學影片，還貼心附上英語字幕，想讓外國人也可以學這個重複使用口罩的方法。
唐鳳的推特PO文也跟隨政府主打防疫外交，標註「TaiwanCanHelp」然後，蔡英文總統4月1日宣布，在全體國人努力下，國內疫情得到最好的控制，台灣口罩產能一躍成為全球第二大的口罩生產國，除了可以充分供應國內的需求，她說，「我們將捐贈1000萬片口罩， 將近一日產能，支援疫情嚴重國家的醫療人員。」</t>
  </si>
  <si>
    <t xml:space="preserve">日本演藝圈罹患新冠肺炎再添一例，傑尼斯事務所旗下人氣團體「關西傑尼斯8（關8）」，其中一名成員大倉忠義，被爆確診新冠肺炎，目前按照相關單位指示進行10天休養，而與他有密切接觸的成員丸山隆平及經紀人，也將進行2週隔離。
根據日媒報導，大倉忠義20日晚間身體出現倦怠感，隔天便發燒到37.5度，經過篩檢為陽性反應，確定罹患新型肺炎，目前已經接受隔離治療，而和他接觸較頻繁的同團成員丸山隆平以及一名經紀人，經過篩檢後雖確認為陰性，仍會進行2週隔離，至於其他「關8」成員橫山裕、村上信五、安田章大則繼續維持原有通告活動。
傑尼斯負責人表示，大倉忠義在發病後，並未進入傑尼斯事務所大樓或相關設施，目前會對相關人員作好嚴密控管，並隨時注意所有人健康狀態，照常進行演藝與業務活動，呼籲外界不用過度擔憂。
大倉忠義主演BL電影《窮途之鼠的乳酪之夢》，和成田凌展開一段不倫之戀，上映以來獲得大批腐女觀眾支持，明年1月則預定主演富士電視台新戲，演藝事業可說備受看好。
</t>
  </si>
  <si>
    <t xml:space="preserve">周一美國死於新冠肺炎的患者已經逼近突破20萬大關，目前為止在全球排名第一。
根據路透社統計，以單周平均值估算，目前美國每天約800人死於該疫病，較4月15日創下記錄的單日2,806人病故的高峰值下滑。
在疫情剛爆發的最初幾個月，許多人認為20萬人死於新冠肺炎應該是該病毒可能在美國奪走性命的最大值，但轉眼間美國的死亡病例可能在周一晚間或周二達到20萬大關。
美國總統川普周一稱最壞的情況已經過去，因為死亡人數達到19萬9,808人，累計確診數達680萬例。他表示：「無論有無疫苗，我們都已經在這場疫病的轉角處，我們完成了一個了不起的工作，不只是好而已，而是非常了不起的工作，除了公共關係之外，那是因為我總是捲入假新聞」。此前川普表示，美國可望在11月3日總統大選前發放新冠肺炎疫苗。
華盛頓大學衛生研究院目前預測到2020年底，美國的新冠肺炎死亡病例將達到37.8萬人，到今年12月每日死亡病例將激增至3,000人。
</t>
  </si>
  <si>
    <t>各大學為因應新冠肺炎紛紛宣布延後開學，但近日爆出社區感染的消息，即使中央流行疫情指揮中心迅速收回並以個案解釋，仍引發在台外籍學生的不安，質疑指揮中心收回社區感染相關發言只是企圖掩蓋事實。
一名韓籍學生表示，原本覺得台灣算是新冠肺炎的安全區域，所以寒假並沒有回韓，沒想到現在現在連台灣也不再安全，出現社區感染令他相當害怕，頓時覺得到哪裡都不能放心。
這名學生表示，目前韓國有28例確診，有追蹤確診者足跡的網頁供民眾查詢，知道哪些地方是危險區域，但台灣並沒有，讓他覺得沒保障，現在非常害怕開學後是否會出現群聚感染。
此外，對於昨夜指揮中心承認社區傳染後隨即收回的舉動，該學生表示質疑，「可是事實上不就是已經有本土傳播了嗎？收回去也不能改變啊！」
另一名馬來西亞籍的戴姓學生則表示，社區傳染發生後更不知道人與人之間應該如何保持距離才能避免自己受到感染，宿舍是4人房，很害怕出現聚集性感染，現在口罩買不到、外籍生在台又不易就醫，開學日的到來令人憂心。
在新加坡交換的台大學生說，原訂五月中學期才結束，有些同學因擔心疫情變嚴峻，到時候可能回不來，所以早早就先返台，但他自己仍會等到學期結束後再返回。不過，他說，因新加坡疫情仍比台灣還嚴重，所以就算台灣出現社區感染，不會感到害怕。</t>
  </si>
  <si>
    <t>新冠疫情擴散，台灣確診破百例，也吹出了囤貨潮，從昨晚(18日)開始，各大賣場湧入大量民眾狂搶民生物資包括衛生紙、泡麵、罐頭等物品，短短時間內貨架全空，讓買不到的民眾哀號。一名網友就表示，今天去好市多買衛生紙，竟然碰到有大媽試圖用賤招搶貨，還差點讓她得逞。
網友在臉書《Costco好市多 商品經驗老實說》PO文表示，他到好市多購物，買了咖啡跟衛生紙，結著就花40分鐘排隊等結帳，此時一名大媽突然靠近，扶著他的推車，讓他百思不得其解。
過了不久換原PO結帳，他把衛生紙跟咖啡拿上輸送帶，這時大媽突然拿了分隔條，直接放在衛生紙跟咖啡中間，讓原PO嚇得直問「妳到底想幹嘛」，大媽竟臉部紅氣不喘說「我要打統編，這是我的衛生紙」，讓原PO差點抓狂，好險店員都看在眼裡，沒有理會大媽，直接幫原PO結帳。
原PO傻眼表示：「買過這麼多次，排了40分鐘，沒想到會遇到這種離譜事件，社團第一PO竟然就獻給這位大媽」。網友看到也痛批「台灣大媽就是狂」、「好市多這種奧客一堆，見怪不怪了」、「這臉皮可以做成防彈衣了」、「大概被新冠病毒入侵腦袋了」、「所以我去好市多推車都不敢離開視線」、「搶不到就玩賤招，太離譜了」、「是我就直接尻下去了」、「今天也看到有人想偷偷搬別人推車的衛生紙...」、「大媽完全沒有極限啊XD」。原PO後面則補充說明，其實好市多衛生紙貨源還很充足，但這位大媽應該只是不想排隊，所以出此下策。</t>
  </si>
  <si>
    <t>兆豐仰光分行已經取得緬甸央行核發營業執照，預計在7日正式開業，為兆豐新南向業務增添新動能。
兆豐銀表示，2020年4月獲緬甸央行核准設立仰光分行後，就緊鑼密鼓展開籌備工作開始展開，但受到新冠肺炎（COVID-19）疫情影響，員工入境有一定的困難，仰光當地還一度封城，經過籌設努力終獲得當地主管機關肯定取得營業執照，7日起開始服務當地台商與客戶。
兆豐銀表示，緬甸是新南向地區相當具發展潛力的市場，兆豐銀2016年成立仰光辦事處以來除了積極提供企業商情諮詢與當地主管機關建立良好互動、善盡社會責任，因此脫穎而出，成為少數升格分行的台資銀行。
兆豐仰光分行規劃開業初期以在緬台商、大型外資企業為目標客戶，運用擅長的企金、聯貸及外匯優勢業務，透過總行新南向行動策略小組、商情通報平台，與新南向地區18個據點相互串聯，並將善用海外信保基金，協助台商有效獲得融資、資金調度及客製化的一站式服務。
兆豐銀行響應新南向政策，耕耘東南亞市場數十年，於泰國、越南、柬埔寨、菲律賓、新加坡、馬來西亞、緬甸、澳洲、印度等9國共有19個據點，且能因地制宜，新南向業務市占率位居國銀第一。</t>
  </si>
  <si>
    <t xml:space="preserve">新冠肺炎疫情全球升溫，美國國務院19日宣布停發全球常態性簽證，投資人也看壞未來全球經濟，美股20日開高走低，道瓊指數收盤跌913點，估單周跌17%，創金融危機來最慘。
美國國務院19日把全球旅遊警示提升至最高的第4級，呼籲民眾避免出國，美國國務院19日宣布停發全球常態性簽證，由於疫情升溫，投資人對未來經濟憂心，美股下跌。
美股20日開高走低，道瓊工業指數終場下跌913.21點，或4.55%，收在19173.98點；標準普爾500指數下跌104.47點，或4.34%，收在2304.92點。以科技股為主的那斯達克指數下跌271.060點，或3.79%，收在6879.518點。美股三大指數下跌，道指本周下跌17%，創下2008年10月下跌18.2%來最大單周跌幅
歐洲股市續強，倫敦FTSE 100指數上漲0.76%，收在5190.78。法蘭克福DAX 30指數上漲3.70%，收在8928.95。巴黎CAC 40指數上漲5.01%，收在4048.80。
</t>
  </si>
  <si>
    <t xml:space="preserve">民進黨立委王定宇今日(21日)於臉書發文表示，針對艦隊染疫，將在明日(22日)立院國防委員會進行「敦睦艦隊染疫專案報告」，並針對4個部分來調查。
王定宇說，明日調查重點如下：
1.決定進行「敦睦艦隊遠訓」的決策是否必要？（涉及機密建議可採機密向國會報告）。
2.敦睦艦隊的防疫規劃是否完整合宜？
3.敦睦艦隊執行防疫工作是否落實？包括航程中的就診人次不少（目前經查有已確認就診人數148人、226人次，發燒5、上呼吸道10、頭痛2、腸胃不適18、暈船62、外科41、皮膚23、口腔10、眼科11、其他健康諮詢等）。防疫規劃為何？為什麼沒有啟動防疫程序？
4.疫情爆發後，海軍公佈的事項錯誤連連，從是否全程戴口罩、是否篩檢、到是否提早下船，都被抓包打臉，螺絲在哪裡出問題？
</t>
  </si>
  <si>
    <t>這次前所未有的經濟大衰退，朱學恆表示，政府紓困就是救命，但現在公務員紓困慢條斯理，民眾都快掛點了。
朱學恒今（18）日在臉書指出，身邊朋友去問銀行有沒有紓困貸款，要嘛說沒有，要嘛又問有沒有不動產，再不然說現在狀況不好還要增加保證人，結果搞了半天XXX比疫情之前還難貸。
朱學恒呼籲，只是看到政策宣傳是沒有用的，要拿到錢，要發下去，貸款要放寬從速。救命就是要大家都減稅、發現金給個人、中小企業貸款加速流程趕快把錢給下去。</t>
  </si>
  <si>
    <t xml:space="preserve">新冠肺炎（COVID-19）疫情突破200例！這幾天境外移入的確診者更是占了大多數，引起不少民眾關注。就有在餐廳打工的網友，分享聽到客人大義滅親的義舉引發網友熱烈認同。
在餐廳打工的原PO在《Dcard》表示，打工的時候偶然聽到客人的談話，原來客人透過電話得知「姑姑剛從美國回來」他詢問「啊他有自主隔離嗎？」卻得到「沒有」的答案，氣得這名客人直接就在餐廳打電話通報自己的姑姑，讓原PO忍不住稱讚「第一次覺得客人那麼帥，不錯不錯。」
許多網友也紛紛讚許原PO口中的客人，表示「太優秀了」、「我們需要多一點這種人」不過也有人懷是不是跟姑姑關係不好「一定是過年紅包給的不夠多」
</t>
  </si>
  <si>
    <t xml:space="preserve">新冠肺炎疫情掀起口罩荒，即使政府購買口罩實施「實名制」，七天內限定購買2片，仍出現一片難求窘境，不料一名家裡開藥局的女網友，竟成了口罩荒的受害者，因為沒有幫男友的爸爸留口罩，竟被逼分手嗆：「這女人不能入門當媳婦」。
這名藥局妹日前在網路論壇「Zuvio 校園」發文表示，男友的爸爸知道她家開藥局，前幾天到他家作客時，要求她幫忙留口罩，可是她根本沒有權利這麼做，當面拒絕後「整個氣氛超尷尬」。
原ＰＯ接著寫道：「他爸就一直擺手要我走，還一直故意大聲咳嗽」，更讓她傷心的是「他爸崩潰說這種女人不能入門當媳婦」，讓她不知該如何是好。
網友看到此文紛紛紛留言：「問他爸什麼職業的，如果是金融業叫他偷一點錢給你」、「嫁進去日子也不好過，只要不順他意就給你難堪」、「這麼不講理，幹嘛委屈求全？」「妳男友應該幫忙講話，有肩膀一點」、他拒絕就跟他說，這跟不能留口罩是一樣的道理好嗎」。
</t>
  </si>
  <si>
    <t xml:space="preserve">南部某國立大學女碩士班學生在3月7日參加喜宴曾接觸過第47例確診者，10日接獲台南市衛生局要求必須居家隔離14天，期間女碩士曾上2堂課，校方11日隨即要求包括女碩士及同學共37名學生、3名老師不入班不入校14天，23日即可恢復正常上學。
台南市衛生局表示，被要求居家隔離者是與確診者相距不到1公尺、15分鐘以上，一場婚禮下來有人確診，防疫單位也以此原則匡列必須居家隔離14天為哪些人，其他未近距離接觸則採取自主健康管理即可。
該所大學今天出面表示，11日獲知有學生被告知居家隔離後，就採取高規格因應，目前校方每日掌握自主健康管理師生及居家隔離同學健康情形一切良好。
</t>
  </si>
  <si>
    <t>新冠肺炎疫情擴散，世界衛生組織昨宣布進入全球大流行階段。專家指出，台灣經歷SARS與H7N9的歷練後，早有一套預警系統，反觀歐美數十年未發生大規模流行病，是諸多防疫作為慢半拍的主因。另有專家表示，目前歐洲1人能傳5、6人，美洲則是1人傳3、4人，在這樣的情況下，疫情恐難以在1、2個月內改善。
台大公衛學院副院長陳秀熙表示，歐洲疫情主要從義大利開始擴散，和南韓、伊朗一樣，都是從大陸的境外移入發展到社區感染，是很早就能預測到的狀況，加上歐洲各國互通，疫情一下子就迅速擴散到鄰近的德、法、西等。
前疾管署署長張峰義分析，新冠肺炎一傳十，十傳百的速度就像「秋風掃落葉」一樣快，台灣之所以維持不錯的病例數，就是反應比較快，疾管署每天都在進行媒體監控，只要國際上一有不對勁，馬上就會有動作。
防疫有3支箭，準備、監測及緊急應變。張峰義表示，這3支箭台灣平時就有在做，醫療物資更是從地方醫院、衛生局到中央都備齊。西方國家可能是太久沒打仗，平常缺乏整備與演練，甚至缺乏監測概念，災情才這麼慘重。舉例而言，口罩禁出口並非這次疫情才有，是行之有年的SOP。新冠病毒到來，就像考驗國家平時對疫情的準備程度。
陳秀熙表示，歐美許多國家沒有SARS經驗，也沒有做好準備，美洲的部署甚至比歐洲晚2周。1名感染者若能傳染1人以上，就屬於嚴重情況，但目前的歐洲1人能傳5、6人，美洲則是1人傳3、4人，在這樣的情況下，疫情恐怕難以在1、2個月內改善，也因如此WHO才會宣布新冠肺炎大流行。
美國專家研究指出，新冠肺炎死亡率是流感的10倍以上。陳秀熙表示，嚴重國家如義大利的死亡率介於8-10％，日、韓則是2-3％，相對於小於1％的流感，的確高出許多倍。</t>
  </si>
  <si>
    <t>因應新冠肺炎防疫期間，很多機關團體停止辦活動；台中市南區國光社區發展協會關懷據點，日前邀社區長輩在國光國小旁「綠色隧道」舉行新春團拜活動，更顯意義。理事長陳雅惠說，大家相揪沐浴芬多精、呼吸好空氣，除避免群聚感染，也能活絡筋骨、增強免疫力。
國光社區發展協會理事長陳雅惠表示，新冠肺炎延燒，很多人聞疫色變，為避免群聚感染，許多團體取消大型活動甚至聚餐活動也沒辦了，民眾待在家裡，哪裡也不敢去，許多里民說太悶了，因此邀請長輩走出戶外，由專業舞蹈老師，帶動跳，活動、活動。
現場民進黨市議員邱素貞與民眾大跳健康促進操，她說，雖新冠肺炎疫情沒降溫，除減少在密閉空間活動外，平常就是養成常洗手的生活習慣，看到參加的民眾，絕大部分都沒戴口罩，顯示大家對於防疫效能肯定。另台中市水噹噹關懷協會亦舉行新春同樂會，每位參加的會員都各自準備1道料理或水果與大家分享。
新冠肺炎,口罩,防疫</t>
  </si>
  <si>
    <t xml:space="preserve">
新冠肺炎自2019年爆發後席捲全球，儘管疫苗已問世，但強勢的變種病毒株仍替全人類帶來威脅。究竟新冠病毒何時能從世界上消失？小兒科醫師陳木榮坦言，歷史上只有2種傳染病完全消失，不少人因為當年的SARS經驗產生錯誤幻想，以為新冠病毒會很快消失。他認為，未來幾年人類都要考慮如何和病毒和平共存，做好心理準備。
「柚子醫師」陳木榮今（4日）發文表示，疫情爆發兩年多來，常常有人問他「COVID-19這個病毒什麼時候會從世界上消失？」尤其在疫情初期，很多人認為咬牙就能撐過去，幾個月後就能輕鬆生活，然而誰都沒想到，台灣在今年5月中竟會爆發大規模本土感染。
「說真的，我不知道COVID-19什麼時候會消失」，陳木榮指出，目前歷史上已知明確消失的傳染疾病只有2個！那就是「SARS」和「天花」，其他傳染疾病目前仍然存在世界上。陳木榮說，2002年SARS誕生，造成全世界8千多人染疫，774人死亡，但病毒一下就消失不見，當年的經驗也讓大家產生錯誤的幻想，認為新冠肺炎也可能會快速消失。
至於天花則是人類歷史上第一個使用疫苗對抗的疾病，也是第一個從世界上完全消失的傳染疾病。陳木榮指出，天花病毒早在西元前1157年被發現，散播到全世界，並持續存在3千多年，直到疫苗問世後才完全根除。有一說法是，「自從有天花這個疾病之後，全世界有十分之一的人死於天花。」
陳木榮強調，想要讓新冠肺炎從世界上消失非常難，尤其現在各種疫苗都有很多謠言，這樣只會讓根除傳染病變得更加困難。他坦言，「人類一直以地球的主人自居，事實上地球不應該專屬於任何一種生物，人類多年來一直覺得細菌病毒欺負人類，可是對細菌病毒而言，人類也不是好相處的鄰居。」人類在接下來的多年，都要考慮和新冠肺炎和平共存。陳木榮最後呼籲，大家一定要做好心理準備，用盡一切方法保護好自己。
</t>
  </si>
  <si>
    <t xml:space="preserve">
俄羅斯總統普丁11日搶先宣布，俄羅斯已成全球第一個註冊疫苗的國家，且他的女兒也已完成了疫苗注射，此疫苗以蘇聯人造衛星之名命名為「史普尼克5號」（Sputnik V）。之後俄羅斯衛生部表示，已開始大規模生產。
《俄羅斯國際傳真社》（Interfax）引述俄羅斯衛生局說法，衛生局稱俄羅斯已正式開始大規模生產由「加馬列亞」流行病學研究中心（Gamaleya Institute）所開發的冠狀病毒疫苗。該研究院所長日前表示，到12月或1月，疫苗的產量將達到每月500萬劑。
不過由於俄羅斯的疫苗仍處於測試的初期階段，且研究尚未進行第三期試驗，效果令人存疑。	世界衛生組織（WHO）表示，Sputnik V尚未獲得批准，正與俄羅斯保持密切聯繫。世衛組織發言人指出，任何疫苗的資格預審都需要對所有必需的安全性和功效數據進行嚴格的審查和評估，但這一切他們都尚未看到。
更多 CTWANT 報導
</t>
  </si>
  <si>
    <t>桃園市確診個案16119曾前往新竹縣關西、內灣風景區其湖口火車站，由於該案可能是Delta病毒株，新竹縣政府不敢大意，立即消毒其到訪地點，並公開縣內活動足跡，曾與確診者到訪同地點者，務必加強自主健康監測，若有疑似症狀，請立即就醫。
案16119的足跡包含，8月28日在關西鎮正義路吃早餐，僅外帶無內用，同日前往內灣風景區散心，中午離開。8月31日上午10點到下午2點，曾前往湖口火車站、新豐鄉汽車旅館，衛生局也前往要求商圈、店家人員做好自主健康監測，並針對可能接觸者進行疫調、匡列。
新竹縣長楊文科呼籲，曾和確診者同時間到過足跡處者，請務必加強監測，一旦有疑似症狀，一定要立即就醫篩檢，同時請鄉親「防疫鬆綁、不鬆懈」，持續落實防疫新生活，保持社交距離室內至少1.5公尺，及室外1公尺以上，並正確全程佩戴口罩，勤洗手，做好個人衛生禮節，保護自己也保護他人。
★《中時新聞網》提醒您：因應新冠肺炎疫情，疾管署持續加強疫情監測與邊境管制措施， 如有疑似症狀，請撥打：1922專線，或 0800-001922， 並依指示配戴口罩儘速就醫，同時主動告知醫師旅遊史及接觸史，以利及時診斷及通報。</t>
  </si>
  <si>
    <t>中央流行疫情指揮中心昨宣布案39中東移入婦女結案，接觸者均陰性，但今日卻從接觸者中發現新案例，為婦女插花班同學，北部一名50多歲女子。該女子為中東移入婦女延伸出的另一個案例，研判為群聚事件，將針對婦女同住家人進行採檢，指揮中心指揮官陳時中今宣告案39尚未結案。</t>
  </si>
  <si>
    <t>新冠肺炎疫情爆發超過1年半，中央流行疫情指揮中心數月前宣布預採購高端、聯亞各500萬劑疫苗，不過至今只有高端疫苗通過緊急使用授權（EUA）。對於年底購得1000萬劑國產疫苗計畫沒達成，指揮官陳時中今表示，目前達成率還有50％，防疫百分百照計畫走，以我們的背景條件做不到。
中央流行疫情指揮中心今年5月28日與高端疫苗生物製劑有限公司、聯亞生技開發股份有限公司簽訂「國內COVID-19疫苗採購契約」，預計採購各500萬劑疫苗，並視未來疫情需求後續擴充。不過截至今年下半年，僅高端疫苗通過EUA並開打。
陳時中今接受周玉蔻《新聞放鞭炮》採訪時指出，生產疫苗本來就是非常困難的事情，從候選3家到2家到1家，通過EUA非常不容易，食藥署的立場清楚，就是要確保符合品質和學術上的要求，不想為特定疫苗做太多的辯護，這是我們的目標，而不是出來說「很好啊」怎麼樣，我們在意的是安全和品質。
對於年底1000萬劑國產疫苗的採購計畫未達標，陳時中表示，達成率有50％，若要防疫百分百照計畫走，我們的背景條件做不到，但是我們有各類的備案，目前疫苗的供應還是穩定，有人覺得像處在驚濤駭浪之間，靠別人送，但其實靠別人送也要有基礎，大家都不敢鬆懈，不敢只靠國產疫苗、只靠自購或別人送。
周玉蔻指出，反對黨對國產疫苗扭曲、抹黑、造謠，卻看不到食藥署做強力的辯護，甚至專家諮詢委員李秉穎都被人格毀滅，這樣公平嗎？為何食藥署沒有道德勇氣去辯護，且懷疑政府裡面也有人內應打壓國產疫苗。陳時中否認食藥署內應的疑慮，並表示是好的東西會經得起考驗，疫苗不是一時的事情，經得起考驗的疫苗才能替台灣發光發熱。
陳時中今也自爆太太、二兒子都打高端疫苗，除太太覺得肚子怪怪的之外，二兒子沒什麼副作用，而他和大兒子則是接種AZ疫苗。周玉蔻今也自稱自己為「高端寶寶」。陳時中表示，以高端的審查講求科學證據，但是很多人不用科學證據來講話，用很多的形容詞，相信時間會證明一切。
至於聯亞疫苗，陳時中表示，聯亞的強項在細胞免疫，但是他們認為他們的中和抗體可以達標，但最後審查時到了「borderline」，以那個條件，專家無法讓聯亞通過EUA。
對於接下來要如何協助聯亞？陳時中表示，不是我們的政策如何調整，而是聯亞要提出有利的證據，說服我們的專家，或許可以重啟臨床試驗。雖然當時的規則對他不利，但當時大家是同意以中和抗體做免疫橋接，如今歐盟也漸漸承認以中和抗體代表保護力。</t>
  </si>
  <si>
    <t xml:space="preserve">
Delta印度變異株來勢洶洶，目前已入侵台灣本土造成3起群聚事件，分別為屏東枋山案、桃園機師案，以及新北板橋幼兒園案。不過，對照枋山群聚，這次Delta病毒並沒有造成新北幼兒園個案出現重症，對此，指揮中心專家小組召集人張上淳指出，幼兒園群聚案中有足夠的單株抗體加入治療，因此沒有重症發生。
台灣陸續發生多起本土Delta染疫事件後，個案的病況也有所差異，媒體針對新北幼兒園案提出，群聚鏈確診者中有高齡長者，卻沒有引發重症，這跟有疫苗保護還是跟照顧方式提升有關？
對此，指揮中心指揮官陳時中指出，屏東枋山群聚案的長者較多，而桃園機師案3例包括2位機師、1位小孩，都屬年輕個案；幼兒園群聚長者也不算多，只有2個祖母級的，另一位年紀稍大的則為幼稚園園長。
張上淳指出，目前Delta事件中，屏東確實有出現重症個案，但北部都沒有任何狀況。新北幼兒園案主要是手上剛好有足夠單株抗體，從輕症時就加入治療，這些少數年紀大個案幾乎都有使用到單株抗體，情況也都維持地很好。
</t>
  </si>
  <si>
    <t xml:space="preserve">世界貿易組織祕書長阿茲維多決提前卸任，彭博社認為，應與世貿組織當下處境有關。2015年「杜哈回合」談判戛然而止，川普上台後「退群」多邊條約及國際組織，美國單邊主義外交政策影響下，阿茲維多提前下台，只是國際組織困境的第一片落葉。
美國總統川普的「美國第一」及新冠肺炎全球蔓延共伴效應下，全球經貿重燃保護主義，「逆全球化」沛然成形，「美國治下的和平」逐漸崩解。陸、美兩大經濟體可能「脫鉤」，成為疫後全球經貿能否順利重啟，使世界經濟擺脫衰退的最大變數。
冷戰結束後，美國以「自由秩序」為核心建立「單極體系」國際規範，成為國際社會公共財，1991年波灣戰爭確立了蘇聯瓦解後「美國治下的和平」體系。然而，獨木難撐大廈，「美國治下的和平」所費不貲，美國力日衰，全球狼煙四起，川普順勢而起，認為國際體系對美國不公平，指責各國利用「自由秩序」，搭美國的便車，要求公平貿易之餘，儼然成為「退群大王」，華府在全球的領導力，被崛起中的北京稀釋，亦使美中關係漸趨惡化。
在陸、美博弈加劇中，聯合國及其轄下的國際組織，如世界衛生組織，往往「順了姑情逆嫂意」，WTO亦復如是。
川普在2016年競選總統時即指，WTO是美國史上所簽訂之最糟糕的貿易協定，川普始終不滿阿茲維多領導的WTO，認為WTO給中國太多「好處」，美國卻受到「惡劣對待」。川普揚言，若阿茲維多再不改變，美國將考慮退出WTO。2019年12月10日，WTO的爭端解決機構兩位法官任期結束，美國阻撓其繼任法官的遴選，WTO幾近癱瘓。
肇因於川普所挑起之貿易戰，2019年世界商品貿易成長僅1.2%，此為2009年全球金融危機以來的最低水準，雪上加霜的是，受新冠肺炎疫情爆發影響，各國相繼採取封城、鎖國防疫，經濟陷入停滯，國際貿易巨幅萎縮，WTO預測，2020年全球貿易總額將暴跌32%，創下1930年代「經濟大蕭條」後，前所未見的衰退。
川普無視全球經濟因瘟疫再陷「大蕭條」的風險，指責大陸在新冠肺炎疫情初始，處置失當，造成難以收拾的全球擴散，揚言報復大陸，甚至切斷與北京一切關係。美國不僅推動全球供應鏈的「去中國化」，且有意與大陸進行經濟上的結構性「脫鉤」，以解決美國經濟困境。在川普選舉操作下，瘟疫無疑是「脫鉤」中國的最佳口實，但此舉不僅將弱化世界經濟的活力，更背離自由貿易的多邊規則，使WTO無以為繼。《紐約時報》認為，由於美國對WTO的態度丕變，各成員國近年來「幾乎未達成任何共識」。
WTO的困境為世界缺乏領導的縮影，而新冠疫情的全球蔓延即人類為此吞下的苦果，美國政府2018年刪減近 26%的「全球公衛預算」，徒託空言的卸責，令全球防疫合作弱化。川普的「退群」、「脫鉤」加速「自由秩序」崩壞，美國終將自毀長城，與「美國再次偉大」更形遙遠。
知名國際關係學者米爾斯海默言認為，「自由秩序」正加速崩壞，逆全球化浪頭下，美、陸對立激化，應驗《注定失敗：自由秩序的興衰》書中的預言，新冠肺炎更加速「自由秩序」的崩壞。
不過，大陸不斷提高技術實力，世界貿易的形式與深度亦隨之改變，已與美、蘇兩極對峙的冷戰時代迥異，因全球化及數位科技的進步，陸、美的相互依存度提高，兩者難以「脫鉤」彼此。或許中國崛起為各國構成新的安保挑戰，但此應非冷戰的再現。圍堵大陸，不僅無法緩解全球化下各國內政上的族裔及財富分配的矛盾，更非實現經濟轉型的良方。
中美兩國將有競爭，也有合作，不會完全「脫鉤」，其他國家也不會在陸、美之間單純二擇一，各國企業都將視大陸為巨大市場而深化經營。一個經濟繁榮的中國平等參與全球化，會為世界帶來好處及責任。大陸須與印太周邊國家共建《區域全面經濟夥伴關係協定》（RCEP），以此作為自由貿易的象徵，推動美國「退群」國際體系後，國際新秩序的建立。
</t>
  </si>
  <si>
    <t xml:space="preserve">我國今天新增4例確診，其中有一例為印度籍船員（案764），今年10月21日就來台工作，檢疫期滿後由仲介安排登船工作，指揮中心目前研判是在印度感染的機率較高，但擔心其成防疫破口，因此目前正匡列相關接觸者，釐清是否會造成國內感染。
案764為印度籍30多歲男性船員，今年10月21日來臺工作，持有登機前3日內核酸檢驗陰性報告，入境後至防疫旅館檢疫，迄今無症狀。船員11月5日檢疫期滿後，由仲介安排等待登船工作，因對台灣不熟，這段時間都待在飯店，三餐也都在飯店內解決、沒有外出。
該名個案於11月26日後，皆在船上工作，並未返港。近日因欲出境返國，在12月16日由公司安排自費採檢，於今日確診(總抗體陽性)，Ct值31左右，現正住院隔離治療中。而衛生單位已掌握接觸者共47人，其中21人列居家隔離，目前已採檢21人，其中20人核酸檢測陰性，1人檢驗中，血清抗體也還在檢驗中，另有26人列自主健康管理，還要釐清是否會造成國內感染。
不過，指揮中心目前認為該案在印度感染的機率高，至於是否可能在船上感染，指揮中心發言人莊人祥則表示，這部分要看其他21位在船上的人的情況，一定要有至少1人的血清檢驗為陽性，才有可能是在船上感染，但就目前的核酸檢測看來，還沒有在船上造成流行，需要進一步確認。
</t>
  </si>
  <si>
    <t>中央疫情指揮中心4日公布嘉義縣新增1位新冠肺炎確診案例，嘉義縣長翁章梁今天下午3點疫情線上記者會中說明，該確診個案案10363為水上鄉64歲呂性女子，6月3日因走路不穩懷疑中風，就醫後篩檢確診，目前住院隔離中，匡列密切接觸者8人，2人結果為陰性、6人採檢中。翁章梁表示，為防堵疫情，比照日前大林大埔美群聚案，將在下寮村擴大篩檢。
案10363住在水上鄉下寮村，有多重慢性病史，與婆婆、先生、兒子、媳婦、2名孫子及1名外籍看護7人同住，平時務農，兒子經營修車廠。足跡包括每日早上至老李包子店買早餐，偶而會到水上公有市場買菜，27日曾至榮興藥局為孫子買退燒藥，6月1日因腹瀉自行就醫，隨即至水上公有市場買菜，停留約30分鐘，外出期間均戴口罩。
衛生局長趙紋華表示，6月3日早上呂婦因忽然走路不穩，由居住在外地女兒陪伴到醫院急診就醫，經篩檢後確診，目前住院治療中，曾接觸醫療人員採檢均為陰性，匡列密切接觸者8人，均完成採檢，目前2人陰性、6人採檢中。
至於感染源是哪裡該婦是否去過北部或大林？嘉縣長翁章梁說，感染源目前仍不明，衛生局持續積極疫調中。另，翁章梁也表示，依據日前大埔美的群聚案件經驗，會先行擴大篩檢，會朝確診者鄰居、群聚點匡列民眾進行PC檢測，目前已對住家周邊及足跡公共場所等範圍完成消毒，請民眾不用過度恐慌。</t>
  </si>
  <si>
    <t xml:space="preserve">新冠疫苗擴大施打，中央流行疫情指中心日前開放18歲以上民眾預約登記，願意施打AZ的人仍不多。對此，有醫療背景的花蓮縣衛生局長朱家祥表示，看到這樣的狀況真的很擔心，他形容打AZ是倒吃甘蔗；莫德納則為順吃甘蔗，且打莫德納後，不能混打他牌疫苗，「宛如是魔鬼的圈套」，呼籲大家別再排斥AZ。
花蓮縣13至15日完成COVID-19公費疫苗意願登記，選擇AZ或AZ、莫德納皆可有25875人，已完成預約7292人，包括預約至10家醫院施打的1683人、10家衛生所1021人以及31家合約診所的4588人。
朱家祥昨（15）日於個人臉書指出，依據疫苗接種數據來看，願意施打AZ疫苗的人很少，大多數的民眾仍對莫德納情有獨鍾，「這讓我很擔心，也很佩服」，這會使疫苗覆蓋率緩慢增加，只因為大家都不願意接納AZ。
朱家祥說，起初是AZ最先在台灣展開接種，絕大多數的第一線醫護人員、警消等行政機關，皆是施打AZ，「這些人不是都好好的嗎？」日前有不少長者打AZ後，發生猝死事件，許多人將矛頭指向疫苗，但他認為花蓮幾位百歲人瑞也都有接種AZ，「我相信莫德納在高齡長者身上，造成死亡和重症也會不少」。
朱家祥透露，近日聽到醫院同仁報告，施打第二劑莫德納的醫護同仁，不敵副作用全倒一片，不僅發高燒至40度，還全身痠痛，連續2日都無法出勤，反觀AZ第二劑接種者，幾乎沒有明顯不適。
朱家祥認為，AZ是倒吃甘蔗、苦盡甘來；莫德納則是順吃甘蔗、樂極生悲，且第一劑打AZ，第二劑可混打他牌疫苗，但第一劑打莫德納後，第二劑也必須打莫德納，「像是魔鬼的圈套，套住你就被控制」，最後他也呼籲，趕快打AZ疫苗，才能保護自己也提高覆蓋率。
★《中時新聞網》提醒您：因應新冠肺炎疫情，疾管署持續加強疫情監測與邊境管制措施， 如有疑似症狀，請撥打：1922專線，或 0800-001922， 並依指示配戴口罩儘速就醫，同時主動告知醫師旅遊史及接觸史，以利及時診斷及通報。
</t>
  </si>
  <si>
    <t>為了該如何進口疫苗，近期中央與地方甚至民間團體都吵翻天，中央要求以正式管道申請藥證。不過國民黨主席江啟臣發現，今年3月10日衛福部的文件中，已經清楚寫明輝瑞BNT（Pfizer-BioNTech）疫苗已通過我國緊急授權使用，反倒是最近送到的Moderna 疫苗在說明中未提已通過我國緊急授權使用。
江啟臣指出，衛福部疾管署網站上提供的COVID-19 疫苗接種須知暨意願書，明確寫道「Pfizer-BioNTech 之 COVID-19 疫苗是含有 SARS-CoV-2 病毒棘蛋白之 mRNA 疫苗，本疫苗已通過 WHO、歐盟、美國等先進國家及『我國緊急授權』使用。」
江啟臣質疑，該須知印製時Pfizer-BioNTech疫苗是不是已通過我國緊急授權使用？為什麼當時Moderna 疫苗未通過我國緊急授權使用？這官方網站上的疫苗接種須知不會是假的吧？還是連這疫苗接種須知也要校正回歸呢？</t>
  </si>
  <si>
    <t>新冠肺炎疫情衝擊各行各業，台中市政府雨天撐傘，紓困再加碼，推出稅捐緩繳2.0，擴大適用對象及鬆綁條件，全力協助民間產業度過景氣寒冬，預估受惠民眾將達3萬5000人，緩繳金額達2億元。
台中市長盧秀燕祭出紓困九箭後，再推稅捐緩繳2.0，今年開徵使用牌照稅及房屋稅，個人、法人及非法人團體負責人或主辦會計人員在繳納期間內，如因新冠肺炎正接受治療、隔離或居家檢疫，使用牌照稅可展延至今年6月1日、房屋稅可展延到6月30日繳納。
展延繳納期限屆滿時，若仍接受隔離治療，繳納期限可自隔離治療結束之次日起展延20天。
稅務局表示，適用對象部分，放寬為受疫情影響有繳納困難，屬行政院各部會核定的紓困對象或取得非自願離職、減班證明、減薪通知、勞雇雙方協商減少工時協議書等相關證明文件的個人，及行政院各部會核定紓困的營利事業。
只要今年1月起任連續2個月，平均營業額較去年12月以前6個月，或前1年同期平均營業額減少達15％的營業人，都可向稅務局所屬各分局提出稅捐延期或分期的申請。
市府強調，為減少疫情期間民眾外出洽公的風險，稅務局也在官網設置「嚴重特殊傳染性肺炎疫情稅捐申辦專區」，民眾或業者可線上申請延期或分期繳納，透過該局APP「中稅e把照」或地方稅網路申報平台線上申辦，免出門更安心。</t>
  </si>
  <si>
    <t>中國國家衛健委高級別專家組組長、抗疫專家鍾南山13日發表對美國新冠肺炎疫情的看法。他表示，美國病死率將近3％，這說明可能很多病人沒有被發現，美國並沒有認真排查密切接觸者。
新浪財經14日報導，鍾南山受訪時重申，對於新冠肺炎，預防才是最關鍵的，「要早發現、早隔離，現在很多國家都開始這麼做了。但只有全球這樣合作，才有可能比較早的控制疫情。」</t>
  </si>
  <si>
    <t xml:space="preserve">受新冠肺炎疫情影響，亞泥(1102)轉投資山水水泥、子公司亞泥中國陸續發布獲利預警，不過，市場早有預期準備，加上投信仍持續買超，早盤股價仍隨大盤彈升約1.5%，挑戰5日線。
今年初大陸元月受疫情干擾，不少企業停工及工地延遲復工，水泥市場需求量降低，亞泥持股67.7%的子公司亞泥中國，繼上周發布獲利預警後，持股17.46％的轉投資公司山水水泥昨日也發布獲利預警，預計到3月底止的第1季歸屬權益股東虧損約3.83億元人民幣(約新台幣16.2億元)，虧損比去年同期大增約81.4%。
亞泥在大區營運陸據點分別在湖北、四川及江西，四川及江西早在日前就開始生產，湖北廠位在重災區兩套窯昨正式開動，發貨接近正常，整體來看，亞泥在大陸區營運可望在第2季漸漸恢復正常。
</t>
  </si>
  <si>
    <t xml:space="preserve">美國CDC在網頁內仍然有台灣新冠肺炎明顯社區傳播的記載，並未將台灣移除於社區傳播之外。親綠媒體疑似搞烏龍，誤報美國將台灣移除於社區傳播名單外，但此報導隨即被刪除，而Google還是可以蒐到標題。對此，外交部歐江安回應，主管業務的北美司一直未回覆。
美國CDC在「新冠肺炎專頁（Coronavirus Disease 2019）」中的「旅遊（Travel）」項目下，列出：
警示3：中國、伊朗
警示3：南韓、義大利
警示2：日本
警示1：香港
但是在「旅遊目的地-台灣」項目下，仍然認為台灣有明顯傳播，但不會建議想要赴台灣的民眾更改行程，只是呼籲避免接觸病人以及勤洗手。
而有親綠媒體疑似搞烏龍，錯誤報導美國CDC將台灣移除「明顯社區傳播名單」之外，不過此報導隨即被刪除，但是在Google搜尋還是可以找到標題。
對此，外交部歐江安回應，主管業務的北美司一直未回覆。
</t>
  </si>
  <si>
    <t>國經協會受外交部國際合作及經濟事務司委託訂於13日與以色列出口協會共同舉行線上「第8屆台以（色列）經濟聯席會議」，由華邦電子暨該會以色列主任委員焦佑鈞董事長與以色列出口協會會長Mr. Adiv Baruch主持。
以色列為全球第36大經濟體，以色列國土面積小，缺乏天然資源，但高科技產業是經濟發展的優勢，舉凡水科技、農業生技、再生能源及資訊通訊等皆有很強的國際競爭力。
該次會議將針對「新創產業」、「水資源產業」及「能源產業」三大議題進行深入探討。內容包括，新創產業－以國有超過7,000家新創企業於市場中運作，大多的新創企業都以B2B作為商業模式。去年以國創新局更獲得3.9億以幣的額外預算，在新冠肺炎危機中，增加對早期成長的新創公司投資。
水資源產業－曾面臨嚴重缺水壓力的以色列，靠著不斷創新累積的水科技，如今用水已完全能自給自足，其中海水淡化廠提供國內生活用水和工業用水，占總用水量50％以上，且90％以上的水可重複利用和回收。
能源產業－以色列近期的目標為到2030年將其所有能源消耗的30％來自綠色能源。以太陽能為例：目前以國面積廣大的內蓋夫沙漠發電廠區，是世界上最大可再生能源項目之一，建造全世界最高的太陽能塔總面積超過400座足球場，鏡子會將陽光折射到中央高塔尖端的鍋爐區，屆時鍋爐溫度可達攝氏600度，以產生蒸汽導向高塔底部，進而生產電力。
民眾可利用線上報名參與會議。報名連結：http://registration.cieca.org.tw/visit/?d=121。</t>
  </si>
  <si>
    <t>中央流行疫情指揮中心今(17)日公布國內新增10例境外移入COVID-19(武漢肺炎確定病例)，其中案68至70及案73為2女2男，年齡介於20多歲至60多歲，分別居住北部及中部(各2例)，3月4日至13日至土耳其旅遊(與案56、57及案65至67同團)，其中1人無症狀，由衛生單位安排就醫採檢，其他3人發病日介於3月7日至14日，經就醫採檢通報，均於今日確診。該旅行團截至目前共9人確診，已掌握接觸者共148人，將持續針對其他團員及相關接觸者擴大追蹤與採檢。</t>
  </si>
  <si>
    <t xml:space="preserve">自從進入2020年，NBA似乎沒發生過什麼好事，雖然明星賽辦得成功，但那是在布萊恩(Kobe Bryant)罹難的悲劇之後才更引人關注。如今新冠疫情又讓賽季前途難測，湖人詹姆斯(LeBron James)忍不住發文感嘆。
「天哪，我們停賽、停課、停班，但我們真正該停下的是該死的2020年！這3個月真的非常艱辛，願上帝保佑大家。」每停賽1場，詹姆斯的荷包就會少掉40萬美元(約台幣1200萬元)，就算他自己不在乎，他的經紀人、其他的聯盟員工也會受苦。
勇士隊柯瑞(Stephen Curry)也是諸事不順，熬到傷癒復出又被傳染A型流感，他也推文表示：「2020年啊，不知道該如何形容..... 反正大家就好好照顧自己和身邊的人，籃球比賽總有一天會回來的。」
湖人不久前宣告打進季後賽，準備在春天大顯身手，結果季後賽前途未卜。假使例行賽被腰斬，老飛人卡特(Vince Carter)也得默默退休了。
勇士隊卓雷蒙格林(Draymond Green)對美媒The Athletic感嘆說：「總是要等到事情發生在自己身旁，才會相信是真的。看到爵士隊的情況，事發前總以為不會是我，但這可能發生在任何人身上，包括無力負擔醫療的人。」
其實輕忽疫情的又豈止染病的戈貝爾(Rudy Gobert)一人，包括美國總統川普(Donald Trump)都因此飽受批評。川普13日才狠心撥款500億美元，並宣布國家進入緊急狀態。美國約有8.5%人口沒健保。
</t>
  </si>
  <si>
    <t>近期新冠肺炎疫情升溫，帶動美國線上房屋銷售網站Roofstock的海外造訪流量大增，尤其是亞洲訪客數呈現數倍成長，這也反映海外投資人視美國房產是這場疫情風暴中的避風港，其中獨棟出租房屋更是搶手商品。
成軍五年的加州金融科技公司Roofstock，在網站上銷售獨棟出租房屋，這些房產大多已有租客，而且該網站還提供管理服務，意味投資人根本無須到訪該房產，就可買下資產。
Roofstock近幾周來自亞洲的投資人流量暴增500％。該公司執行長畢斯利（Gary Beasley）指出，這是新冠肺炎帶來的直接影響。
畢斯利說：「我認為，人們可能想將資本放在一些相對穩定、至少現在還未受疫情衝擊的的領域。投資者在尋找硬資產，例如房地產，這些通常與股市比較沒有連動關係，尤其美國房市在市場動盪時期的表現都相對不錯。」
湧入Roofstock的買家還不只來自亞洲，該網站提及，來自德國的投資人流量大增450％，來自澳洲的流量躍升250％，來自英國的流量增加一倍。
Roofstock平台主要是針對線上投資者量身打造，該網站近期的需求熱潮，也凸顯最新科技在危機時刻已改變人們投資模式。
畢斯利說，「這是針對不想旅行的人設計，但像是人們無法出遊時，還能夠遠端投資，那就太棒了。你可以不需要坐飛機，就可以進行房產投資。」
美國房市已面臨出售房屋嚴重短缺的情況，隨著海外需求增加，勢必會加劇市場競爭。畢斯利表示，有些投資者預料將出售他們手中的房屋，因為看好此波需求將帶動房價走高。</t>
  </si>
  <si>
    <t xml:space="preserve">根據衛福部統計，接種新冠肺炎疫苗後不良事件累計至8月16日已達5400件，醫界也呼籲若施打疫苗後出現發燒、劇烈疼痛且頭暈想吐等症狀須立即就醫，但不少人一有身體不適就認為和打疫苗有關，甚至有血尿、肛門痛的病人都說「肯定是打疫苗的關係！」讓振興醫院急診醫師田知感到相當無奈。
急診醫師田知學今天在臉書上表示，近日支援急診檢傷時，她必須依病患病情危急程度，排定病患就診的優先順序，結果在詢問病況的過程，不管是胸悶喘不過氣、手麻腳麻、腎結石、因血壓高睡不著，甚至是大便大不出來，肛門痛，患者通通都認為是打疫苗所導致的，讓她感到非常無語。
田知學笑說，後來她乾脆直接問「你是不是也覺得是疫苗的問題？」，連沒有打疫苗的病人都說：「還好我還沒有打！不然今天的車禍一定更嚴重」。玩笑之餘，田知學提醒大家還是必須理性思考，因為全世界不是只有新冠肺炎一個病，而每一個疾病或症狀都有不同原因。
貼文一出引起網友迴響，紛紛表示，「千錯萬錯都是疫苗的錯」、「感受到田醫師濃濃的無奈」、「新冠真的嚴重影響大家的身心狀況」、「醫師妳是不是因為打了疫苗所以越來越漂亮？」、「我不想上班一定是跟打疫苗有關係」。
</t>
  </si>
  <si>
    <t xml:space="preserve">韓國疫情升溫，政府雖以每日500萬片口罩為供貨目標，且每人限購5片，仍供不應求，大邱、慶尚北道等各地作為販賣窗口的郵局都大排長龍，不少民眾不畏低溫，凌晨就出門排隊。有排隊民眾稱，聽說台灣用健保卡就能買到一定數量口罩，韓國政府應該趕快想個有效率的辦法。
據《中央社》報導，為解決口罩缺貨及漲價問題，韓國政府從2月28日起透過公家管道販賣口罩，非市區的鄉鎮區，以及大邱、清道郡等地區，共有1406個郵局作為販賣窗口；市區則以藥局為主要販賣窗口。
韓聯社指出，慶尚北道地方郵政廳今天上午11時開始，透過大邱地區79家郵局販售8150片口罩，一片1000韓元（約新台幣26元），在每人限購5片規定下，最多只有約1600人能買到口罩，因此，從凌晨5時開始，就開始有民眾到郵局門口排隊。
不只疫情較嚴重的大邱，忠清南道等其他地方郵局也多能看到等著購買口罩的長串人龍，即使郵局職員提前說明只有80人可買到口罩，隊伍仍不斷延長。
有民眾表示，他1日跑了15家藥局跟超商都買不到口罩，所以今天只好一大早出來排隊。
值得注意的是，排隊民眾中不乏70、80多歲的高齡者，在最低氣溫達1.3度的寒風中，穿著厚重衣物、帽子、手套，全副武裝地出門排隊。一位80多歲的白髮老翁憂心忡忡地表示，「排隊民眾大多都是老人，要是因此感冒真不知道該怎麼辦」；也有不少民眾認為，政府目前政策對上班族及行動不便者來說相當不方便。
一位民眾表示：「聽說在台灣規定，到藥局出示健保卡就能購買一定限額的口罩，（韓國）政府應該趕快制訂更有效率的方式。」也有人認為，政府應該透過里長、區長等窗口，平均發放口罩給每個人。
為解決口罩缺貨問題，韓國政府與多家口罩供應商合作，統合國內約50%以上產量，以每日500萬片目標供應口罩。2月28日供應448萬片、3月1日供應203.7萬片，在各地吸引大批人潮排隊購買，但仍供不應求。
</t>
  </si>
  <si>
    <t>《成都商報》10日報導，「3名顧客吃著火鍋被確診新冠？」四川安岳警方9日發布消息稱，劉姓男子因散布這一謠言，謊報疫情擾亂公共秩序，被安岳縣公安局處以行政拘留4日處罰。
11月5日14時許，安岳縣石羊鎮某火鍋代理老闆李芳（化名）到派出所報案稱：「有人在網上發朋友圈說火鍋店有三名顧客確診了新冠。我自己都不曉得有這件事，好多朋友問我……如果是真的，我願意封店配合防疫；如果沒得這事，還請還我名譽。」
警方安撫李芳情緒後，立即開展核查工作。經核實，該消息為虛假疫情資訊，發布者劉某（男，38歲，四川省安岳縣人），警方遂書面傳喚劉某到派出所作進一步調查。
劉某如實陳述了自己為獲得他人關注，通過虛構「石羊鎮某火鍋店發現有三名新冠病毒感染者，三人系白塔寺鄉人」等疫情資訊，並在微信朋友圈和微信好友群散布該虛構疫情資訊的違法事實。
根據大陸《治安管理處罰法》第二十五條第一款第一項之規定，劉某因散布謠言，謊報疫情擾亂公共秩序，被安嶽縣公安局處以行政拘留4日的行政處罰。
大陸警方提醒：疫情變化牽動人心，謠言的傳播擴散嚴重影響了當前的防疫工作，希望廣大市民不信謠、不傳謠，一切以官方權威資訊為準。對於編造、傳播、散布謠言擾亂公共秩序的違法行為，公安機關將始終堅持零容忍的態度，堅決依法查處。</t>
  </si>
  <si>
    <t>中國駐大阪總領事館12月2日以「新疆是個好地方——疫情後赴中國新疆旅遊招募」為題發布信息，面向日本國內募集在明年新冠肺炎疫情結束後赴新疆旅遊的民眾，目前已有435人報名，計劃等疫情結束後出發。
《環球網》引述《東京體育》報導稱，中國領事館的文案將新疆的「美景」、「美食」和「美人」作為宣傳重點。文案稱，「新疆是個好地方」，然而，近些年來，關於新疆的誣蔑和謊言層出不窮，引起了極大的誤解，極大地損害了新疆和中國的形象。
文案表示，為了讓各位親自確認新疆維吾爾自治區的情況，中國駐大阪總領事館面向日本人募集有意向的人士，計劃在明年新冠疫情結束後赴新疆旅遊，「請來新疆，親眼見，親耳聽，用心感受」，文案還給出了報名連結網址。
《東京體育》稱，新疆是中國的熱點敏感地區，一些日本網友擔心赴新疆旅遊是「單程旅行」、「旅行中可能會被監視」。中國駐大阪總領事薛劍就此發推表示，屆時訪問全程公開透明，大家不用擔心。
11月底，日本首相岸田文雄透過視訊出席第十三屆亞歐首腦會議時聲稱對中國香港、新疆人權問題「深表關切」。
當時中國外交部發言人表示，涉疆問題根本不是什麽人權問題，而是反恐怖、去極端化和反分裂問題，中國政府依法打擊暴恐活動，恰恰是對新疆各族人民人權的最好維護。</t>
  </si>
  <si>
    <t>台灣新冠肺炎疫情大爆發，各地方消毒均有賴國軍化學兵出動值勤，國防部發言人臉書貼出一張化學兵把防護面罩拿下後臉上汗水淋漓以及口罩的勒痕，引4萬多網友按讚感激，也希望大家都要好好保護自己，要注意自身安全！。
國防部發言人臉書表示，「臉頰上的印痕，是我們驕傲的印記！」頂著烈日，背著重裝，穿梭在大街、小巷、醫院、車站，只為清消每一個風險足跡，在霧氣中持續前行，他們是化學兵，是中華民國國軍，是防疫第一線的英雄！
身穿悶熱的防護衣，逐一對各公共場域噴灑消毒液，雖然很辛苦，但是沒有人有任何怨言，身為化學兵能站在防疫第一線，為守護國人健康挺身而出，是值得驕傲的事，也盼官兵在執行任務的同時，注意個人安全，在安全第一的前提下，順利完成防疫工作！
此段發言引4萬多網友按讚，並且感謝國軍化學兵，在前線守住國人的健康，大熱天穿著防護衣物，一定很痛苦，很難受！也希望大家都要好好保護自己，要注意自身安全！</t>
  </si>
  <si>
    <t xml:space="preserve">台灣在新冠肺炎的防疫上有目共睹，但沒想到敦睦艦隊竟成防疫大破口，震驚各界！但外界更想知的是，為何在疫情蔓延，台灣還要派敦睦艦隊去帛琉執行任務？據悉，原本海軍考慮延後，但傳外交部評估可行，在國安高層最終拍板定案下，敦睦艦隊如期航行。不過，國防部已否認外部施壓。
新冠肺炎全球蔓延，國防部連一年一度的漢光演習評估延後至下半年再實施，但為何海軍敦睦艦隊遠航計畫不變？導致海軍士兵確診，成為台灣防疫重大破口，總統蔡英文對此震怒不已，要國軍徹查清楚原因為何！
據悉，敦睦艦隊任務行之有年，每年都是外交部與國防部海軍共同決定。艦隊因身負外交任務，所以出港時，規劃行程由外交部負責，最後國安高層拍板，國防部僅是執行單位。
因此，在事前評估上，難道外交部就毫無責任可言？更有諸多藍委質疑，是否是外交部施壓，才要艦隊如期執行任務？對此，國防部副部長張哲平已否認，不過，國民黨立委呂玉玲在立院質詢時就直言，決定敦睦艦隊出航並非國防部，這是國安層級才能決定之事，當初是否要派敦睦艦隊出航就有贊成跟反對兩方意見，最後拍板定案僅去帛琉，外交部有責任說清楚為何最後決定去帛琉不可！
為何最後決定非去帛琉？國民黨立委陳以信在立院質詢時，就直接問出，是否台灣和帛琉邦交有危險？對此，外交部次長徐斯檢先是說沒有，後來補充，不是說完全沒有狀況，中國攻台灣邦交國是不可能不存在，但目前為止，帛琉台灣守得很好。
雖然國軍在處理態度上，有其可議之處。但軍情與航空網站主編施孝瑋在政論節目《T台政經話》上認為，蔡英文要負起最大的責任，因為敦睦艦隊在如此敏感的時間點出發，沒有三軍統帥的點頭，怎能出發？
</t>
  </si>
  <si>
    <t>前副總統呂秀蓮辦公室今(24)日天表示，「世界和平評審委員會」及「世界和諧基金會」昨天聯名致函蔡英文總統，願意協助台灣洽購3000到5000萬劑嬌生或輝瑞疫苗，原廠包裝且交貨迅速；中央流行疫情指揮中心指揮官陳時中表示，目前還沒有接受到相關文件，會密切注意。
同時，媒體問到，疾管署每年編列預算購買流感疫苗，同時接受地方政府委託聯合購買，同樣情況下，花蓮和南投縣政府今天委託藥品業者向食藥署遞件申請來購買新冠肺炎疫苗，指揮中心是否同意？
陳時中表示，流感疫苗是例行性防疫物資，世界和國內大廠並未限制往來對象，新冠疫苗因為在國際疫苗緊縮下，為了有效控制疫情，所以各大廠的態度只和國家往來，和流感疫苗情況不同。
陳時中說，會根據地方政府提供的相關資料來看，但認為要有明確知道是否真的能夠買得到，否則熱心之後廠商還是不願意和地方政府往來。
中央流行疫情指揮中心疫情監測組組長周志浩補充，流感疫苗的情況是各國取得「藥證」，新冠疫苗則是取得「緊急使用許可」，對藥廠與購買者要擔負的義務差得非常多，這也是為什麼才由國家來接洽。
此外，目前國際航空機組員尚未全數施打疫苗，但傳出航空公司有非一線內勤主管抽籤施打疫苗的情形出現，理由是會和第一線高風險人員接觸的內勤主管所以施打疫苗，這些會和第一線機組員接觸的主管屬於第幾類接種對象？醫護、機組員同住家人是否歸於同一類施打對象？
陳時中說，機組員同住家人目前沒有開放，航空公司公司管理人員基於常接觸第一線人員的話可以接種，否則會出現破口，但如果不是常接觸的其他人員就沒有必要，這部分會再和航空公司了解。
醫護人員的同住家人也會有考慮，但在身份訂定上有困難，現在還在研究。</t>
  </si>
  <si>
    <t xml:space="preserve">本土疫情大爆發，雙北防疫警戒升至第3級，台北市八大行業從15日上午8時起全面暫停營業到6月8日。就有北市酒店小姐哀嚎，一天至少1萬元的收入沒了，只能縮衣節食吃老本苦撐；不然就是改當「外送」，外出參加飯局，或是真的兼差當外送員或找其他打工，不然沒辦法過日子。
台北市長柯文哲14日宣布，自15日起，台北市公有場所，八大類行業、電子遊戲業、網咖等場所，同步發布停業通知。據《三立新聞網》報導，一名北市酒店小姐表示，以她自己來說，1天至少損失1萬左右收入，原本是花錢如流水的人，如今也只能想辦法縮衣節食過日子。此外，公司也會推薦小姐參加飯局，「外出」陪客人吃飯喝酒，度過酒店停業困難。
而桃園一名酒店大班則說，旗下有30幾個小姐，未來這段日子肯定很難過。她透露，去年酒店雖一度停業，但還有KTV可以「兼差」，熟客私下會聯絡，還可以帶著小姐以鐘點計費，勉強「度小月」，今年卻連KTV都關門，不知道該如何是好。
酒店小姐安安（化名）說，自己有2個小孩要養，存款也不多，政府突然宣布停業，也沒有相關配套，實在很無奈。另名酒店小姐彎彎（化名）則說，聽聞有同事已經趕緊研究找外送員，或找其他打工。雖然收入沒這麼高，也要考慮趕緊找其他工作，不然沒辦法過日子。
★中時新聞網關心您：飲酒過量，有礙健康！
★中時新聞網關心您：開車不喝酒、喝酒不開車！
</t>
  </si>
  <si>
    <t>台積電（2330）法人說明會中宣布，將調升今年資本支出10億美元達160～170億美元，與去年相較增加約13％。台積電看好未來幾年在5G及高效能運算（HPC）的強勁晶圓代工需求，未來幾年仍會維持高資本支出，並加速5奈米量產及3奈米技術研發及產能建置。
台積電全力衝刺先進製程產能建置及技術研發，並成全球擁有最大極紫外光（EUV）產能的半導體廠。受惠於台積電的資本支出持續放大，法人看好漢唐、家登、京鼎、帆宣、弘塑、信紘科等台積電大聯盟合作夥伴直接受惠，今、明兩年營運持續看旺。
台積電總裁魏哲家表示，新冠肺炎疫情仍對下半年市場造成不確定性，台積電5奈米設備裝機時程也受到一些影響，但包括5G及HPC等應用對先進製程晶圓需求仍優於預期，7奈米及5奈米產能供不應求，但5奈米占全年營收比重將小幅下修至8％。
魏哲家表示，台積電過去幾年的資本支出維持穩健增加趨勢，今年新冠肺炎不確定性對營運影響是短期，中長期看好5G及HPC的大趨勢，所以台積電將今年資本支出調升10億美元達160～170億美元，以因應客戶未來幾年強勁晶圓代工需求。
台積電5奈米在第二季開始投片，下半年以最快速度拉升產能並進入大規模量產階段。魏哲家表示，5奈米製程技術將拓展客戶的產品組合，並且擴大台積電的潛在市場，5奈米強效版會在2021年開始量產，5奈米優化推出的4奈米製程會在2022年進入量產，為5奈米提供了一個明確的升級路徑。
魏哲家指出，台積電3奈米研發順利且符合進度規畫預期，3奈米會是下一個完整的製程節點，預計2021年試產，2022年下半年量產，屆時台積電3奈米將會是晶圓代工市場最先進技術。</t>
  </si>
  <si>
    <t xml:space="preserve">新冠肺炎肆虐全球，「5566」孫協志、王仁甫、許孟哲及小刀，日前與眾歌手錄製公益歌曲〈同一個氣息〉，4人相隔10多年再度合體，孫協志說：「這麼多年沒一起錄音，但大家的感情依舊留在20幾歲年輕人的時候，拍攝4個人演唱畫面時，年輕小男孩的壞習慣又跑出來，譬如仁甫偷偷在後面捏小刀屁股，很幼稚。」
對於這次疫情，孫協志提倡「保護好自己就是保護別人」：「遇到朋友打招呼不要靠太近、不握手，出門在外每件事小心為上，做過按電梯、推門把等動作，千萬不要再碰眼口鼻。」小刀認為疫情應該還會持續一段時間，「全球都面臨同樣問題，大家這段時間應該看手機的時間更長了」；而向來熱愛健身的許孟哲，這陣子也改到戶外運動。
孫協志、王仁甫及許孟哲主持的綜藝節目《飢餓遊戲》，目前仍維持固定錄影，孫協志說：「外景衛生、人群等問題製作單位都會考量，盡量不選在學校、夜市等，多往空曠的地方，並嚴控管來賓，出國、發燒的都避免。雖然有疫情，但節目不能停、我們還是得努力幫它做好。」而他們之前延期舉辦的高雄巨蛋演唱會，主辦單位目前仍在協調下半年檔期，一切看疫情發展後續狀況。
</t>
  </si>
  <si>
    <t xml:space="preserve">鋼琴家邁可森（Maksim）睽違4年，原定9日來台演出，首站於台北國家音樂廳舉行「2020邁可森克羅埃西亞狂想音樂會」門票雖完售，但因為新冠肺炎疫情，以及日前確診的澳洲音樂家布萊特狄恩（Brett Dean）曾在同場地演出，目前該場地從6日閉館消毒，主辦單位於今（8日）忍痛宣布邁可森台北、高雄、台中3場演出全數延期。
主辦單位「好滿意音樂」表示，「邁可森對於本次音樂會非常地重視，也一直期待著回到他所喜愛的台灣與支持他的樂迷們見面。對於本次音樂會必須延期一事，雖然感到難過，但是與我司立場一致，認為觀眾的健康應該擺在第一位。」
目前活動延期檔期尚未明朗，不過主辦單位已與邁可森取得未來的演出檔期，目前與各場館緊密聯繫排檔事宜，希望本月底公告最新巡演時間，而目前民眾所持有的票券仍屬有效，待最新巡演時間後公告換票辦法。如已購票觀眾發現延期後的日期無法前往，主辦單位也將提供相關退票服務。
</t>
  </si>
  <si>
    <t xml:space="preserve">國內今(2)日新增549名本土案例、12例死亡，中央流行疫情指揮中心指揮官陳時中表示，目前疫情仍維持平穩，不過話才說完沒多久，竟連續咳嗽，咳到一度說不出話，讓一旁的副指揮官陳宗彥、發言人莊人祥、疫情監測組組長周志浩、醫療應變副組長羅一鈞及傳染病防治諮詢會預防接種組召集人李秉穎等5人都嚇到急轉頭關心。
中央流行疫情指揮中心自去年開始每天向國人召開疫情記者會，近來本土疫情大爆發，除了醫護人員疲於奔命，指揮中心也忙翻，陳時中近來頻頻被拍到滿臉疲態、滿頭白髮的模樣，近日記者會中也常常出現鼻音、咳嗽不斷，今天甚至連咳5聲到一度說不出話，健康狀況引起關注。
由於陳時中今天下午在例行記者會中話講到一半突然無聲，摀著口罩連續咳嗽，坐在一旁包括陳宗彥、莊人祥、周志浩、羅一鈞及李秉穎等5人都馬上轉頭投以關注眼神，且這已經不是陳時中第一次在記者會中咳嗽，是否因疫情過勞引起外界關心。
行政院長蘇貞昌昨天在臉書指出，多次到指揮中心，看到陳時中帶領同仁每天從早上的防疫工作開始，到中午的全國記者會，一直忙到深夜，都還在分析疫調資料、做小組討論。蘇貞昌還發現，陳時中近日因為以辦公室為家，常常只能在椅子上稍作休息，沙發上還睡出了一個頭型，可以想像整個防疫團隊是多麼辛苦。
</t>
  </si>
  <si>
    <t>國內新冠肺炎疫情蔓延，新北市衛生局今（18日）公布，新增確診人數為106人，中和單日暴增33人，中和民眾相當緊張，紛紛打電話向議員服務處陳情。市議員陳錦錠表示，中和與板橋地緣相當近，呼籲市府除了加強消毒外，更應在中和等地增設「快篩站」避免民眾恐慌。
新北市衛生局統計，今（18日）新增確診人數為106人，自4月26日至5月18日全市總確診人數已達465人；板橋今（18日）新增26人、中和今（18日）新增33人，板橋累計120人、中和累計74人。
陳錦錠說，隨著疫情升溫，民眾都相當憂心，當中和確診人數單日暴增33人，服務處更接獲許多民眾陳情，盼市府除了在板橋增設「快篩站」外，中和也應該盡速成立，避免民眾恐慌。
「市長都說中和景安站確診足跡不斷出現！」陳錦錠說，目前除了環境大消毒、民眾做好防疫措施外，他也將積極向市府建議，在中和及其他熱區增設「快篩站」，盡速化解民眾不安情緒。
陳錦錠也呼籲，民眾勿轉傳網路不實資訊，一切都以中央流行疫情指揮中心及新北市衛生局訊息為主，一起團結做好防疫措施，沒事不要外出移動，留在家中防疫最安全。</t>
  </si>
  <si>
    <t xml:space="preserve">藍營傳有四縣市擬比照鴻海、台積電模式向中央申請自行採購疫苗，指揮中心今天表示，相關文件已經收到，目前食藥署認為有一些資料不全以及需要釐清的部分，今天傍晚會發函給各縣市要求補件。
至於鴻海、台積電採購疫苗的進度如何？陳時中今天說，相關談判仍然維持一貫態度，不要給太多干擾，目前就是全力促成，讓疫苗採購順利進行最要緊。
陳時中也指出，我國日前也向COVAX平台詢問採購Novavax疫苗的可能，但目前尚未獲得回應，沒有辦法有一個很明確的答案，不過除COVAX外，目前也預定要與Novavax來展開直購的談判。
</t>
  </si>
  <si>
    <t>日前《東方衛視》記者張經義在白宮記者會上自稱「來自台灣」，陸委會表示將對張經義裁罰，對此新北市長侯友宜上午在慰勉家防中心時表示，「疫情不會管政治，敵人只有一個，就是新冠病毒。」語畢台不少家防中心的社工頻頻點頭，對侯的說法表示認同。
侯友宜表示，疫情不斷的在全球高漲，完全沒有舒緩的狀況，面對全球化的疫情，他永遠只有一個想法，疫情不會管你政治與否，疫情只會侵害全球人的健康，所以我們的敵人只有一個，就是新冠病毒。
侯友宜說，大家共同攜手合作、互相包容、體諒，大家面對的就是新冠病毒，只要全球有這樣一個共識，就可以聯手所有的力量打敗新冠病毒。台灣也是全球的一份子，大家更珍惜台灣在防疫的所做所為，是值得大家學習，也值得全球跟我們攜手合作。</t>
  </si>
  <si>
    <t>中部校園疫情嚴峻，朝陽科大19日有1名女住宿生確診，7名密切接觸學生居家隔離、自主健康管理68人。朝陽科大表示，已早在17日全面課程實施外，全校教職員將於20日及21日兩天實施遠距上班，下周起則採分流上班。
朝陽科大表示，18日晚間8時30分接獲台中市衛生局通知，1名女住宿學生確診，經救護車接送就醫外，同住室友等密切接觸者7人，安排進住防疫旅館進行居家隔離；同層樓住宿生68人進行快篩檢測，並送至學校自主健康管理寢室，進行自主健康管理14天。
朝陽科大指出，該學生宿舍大樓已全部清空，並啟動校園全面性消毒作業，校方針對確診個案近期接觸的環境及師生名單進行疫調，確保全體師生的健康及維護校園的安全。
朝陽科大表示，為降低群聚感染風險，學校已在17日起所有課程實施遠距教學，並將延長至6月8日；全校教職員將於20日、21日兩天實施遠距上班，且自下周起則採分流上班。</t>
  </si>
  <si>
    <t xml:space="preserve">近日來因敦睦艦隊返航，盤石軍艦的官兵新冠肺炎確診數增加，引起各地方政府的重視，紛紛以不同的方式規畫超前部署的防治措施，卻因與中央流行疫情指揮中心意見不盡一致，而有中央與地方不同調的「府際爭議」情狀發生；尤其對於高雄市政府的超前防治規畫，更為「罷韓」團體視為拖延罷免的行徑，頗多過甚其辭之言論一一出現。
就此次新冠肺炎肆虐全球的大災難言之，不僅國內須行政一體積極協同防治，國際間更宜以全球治理觀點採取相互支援的人道措施。我國最近捐贈友邦防治器材，固是「防疫外交」的作為，也頗受友我國家的好評，即是台灣身為全球一員的「協力治理」卓越成就。基於此一認知，回顧國內中央與地方的防疫作為認知差異，尤其媒體、名嘴的偏頗助瀾，不免令人憂心知識分子的良知何在？有必要如此不分是非嗎？倒是行政院長蘇貞昌希望朝野不要再對立，值得省思。
誠然防疫當前，既然中央已成立指揮中心，基於資源共享以及行動一致的必要性，理論上宜以中央疫情指揮中心的「指揮」為唯一行動基準；地方政府能夠知所依循，應係理性選擇，而非盲目施為。問題是中央指揮中心對於防疫的指揮，本就須視疫情的衍變而有不同的策略規畫。就以口罩的分配來說，雖未到一日數變，至少可說一個月好幾變，乃有口罩1.0、2.0、3.0，乃至4.0的說法。地方政府看到國際疫情的走勢，依據學者專家的呼籲，斷然採取若干超前的演練措施，中央指揮中心實無倒喝采之必要，何況中央指揮中心還有意無意有南北不同的指示，比如：新北市的兵演，召集人張上淳還專程蒞臨指導，並且肯認新北市的做法；反之，高雄市的做法，即一一駁斥，有如一無是處。這不免令人有支援「罷韓」的聯想。
中央指揮中心對於疫情的指揮，宜有「策略選擇」和「時機選擇」的考量，就「封城」而言，行政院蘇貞昌院長既以「全國一致」作為策略選擇，不僅地方政府務須全力貫徹，就是媒體、名嘴亦當協同策進，更不宜有故入人罪的譁眾取寵行徑。此外，地方政府依自治權的行使，尤其自治區域內的公益治理作為，中央指揮中心不僅宜樂觀其成，並且在技術上要多所指導，在經費上更要多所支援。相信此次疫情必可在最短期間內完全控制，持續維持本土病例的零確診，而國外傳入的確診數亦可逐日減少，尤其敦睦艦隊意外染疫，如機關間相互體諒或協助，應即可打住。
新冠肺炎是全球人類的最大敵人，自當認清敵人的真面目，採取一切有效的防治措施，這是此次新冠肺炎給人類的經驗和教訓。全球治理或許有其值得檢討之處，但全球治理卻是制勝新冠肺炎的唯一良方。此時此刻，國人應有更寬廣的心胸去了解和協同防治於任何一塊國土才是。
（作者為銘傳大學公共事務學系客座教授）
</t>
  </si>
  <si>
    <t>台灣疫情爆發，全國三級警戒3度延長，現在又爆出印度變種病毒Delta進入屏東社區，引發民眾恐慌。不過今早卻有民眾發現搭乘台鐵的人變多了，甚至站滿整個車廂，令他不解地問「是不是解除三級警戒有望了？」
該民眾今（28）日於PTT八卦板透露自己正在台鐵區間車上班途中，三個禮拜前就發現搭車人潮漸漸變多，這個禮拜與上周相比乘客更多，多到站滿整個車廂，與疫情爆發前的平日並無二致。
從他分享的車廂照顯示，每個座位都有人，乘客並肩而坐，根本沒有保持社交距離，走道上也站滿人，令他忍不住問「是不是三級警戒解除有望了？真的期待7月解除3級，大家蜂擁出門上班、遊玩。
貼文曝光後，引發不少鄉民熱烈回應，「病毒會自律」、「病毒知道你們要去上班，不會傳染」、「病毒會辨識，上班不算群聚」、「指揮中心說上班不是群聚」、「疫情趨緩，很多公司都結束居家辦公了」、「越來越多公司取消在家上班了」、「如果一個Delta上車，全車遭殃」等。
★《中時新聞網》提醒您：因應新冠肺炎疫情，疾管署持續加強疫情監測與邊境管制措施， 如有疑似症狀，請撥打：1922專線，或 0800-001922， 並依指示配戴口罩儘速就醫，同時主動告知醫師旅遊史及接觸史，以利及時診斷及通報。</t>
  </si>
  <si>
    <t>中央流行疫情指揮中心宣布7月27日起至8月9日全台降為二級警戒，但民眾除了飲食之外，外出仍要全程戴口罩，並落實實聯制登記、保持安全的社交距離，而室內集會人數上限規定放寬為50人、室外100人。另也宣布各行各業的相關指引，《中時新聞網》整理出五大面向的常見問題，供民眾參考。
◎餐飲指引
1.　餐廳開放內用？
目前除了新北市、台北市與宜蘭縣仍不開放餐廳內用外，其他的縣市皆宣布只要遵守相關防疫規則，業者便可以開放內用。
2.　超商、賣場用餐區開放？
除了雙北之外的超商與賣場用餐區皆已開放，但也有業者自行宣布延長，例如好市多仍維持禁止內用、試吃的規定。
3.　能否邊走邊吃？
民眾在室外通風、可維持社交距離的地方，可以脫口罩飲食，但夜市與傳統市場仍舊不可以邊走邊吃。
◎交通指引
1.　搭乘雙鐵可飲食？
台鐵與高鐵的列車上、車站大廳及候車區仍禁飲食，且搭車全程須配戴口罩，至於車站商場內的餐飲是否能夠內用，則配合地方政府的公告來辦理。
2.　能在車內飲食嗎？
車內的成員若皆為同住家人，那就可以同時脫口罩飲食，如果不是就要輪流。另外遊覽車目前則維持不開放飲食的規則。
3. 搭乘各式運輸工具要戴口罩？
搭計程車、公車、捷運、火車和高鐵都須全程配戴口罩。
◎教育指引
1.　開放哪些教育單位？
幼兒園、托嬰中心、課照中心、補習班、高中以下的暑期教學活動有條件開放。
2. 　可以去圖書館嗎？
圖書館禁行人流管制、維持安全設交距離，即可適度開放。
3.　社區大學開放了嗎？
目前社區大學僅開放受理秋季班報名，但實體課程暫不開放；而樂齡學習中心、K書中心也同樣不開放。
◎休閒娛樂
1.　哪些場所還是不開放？
歌廳、舞廳、夜總會、俱樂部、酒家、酒吧、酒店(廊)、錄影節目帶播映場所(MTV)、視聽歌唱場所(KTV)、理容院(觀光理髮、視聽理容)、遊藝場所、電子遊戲場、資訊休閒場所、休閒麻將館、桌遊場所及其他類似場所。
2.　美容美體、按摩開放了嗎？
空氣流通的營業場所可開放，但禁止提供個人密閉包廂室服務，且每張躺床及座位至少間隔2公尺，並在之間放置隔板、屏風或布簾等阻隔物；須要脫口罩的美容療程則暫不開放。
3.　可以報名參加旅行團？
旅遊業開放50人以下的旅行團，但搭乘遊覽車的時候，車上的麥可風僅限於導覽，不可以唱歌。
4.　可以上山下海了嗎？
休閒農場、遊樂園區、國家風景區等戶外空間皆已開放，而潛水和衝浪等水上活動也開放，但上岸後就要戴上口罩。
5.　室內場館都開放了嗎？
美術館、博物館開放民眾入場參觀，但須要事先預約，另也開放室內外的運動場館，像是保齡球館、撞球場也都開放。
◎宗教活動
1.　可以中元普渡嗎？
民眾可自行舉辦普渡活動，但普渡後的福宴、平安宴仍禁止舉辦。不過，目前仍禁止遶境、進香、遊行的活動。
2.　能否舉辦公祭？
民眾可以公祭、也可以進塔祭拜，但仍須要維持室內最多50人、室外最多100人的防疫通則規定。</t>
  </si>
  <si>
    <t xml:space="preserve">新冠肺炎持續在全球延燒，近期有兩名工程師都疑似是在台灣感染新冠肺炎，分別為比利時籍與日本籍，但究竟是本土感染個案，還是境外移入，至今還在調查中。對此，腎臟科醫師江守山在政論節目中直言，零確診絕對是虛幻的幻想，坦白講你認為回去的日本女學生、泰國移工、比利時工程師這些都不算台灣？沒列入台灣本土病例，台灣講這樣有點推得比較兇。
江守山在政論節目「新聞面對面」中痛批，日本女學生、泰國移工、比利時工程師等，這些都沒列入台灣本土病例，「台灣講這樣，有點推得比較兇」，他質疑這些人在台灣待這麼久時間，出去外面又說他沒問題，當然這包括各國檢測採用的CT值不一樣，我們講35，但人家都嚴格標準，「這中間產生我們感覺很好，別人不好」。
江守山也透露，台灣現在非常嚴格的檢驗篩檢的對象，你沒有明顯的症狀、旅遊史，就不給檢驗，在這態度下，永遠逮不到輕症者、所謂的無症狀感染者，因為這些人都沒有足夠原因讓你篩檢。
節目主持人謝震武也質疑，最近來講，很多從台灣要回國的外國人確診，現在開始要防第二波疫情？對此，江守山表示，大家都對疫情有過度想像，認為會自然消退，但事實不是這回事，這疾病跟一般流感一樣，沒抗體、疫苗、解藥，要搞兩年，但大家過度期望，造成過早開放等問題。
另外，美國衛生部長阿札爾（Alex Azar II）即將訪台，指揮中心指揮官陳時中表示採「外交泡泡」模式，抵台後不用再居家檢疫；對此，江守山則是痛批，「講外交泡泡是不適當講法，我們明知泡泡內不安全，怎叫泡泡？」
</t>
  </si>
  <si>
    <t xml:space="preserve">
免疫力，是抗病毒的第一道防線。飲食跟免疫力息息相關，防止病菌和病毒入侵，從日常好好吃開始。
現代人雖然大多吃得富足，其實經常是熱量過剩、營養不均衡而不自知。而鞏固「內在免疫戰備系統」，是抵抗細菌病毒的「馬其諾防線」。董氏基金會食品營養中心主任許惠玉指出，此時此刻，更該攝取多樣化的飲食，避免營養素缺乏，為身體抵抗力打底。
吃，到底關係到抗疫的哪些事情？聯新國際醫療集團聯新營養總營養師呂美寶指出，吃對營養，才能支持以下3種身體的免疫反應：
● 免疫細胞生成反應：身體會不斷製造各種免疫細胞和細胞荷爾蒙，過程中非常需要蛋白質和足夠的能量，及多種營養素支持及調節。
● 發炎反應：支持白血球攻擊外來敵人，產生發炎反應。但若發炎過度且持續，可能會造成組織損傷。
● 氧化反應：白血球在吞噬作用過程中會產生大量自由基，以便殺死病毒，但如果本身的抗氧化營養攝取不足，也會造成細胞損傷。
因此，讓身體免疫大軍養足戰力，呂美寶認為，有4大關鍵營養素：
◎維生素D
維生素D雖然稱為維生素，但科學界近年來有愈來愈多論證，認為它其實是一種荷爾蒙，能和體內許多細胞受體結合，改變細胞功能。
一份刊載在2017年《英國醫學期刊》的回顧性研究發現，體內維生素D太低的人經過補充之後，能降低急性呼吸道感染風險。
此外，在多發性硬化症、紅斑性狼瘡的研究中也看到，血液中維生素D濃度太低，恐怕會提高這些自體免疫疾病的風險。
◎維生素C
維生素C能夠幫助維持上皮細胞黏膜屏障，還能清除免疫大戰時產生的大量自由基，以免這些自由基繼續攻擊我們的細胞。
呂美寶指出，如果長期壓力大、運動過度或是抽菸，會導致體內維生素C濃度低，這時多吃富含維生素C的食物，可幫助免疫細胞的製造，以及免疫系統運作順暢。
◎維生素A
維生素A有助於維持皮膚、眼睛、呼吸道和消化道的黏膜屏障，並調節基因表現，讓免疫細胞功能運作正常，並且製造抗體。尤其如果身體裡有足夠的維生素A，能幫助維持疫苗有良好的效果。
鋅
礦物質鋅可促進上皮細胞的修復，也能幫助各類免疫細胞的生成與分化、以及抗體順利製造，因此，體內要有足夠的鋅才能幫助多種酵素正常代謝反應，讓免疫作用順利進行，並清除自由基。
除了這4項關鍵營養素之外，每天也要攝取足夠的優質蛋白質，以及富含Omega3脂肪酸的好油，可維持免疫細胞膜的結構，並確保細胞的訊息傳導順暢。
另外，腸道免疫系統的健康則可透過益生菌和膳食纖維相輔相成，因此必須吃足蔬果。
9大好食物 增強抵抗力
高脂中小型魚類
√維生素D　√脂肪酸　√蛋白質
吃3盎司（約85克）魚肉大約有400 I.U.的維生素D。每週建議吃3次中小型高脂魚類，例如鯖魚、秋刀魚、鮭魚等，可攝取足夠的維生素D，但最好少吃食物鏈頂端的大型魚類，例如鮪魚、旗魚，以免攝入重金屬物質。
</t>
  </si>
  <si>
    <t>瑞基（4171）受惠搭上新冠防疫列車，檢測產產品熱銷，激勵上半年合併營收3.86億元，歸屬母公司稅後淨利為9,800萬元，分別年增137％及126％，EPS高達2.41元，超越去年全年獲利。瑞基第二季歸屬於母公司稅後淨利8,477萬元，分別年增234％及261％，EPS達2.09元。
瑞基上半年各市場占比為：水產17.4％、畜產33.8％、伴侶動物5％、新冠肺炎36.3％。其中，畜產檢測因中國市場需求持續成長，較去年同期成長2.1倍，新冠肺炎需求持續增溫。另外，銷售地區則以中國33.7％居冠，其次為中東18.4％、台灣17.1％、印尼6.9％、巴基斯坦4％。
瑞基表示，下半年市場佈局仍以新冠肺炎檢測市場為主，已積極擴產備貨，7月試劑產量已提升至30萬劑，朝第三季生產百萬劑目標前進。第二套試劑自動化產線，為月產能100萬劑之產線，廠商預計9月下旬交機，第四季可投產。預期因試劑產量拉抬與正式外銷許可及製售證明取證，對未來業績將大有助益。</t>
  </si>
  <si>
    <t>新冠肺炎17日本土暴增333例，桃竹苗縣市政府都加大防疫力道。桃園市宣布天幕球場夜間停止使用，新竹市將著手規畫設立社區篩檢站，新竹縣則加強公共運輸業清消，並要求業者做成紀錄回報。
遊樂區、協力經營據點停業
遊樂區部分，桃園龍潭小人國和青埔Xpark水族館，新竹縣六福村和小叮噹主題樂園，即日起停業至28日。桃園市長鄭文燦說，市立的體育場館，室內型都已經關閉、戶外型也要強制戴口罩，但天幕球場常有年輕朋友群聚，即日起晚上不開燈、停止使用，避免群聚。
他昨天也到經國轉運站及桃園大廟景福宮，視察防疫情形。鄭文燦提醒，桃園啟動乘車實名制、梅花座、戴口罩、禁飲食，內政部也已宣布6月8日前暫停進入宗教場所，民眾務必要配合防疫。
新竹市長林智堅表示，市府將著手規畫設立社區篩檢站，全市公有市場18日起至5月28日一律不開放內用、禁止邊走邊吃，餐食僅供外帶。文化局與民間業者協力經營據點至6月8日配合政府暫停營業，包括辛志平校長故居、李克承博士故居、湖畔料亭、小兒子X新竹氣象站、新竹市玻璃工藝博物館、演藝廳1868咖啡烘焙館、將軍村開放圖書資訊園區。
防破口 協調露營區暫停營運
新竹縣有4起新冠肺炎確診個案，縣府交通旅遊處長游志祥昨率隊至高鐵新竹站稽查市區客運防疫情形，指日前已發函給公共運輸業者，務必加強車輛清潔消毒作業並記錄回報，每班次結束即針對座椅、扶手、扶桿等處清潔消毒。同時請尖石和五峰鄉公所協調，勸導兩鄉200多家露營區業者，即日起能自主暫時停止營業到28日，減少防疫破口，已有40多家業者配合。
苗栗縣則有1所國中學生曾與台南確診者搭乘同班列車，該生16日參加會考，該校2班87名學生昨起停課2周。</t>
  </si>
  <si>
    <t xml:space="preserve">新冠肺炎衝擊，高市旅宿業普遍剩1至2成住房率。高市旅館公會今（31）日號召百家「親善旅館」，提供居家檢疫者家人安心入住，最低1000元起。另有9家加入防疫旅館行列，目前700多房僅住滿一半，高市觀光局將視疫情狀況徵調。
高市旅館公會理事長周文彬指出，與其日需要居家檢疫的民眾入住防疫旅館，恐怕增加旅館風險，親善旅館更能保障旅客與員工安全，公會號召108家親善旅館，提供1000元、1400元、1800元不等的優惠房價。
周文彬表示，入住親善旅館者，必須持居家檢疫通知書等證明文件才能入住，基本上若與居家檢疫者在同一戶籍，通通都開放以優惠價入住。
高市觀光局長邱俊龍表示，對抗此波疫情，市府持續與旅宿業者、觀光公協會合作，推出「月月有精采」活動，3月為愛情月、4月為軍事觀光月，另也提供19噸漂白水、7萬多片口罩給旅宿業。
針對高市防疫旅館需求，邱俊龍指出，4月8日業務從衛生局轉交到觀光局，將盡全力協助媒合，目前有9家防疫旅館，徵得700多床，但住宿率僅一半，未來將視狀況徵調，口袋名單還有2、3間。
邱俊龍也響應高市府發起的「暖心相守寄未來運動」，他個人捐助5000元，鼓勵民眾預購訂房，希望在現金流短缺情況下，幫助業者度過難關，他也點名實踐大學高雄校區副校長丁斌首及高餐大副校長劉喜臨一同加入「暖心運動」。
</t>
  </si>
  <si>
    <t>新冠肺炎疫情蔓延，讓西洋娛樂圈大地震！不少大牌藝人及年度盛會因安全考量，紛紛宣布取消或延後，包含天后瑪丹娜（Madonna）、「花蝴蝶」瑪麗亞凱莉（Mariah Carey）、加拿大天后席琳狄翁（Celine Dion）的演唱會皆受波及，其中席琳狄翁近來出現感冒症狀，11日特別澄清非染上新冠肺炎病毒，並將原訂本周舉辦的演唱會延期至今年11月。
喜劇演員亞當山德勒（Adam Sandler）即將啟程的單人脫口秀巡迴之旅臨時喊卡；各大脫口秀與深夜節目包含金獎主持人艾倫狄珍妮（Ellen Degeneres）的《艾倫秀》、英國主持人詹姆斯柯登（James Corden）的《深夜秀》、吉米法倫（Jimmy Fallon）的《今夜秀》等皆有共識，全部取消觀眾至錄影現場，防範群聚造成的傳染。
湯姆克魯斯（Tom Cruise）2月底在義大利威尼斯拍攝《不可能的任務7》時，因疫情影響受困飯店自主管理，劇組也停工撤離，威尼斯已於本月8日封城，《每日郵報》也於12日曝光「阿湯哥」的最新行蹤，他被捕捉到在倫敦搭乘私人直升機的照片，還有說有笑地跟工作人員擊拳示意。
此外，迪士尼推出的漫威影集《獵鷹與酷寒戰士》也是相同命運，因拍攝地捷克布拉格疫情嚴重而停工；美國福斯電視網的影集《neXt》日前才在芝加哥完成拍攝，11日就驚傳劇組人員確診新冠肺炎，《綜藝報》爆料該員工染病後還持續到片場工作，消息一出人人自危。
疫情恐慌加劇，金獎影后瑞絲薇斯朋（Reese Witherspoon）與凱莉華盛頓（Kerry Washington）原定13日舉行Hulu新劇《星星之火》（Little Fires Everywhere）首映喊停。此外全球最大的電影博覽會「CinemaCon」原定於30日至4月2日在拉斯維加斯舉行，因防範疫情主辦方宣布停辦；一票漫威明星擔任嘉賓的「ACE動漫展」也將本月20至22日於波士頓的活動延期至10月。
原訂於5月舉辦的法國坎城影展原樂觀表示活動照常進行，11日影展主席皮耶李松（Pierre Lescure）向法國《費加洛報》坦承，若4月情況沒有好轉，今年影展就會考慮取消；年度時尚盛會「Met Gala」也正在觀望，目前仍維持5月於紐約舉辦。如今新冠肺炎疫情的衝擊來勢洶洶，歐美不論是影壇、歌壇還是電視圈都面臨重大考驗。</t>
  </si>
  <si>
    <t>香港有醫學機構研究發現，新冠肺炎感染病患在染病初期，體內就已有大量病毒，容易造成廣泛的感染。該研究並建議現行的檢疫方法，應擴大為深喉唾液檢測，才能有效地找出處於潛伏期的患者。
由香港大學講座教授袁國勇等專家及瑪麗醫院專家組成的醫學研究團隊，在醫學期刊《刺針》（The Lancet）發表關於新冠肺炎的研究。該團隊針對今年1月22日到2月12日被確診的患者進行研究，其中發現患者在感染的第1周，體內就有大量病毒，不過不少個案初期症狀輕微、甚至完全沒有症狀。
該研究又發現，有3分之1的確診病患，其體內留存的病毒長達20多天。實驗將抽痰、驗尿以及糞便等檢驗方式進行比較，當中發現病毒抗體會在感染後7至10天才出現，因此在發病初期以抽血驗抗體的方法可能出現「假陰性」，而唾液則含有大量的病毒，研究團隊認為以唾液檢驗的成效最佳，建議推廣。
該研究也指出，年長的確診病患體內是平均值的10倍之多，治療方式必須因應病毒的特性，採用多種抗病毒藥物。
港大微生物學系臨床副教授杜啟泓表示，新冠肺炎確診病患初期症狀輕微到可能只有一點喉嚨痛或不明顯的感冒徵兆，民眾切勿認為因症狀不明顯，就一定不是新型冠狀病毒。
杜啟泓指出，與SARS不同，SARS的病毒數量在染病後第2個星期才達到高峰，而新型冠狀病毒的感染在社區爆發的狀況普遍，原因就是一開始病人還未住院，體內病毒數量就已經很高。
杜啟泓表示，如果採取鼻咽檢查，會造成不適感，甚至可能會流鼻血，以前傳統取喉嚨標本化驗，會需要醫護近距離接觸病人。因此在採取這些標本時，會導致病人咳嗽、打噴嚏等。這樣會使得病人傳染病毒給醫護人員的風險大增。</t>
  </si>
  <si>
    <t>新冠肺炎疫情趨緩，澎湖縣率先開放酒店、舞廳業者恢復營運，全台都在看本島誰開第一槍，台南市長黃偉哲14日下午視察北區萬象大舞廳，業者做足防疫還自加實名制，就盼黃偉哲開金口允諾鬆綁解禁，但黃最終都沒鬆口。
因應新冠肺炎疫情，全台從4月9日起宣布舞廳、酒店等有女陪侍業者停業，迄今月餘，中央流行疫情指揮中心稱酒店與舞廳業只要「符合個人防線能夠做好、業者管理能力許可、主管單位的監督跟執行能力都完善」就可以解封，不過全台僅澎湖縣率先開放，本島尚無縣市敢開第一槍。
黃偉哲13日先突擊KTV業者，發現仍有違規店家，即刻開罰，14日下午再到北區萬象大舞廳視察。業者事前做足準備，包括店內採梅花座、桌子加增隔板，工作人員戴口罩、護目鏡、量體溫、酒精消毒等，並要求顧客攜帶身分證採實名制。為求官員信任，還將多餘桌椅堆砌舞池當中，證明暫不開放跳舞。
萬象大舞廳曾姓業者表示，每月租金就要80萬基本開銷，旗下少爺、小姐等上百位員工一時失去生計，同業都希望政府體會從業人員苦衷，趕緊開放營運。
黃偉哲視察後未鬆口何時開放，他稱，業者一直有復業的聲音，視察後仍會視業者防疫執行是否符合中央規定。若經會勘、討論無虞，未來就依標準開放。</t>
  </si>
  <si>
    <t>桃園某醫學中心加護病房護理師9日確診，桃園市衛生局長王文彥說明，這名護理師1周前返回台北住家，由姊姊的友人載回來，但友人7日確診，院方隨即安排她採檢也確診。隨即疫調病人、同事70多人全部陰性，因此研判是院外感染，也進行必要隔離處置。
院方9日也說明，已經全面對環境採檢清消，並依中央流行疫情指揮中心的指引，將護理師發病前3天的接觸者全匡列採檢隔離，並自主健康監測。</t>
  </si>
  <si>
    <t xml:space="preserve">
鴻海土城廠今天傳出有員工確診，是靠創辦人郭台銘所投資的唾液快篩機揪出。不過中央流行疫情指揮中心今天表示，個案經PCR採檢後又變陰性，因此目前暫時保留不予列案，會再多採一次確認。
指揮中心發言人莊人祥今天表示，鴻海土城廠員工的檢體今天上午被送到衛福部昆陽實驗室進行傳統的PCR檢測，發現僅有單基因N表現為陽性，另一個指標基因E則為陰性，由於一般認定確診者都需要雙基因陽性，因此此案將先予以保留。
至於鴻海所採用的唾液快篩試劑，莊人祥表示，根據了解目前食藥署還沒通過該產品能供使用，這部分需要由食藥署研判在公司內使用的合法性，該陽性員工目前經PCR檢驗結果都只有單基因陽性，Ct值大於30，因此還會再多採檢一次確認。</t>
  </si>
  <si>
    <t xml:space="preserve">加州洛杉磯蘭卡斯特（Lancaster）州立監獄的一名囚犯經新冠肺炎檢測後，呈陽性反應。官員22日宣佈，這是州立監獄出現的首宗新冠肺炎病例。
據KTLA 5電視台22日報導，這名囚犯因為3月19日告訴獄方，說他覺得身體不適，當日起已隔離。接著他在3月20日檢測，並於22日獲得呈陽性反應報告。不過，他目前病況穩定，並接受治療。
就在官員調查，究竟是誰感染了這名囚犯時，當局已限制獄內行動。而任何有可能遭感染的對象，也將被隔離。
雖然加州州立監獄至今還沒有其他囚犯出現症狀，但奇諾（Chino）加州男子監獄（California Institution for Men）兩名工作人員已感染新冠肺炎，還有沙加緬度加州州立監獄（California State Prison）的兩名工作人員，以及1名扶桑州立監獄（Folsom State Prison）的工作人員都受到感染。
</t>
  </si>
  <si>
    <t xml:space="preserve">《央視》16日晚間宣布，在國家法律政策允許下，並獲得患者家屬同意之下，2月16日凌晨3時許將大陸第一、二例因新冠肺炎逝世患者，其捐獻遺體解剖的患者解剖工作完成，已成功得到病理。
同一日的18點45分，大陸全國第2例新冠肺炎逝世患者的遺體解剖工作也在金銀潭醫院順利完成，這兩具解剖病理目前已被送檢。
報導中表示，由解剖獲得的病理，對探索新冠肺炎臨床的病理改變，疾病機制等有重大幫助，並能從根本上尋找新冠肺炎的致病性、致死性，給未來臨床治療危重症患者提供依據。
</t>
  </si>
  <si>
    <t xml:space="preserve">新冠肺炎疫情尚未平息，台灣大(3045)宣布，以實際行動力挺前線醫護人員，從今(22)日起到5月底，醫護人員憑證申辦指定專案，包括本周五將開賣的蘋果iPhone SE等新機在內，均享有購機再折價2,000元的優惠，另外，台灣大5G早鳥方案也全面升級，並擴大適用對象，搭配「自由選」或「好速成雙」專案者，5G開台後，即可再享購買5G手機折價2500元的優惠。
台灣大表示，天起，醫護人員憑服務醫院/診所工作證或醫療專業人員證書，申辦台灣大999(含)以上指定購機專案，就立即享有購機折2000元的優惠，且適用於市面上所有機種，以最新的iPhone SE(64GB)為例，醫護人員申辦1199元資費，綁約36個月，再經購機優惠方案折價後，就可以0元輕鬆購機，並享上網與網內通話吃到飽，再送900分鐘網外通話費。申辦台灣大自由選專案商品，也同樣適用折價2000元的優惠。
台灣大除了力挺抗疫英雄外，因應5G下半年開台，今年2月率先於門市推出「4G升5G早鳥案」，引發競業跟進，同時也帶動用戶熱烈迴響。由於近來肺炎疫情再度升溫，許多民眾持續在家辦公，也讓3C商品跟著熱賣，為此，台灣大推出「5G早鳥案2.0版」，從即日起至6月底，擴大適用對象，消費者只要申辦1399元以上資費，搭配「自由選」或「好速成雙」專案，5G開台後，換約即享購買5G手機折價2500元的優惠。
至於即將在周五開賣的iPhone SE，台灣大在上周啟動預約與預購機制，根據統計，預購/預約數量達到近萬支，其中，預購方面以黑色最受歡迎，占比高達55%，容量以128GB最多，占了53%；預約同樣以128GB最受果粉青睞，占比59%，顏色部分則以黑、白兩色平分秋色，各占37%。
</t>
  </si>
  <si>
    <t xml:space="preserve">This might be the best case scenario:Early July- start of the NBA playoffsMid-August- NBA FinalsEnd of August- DraftSept. 1- Start of FASept. 10- Summer/fall leagueDec. 10- training camp opensDec. 25- regular season opens (82G)Mid-June- regular season ends
儘管當前美國新冠肺炎疫情仍處高峰，《ESPN》薪資專家馬克斯仍然提出NBA最佳的復賽方案或版本，他認為NBA最好是在7月上旬，直接從本季季後賽開打，等到8月中旬進行總冠軍賽，下個完整82場例行賽球季才能在耶誕節開幕。
馬克斯提出最佳復賽版本如下：7月上旬季後賽開打、8月中旬總冠軍賽開打、8月底選秀大會、9月1日開啟自由市場、9月10日夏季或秋季聯賽、12月10日季前訓練營、12月25日新球季開幕(82場例行賽)、明年6月中旬例行賽結束。
只是馬克斯所提出的最佳復賽版本，前提仍是美國新冠肺炎疫情能夠有效控制，目前美國確診案例已經突破50萬大關，死亡人數也破2萬人，看來今年6月底之前確實毫無重新開打的可能性，馬克斯的最佳復賽版本，恐怕也會繼續延下去。
</t>
  </si>
  <si>
    <t xml:space="preserve">
新冠肺炎全球延燒，中央流行疫情指揮中心宣布將日、韓旅遊提升為第二級警示，澎湖縣長賴峰偉22日在防疫會議中表示，目前正值防疫非常時期，縣府團隊每人都是防疫人員，更應上緊螺絲，全力投入防疫，且為降低感染風險，即日起同仁禁止請假出國。
新冠肺炎疫情持續擴散各國，日本確診數已達740例，多例感染源不明，南韓確診數更是一夕暴增142例，且有群聚感染現象，除了亞洲地區，歐洲也無法倖免，義大利1天之內確診17例，並傳出首宗死亡案例，疫情在世界各國持續蔓延。
繼新加坡之後，中央流行疫情指揮中心宣布日本與韓國旅遊警示提升至第二級警示，目前中港澳及日本、韓國、新加坡、泰國皆被列為旅遊警示，而上述都是國人喜愛旅遊的熱門國家，旅客非必要前往旅遊或採取加強防護措施。
賴峰偉表示，新冠肺炎盛行期間，出國旅遊隨時都有感染風險，萬一回澎湖傳染給家人，擴散成社區傳播，疫情將變得很難控制。
賴峰偉指出，澎湖現在零確診個案，防疫非常時期，應超前部署，提前防範，縣府團隊人員應以身作則，做為縣民示範，避免出國旅遊，即日起禁止同仁請假出國者。
賴峰偉說，對抗新冠肺炎確保澎湖淨土，希望大家共體時艱，暫緩出國計畫，也呼籲各鄉市公所、各駐澎湖行政機關都能規範同仁比照辦理，守護澎湖鄉親健康。
新冠肺炎,新冠肺炎NCP,台灣,澎湖</t>
  </si>
  <si>
    <t>燦坤集團從旅行業「撤退」，燦坤集團旗下燦星網公告，因外界經營環境變化，整體營運表現未如預期持續虧損，董事會決議處分所持約53％燦星國際旅行社股權，預估處分投資利益約在2,861萬元至1,961萬元間。
燦星旅亦發訊息表示，公司已接獲侯佑霖、鄭寶蓮等二人申報及公告之公開收購申報書，並已簽訂股份買賣協議書。由於侯佑霖是亞果遊艇集團董事長，旗下有亞果遊艇開發、亞澎遊艇開發、亞青海洋文創、錚儀遊艇、樂活海洋學院、亞果國際潛水等六大企業，市場預測他收購燦星旅後，可望結合本業進一步發展。
燦星旅行社成立於2003年，是國內第一代網路旅行社，主要操作行程以日本與東南亞短線團體行程為主、自由行行程為輔，並兼營各種國旅行程與機票票券和旅館訂房業務。挾母集團燦坤3C連鎖門市實力，燦星旅一度曾嘗試以複合店型式與燦坤3C門市合體共構，希望藉此快速發展連鎖門市提高市占，但開店租金與人力成本皆高，且公司未獲利，目前僅剩23家實體門市。
燦星旅已連續多年虧損，自2015年至2018年每股虧損分別為0.42、1.78、3.31、2.96元。燦星旅2019年營收16.97億元，年減24.45％。
今年新冠肺炎強襲，旅行社與航空公司與觀光飯店是三大受災最重產業，包括雄獅、鳳凰、五福、山富與易飛網等上市櫃旅行社全受到嚴重衝擊，統計包括燦星旅在內的6家上市櫃旅行社2月營收總計25.46億元，年衰退40.35％，其中燦星旅2月營收年減76.94％最多。資深旅遊同業認為，燦星網此時處份燦星旅股權下車，新冠肺炎疫情應是那「稻草」。</t>
  </si>
  <si>
    <t>為有效防堵新冠肺炎院內感染，中醫大新竹附設醫院院長陳自諒與團隊連結產業界，結合醫令條碼掃描自動報到系統，研發「新冠PCR智取箱」檢驗機台，不僅降低醫護人員跨單位互相接觸，更大幅提升篩檢量能及便利性，榮獲第18屆「國家新創獎-臨床新創獎」殊榮。
陳自諒表示，在疫情高峰期間，為有效降低高風險員工跨單位接觸，減少行政及採檢作業負擔，醫檢驗科與聯毅科技合作研發的「新冠PCR智取箱」，不僅可免除民眾戳鼻之苦，也大幅提升PCR檢驗量能和便利性。
「新冠PCR智取箱」結合醫令條碼掃描自動報到系統，製成一台零接觸自動報到領管系統，可搭配醫院PCR檢驗項目，以客製化模式推廣到預住院病人、陪病家屬篩檢及其他醫療院所，也可以和社區檢驗所或有定期篩檢需求的學校機關簽約代檢，在指定地點設置機台，增進PCR廣篩效益。
陳自諒說，這項科技防疫創新技術第1個優勢是，透過掃碼，自動取管，衛教影片，杯架式出口，民眾自採，感應式檢體回收箱等流程達成「零接觸」。
其次，搭配的保存液、保冷系統及衛教影片標準化深喉唾液PCR檢體收集及前處理。再則有資訊管理系統，掌握每時期篩檢狀況。具便利補管設計，包括模組化系統可盤式更換，line通知等，而在疫情過後可擴充為不同容器的備管機。
陳自諒帶領團隊獲獎的成員有，中醫大新竹附醫副院長阮春榮、檢驗科主任楊晶安、總技師林建佑、小組長張麗禎、資訊室主任謝嵩淮、助理程式設計師楊豐銘及聯毅科技處長蘇閔財等人，12月17日將在台北國際會議中心接受頒獎表揚。</t>
  </si>
  <si>
    <t xml:space="preserve">抓準防疫商機，威潤(6465)旗下防疫品牌滅菌者聯盟UVengers宣布於2021年開始陸續上市深紫外線系列除菌新品，搶攻市場商機，看好隨著新產品上市，未來將將對營收成長帶來挹注。
威潤因應全球防疫趨勢所創立新品牌滅菌者聯盟UVengers，於2020年第四季即推出備受好評的首款產品攜帶式除菌棒UV1。UV1外型輕巧攜帶便利，搭載日本知名領導大廠旭化成60mW高功率、具有最佳除菌效果的265nm波長的深紫外線燈珠(UV-C LED)。
威潤除了與日本知名領導大廠旭化成(Asahi Kasei)簽訂合作備忘錄(MoU)研發深紫外線除菌新品外，也與國內其他優良企業合作，將推出大範圍場所適用的商用手提式除菌燈、工業用大型除菌產品、室內空氣除菌機，以及無需淨空人員也能安心在公共空間使用的除菌吊燈等。
旭化成集團(Asahi Kasei)也點名威潤在企業執行力、市場策略及創新科技研發上的卓越表現，將威潤列為下一代新品開發首要合作對象。雙方近期已簽訂MoU，規劃利用旭化成最新推出之空氣除菌模組，共同開發結合空氣循環裝置與深紫外線燈珠的高科技除菌產品。
環保署先前釋出「應符合室內空氣品質管理法之公告場所」草案明訂，全台大專校院、社會福利機構、運輸業、商場、地區型醫院、部分政府辦公場所以及幼兒園、產後護理機構、托嬰中心等，預計自110年度開始嚴加管控室內病菌濃度，為此，滅菌者聯盟UVengers也洞燭先機，結合績優廠商研發含深紫外線燈珠技術的室內空氣除菌機，可以運用在擁擠或具傳染風險的空間，預計未來新產品的問市將對營收成長帶來正面的挹注。
另外，威潤也將在2月26日至3月1日婦幼用品大展，更設立「媽媽寶寶除菌站」，讓民眾免費使用UV1將手機、寶寶等隨身物品除菌，協助參觀的民眾防疫更加升級。
</t>
  </si>
  <si>
    <t xml:space="preserve">繼日前提出消毒水殺新冠病毒的說法後，美國總統川普今天又語出驚人，他坦承最近一直在服用瘧疾用藥「羥氯奎寧」(hydroxychloroquine），來預防冠狀病毒。對於「羥氯奎寧」的療效，科學界指出，目前仍待證實，盲目推廣恐導致深遠的危害。
川普日前提出注射消毒水殺新冠病毒的倡議後，當地衛生部門處理許多因為不當接觸消毒劑而送醫的病例。川普今天主動向記者透露，最近一到一個半星期以來，他每天服用一顆「羥氯奎寧」以預防感染新冠病毒。川普告訴記者：「我認為這很好，我聽到了很多好故事，如果不好的話，我會告訴你的，我不會因此受到傷害的」。川普突發性爆料讓媒體錯愕，追問川普是否確診？川普表示，他每兩天進行檢測一次，結果均為陰性，服用「羥氯奎寧」只是預防感染新冠肺炎；除此之外，他還服用鋅片。
今年2月，一篇指「羥氯奎寧」（Hydroxychloroquine）可治療新冠肺炎（COVID-19）的中國大陸研究迅速傳播全球，以美國總統川普為代表的政治人物大肆宣揚「羥氯奎寧」的神奇療效。但是，科學界指出，「羥氯奎寧」的療效目前仍待科學界證實，盲目推廣恐導致深遠的危害。最近的研究報導，使用「氯奎寧」或「羥氯奎寧」的患者出現嚴重、甚至致命的心髒病，尤其是在高劑量或與某些抗生素一起使用時。美國全國過敏和傳染病研究所（NIAID）所長佛奇（Anthony Fauci）也曾指沒有科學證據證明有效。
不過，川普堅信這種藥物可以安全使用。他堅稱自己與生產這種藥物的公司沒有任何經濟利益，他還說：「你會驚訝地發現有多少人正在服用這種藥物，尤其是前線工作人員」。
</t>
  </si>
  <si>
    <t>華航衡量全球新冠肺炎疫情現況，為減少公司虧損，已與公司企業工會排定明（20）日下午進行勞資協商，公會理事長劉惠宗表示，只要不裁員，什麼都可以談，對於有媒體寫說工會不接受減薪兩成是錯誤報導，工會主要是訴求主管減薪幅度一定要高於員工，現在要減幾成薪公司都還沒有提出。
另每個部門狀況不同，像機場客運櫃台幾乎停擺，貴賓室也關了，而貨運部門忙得不可開交，還需要其他部門支援，不可能做減班休時，貨運部門減不減薪也要談。
華航人事成本約占公司營運成本13.6％，根據民國107華航年報揭露的華航個體財報資料顯示，當年用人費用（含薪資、退休金、勞建保、員工福利、董事酬勞）約為215.51億元，員工人數12,418人，平均每月薪資支出高達17.93億元。華航內部分析，減薪應是減基本薪，以華航一個月基本薪支出約11、12億來算，減薪兩成一個月可以省下2億多元，減班休時部分則形同輪休無薪價，狀況較為複雜。
由於華航在機場櫃台與貴賓室用了較多時薪員工，因此正職員工影響較小。修護部門則是利用這段時間飛機停飛時間大幅拉長機會，對飛機進行深層修護，有利疫後飛航安全。 華航企業公會共有六個分會，包括總公司、空服、航務、維修、台北分公司與高雄分公司。</t>
  </si>
  <si>
    <t>新北市今日公布沒有確診案例，不過卻在下午傳出染疫幼兒園的負責人確診，由於她先前身體不佳，已鮮少出入幼兒園，是否也是同一批群聚案。新北市衛生局表示，今天接獲通知，一名與幼兒園相關個案採檢PCR陽性，立即啟動疫調，目前正在積極進行相關防疫措施，詳細訊息將在明天統一公布說明。
據了解，她今日出現喉嚨不舒服等症狀，到亞東醫院就醫時採檢確診。
據悉，包括園方人員與市府相關單位都接到通知，但因該名負責人近期因身體不適，已鮮少到幼兒園，是否為這起幼兒園群聚個案，仍待衛生單位進一步釐清。
中央流行疫情指揮中心晚間回應，有關北部某幼兒園案新增加一名檢驗陽性個案，相關疫調尚在進行中，將於明(16)日下午記者會統一說明。
★《中時新聞網》提醒您：因應新冠肺炎疫情，疾管署持續加強疫情監測與邊境管制措施， 如有疑似症狀，請撥打：1922專線，或0800-001922，並依指示配戴口罩儘速就醫，同時主動告知醫師旅遊史及接觸史，以利及時診斷及通報。</t>
  </si>
  <si>
    <t>道奇救援王簡森(Kenley Jansen)終於回來了，遲到一個多星期才向訓練營報到，他自曝原因是「全家都感染新冠肺炎」。他的兒子最先出現症狀，檢驗之後發現兩個小孩和簡森夫妻全都染病。簡森說：「鄭重提醒大家，盡可能隨時戴著口罩。」
簡森一家在上個月染病，他自己也莫名其妙，因為他一直非常小心，幸運的是他們全家都已經痊癒。「我現在感覺非常棒，我得病的第4天開始就好多了。」簡森家裡有健身房，他養病的時候也能自己練球。
身為兩度霍夫曼獎得主，上季是簡森在道奇10年表現最差的一季，自責分率3.71跟全盛時期差別很大，可能受到他心臟手術的影響。這次挺過新冠肺炎讓他更有自信，「我自主訓練將近3個月了，我空閒的時間都拿來訓練。」總教練羅伯茲(Dave Roberts)表示他本來也沒想好終結者的替代人選，他堅信簡森能夠趕回來。</t>
  </si>
  <si>
    <t>中央流行疫情指揮中心專家諮詢小組成員、台大感染科醫師李秉穎日前爆料，3+11政策沒有經專家小組討論，完全是指揮中心自行決定。指揮官陳時中今重申，自己會負最後的責任，「但若要一件一件會議都公布，我實在是沒辦法，這一年來每天要開的會太多，要決定的事情太多。」
陳時中表示，3+11的緣由是從過年專案還有一些相關的機師染疫事件，最後決定要把它升級，為的是確認所有管理是否合乎要求，而機師也不是有特別罪過，一定要加強檢疫規定，因此當時我們針對外站的管理是否落實，決定加強管理機制，並設法監督航空公司落實。
陳時中說，當時也經大規模PCR檢驗，共6000多人都是陰性，因此考慮在管理上軌道後，逐步放鬆檢疫措施，但最後還是比原來的方案嚴格。畢竟機組員肩負國內經濟，有貨運上的必要性，工作上也相當辛苦。
陳時中強調，這些過程他都在立法院報告過，自己就是負最後的責任，但若要每一場會議都拿來檢討，真的是沒有辦法。</t>
  </si>
  <si>
    <t>疫情嚴峻，新北市中和警分局5名警員染疫，分局立即做駐地大清消的動作，分局長李建廣為避免再有同仁染疫，極力爭取疫苗供第一線員警施打，市府調配100劑的疫苗，今（31日）優先提供給中和警分局的同仁施打。
李建廣表示，以第一線外勤人員願意施打優先登記，登記完後造冊提供給衛生局施打人員，並要求嚴謹核對確實為名單上的人員才可施打，讓外勤同仁可以安心值勤。
對於有員警反映身為外勤單位人員，在外執勤時長時間的接觸民眾，無法確認當下所接觸的人是否為確診個案，時常身在險境之中，卻遲遲沒有被安排施打疫苗，李建廣表示，其實在疫情爆發前一直持續爭取疫苗提供同仁施打，但因為當時同仁施打意願普遍不高，到第二波疫情爆發後，仍有持續要求同仁施打疫苗，但成效不彰。
李建廣表示，市府優先調度100劑疫苗先提供給第一線外勤同仁施打，因中央配發第一批疫苗是優先提給防疫線上醫護人員，而衛生所亦表示下若有多餘會優先給外勤同仁施打。另在警政署極力爭取後，第二批的疫苗提供給警察專用疫苗，將於6月1日才會送達，到時會有衛生局人員協助配合，並要求每個同仁完成疫苗施打。</t>
  </si>
  <si>
    <t>行政院今宣布7/27降為二級警戒，根據昨晚流出的二級指引，顯示即便降為二級，民眾外出仍須全程配戴口罩。對此，一名網友憤怒地說，強制要求繼續戴口罩，根本就沒資格叫降級。相關議題引發網友討論，只見指引再度落落長，也讓網友們忍不住酸道，降級後規定又一堆，「出個門還要帶小抄，不然不知道自己到底有沒有違法。」
一名網友昨在PTT上發文表示，在戶外空間，只要不是人潮擁擠的地方，脫下口罩運動、野餐，呼吸一下新鮮的空氣，到底是危險在什麼地方？目前確診過的案例，到底有幾例是在戶外感染的，指揮中心能說說看嗎？」
該網友指出，都說要降為二級警戒了，開放內用、室內群聚，卻不開放戶外不用戴口罩，讓他覺得根本就沒有道理。當然並不是說到戶外就完全不用戴口罩，也是可以規定民眾進夜市、市場或其他人潮擁擠的地方，必須要強制戴口罩，但去公園慢跑、去爬山踏青或去海邊看海，都說降二級了，還有什麼資格要求戶外全程戴口罩？
該網友說，二級就是擁擠、無法維持社交距離的地方才要戴口罩；三級是在戶外場所全程都要戴口罩；四級則是連室內家戶都要全程配戴口罩，但如今沒有調整到戶外可維持社交距離就不用全程戴口罩，就別騙人家說降級了。
該網友也崩潰直呼，一想到明明降級了，出去外面跑步、散步、買水和飲料也都得戴口罩，無法邊走邊喝，「跟我講這叫降級，降XX的垃圾級」。
貼文引起熱烈討論，部分網友認為不戴口罩會增加染疫風險，因此為了防疫，大家還是再忍耐一下；但也有網友認同原PO的話，認為室內空間可以脫口罩用餐，但自己去戶外爬山踏青卻要戴口罩，怎麼想都怪，而且降級後的規定一大堆，出個門還得要帶小抄，不然還真不知道自己到底有沒有違法。
昨晚流出降為二級警戒的相關指引，開放超商、賣場內用，許多家長關心的托嬰與補習班也都可開放，但戶外仍維持全程戴口罩的規定。中央流行疫情指揮中心發言人莊人祥也證實，該表格確實是指揮中心與地方開會的草案，但是否定案仍在討論中，有定案就會公布。</t>
  </si>
  <si>
    <t>精選《中時新聞網》5件不可不知的國際大事，帶讀者掌握今天(3月13日)的國際新聞重點。
【1】一天墜10趴 道瓊收跌2352點 32年來最慘股災
美股周四慘遭血洗，道瓊指數當日開盤時就已經重跌超過一千點，中途經歷了「技術性融斷」，聯邦儲備局向市場溢注資金等措施，都無法挽回美股直墜的趨勢，收盤時三大指數皆深跌將近10%，為1987年以來最嚴重的單日跌幅。
【2】黑色星期四 歐洲三大股市紛紛崩盤創紀錄
由於新冠肺炎肆虐，WHO宣布大流行，加上油價重挫，全球經濟受到重創，各國股市滿目瘡痍。週四除了美股崩盤以外，歐洲各國也難逃股災的命運，特別是在川普宣布所有從歐洲前往美國的旅客，未來30天禁止入境的禁令以後，歐洲3大股市同以收盤超過10%的幅度崩跌，紛紛創下數十年或有史以來最慘跌勢，就連歐洲中央銀行推出的護盤措施也無法阻擋賣壓湧現。
【3】法國總統宣布 疫情才剛開始 全國學校無限期停課
法國總統艾曼紐·馬克宏(Emmanuel Macron)於周四晚間發表電視演說，向法國全國民眾宣布，新冠肺炎的疫情才剛開始，政府將傾全力研發對付新冠肺炎的疫苗，全力整合醫療資源，全國學校下周一起，無限期關閉，民眾有義務降低出門、減少與他人接觸的機會。
【4】菲常緊張 馬尼拉封城 杜特蒂受檢測
菲律賓總統杜特蒂3月12日晚間證實，為了遏制新冠病毒肺炎在菲律賓的傳播，首都馬尼拉將陸海空全面封鎖30天，共封鎖17城。國際疫情不斷擴散，伊朗確診者昨也突破萬人，伊朗已向國際貨幣基金會緊急申請50億美元貸款抗疫，這是伊朗1962年以來首次向IMF提出這樣的要求。
【5】川普抗疫採取緊急行動！美對歐封關30天 祭紓困措施
美國總統川普11日宣布，為防止疫情在美國蔓延，從當地時間13日午夜起30天內，美國將暫停除英國外所有歐洲國家公民前往美國的旅行，並將對受新冠病毒影響的小企業和個人提供經濟救助。此外，因為疫情，白宮和美國國會都宣布即日起對公眾關閉，直到4月1日。</t>
  </si>
  <si>
    <t>全球陷入疫情恐慌，不過因鉛酸電池需求持續，國內鉛錠龍頭泰銘（9927）營收與疫情連動性低，今年2月單月營收年增達28.65％，以今年前2月與去年同期比較，仍成長2.36％，鉛錠每噸持穩在1,800美元到1,900美元之間盤整，降低進貨觀望心理，是推動營收的主要原因。
泰銘發言人童新沅11日指出，泰銘鉛錠的下游客戶製造商，不是以大陸作為生產基地，加上影響客戶採購鉛錠的因素，仍以價格變動為主要考量，因此，泰銘的營收，跟「新冠肺炎」（COVID-19）的連動性，相對的低。
童新沅表示，今年1月迄今，英國倫敦金屬交易所的國際鉛錠價格，相對抗跌，一直持穩於每噸1,800美元到1,900美元的大間盤整，對於吸引下游客戶進場採購鉛錠，具有信心推升作用。
國際鉛錠價格這2年來的最低價，出現在2019年5月的平均價1817.21美元，今年3月10日的價格約1,859美元。
他說，鉛錠買賣最擔心的是價格暴漲暴跌，一旦出現恐慌性下跌，客戶觀望的心理就會出現，希望能夠再等價格低一點再進場，不過，即使價格持續跌落，泰銘對長期合約的客戶，也會根據市場變動的價格，給予反應，因此，長約客戶也不會在乎短期價格的波動。
童新沅指出，鉛錠作為鉛酸電池的主要材料，市場需求不會間斷，未來則要看全球的經濟景氣變動。</t>
  </si>
  <si>
    <t xml:space="preserve">新冠肺炎疫情蔓延，餐飲業首當其衝，屏東知名早午餐業者找來日曬麵廠商齊打團體戰，透過品牌結盟方式推出雞湯日曬麵，並攜手美食外送平台，盼將「風和日麗」送到消費者家裡，一同迎接陰霾後的曙光。
傳承60年的家傳掛麵手藝，長安製麵吳冠翬說，北緯23.5度的屏東，有著全台日照最長的優點，手工整麵重複碾壓，堅持不速成烘乾，完全透過日曬，讓麵條展現最真實的筋性與韌性，這飽滿的陽光也讓人每一口都感受到和風暖陽的心意。
不過受到疫情影響，下游麵攤、店鋪生意直線下滑，自家麵條業績也跌了超過3成。早午餐業者徐皖台坦言，隨著疫情升溫，餐飲業沒有生意、人走不進來，讓他驚覺，所有人都不能置身事外，更無法像過去一樣繼續單打獨鬥。
於是決定採取品牌結盟方式，並委託外送平台，推出新品日曬麵，徐皖台說，既然日子過得苦悶，就把陽光幸福送到民眾手上，因為他堅信，陰霾過後還是盼得到陽光。
外送美食平台區經理蘇子翔指出，公司外送初衷便是「外送幸福」，近期更力推「安心配送流程」，除要求外送夥伴每日落實防疫自主檢查、定期調查外送夥伴呼吸道症狀及旅遊史，並宣導無接觸送餐，建立消費者、店家及外送夥伴都健康安心的配送環境。統計整個3月，訂單已比過去翻倍成長。
</t>
  </si>
  <si>
    <t>新冠肺炎疫情升溫，台南市新化年貨大街是否照辦引發民眾討論，台南市副市長趙卿惠20日中午至新化區公所討論年貨大街防疫事宜時表示，將以提高防疫措施方式舉辦，除實聯制入場，更增設電子圍籬基地台，居家檢疫民眾進入就會收到簡訊，但年貨大街最後是否舉辦仍會視疫情發展狀況決定。
趙卿惠表示，新化年貨大街地點比起鹽水蜂炮場域算是較可管控，市府除於入口加派人手勸導戴口罩，也有志工隨時巡查，不配合者將勸離或開罰，場內則取消飲食區及試吃，希望在強化防疫措施下，讓民眾安心採買年貨。
至於民眾擔心年貨大街出入口過多難以管制，市府希望採買年貨的民眾從管制口進出，工作人員會在民眾手上蓋章作為識別，管制區內的住家將發給識別證進出。
新化在地人台南市城市文化協會理事長王榮森表示，由於疫情升溫，年貨大街地點附近居民多數認為應以防疫為重，希望取消舉辦；但也有攤商認為景氣不好收入減少，希望照常舉辦，但如果要取消的話應快點宣布，以免他們貨都備了沒處賣，損失更大。</t>
  </si>
  <si>
    <t>中央流行疫情指揮中心今日表示，我國今(2020)年9月24日起實施自菲律賓入境旅客皆於集中檢疫場所完成檢疫，並於檢疫期滿前再採檢，截至11月3日已採集1294位旅客檢體，其中1268位是沒有染疫，有9名於檢疫期滿前採檢後確診。不過、移工和境外學生仍維持期滿採檢不變。
指揮中心表示，依國際相關研究文獻及過往案例經驗，無症狀感染者經14天檢疫後之採檢結果即使為陽性，其檢體幾已無法培養出病毒，顯示個案已不具傳染力。但若為檢疫期滿後將至醫療機構、長照機構等提供第一線照護服務者，仍須配合規定接受採檢。
指揮中心指出，菲律賓近1週平均日增約2千例確診，截至目前累計確診387,161例。考量菲律賓疫情於8月達高峰後趨緩，且檢驗陽性率亦於8月中旬起整體呈下降趨勢，因此，指揮中心宣布，自11月9日起，自菲律賓入境旅客之檢疫措施，將比照自其他第三級流行地區之入境旅客，說明如下：
入境前14天內曾有症狀者(含已先自行服藥者)，應主動告知機場檢疫人員並配合採檢或其他必要檢疫措施。
無症狀者，依規定返家或至防疫旅宿完成14天居家檢疫，於檢疫期滿後再自主健康管理7天。
至於移工、境外生等專案對象，依指揮中心相關管理措施辦理。</t>
  </si>
  <si>
    <t>環南市場群聚案持續延燒，新北市長侯友宜今主持防疫會議表示，新北市今日新增24例本土確診，其中16例與北農和環南市場感染源有關，新北市現在最重要是跟北市並肩作戰，鼓勵雙北市民都快速出來篩檢，只要能把黑數找出來，快速做好居家隔離、擴大匡列，相信7月12日前雙北能看到好的結果。
侯友宜說，今天板橋新增6人、三重土城新莊各3人、蘆洲中和各2人、永和新店樹林泰山淡水各1人，新北市累計確診數6543人，其中4989人已經解除隔離。
侯友宜表示，今天24例中，有16人與北農和環南市場有接觸史，包括台北市通報過來的12名新北市民，1例自行到新北市社區篩檢站採檢出來的個案，還有2例是家戶中感染，總共新增16人。
侯友宜說，昨天新北市總共篩檢了4033人，其中有316人自述有北農和環南市場接觸史，其中1人快篩陽性，他還是再次強調，希望大家多多來採檢，雙北一起合作，可以一起到板橋篩檢站來採檢，阻斷隱形傳播鏈，趕快把黑數找出來。
★《中時新聞網》提醒您：因應新冠肺炎疫情，疾管署持續加強疫情監測與邊境管制措施， 如有疑似症狀，請撥打：1922專線，或 0800-001922， 並依指示配戴口罩儘速就醫，同時主動告知醫師旅遊史及接觸史，以利及時診斷及通報。</t>
  </si>
  <si>
    <t>台灣科技大學教授陳致曉長期投入社會運動，時常發表針砭政府言論，近期卻遭匿名黑函檢舉，行政院直接將公文從院長辦公室轉給教育部，教育部並行文校方召開教評會，討論是否解聘。台北市議員羅智強則認為，「月黑風高，清算正好」，當全國正在為疫情焦心的時候，民進黨清算鬥爭的黑手，可沒有休息。
陳致曉表示，台科大收到教育部來函，公文內提到收到民眾檢舉，請校方將此案提到教評會審議前，先成立調查小組查證，相關紀錄也必須敘明，是否有違約等情形，再由電資學院決議辦理；不過，調查完成後，如確定有違法情形，得依照聘約辦理，也就是有可能不續聘或停任。
談及這份公文內容，陳致曉多次表達氣憤不已。
羅智強則在臉書發文表示，長期聲援反台南鐵路東移的台科大老師陳致曉，面臨行政院長蘇貞昌內閣施壓校方，讓陳致曉面臨可能解聘的「被審查」壓力。
羅智強提到，過去類似拆遷的社會議題，從馬英九執政到蔡英文執政，都有學者帶著民眾反對政府、進行抗爭，其各有理由，但有一點：「馬英九從不會去清算那些站在政府對立面的學者！馬英九從不會去清算那些站在政府對立面的學者！馬英九從不會去清算那些站在政府對立面的學者。」
羅智強指出，2008年6月，政大教授莊國榮，因為以不堪入目的言詞辱罵馬英九、馬鶴凌，遭政治大學以「有損師道」為由，予以不續聘。當時馬英九請發言人表態，說這個理由會讓莊國榮終身不得擔任教職，逾越比例原則，之後教育部也以法律程序有瑕疵為由，將政大的不續聘決議予以退回。
羅智強寫道，馬英九為莊國榮緩頰的這個舉動，被藍營的支持者評論為「二百五」，認為「當馬英九的朋友沒有好處，當馬英九的敵人沒有壞處」，強調「但這就是馬英九，他堅持他相信的理念，但他尊重反對他的人。」
「馬英九不會，但是，蔡英文會，蘇貞昌會！」羅智強指出，台科大老師陳致曉，因為領導「反台南鐵路東移」的抗爭，現在被民進黨重點查辦，要求陳致曉交代為什麼膽敢批評政府、批評公聽會主持人、批評內政部次長。「原來學者批評政府還要解釋理由，民進黨真的是秀出了下限！」
「所以，你以為民進黨把防疫當最要之務？，民進黨可忙的，趁著防疫，大家無瑕關注人權的時候，正是清算異己的絕佳時機」，羅智強直說：這是政治版的「月黑風高，殺人放火！」</t>
  </si>
  <si>
    <t xml:space="preserve">國內AZ新冠疫苗打氣低迷，中央流行疫情指揮中心宣布今起開放第四類公費對象接種疫苗，並從21日起，開放有特殊需求的民眾自費施打疫苗，收費上限500～600元不等，但能否刺激打氣，加速疫苗施打，仍待觀察。AZ疫苗由英國牛津大學與阿斯特捷利康（AstraZeneca, AZ）共同研發，台灣目前已取得約31萬劑，其中11.7萬直接向廠商洽購，疫苗效期至6月15日，另19.92萬劑則經由COVAX平台取得，疫苗效期只到5月31日。
然而，國際屢傳民眾施打AZ疫苗後出現血栓事件，衝擊國人對該疫苗的信心，加上國內疫情平穩，因此自3月22日疫苗開打以來，經過3個多星期，只打了2萬7,000多劑，接種率僅近9％，指揮官陳時中也坦言，以目前每天施打1、2,000劑的速度，要在2個月內打完這些疫苗，確實很可能打不完，一旦過了效期，疫苗恐怕只能作廢。
●自費接種新冠疫苗　收費上限500～600元不等
為加快疫苗接種速度及疫苗涵蓋率，今起再開放第四類公費對象接種疫苗，包括因外交或公務需求必須出國、代表國家出國的運動員、選手等，可以透過各縣市指定接種醫療院所的預約網址或專線預約接種。
考量目前公費接種對象僅開放醫事人員、中央及地方政府防疫人員、高接觸風險第一線工作人員、及因特殊情形必要出國者，恐有更多不在優先公費施打的民眾也有接種需求。因此，4月21日起將提供1萬劑疫苗供有特殊需求的民眾自費施打，包括有商務、出國工作、留學以及就醫等人道考量者，可至31家設有旅遊醫學門診的新冠疫苗接種專責醫院施打，並採預約制，配合醫院安排集中接種。醫學中心、區域醫院及地區醫院的每劑收費上限則分別為600元、550元及500元。
●打過疫苗　能縮短居家檢疫天數嗎？
但為何不直接開放全民公費施打，加快疫苗接種速度？陳時中回應，一旦開放至65歲以上長者施打疫苗，人數會非常龐大，目前仍保留給有較高風險直接接觸病毒者，讓他們想打儘量都能打得到，之後再逐步開放，「但不會等太久。」
因此，目前自費接種疫苗只收取第一劑的費用，很可能8週後接種第二劑時，政府已擴大公費接種對象，屆時可能只收取80～150元的掛號費。
此外，指揮中心調整國籍航空人員的檢疫措施，只要完成2劑疫苗接種2週後，長程航班的航空員返國後只要進行7天自主健康管理，結束當天核酸檢驗陰性即解除自主管理，短程航班則不須自主健康管理，只要落實防疫新生活。
而一般民眾接種疫苗後能不能比照航空人員，縮短返國後家檢疫的天數？陳時中表示，在疫苗接種涵蓋率不夠高的情況下，還是要有其他配套措施才能思考縮短檢疫天數，例如有可靠的抗體檢驗測試工具。他強調，打疫苗是台灣的未來式，台灣要開放國門，勢必要增強自我防禦力。
●避孕藥、荷爾蒙治療停藥至少28天　再評估施打疫苗
指揮中心提醒，民眾疫苗接種前，應與醫師討論評估相關風險後再接種；接種後應在現場休息並觀察至少30分鐘，確定狀況穩定後再離開。
此外，服用避孕藥與接受荷爾蒙治療為引起血栓的危險因子，如欲施打疫苗，建議停藥至少28天；接種疫苗後14天內，如果出現呼吸困難、胸痛、持續腹痛、四肢腫脹或冰冷、持續嚴重頭痛或疼痛加劇、視力模糊、非注射部位出現不尋常出血點、紫斑等症狀，應立即就醫告知疫苗接種史，以釐清病因，盡速診治。
</t>
  </si>
  <si>
    <t xml:space="preserve">日本14日晚間又陸續傳出確診病例，北海道、愛知縣都有人感染，第3班包機返日日僑也確診感染。
1月31返日的日本第3班武漢撤僑包機，有145名日本人被安排在住宿設施隔離2周，由於新冠肺炎的潛伏期已滿，再次做病毒檢測，結果有1名出現陽性反應。
此外，北海道14日新增1例感染新冠狀病毒的確診病例。住在北海道的50多歲日本男性1月31日出現發燒等症狀，2月4日被診斷患肺炎，11日住院，14日確診。
北海道正在調查其感染途徑。
愛知縣的60多歲男性14日也確診感染，他於2月3日出現感冒症狀，之後因有肺炎徵兆而於13日住院，經病毒檢查後14日確診感染。他從1月28日至2月7日曾到夏威夷旅行，8日以後在家療養。
</t>
  </si>
  <si>
    <t xml:space="preserve">大陸日前兩度軍機繞台，兩岸態勢升高，國民黨補選主席候選人郝龍斌今接受電台專訪表示，新冠肺炎疫情蔓延，兩岸積極應對，陸方軍機繞台行動對台不友善也不聰明，呼籲大陸多一些防疫專業，多一些兩岸疫情合作，絕對比軍機繞台要好，郝不認同在防疫時刻有緊繃的作為存在，大陸應該多釋出善意，用飛機盡快送台胞回來，比起用軍機繞來來要的好。
對於兩岸態勢升高，郝龍斌表示，兩岸間要有偷工橋梁，現在兩岸沒有共識，不只把溝通橋梁拆了，民進黨、共產黨都不打算重新搭起，導致兩岸關係緊張，兩邊應該盡快搭起橋樑，共同把防疫做好。
對於兩岸僵局，郝龍斌認為，兩岸都應該表達善意，現在大陸比我們大，以大事小要能融，以小事大要能忍，尤其是大陸疫情遠比我們嚴重，最重要的是讓我們加入WHO，如果陸方做到這件事，不僅是幫自己也是幫全世界，否則一旦台灣變成防疫漏洞對大陸也不好，多點專業少一點政治意識形態，將是兩岸僵局破冰的破口。
郝龍斌話鋒一轉，批評中央近期防疫荒腔走板的行為，讓民眾產生恐懼，導致路上人潮減少，買氣很低，建議民進黨政府參考SARS當年跟大陸及內部互動的經驗，行政官員應該是先把下一步準備好，對安定民心會很有幫助，也讓民眾清楚知道政府對防疫已經準備好。
行政院昨拍板將提出600億元作為疫情紓困，郝龍斌認為，中央現在最重要是把疫情控制好，紓困券發放民眾會覺得很高興，可是無法消除民眾心理恐懼，而且如果疫情不好，發放紓困券就能刺激經濟成長嗎？這也是問題，如何免除民眾心理恐慌，應該是政府現在最該做的事情。
</t>
  </si>
  <si>
    <t>大陸自去年底爆發新冠肺炎疫情，連日來確診與死亡數字不斷增高，尤其湖北省病例上升快速，在2月11日有了轉折。這一日，湖北近10天來新增病例首次在2000例以下，並連續第12天新增出院病例超過新增死亡病例；也在這一日，武漢自封城20天來首次明確打開人員返漢的門。此外，大陸專家鍾南山表示，新冠肺炎疫情有望4月前結束。
綜合陸媒報導，湖北2月11日新增新冠肺炎病例1638例，新增死亡94例，新增出院417例。這是湖北近10天來，新增病例首次在2000例以下。2月2日至10日，湖北連續9天日新增病例逾2000例，4日高峰還達到3156例。
新增患者減2成
同日，湖北連續第12天新增出院病例超過新增死亡病例。2月8日以來，湖北日新增出院病例均在300例以上，遠超新增死亡病例。
截至2月12日晚間10時，大陸境內新冠肺炎累計確診4萬4687例，治癒5031例，死亡1116例。其中，湖北省累計確診3萬3366例，治癒2649例，死亡1068例。
疫情最嚴重的武漢自1月23日封城，2月11日武漢市江漢區、江岸區等7個區先後發布通知，提出將優先安排醫療防疫機構、重要國計民生相關企業等方面從業人員返回武漢，為封城20天以來首次明確打開人員返漢的門。
據大陸衛健委數據，至2月10日24時，武漢累計確診病例1萬8454例，占湖北省累計確診病例近6成；10日新增確診1552例，較前日明顯下降，降幅達19.21%。從累計確診增速的指標來看，10日為9.18%，半個月以來首次降到兩位數以下。
疫情同樣嚴峻的浙江省，11日新增確診病例14例，新增出院病例28例，是近20天以來最少。
大陸專家鍾南山表示，新冠肺炎新增病例已在一些地區出現下滑，疫情有望出現緩解，預計峰值將會在2月中下旬出現，4月前可能結束。
潛伏期24天罕見
鍾南山承認，目前人們對新型冠狀病毒還有很多未知，不確定性包括能否透過糞便傳播、是否有「超級傳播者」等問題。
11日山東菏澤市有一名男子離開武漢22天後確診，先前乾咳兩次檢測呈陰性。據鍾南山最新研究，新冠肺炎中位潛伏期為3.0天，最長可達24天，在1099例樣本中僅1例為24天。
目前，病毒核酸檢測出現「假陰性」的結果令人疑惑。陸學者剖析，多因素致核酸檢測呈假陰性，呼籲用靈敏度高特異性好試劑。香港理工大學11日表示，已研發一套全自動快速多重診斷系統，號稱1小時內就可驗出新冠肺炎病毒，正準備量產廣泛應用。</t>
  </si>
  <si>
    <t>公視年度大戲《天橋上的魔術師》為重現昔日台北中華商場面貌，斥資8000萬元在新北市汐止區建地打造還原度接近百分百的「中華商場」，本來劇組預計殺青後開放民眾參觀3個月，但因新冠肺炎持續升溫，公視擔心人潮聚集，導致群聚傳染，現決定取消活動，不再開放參觀。
公視劇組為讓觀眾身歷其境，感受作者想表達的劇情、內容，考究大西門區地景街貌，租借雍和建設基地，打造還原度接近百分百的中華商場。
雖然片場不是以永久方式建造，但劇組為了讓民眾也能感受此番美景，本來打算於2月底殺青後，開放3個月供民眾參觀再拆除還地於雍和建設；但是因為新冠肺炎疫情持續擴大，公視幾經考量後，決定取消開放參觀活動。
新北市經發局表示，市府是站在協助角色，提供延長執照的服務，最後是否開放參觀仍由公視決定，他們皆予以尊重。
公視指出，因片場屬於半室內空間，擔心若開放後湧入大量人潮，恐造成群聚感染，加上中央也公開宣呼籲減少大型活動，經過內部人員評議後，決定取消活動，於拍攝完畢後拆除片場。
公視表示，雖參觀活動取消，但他們會派攝影師在拆除前進去片場拍攝、紀錄「中華商場」，未來有可能搭配《天橋上的魔術師》上檔，以線上導覽的方式呈現給觀眾。</t>
  </si>
  <si>
    <t xml:space="preserve">日本第4波新冠肺炎疫情嚴峻，包括大阪等14個都道府縣今年以來至少有77人在家身亡，他們多半是在居家療養、或是等待住院期間症狀惡化後喪命。日本共同社指出，由於變種病毒易導致患者重症化，呼籲政府當務之急是要完善能應對病情突然變化的醫療體制
日本第4波新冠肺炎疫情居高不下，根據美國約翰霍普金斯大學（Johns Hopkins University）全球疫情統計，至今日本已經累計逾69.4萬人確診、超過1.1萬人染疫身亡，先前傳出關西醫療體系瀕臨崩潰，老人安養院出現大規模感染情形，許多長者因為等不到病床，在安養機構中辭世，官方也坦言大阪重症病床使用率高達99%，上萬病患等待住院。
日本共同社18日報導，根據調查，包括北海道、栃木、埼玉、千葉、東京、神奈川、岐阜、愛知、京都、大阪、兵庫、岡山、廣島、福岡等14個已經發布緊急事態宣言的都道府縣，今年以來至少有78人在家中、住宿設施療養期間、等待住院期間症狀惡化身亡，當中有77人是在居家療養、等待住院期間過世，1人是在住宿設施療養期間死亡，當中也有人是基於家屬等意願，選擇在家裡度過臨終階段。值得注意的是，由於部分地方政府並未納入統計，因此實際案例可能更多。
各都道府縣的死亡人數由高至低依序為兵庫29人、大阪20人、東京10人、神奈川5人等，年齡層多為高齡長者，例如兵庫縣有19人為80歲以上長者。
共同社分析，統計數據反映出日本新冠疫情急速擴大，導致病床數量緊張、患者無法接受適當治療最終喪命的情形。此外文章也指出，變種病毒容易導致患者重症化，日本政府的當務之急是要完善能夠應對病情突然變化的醫療體制。
另根據日本厚生勞動省，截至12日，日本全國居家療養人數已達34,537人，當中大阪府最多，達15,031人，佔全日本達4成。
日本國立感染症研究所12日指出，目前變種病毒已經涵蓋日本境內超過90%的新冠病毒，這些變種病毒都帶有傳染性更強的「N501Y」變異，除了讓感染人數增加，導致重症的風險也是原始新冠病毒株的1.4倍，他們推測，東京超過90%的病例都和N501Y變異有關，京都、大阪、兵庫的病例則全部都有N501Y變異。
根據美國疾病管制暨預防中心（CDC），英國變種病毒株「B.1.1.7」、南非變種病毒株「B.1.351」、巴西變種病毒株「P.1」都帶有N501Y變異。
</t>
  </si>
  <si>
    <t xml:space="preserve">51歲資深歌手李翊君與老公檢場育有一女王敏淳（香奈兒），頂著星二代光環於3年前拍攝《我和我的四個男人》出道。近日李翊君上節目透露，女兒在美國求學時健康亮紅燈，緊急掛急診後被醫生警告不能出院，會有生命危險，李翊君一聽緊張到快暈倒，急飛美將愛女接回台治療。
李翊君睽違3年將在下月舉辦演唱會，日前錄節目《聚焦2.0》分享籌備進度，也分享在美國念書的女兒香奈兒，某次打電話回來告訴自己生病，胃痛伴隨著高燒不退，掛急診後診斷出膽結石，醫生告誡她不能出院，否則會有生命危險；身為母親的李翊君一聽差點昏過去，趕快飛到美國將女兒接回台灣治療，才結束這場驚魂記。
由於新冠肺炎嚴重，女兒已經從美國回台，母女倆多了許多相聚機會，李翊君因保養有術，主持人高文音看到她與愛女的合照，忍不住甜讚像姐妹。
李翊君為了下月的演唱會，積極的加強運動，增加肺活量，卻導致左肩舊疾復發，痛到難受；她還在現場倒立練唱《萍聚》，臉不紅氣不喘的完成，笑稱：「姐姐有練過，小朋友不要模仿喔！」
</t>
  </si>
  <si>
    <t>新冠肺炎疫情延燒，口罩至今依舊是難以取得，儘管防疫指揮官陳時中一再宣導政策與配戴時機，但民眾對於病毒恐慌，導致不少人幾乎全時段戴著口罩，對此前衛生署長楊志良受訪時批評中央就是最大亂源的始作俑者，怒嗆「一星期買兩片幹嘛？全部拔下來」。
楊志良接受《遠見》訪問時，對於疫情侃侃而談，他表示自己進去校園時，不論中小學，學生幾乎不離口罩，甚至看到有學生戴口罩打球打整場，嚇得他直說戴口罩吸到氧氣含量的空氣變低，會缺氧，他也呼籲中央應以流行病學角度制定政策，否則學生長期戴口罩會戴出病。
楊志良表示，口罩是給長時間且會大量近距離接觸不特定人士戴的，例如醫師、護理師等醫療人員，除此之外就是容易接觸到大量人群的櫃台人士與門口警衛，最後則是高齡慢性病患者。</t>
  </si>
  <si>
    <t>國內出現醫護人員確診新冠肺炎個案，雲林縣長張麗善為強化醫院防疫措施，14日巡視縣內應變醫院，除慰勉堅守崗位的醫護人員，也呼籲民眾盡量以視訊或電話方式探病，若要實地探視，需配合實名制登記、全程戴口罩、維持社交距離。
張麗善14日率縣衛生局長曾春美前往台大醫院雲林分院巡視防疫管制措施，在副院長馬惠明陪同下，了解民眾就醫防疫管制、醫院加強急救措施及負壓病房管控等情況，並贈送補品為第1線醫護人員加油打氣，同時提醒民眾落實防疫。
張麗善表示，醫護人員站在第1線，奮不顧身無私奉獻，全力防護所有鄉親安全，她致上最崇高敬意，也請鄉親為緊繃工作1年多的醫護人員給予最溫暖的支持與體諒，大家團結抗疫
張麗善說，台大醫院雲林分院為雲林縣新冠肺炎的急救責任醫院，在院長黃瑞仁、副院長馬惠明帶領下，發揮最大的醫療診治能力，讓去年奧捷旅遊團中雲林母女康復出院，展現醫院堅強的實力。
對於醫院加強急救措施及負壓病房管控，馬惠明認為照顧確診病患最危險在於2個步驟，第1是氣管插管，第2是穿脫隔離衣，雲林分院在這部分做了許多前瞻部署，日前還獲SNQ國家醫療品質標章「戰疫有功獎」認證，院方會持續努力，與縣民共同抗疫。</t>
  </si>
  <si>
    <t>中央流行疫情指揮中心今公布，國內新增2例新冠肺炎境外移入病例，分別為20多歲女性(案453)及40多歲男性(案454)，均自菲律賓返國。國內目前累計454例確診，分別為363例境外移入，55例本土病例及36例敦睦艦隊。
疫情中心發言人莊人祥表示，案453於去年12月下旬至菲律賓工作，7月14日出現倦怠、喉嚨痛、咳嗽有痰及鼻塞等症狀，7月15日返國入境時主動告知有不適症狀，由機場檢疫人員安排採檢後送至集中檢疫所隔離，於今日確診。衛生單位已掌握接觸者共2人，其中1人為案453於菲律賓當地的同住室友，預計今日返台，入境後將列為居家隔離對象，另1人為案453同班機前後二排乘客，列為居家隔離對象。另針對6名未入境之同班機機組員，將透過國際衛生條例國家對口單位(IHR)通知相關國家。
另案454今年1月下旬至菲律賓工作，分別於7月11日及13日出現發燒、嗅覺異常及伴隨感冒症狀，7月15日返國入境時主動告知有相關症狀，由機場檢疫人員安排採檢後送至集中檢疫所隔離，於今日確診。衛生單位已掌握接觸者共24人，其中12人為同班機前後二排乘客，列為居家隔離對象，12人為同班機機組員，因全程有適當防護，列為自主健康管理對象。
莊人祥強調，全球疫情快速上升，7月16日新增病例逾24萬例創新高。鄰近我國的印尼與菲律賓自疫情爆發以來，持續上升，但仍未達到高峰；其中菲律賓疫情嚴峻但未重新實施較嚴格的管制措施。此外，近期日本、澳洲、香港等均因逐步鬆綁限制措施，致疫情於酒店、校園、大型聚會等具風險場域爆發群聚，大幅提升社區感染風險。
指揮中心再次提醒，民眾應做好手部衛生與咳嗽禮節；外出若無法與他人保持社交距離，請全程佩戴口罩。自國外入境時，如有發燒、咳嗽等不適症狀，應主動通報機場及港口檢疫人員並配合防疫措施。</t>
  </si>
  <si>
    <t xml:space="preserve">容祖兒近期在歐洲舉辦巡演，荷蘭及倫敦的演出未受新冠肺炎疫情影響，但她此行未帶大病初癒、抵抗力弱的媽媽隨行，「媽媽不出門以策安全，她知道同事會照顧我，有叫我要加油」；對於疫情嚴重，仍無畏風險飛去開唱，容祖兒說：「海外歌迷這麼疼我，他們期待很久了，我不希望讓大家失望！」
容祖兒坦言這次出發前心裡難免緊張，但為了不失約歌迷，她做好防疫準備便飛往歐洲，「自己可以做的就盡力去做，也希望大家看完秀、人人都高興，所有人都能百毒不侵、疫情也趕快過去，有機會再回去跟大家見面」！返回香港後她也會採取自主隔離防疫。
出道20年的容祖兒，此次在倫敦的殿堂級劇院The London Palladium順利完成演唱會，更趕赴巴黎欣賞瑪丹娜於當地舉辦的演唱會，佩服瑪丹娜即便扭傷腰骨，依然站在舞台上展現驚人魄力，「她對音樂、舞臺表演的堅持和毅力，無法形容那種感動」，期許自己向偶像看齊，下個20年繼續在舞台上發光發亮。
</t>
  </si>
  <si>
    <t xml:space="preserve">國內的新冠疫苗陸續到位，能接種的年齡層也慢慢往下開放，國外曾報導：有過去施打玻尿酸等填充物的患者，在打完新冠疫苗之後，發生嘴唇紅腫等狀況而前來就醫。
●疫苗引起身體發炎導致
皮膚專科醫師鄭惠文表示，根據國美容整形外科學會（ASAPS）指出，曾經在臉上有注射填充物的民眾，在接受疫苗接種後，身體出現了紅腫以及發炎反應，甚至還有人出現嘴唇腫大的情形。雖然這種情況發生的機率不是很高，但隨著國人施打新冠疫苗的人數越來越多，未來有可能會有此類狀況發生，在此先讓民眾了解新冠疫苗可能引發的皮膚症狀。
除了過去有做過醫美填充物的民眾要特別注意之外，本身有免疫問題抵抗力較低下的族群，在接受疫苗注射後，也可能出現帶狀皰疹再度活化的情形。
另外，施打疫苗可能出現的皮膚紅腫發炎情況，一定要和蜂窩性組織炎作檢別診斷，以免錯失黃金治療時期。要特別提醒的還有，若因打疫苗引起紅腫不適而擦拭外用藥膏的話，也得小心會引發接觸性皮膚炎的問題，若發炎症狀持續或原有的皮膚問題持續惡化，建議盡速就醫。
●疫苗利大於弊 若不良反應持續惡化1周 盡速就醫
鄭惠文指出，注射新冠疫苗回家之後，如果感覺施打部位紅腫疼痛，可適時冰敷緩解症狀。此外，建議加強肌膚的保濕修復工作，或是使用含有消炎成分如甘草萃取（LICORICE）等保養品擦拭，若感覺癢癢的時候，盡量以拍打方式來止癢。
至於哪些狀況下需要就醫治療呢？鄭惠文進一步說明，當癢感無法控制住，且已經影響了日常生活時；還有皮膚症狀的範圍大到分不輕界線的時候；另外，當這些皮膚不良反應症狀超過一周沒有轉好的情況下，都建議立刻就醫讓醫師來診斷並治療。
鄭惠文強調，以上所述的皮膚不良反應，皆屬於施打新冠疫苗後可能發生的症狀，疫苗對身體的好處利大於弊，千萬不要因為擔憂這些不良反應而拒絕施打疫苗。
</t>
  </si>
  <si>
    <t>新冠肺炎疫情蔓延，各國均寄望疫苗研發終結疫情，疫情指揮中心指揮官陳時中表示，政府已組成「醫院國家隊」協助廠商，以降低人體臨床試驗收集病人所需時間，同時給予研發經費，日前已有一家國內廠商提出人體臨床試驗計畫，並積極展開作業；不過邊境檢驗，仍將維持現狀，不以廣篩取代居家檢疫。
陳時中指出，政府已訂定縮短疫苗相關臨床實驗時間及緊急使用時機的相關法令，也將提供經政府評定的3~4家疫苗廠商研發經費補助，未來一旦進入人體臨床實驗時，醫院國家隊也可以迅速給予臨床病患收集的協助。另外，政府也精選國外進展快又好的疫苗，並預先採購，以保證國內可以使用。
日籍女學生返日入境時確診新冠肺炎，引發國內要求政府廣篩的聲浪；昨日疫情中心例行記者會中陳時中以發生群聚案件的華航班機及敦睦艦隊為例，指第一時間全面採檢，即便全部是陰性也不見得就是沒有感染，隔離檢疫也很重要。
至於指揮中心對日籍女學生在台123位接觸者進行血清抗體檢驗，疫情指揮中心發言人莊人祥表示，目前完成67名，結果都是陰性。</t>
  </si>
  <si>
    <t>高市驚傳第2起居家檢疫者死亡，家住林園區40多歲婦人從上海搭機返台在自宅居家檢疫，未料21日居家檢疫第5天被發現在家輕生身亡，22日經採檢結果為陰性，排除感染新冠肺炎，檢察官相驗後也證實婦人為輕生。
高市衛生局指出，該婦女平日在國外工作，16日從上海搭機返台，在林園住家進行居家檢疫，期間除與家人有經常性聯絡外，里幹事也有依照規定執行例行性訪查，個案並未向里幹事主述身心病痛或困擾。
高雄市長陳其邁表示，高雄目前有2000多位居家檢疫民眾，他指示衛生局多打電話關懷，讓居家檢疫民眾更能感受人味，減少遺憾發生機率，若人力不足，市府也會設法增加。
這是高雄第二起民眾在居家檢疫期間死亡個案。上一起是一名8月30日自大陸返台的婦女，在居家檢疫期滿前一天，被家人發現在美濃住所身亡，但採檢結果為陰性，死因與新冠肺炎無關。
中央流行疫情指揮中心發言人莊人祥指出，現在不管大流行期間或不是流行期間，只要有人意外死亡 ，檢警一定會看遺體再決定是否做疑似病例通報，這是一定的流程，指揮中心尊重地檢署、法醫的權責，不是每一位居家檢疫死亡的人都跟新冠肺炎有關，必須先釐清這個問題。但因為還是屬於疫情期間，因此還是會採檢。全國各縣市自殺防治專線1925</t>
  </si>
  <si>
    <t xml:space="preserve">在新冠肺炎（COVID-19）持續擴散下，美股因近期也面臨回檔修正壓力，2個交易日重挫近2000點，展望後市，台新智慧生活基金經理人蘇聖峰表示，美股基本面優於其他市場，如製造業ISM重回榮枯線50，企業第四季財報獲利亮眼且指標個股展望佳，加上低利環境不變，美股因具報酬較高優勢，吸引力高，預期美股後市仍有漲升行情可期，短線若遇較大回檔皆是買點，看好軟體、網路安全、FinTech、電競娛樂、共享經濟等趨勢成長股。
蘇聖峰指出，預期新冠肺炎對於今年全球GDP影響輕微，股市承接力道強勁，市場普遍共識認為第一季的經濟損失會在第二季獲得部分彌補。不過，由於第一季經濟下行壓力增加，全球央行貨幣政策有望更寬鬆，帶動經濟復甦。美國基本面為全球相對突出的，S&amp;P500企業去年第四季企業獲利優於預期比例達70%以上，資訊科技類股是今年以來唯一獲利上修的類股，仍為盤面主流；尤其科技龍頭大廠Apple、Amazon、Microsoft、Tesla等財報與展望佳，將帶動美國科技相關基金後市表現。
蘇聖峰表示，科技股擁有五大利基，仍是未來美股的領頭羊，包括：一、科技、通訊、生技等類股受疫情影響小，在恐慌性殺盤後將有顯著反彈；二、5G、AI、雲端等新興產業成長題材豐富；三、2020年IT支出調查：IT業者願意增加投資的企業為89%，大型科技股動能不變；四、軟體股有更多題材：疫情對於軟體股影響小，且網路安全、容器效能監控、資料處理、DevOps、雲通訊與客戶使用者體驗是許多公司的優先項目；五、強勢美元影響減弱，有利出口及匯兌。
</t>
  </si>
  <si>
    <t xml:space="preserve">苗栗縣政府衛生局11日在苗栗縣議會進行專案報告，針對「因應嚴重特殊傳染性肺炎疫情」，說明新冠肺炎防疫措施。其中苗栗縣有8床負壓隔離病床，引發議員關注。衛生局長張蕊仙說明，因應大型感染事件清空計畫可收治236床。
苗栗疫情監測為0確診，張蕊仙說明，累計至10日，苗栗縣居家檢疫共591人、解除檢疫有472人、檢疫中有119人，居家隔離則計12人、解除隔離有10人、居家隔離中2人。目前為止苗栗縣針對違反居家隔離者，共有4例各開罰1萬元。
針對縣內只有8床負壓隔離病床，議員陳品安、羅貴星擔心，若遇社區感染爆發，恐無法因應。張蕊仙說明，苗栗8床負壓隔離病床外，透過清空計畫可收治236床，強調苗栗不是單兵作戰，若疫情拉高還有醫療區域網可請求支援與協助。
另，議員黎煥強、陳光軒、張淑芬、許櫻萍、劉順松等人關心校園防疫，發現有學校是到教室才量體溫，擔心成防疫破口，盼有統一、標準作法，並添購紅外線熱顯像儀，節省人力。張蕊仙表示，尊重做法並回歸教育處執行。
</t>
  </si>
  <si>
    <t>高市府祭出傳統市場分流管制，今（1）日是第一天，但各地市場屢爆亂象，包括出入口「塞車」、市場外的攤商不受控、市場攤商怨遭流動攤販搶生意等。對此，高市府認了，允諾將檢討因應。
高市經發局長廖泰翔指出，今天從早上7點開始，由3位副市長帶領數10位局處首長等到市場、攤集場稽查，的確發現一些問題，中午已彙整狀況，將重新擬定一版分流管控措施，加強整體效率。
針對有攤商認為開放式市場會搶走有範圍市場的生意，直言生意差了很多。廖泰翔回應，將強化外部攤商也進行實聯制管控，並透過市場管理員、區公所、員警一起協助，未來方向希望落實每個攤販都要有實聯制。
廖泰翔說，至於有些市場人流多，假設出入口有壅塞狀況，會重新調整各個出入口設計，針對缺失部分會持續檢討改進，讓整體效率更加順暢，也希望民眾在這3天勸導期內，分身分證尾數單號周三、五、日；雙號周二、四、六等時間去採買，現在必須團結防疫，減少聚集。
陳其邁也再三呼籲，希望民眾出門採買一次購足，外部攤商亂象部分也會做管理，最重要的是戴口罩，人不該過度擁擠，如果大家都知道該這樣處理，在菜市場部分就能夠做到減少群聚感染風險，也特別感謝市民及攤商的配合。</t>
  </si>
  <si>
    <t>肺炎疫情造成生活種種不便，到底疫情何時結束或緩和？是大家所關注的。而現在各界最擔心的已不是中國的疫情，反倒是海外連環爆，一發不可收拾。南韓、意大利和伊朗都上演疫情大爆發，各有幾千宗確診個案，美國和歐洲多國也出現蔓延趨勢，況且歐美人不習慣戴口罩，大型活動又照辦，情況絕不樂觀。
另外，今天許多人應有收到前中研院院長翁啟惠發送的信息，內容是美國非常著名的UCSD傳染病學教授和醫生詹姆斯·羅伯（James Robb），通過電子郵件發送一封公開信，標題為「我為即將到來的冠狀病毒大流行所採取的措施」，他研判新冠肺炎最有可能在3月中旬至4月中旬在美國廣泛傳播，也在信中建議諸項預防措施，我們就在今日的節目中與各位分享。</t>
  </si>
  <si>
    <t>全台疫情嚴峻，中央與地方政府除公布疫調足跡，每天都有新的規範籲民眾遵守，對此，防疫專家、中華民國防疫學會理事長王任賢直指規範的做不到稽核，就是口號、偽三級防疫，他呼籲民眾，近日少群聚，一出家門就口罩戴好戴滿，摸口鼻前一定落實手部衛生才能自保。
王任賢坦言，近日確診人數不斷增加是正常的現象，如以雙北提升至三級防疫警戒做為政府開始進行干預政策分界點，之後因為廣篩，可以將先前？型傳播鏈的感染者找出來，因而兩周內確診數增加是正常的現象，但如果兩周後新增確診人數仍未下降，就是政府的干預政策是玩假的、無效的；但如果是那樣台灣社會將付出相當大的代價。
他說，檢視近日中央流行疫情指揮中心以及各地方政府提出的因應作為，不是規範商家、民眾，而不是有具體、強有力的稽核與落實作為，疫情走向令人擔憂。
因而王任賢建議民眾，在疫情未見趨緩前，少群聚，出門口罩戴好戴滿，且無論在家或出外進食、摸口鼻前一定要澈底做好手部清潔。</t>
  </si>
  <si>
    <t xml:space="preserve">大陸近年來在軍事、經濟和外交上採取強硬競爭態勢，新冠疫情期間更使用令人側目的「戰狼外交」，許多西方國家聲稱感受到威脅，也引來越來越多的西方政界人士呼籲聯手應對中國大陸的挑戰。日前以美歐國家為主所組成的「跨國議會對華政策聯盟」(Inter-Parliamentary Alliance on China, IPAC)成立，卻遭大陸批評這是西方政治邊緣人物籌組的「新八國聯軍」，也是冷戰思維的產物。
《美國之音》報導說，北大西洋公約組織（NATO）秘書長斯托爾滕貝格（Jens Stoltenberg）警告稱，「中國的崛起正在從根本上改變全球均勢，加劇爭奪經濟和技術霸權的競賽，大幅加大對開放社會和個人自由的威脅，加劇圍繞我們的價值觀和生活方式的競爭。」面對大陸崛起，北約需要團結，未來十年內的挑戰，任何國家都無法獨自解決。
這個由英國、美國、日本、澳大利亞、加拿大、德國、挪威、瑞典等8個國家議會與歐洲議會成員所組建的「跨國議會對華政策聯盟」，被陸媒批評為「新八國聯軍」，並指聯盟的成員是其國內政治的失敗者與政界邊緣人物，是一個「致力於改變民主國家對待中國方式」的反華聯盟。隨後，波羅的海國家立陶宛跨黨派議會代表與捷克議員也宣佈加入。
分析人士指出，加入聯盟的成員大多是西方社會保守派、鷹派的代表，包括：包括美聯邦參議員盧比奧（Marco Rubio）和梅內德斯（Robert Menendez）、澳大利亞則有聯邦議會情報與安全委員會主席哈斯蒂（Andrew Hastie）、德國議員布蘭德(Michael Brand)與現任歐洲議會議員布提科費爾。
報導說，該聯盟在宣告成立的視頻中指出，「中共統治下的中國，為全球帶來挑戰，一個將會定義整個世紀的挑戰，將會影響所有的人、跨世代政權與不同黨派，無一倖免。」
前美國國防部中國事務主任博斯科（Joseph Bosco）說，「西方現在是被真正的中國威脅喚醒了」，如果西方真正了解中共前領導人鄧小平的「韜光養晦」政策，早就應該對中共採取措施了，因為它意味著「隱藏實力、等待時機」。
美國智庫戰略與國際研究中心（CSIS）中國專家葛萊儀（Bonnie Glaser）說，新冠疫情帶來了大陸外交最糟糕的一面，這種被稱為「戰狼外交」或許有助於大陸民眾對中共的支持，但最終會讓大陸付出很高的代價。大陸人民大學國際關係學教授時殷弘則在一場學術研討會上表示，「目前的突出問題是不夠尊重世界，在大流行疫情下驟然加劇了的複雜性，推進得未免太急、太快和聲調太高，從而效果與期望之間的差距頗大，讓大陸面臨的挑戰空前嚴峻。」
北約秘書長斯托爾滕貝格堅稱，北京並非敵人，但北約各成員國領導人也首次同意大陸崛起帶來安全上的影響，包括解放軍研發能打到北約盟國的導彈。曾任川普總統的國家安全顧問的麥克馬斯特（H.R. McMaster）在一個有關疫情後美中關係的研討會上說，雖然與大陸「分手」並非大家所願，但是，大陸在疫情期間的所作所為顯示，與大陸繼續保持接觸「實在不容易」。中共認為自己是贏家，首先從疫情中恢復，未來可能會更加的咄咄逼人。此外中共擁有高超音速導彈、強大的軍事力量，而且還認為美國在衰退和分裂。
</t>
  </si>
  <si>
    <t>因應疫情，全國三級警戒到5月28日，雙北首長認為疫情還沒趨緩，28日解除「不太可能」、「要有心理準備」，基隆市長林右昌建議再延2周，今天宜蘭縣確診數「加零」，但縣長林姿妙坦言，疫情嚴峻、隨時會有滾動式變化；宜蘭縣相關管制措施都到6月8日，縣府會配合中央防疫。
宜蘭縣今天確診數維持在41例，有2例在外縣市住院，有8人有肺炎狀況，41例中參加宜蘭金樽餐廳喜宴有6名縣民確診，另有3人是外縣市民眾（案2589、2590、4318），不計入宜蘭確診數中，所匡列的106人篩檢結果最快明天出爐。
在花蓮的案3464曾從樹林搭火車到花蓮，列車有行經宜蘭、羅東站，宜蘭縣衛生局長徐迺維表示，經向花蓮縣衛生局聯繫後，該個案沒有在中途下車，且因搭車須戴口罩，該案在火車上並未匡列居家隔離個案。
雖然案2372等一家四口染疫感染源不明，但徐迺維指出，該案總共匡列380人，目前檢測結果是陰性，雖然沒找到明確感染源，但社區防疫的目的就是讓疫情不再擴散。
隨雙北首長、基隆市長發聲後，全國三級警戒是否延長，衛福部長陳時中今表示正在研議中。三級警戒是到5月28日，宜蘭縣政府祕書長林茂盛指出，宜蘭縣相關業者暫停營業、水上遊憩活動、禁止內用等，都是維持到6月8日，中央是否延長三級警戒縣府會配合中央。
林姿妙表示，宜蘭縣今天沒有新增病例，累積確診41人，但疫情嚴峻隨時會有滾動的變化，呼籲鄉親不要大意、輕忽，遵守防疫措施。
宜蘭縣已有被匡列者脫離居家隔離，回到自主健康管理程序，目前居家隔離人數468人，已完成篩檢3398人，陽性率1.21％。</t>
  </si>
  <si>
    <t>日本放送協會（NHK）報導，截至今天晚間7時（台北時間6時）左右，日本新增武漢肺炎（2019冠狀病毒疾病，COVID-19）確診7803 例，連續4天創新高。
東京都今天新增2392例，是第二高紀錄。另外神奈川縣新增838例、埼玉縣496例、千葉縣455例、大阪府655例、京都府147例，多個都府縣都創下單日新高。
讀賣新聞報導，厚生勞動省統計，今天重症患者達826人，也創新高。</t>
  </si>
  <si>
    <t>青少年到底該不該打BNT第二劑，讓許多家長非常掙扎，對此，台大前感染科醫師林氏璧今表示，台灣青少年打BNT發生心肌炎機率較美國和日本都高，其中台灣年輕男生心肌炎發生率為百萬分之22.5，比美國多了4倍，而國外研究顯示，第二劑心肌炎發生率又會比第一劑高10倍，若按此來算，台灣年輕男生第二劑心肌炎機率恐高達百萬分之200。認為青少年第二劑也許不用那麼急著打。
林氏璧今在節目《POP撞新聞》上表示，當初台灣規畫要打青少年新冠疫苗的時候，就有不少專家學者很擔心。而台灣12至17歲青少年已大批接種第一劑BNT後，其中統計出年輕男生心肌炎發生率為百萬分之22.5、女生百萬分之5.5；對比美國第一劑心肌炎的發生率為百萬分之5，看起來相差了4倍左右。
林氏璧指出，國外研究顯示，接種第二劑心肌炎的機率較第一劑多會高10倍以上，第二劑的不良反應較多，以台灣資料來看，年輕男生的發生率恐變成百萬分之200，而台灣現在大約有50萬名青少年男性已打完第一劑，這樣換算下來，等於會有100人出現心肌炎。
林氏璧也說，是否讓青少年打疫苗需判斷利有沒有大於弊，而打疫苗的好處包括「減少重症住院的比例」、「減少後遺症出現」及「不幸染疫停課，恐讓就學權益受損」；壞處則是「心肌炎」等不良反應的發生，除此之外，也必須將當地的疫情狀況納入考量。
林氏璧透露，日本第一劑BNT心肌炎發生率也是百萬分之5左右，台灣的數字真的看起來比較高。不過，明明日本與台灣都是東方人，心肌炎發生率卻差這麼多，他認為可能有幾個原因，包括人種的問題、或是台灣比較小心，因為大家不斷提醒可能會出現心肌炎，所以有小症狀就立刻跑去檢查，而台灣目前心肌炎的個案症狀多很輕微。
林氏璧指出，台灣目前打疫苗後出現心肌炎的個案中，僅1例屬於嚴重案例，為一名桃園女學生，個案一住院就要裝葉克膜。不過，他認為這有可能不是疫苗造成的，因為她的症狀與打疫苗後出現心肌炎的症狀稍稍不太一樣，因此推估也有可能是感染其他病毒導致的，但詳情還要等指揮中心調查為主。
林氏璧坦言，依照台灣目前疫情的現況來看，青少年現在打一劑就很夠用，不需要急著去打第二劑疫苗，而且現在說的也只是「暫緩施打」，並不是就不讓這些青少年打第二劑，只是可以妥善分析利弊、釐清狀況後再打。
而中研院生醫所兼任研究員何美鄉昨發文建議青少年不要去打第二劑的BNT，她認為目前打第一劑出現副作用的比例較美國高2倍，根據美國數據顯示，打第二劑出現心肌炎的機率會比第一劑高10倍，因此她認為青少年的第二劑施打可再緩緩。</t>
  </si>
  <si>
    <t>陸美貿易戰干擾，上市櫃公司投資海外、大陸布局皆「縮手」；金管會昨公布上市櫃公司2019年大陸投資金額僅增加新台幣117億元，海外投資也只增加1557億元，年增金額皆創史上新低；證期局副局長張振山表示，去年陸美貿易戰打得火熱，全球經貿產生變化，上市櫃投資布局除觀望之餘，也多點謹慎，所以新增投資金額較往年明顯減少。
雖然有貿易戰干擾，但受惠於去年景氣佳、需求暢旺，上市櫃公司投資大陸收益達3313億元，較前年增加38億元，投資收益創史上新高。證期局分析，半導體業在大陸市場獲利漸穩，成本控制有成，營運狀況改善；由於投資狀況良好，去年上市櫃公司投資大陸收益匯回金額達442億元，累計匯回4906億元，占投資金額19.54％，也創下歷年新高。
不過，學者認為，今年1月大陸爆發新冠肺炎，疫情延燒到全球演變成封城、鎖國，不僅全球產業鏈版圖悄悄改變，美、日兩大國也揚言不再對大陸投資，疫情讓大陸世界工廠的角色產生變化；學者預估，台灣要對全世界做生意，在世界浪潮下，今年台灣上市櫃公司對大陸的投資恐怕會更保守。
據證期局統計顯示，上市櫃公司統計至去年底為止，累計投資大陸金額為新台幣2兆5110億元，年增117億元，相較過去高峰3772億元不等明顯縮水，增加投資主要用於增設大陸子公司、現金增資、拓展或建廠等。
調查同時顯示，去年底共有670家上市公司及528家上櫃公司有赴大陸投資，較前年底減少2家，是投資大陸家數首度減少的一次；張振山解釋，主要是今年1月爆發新冠肺炎疫情，有6家上市櫃公司尚未公告財報，導致大陸投資家數統計有落差，若等這6家公司的財報出爐，投資大陸企業的家數未必會減少。</t>
  </si>
  <si>
    <t xml:space="preserve">新冠疫情重創高雄觀光業，旅宿業近來住房率約3、4 成。高市觀光局3月主打「愛情月」活動，結合55家旅宿業者祭出喋血價促銷，有業者更不惜推出90坪總統套房1990元。另情侶在高雄景點合照打卡，可抽婚紗攝影、情人房等總值20萬元獎品。
觀光局長邱俊龍表示，高雄有浪漫之河「愛河」，最適合情侶談情說愛，觀光局特別推薦山盟海誓兩條情人遊程，包括崗山之眼、一線天、田寮月世界、壽山情人觀景台、動物園、壽與山齊打卡點、鼓山洞等。
海誓線則為愛河愛之鯨、白色戀人貨櫃屋、愛河水舞、快樂出帆（愛河河西主燈)、願景767文創基地（粉紅天鵝船）、棧貳庫白色旋轉木馬、旗津沙灘吧、旗津裝置藝術豐收女神等。
白色情人節即將到來，14、15日民眾到崗山之眼、愛之船、貢多拉、願景767文創基地、雙層巴士、白色戀人貨櫃屋、鼓山洞、壽山動物園、旗津貝殼館等景點，可享有情人牽手「買一送一」優惠。此外，「愛河文創餐車市集」也將浪漫復出。
邱俊龍指出，飯店業聯手推出住宿優惠，國賓、福華、寒軒、漢來、福容、翰品、和逸、喜悅、宜果旅居、旗山川雅居民宿等55家旅宿業者；五星級飯店雙人房一晚最低2800元起、一般旅館雙人房一晚699元起，摩鐵則有印水涵、麗馨、薇風情、美麗四季精品、華水亭、四季、御宿鳳山館、香堤時尚等高雄十大摩鐵最低1200元起。
即日起至3月底，民眾只要在上述任一景點合照打卡、上傳高雄旅遊網FB粉絲網並tag兩位好友，有機會抽情人房住宿券及愛戀婚紗攝影套組，共有100間高級情人房、3組婚紗攝影，獎品總價值達20萬元。
</t>
  </si>
  <si>
    <t>桃園與台北市因Garmin公司員工染疫事件隔空交火；基隆市因確診案例在北市上班未被匡列，而怒批疫調。台中市長盧秀燕11日表示，很感謝彰化縣府昨晚漏夜通報有確診者足跡到台中，讓中市立即啟動應變。她強調，中部地區是共同生活圈，從疫情爆發以來，中部各縣市首長共同合作、互相通報，聯手打擊病毒，守護中台灣的民眾。
台中市府昨天晚間接獲彰化縣通報指出，彰化1名確診案例有台中足跡史，曾在7月7日下午3時至晚間7時到台中新光三越百貨公司，台中市府接獲通報於晚間10時緊急通知百貨公司停業，並進行內部清消，百貨公司漏夜緊急進行內部消毒， 11日再度配合休館進行清消。
盧秀燕今天下午在流行疫情指揮中心記者會時，談及接獲彰化縣府通報確診案例足跡到台中市一事，特別表示，市府接獲通知後立即啟動應變，並通知新光三越停業並進行內外清消。
盧秀燕指出，除了感謝百貨公司配合停業及清消外，也感謝彰化縣長王惠美及衛生局長葉彥伯的及時通報，中部地區是一個共同生活圈，從疫情爆發以來，中部各縣市首長共同合作、互相通報聯防，聯手打擊病毒，中市會繼續努力，守護中台灣的民眾。
盧秀燕指出，中央宣布微解封後，民眾心理已有些鬆懈，從中市今天還是傳出本土或境外移入確診個案來看，台中市還沒有鬆懈的本錢，能理解要提供一定的民生經濟，但是疫情變幻莫測，市民一定要注意安全，避免外出，務必做好防疫，目前病毒仍凶猛且全世界還深以為苦，仍要加強戒備。</t>
  </si>
  <si>
    <t>蔡政府拿防疫當抗中，大批新婚陸配、陸配之子「小明」與陸生新舊生回不來，成功爭取「武漢包機」返台的台商徐正文，21日上午將召開記者會，率領新婚陸配、「小明」表達現況，並向總統蔡英文、行政院長蘇貞昌喊話，盼趕緊開放相關大陸人士來台。
徐正文表示，往常年均6000名新婚陸配來台，但新冠肺炎疫情爆發後，目前僅600名新婚陸配成功申請團聚入台，目前尚有2000多對兩岸婚配的大陸伴侶，無法來台與親友相聚。
徐正文提到，不只新婚陸配來台被下禁令，另還有陸配之子「小明」2000人，以及5000多名大批陸生新舊生仍被阻絕在外；並且，讓人無法接受的是，政府的防疫戰略根本是「逢中必反」，大陸以外的其他國家配偶、境外生，甚至外勞都可來台，具備大陸身分者，則是全被擋在國門之外，諸如此類人倫之情被拆散、學權受戕害的案例，近來不斷傳出，處境令人同情。
徐正文指出，基於人道關懷，再度站出來呼籲政府，儘速放行新婚陸配返台，不要再讓新婚伴侶在即將到來的情人節期間，只能當牛郎織女，隔著台灣海峽遙望與思念彼此；另也呼籲放行「小明」與陸生來台，與父母家人相聚，並順利接受高等教育。
「我們企盼政府能秉持著結好緣的心，不要拆散夫妻和家庭」，徐正文強調，但若社會各界對疫情有所膽心，建議可比照湖北包機上海模式，將班機旅客集中隔離，協助需要的同胞，順利返回台灣。
徐正文說，近來接獲不少新婚陸配的陳情案，因此決定召開記者會，並於會中呈現陸配、「小明」與陸生所拍攝的影片，以及將發給蔡總統和蘇院長的陳情信；新婚團聚陸配夫妻檔也會在現場透過網路視訊，表達對彼此的思念，還有想對政府說的話。</t>
  </si>
  <si>
    <t>日本贈送台灣124萬劑AZ疫苗，各縣市於15日起擴大施打，不過疫苗才開打2天，全台已傳出超過13起老年人於接種後猝死的案例，至於猝死原因是否與接種疫苗有關還需進一步釐清。法醫高大成接受⟪中時新聞網⟫專訪時表示，可以從遺體表徵判斷死因，並點出關鍵要看氣管的位置。
高大成分析，如果是打疫苗死亡通常都是過敏反應引起，過敏而亡會使遺體氣管聲門水腫，身體也會起疹子，有時還會產生肝、腎衰竭，或心肌炎。若是因慢性病死亡，則會有血管硬化，或臟器衰竭的情況，因此在解剖後若只發現過敏反應，就能判定是疫苗造成死亡。
高大成認為因施打疫苗死亡的機率不大，中華民國防疫學會理事長王任賢也表示，如果不是在接種疫苗後30分鐘內，造成了因為呼吸窘迫而死亡的話，原則上跟新冠疫苗沒有關係。
不過王任賢提到，很有可能與疫苗接種方式有關，因為現在得長途跋涉到接種點去打疫苗，而且還要預約掛號等待，這樣的過程容易讓老人家折騰而死。他呼籲，政府應該推行到府接種，改善施打程序，避免長者無緣無故的喪命。
(剪輯/邱子軒)</t>
  </si>
  <si>
    <t xml:space="preserve">籃網在傳出新援畢斯利確診新冠肺炎之後，立即宣布簽下32歲老將蘭斯湯瑪斯(Lance Thomas)，希望湯瑪斯能夠填補戰力缺口。
籃網目前陣中多人染病，加上厄文以黑人平權理由不願參加復賽，導致全隊戰力銳減，球團不得不將戰力補強目標鎖定沒有合約的自由球員，上周簽下了畢斯利，沒想到今天傳出畢斯利確診新冠肺炎，籃網只能趕緊換人，而迅速地簽下了蘭斯湯瑪斯。
湯瑪斯在2010年參加NBA選秀，但當時沒有獲得任何球隊青睞，2011年加入鵜鶘，也打過雷霆和尼克，甚至跨過太平洋來到大陸CBA佛山龍獅討生活。
湯瑪斯在2019年結束與尼克的合約之後，一度與籃網簽訂合約，可惜球季還沒開打前就被籃網釋出，NBA生涯場均5.2分、2.6籃板。
</t>
  </si>
  <si>
    <t>新冠肺炎本土疫情未歇，台大公衛學院教授陳秀熙分析指出，台灣在非藥物公衛措施（NPI）、推動熱區快篩之下，整體的Rt值已降至1以下，不過若以縣市來看，北部疫情已經趨緩，但苗栗的Rt值還在5以上。NPI的落實程度會反映在後1、2周的Rt值，近期車流量變多，未來疫情是否還會升溫，還需觀察。
台大公衛學院今舉辦新冠肺炎科學防疫線上直播，針對近期的本土疫情進行分析。陳秀熙指出，台灣除了NPI措施，指揮中心也針對熱區設置快篩站，協助找到隱性個案，快篩配合NPI的措施，是疫苗施打前最有效的政策。
陳秀熙表示，台灣在本土疫情剛爆發時，NPI的落實程度不高，5月18日只有30％，5月24日46％、5月26日升至66％、5月29日升至83％、6月1日79％、6月4日80％、6月7日90％。由於NPI措施、快篩檢測見效，Rt值也下降，從5月23日搭配26日的Rt值2，降至1以下，5月27日到29日為0.98，6月5日至7日則降至0.58。接下來是否能維持，要看看警戒有沒有鬆懈、快篩是否能有效找到隱性感染族群。
若以縣市來看，陳秀熙表示，5月15日時，台北、苗栗、台中、彰化的Rt值高達5以上，新北、基隆、桃園則介於3-5至間。5月19日至21日間，北部開始改善，彰化還在Rt值5以上的風暴中。5月22日到24日間，彰化則受到非常好的控制。
5月29日至5月31日間，台北疫情趨緩，Rt值降至1以下，受到控制，不過苗栗卻爆發移工群聚，台中也出現了一部分的群聚，導致苗栗Rt值高達5以上，台中則介於3-5至間。6月1日至3日間，除苗栗以外，其他多個地區的NPI落實程度已經加強到80％以上。6月4日至7日間，除苗栗，其他Rt值都已經降至1以下，顯示疫情受控。
陳秀熙表示，高Rt值對應的都是較差的NPI措施，NPI措施的落實程度，反映的是未來1、2周的Rt值。由於近期車流量變多，未來2周疫情會不會上升，還需進一步觀察。</t>
  </si>
  <si>
    <t>🌸Diletta Leotta🌸（@dilettaleotta）分享的貼文 於 PDT 2020 年 3月 月 16 日 上午 3:11 張貼
新冠肺炎(COVID-19)疫情全球持續擴大，其中義大利災情慘重，實施封城後許多行業也連帶受影響。義大利知名體育女主播萊奧塔(Diletta Leotta)因疫情無法在運動場上工作，但居家隔離仍不忘本業，在網路上曬出居家工作照，意外引起網友暴動。
🌸Diletta Leotta🌸（@dilettaleotta）分享的貼文 於 PST 2020 年 2月 月 28 日 上午 1:34 張貼
綜合外媒報導，義大利性感體育女主播萊奧塔是DAZN頻道當家花旦之一，專門播報義甲足球聯賽，最近當地因為新冠肺炎疫情很多比賽都延宕，但她在家仍不忘做足功課，替隨時開始的比賽好好準備；萊奧塔在Instagram分享居家工作照，沒想到各種火辣穿搭，讓粉絲看了受不了，無論是露出「一線天」的睡衣，或是西裝外套搭了一件超低胸白T恤，都擋不住她的曼妙身材。
🌸Diletta Leotta🌸（@dilettaleotta）分享的貼文 於 PST 2020 年 3月 月 7 日 上午 5:27 張貼
這段期間萊奧塔除了分享在家工作的照片，也不忘和粉絲互動，上傳化身小廚娘的照片，還有運動健身的各種美照；大票粉絲看完都超興奮，不僅讚賞她的廚藝和健身成果，更有不少人忍不住開玩笑，「根本不記得她做了什麽料理」、「我只看到萊奧塔的身材」、「太會穿衣服了吧，讓人都忘記她原本在做什麽」。
🌸Diletta Leotta🌸（@dilettaleotta）分享的貼文 於 PDT 2020 年 3月 月 17 日 下午 1:07 張貼</t>
  </si>
  <si>
    <t>美國新冠肺炎疫情逐漸擴大，讓醫療體系面臨緊繃極限，美國防疫不力恐是全球性的災難。美國尚未對患者死亡進行大規模的驗屍採檢，而大陸已歷經大規模感染，其對患者死亡驗屍報告之後續追蹤問題，更能直指新冠病毒之特徵，美國應當正視大陸的防疫經驗及研究而加以效法。
美國現有的醫療體系高度資本化，其導致許多人染上流感後根本自生自滅，甚至連確診的經濟負擔都欠缺，試想：如果這些死者驗不到流感，他們的死因恐怕就更為撲朔迷離。而中國疫情高峰慢慢消退，醫界針對新冠肺炎死者出具的驗屍報告，顯示該重症新冠肺炎宛如SARS加愛滋病。病毒的傳染力和復發性之狡猾，大陸驗屍報告突顯出對病患長期追蹤管理之重要性，無論是前期疫情防堵的經驗或後期患者治療的長期追蹤管理，頗值得美國醫療體系師法。
大陸醫界針對感染肺炎出院後核酸檢測呈現陽性的情況，顯示患者並非復發，而是從未治癒。尤甚，驗屍報告解剖重症病人的肺功能損傷的很厲害，免疫系統也幾乎全被摧毀，相較SARS只攻擊肺，不會傷害免疫系統；AIDS只傷害免疫系統，新冠病毒對重症病人的損害，宛如SARS加愛滋病的集合。該份驗屍報告針對患者感染病毒後，可產生抗體的假設可謂是重大的挑戰，WHO應該呼籲各國調整因應疫情的策略，圍堵新冠病毒傳播恐怕才是上策，將其視為流感而產生抗體之防疫政策，恐怕成為全球防疫體系的一大漏洞。
2003年SARS病人死亡主要原因乃急性肺損傷，大陸醫界驗屍報告顯示多器官衰竭是新冠病毒的重要死亡原因，大陸一些出院的重症病患，血液檢查發現他們的淋巴細胞指數，其實並沒有恢復到正常水平，即意味著病患的免疫系統並沒有完全恢復，凸顯原先的出院標準太過寬鬆，臨床症狀的消失，不包括血液檢查的結果，導致一些出院時核酸檢測陰性的患者，因免疫系統很差並沒有恢復，在出院後很快又檢測出是陽性反應，意即出院的病患可能會像B型肝炎一樣，長期帶病毒生存而不自知，導致患者治癒後復發的可能性大增。
職此，死亡患者的驗屍報告顯示之結果，頗讓大陸醫界煩惱，是否這種帶病毒生存的病患，在尚未完全治癒的情況下是否具備傳染性？即便夏天因為溫度上升會使疫情減緩，但冬天降溫之後病毒又會捲土重來，新冠病毒的變異性深不可測。大陸多位一線臨床醫生認為：之前所有的醫療資源集中於新冠肺炎病人急性的救治問題，當急性期的病人越來越少，重點將轉向出院病人的管理問題，病毒有沒有顯著的傳播性，周圍的人有沒有受到影響。是以，對病患的長期追蹤涉及公共衛生防疫體系的健全與否，病毒蛻變為長期性的流感病毒勢必進行疫苗的研發。
日本的朝日新聞對美國因應新冠狀病毒提出一項疑問：美國疾病管制局公布2019年美國境內流感之感染者逼近3400萬，死亡人數逼近2萬人。非常時期，筆者並不想糾結新冠肺炎是否來自美國？而是關注新冠肺炎的初期症狀和流感十分相似，但死亡率比流感高出很多，兩種病毒的因果關係和演變過程迄今成謎，患者在兩國感染病毒所得到醫療照護和經費負擔之差異，頗令人玩味。
（作者為中華民國公共政策學會監事）</t>
  </si>
  <si>
    <t>(14:24更新) 中央流行指揮中心今天公布國內第32例確診個案，是國內第三起家庭群聚27例80歲老翁的看護，而該看護為印尼籍非法外籍看護，目前台灣新冠肺炎全台確診個案達31例。
指揮中心指揮官陳時中表示，第32例新冠肺炎確定病例，為案27在2月11日至16日住院期間之30多歲女性外籍看護，衛生單位於案27確診後，即透過警政單位協尋該名個案，於2月24日晚間尋獲後送往醫院採檢通報並住院隔離，個案當時有輕微喉嚨不適，經檢驗於今日確診。
指揮中心應變官莊人祥表示，這名外籍看護直到24號才住院隔離，只有出現喉嚨不舒服，沒有發燒，且期間都沒有就醫。他並強調，該看護僅單獨一對一照顧老翁案例27，不會影響其他人，不至於有院內感染的情況發生。
但院外接觸者，因為看護的足跡比較廣，因此現在還在調查中，不排除公布足跡，因為已經在清查足跡資料，只要出來就會對外公布。</t>
  </si>
  <si>
    <t>受到新冠肺炎疫情影響，許多補習班停課。教育部今天表示，學生若已繳了費用，但有些課因疫情停課，補習班應按比例退費，也可在經學生同意下，以錄影課程或其他方式補課。
教育部表示，倘短期補習班配合防疫辦理停課，或於開課後停班或停課者，補習班應自事實發生日之次日起10日內，按事由發生後賸餘課程時數比例退還當期開班已繳之費用。但經學生同意以補課、提供授課錄影資料或其他適當方式處理者，不在此限。
教育部指出，考量因疫情各退費案件個案狀況不一，建議消費者宜備妥相關契約資料，儘速向補習班所在地之地方政府教育局(處)聯繫協助，或循消費爭議處理程序辦理，由地方政府教育局(處)或消保官協助透過個案協商爭取權益，以協助解決退費事宜，或協助其保留課程。
教育部說刻正彙整各地方教育局(處)處理補習班業務聯繫窗口資料，屆時將刊載於終身教育司網站，俾供民眾查詢聯繫。</t>
  </si>
  <si>
    <t xml:space="preserve">根據美國約翰斯霍普金斯大學最新數據顯示，全球新冠肺炎確診人數今(28日)正式突破300萬人，累計死亡人數超過20萬人。其中，美國共有近98萬人確診，佔全球確診人數將近三分之一。
目前美國新冠確診人數逼近百萬大關，共有5.5萬人死亡。西班牙、義大利及法國總確診人數分別排名全球第2至4名。
亞洲國家當中，伊朗9.1萬確診，俄羅斯8.7萬確診，雙雙超越中國大陸。
</t>
  </si>
  <si>
    <t xml:space="preserve">因應新冠肺炎疫情衝擊，政府研擬推出「振興抵用券」刺激消費。行政院發言人Kolas Yotaka今表示，抵用券只是一個概念，可以延伸到各個面向，振興抵用券不會只適用商圈、夜市、商圈，擬擴及演唱會等藝文消費，具體作法相關部會正在盤點需求後擬訂。
針對振興抵用券適用範圍，Kolas表示，不僅限於商圈、餐廳、夜市，可以透過「抵用」的概念多元延伸，例如藝文產業許多展覽、表演、影視娛樂多半在室內舉行，也受到疫情衝擊，因此未必是以「券」的形式呈現，相關部會將著重「抵用」的部分。
此外，立法院將於21日開議，行政院長蘇貞昌18日上午將例行性先後拜會立法院長游錫堃、副院長蔡其昌、祕書長林志嘉，隨後拜訪國民黨團、民眾黨團、時代力量黨團，20日中午則是民進黨團。
至於是否會談到有關政院即將提出的紓困振興特別條例草案，Kolas表示，行政院會盡速提出版本送交立院審查，立院開議前院長都會禮貌性拜會朝野各黨團，希望支持政院提出的政策與預算，若談話過程提到也是很自然的事情。
</t>
  </si>
  <si>
    <t>衛福部桃園醫院爆發群聚感染，11天來已有12例確診。對於台灣疫苗採購案，國民黨前立委孫大千多次提出質疑，今（23）日他再度提出5點疑問，好奇「是誰把台灣人民的救命疫苗給搞掉了？」
孫大千在臉書表示，沒有疫苗注射，難道真的要台灣人民靠人心團結來對抗新冠肺炎嗎？因此想請衛福部正面回答幾個問題。首先針對疫苗採購，原本說好的超前部署呢？原本說好的口袋名單是什麼？東洋製藥又是怎麼被做掉的？
第二，如果按照原本東洋的採購方案，台灣的醫護人員早在去年底就可以接種疫苗，也根本不會發生部桃醫院的院內感染。究竟是誰害桃園鄉親要承受這樣的風險？
第三，孫大千指出，疾管署針對媒體爆料，究竟是否有要求媒體更正？或者只是拜託媒體不要把承辦人的全名登出來？第四，陳時中口中的500萬劑疫苗談判，後來是不是改透過台灣雅各臣和信東作為不能說出來的白手套？
最後，孫大千質疑，疫苗談判究竟是延遲？還是破局？BNT是否已經準備將原本的訂金歸還台灣？
《是誰把台灣人民的救命疫苗給搞掉了？》系列之一
沒有疫苗注射，難道真的要台灣人民靠人心團結來對抗新冠肺炎嗎？請衛福部正面回答這幾個問題：
第一，針對疫苗採購，原本說好的超前部署呢？原本說好的口袋名單是什麼？東洋製藥又是怎麼被做掉的？
...</t>
  </si>
  <si>
    <t>高中、國中、小學25日將開學，有家長擔心自主量體溫就可進校，恐會成為防疫破口，北市副市長黃珊珊24日表示，第1天開學會比較亂，所以希望孩子不要聚集在門口等額溫槍量體溫，第2天會有拿回家自己量的表，填了後可快速通過校門，但到教室還是有抽驗。
黃珊珊表示，聚集量體溫當然不安全，但因很多家長沒額溫槍，所以開學會派人去疏導交通，並請各小學多派志工媽媽協助量體溫，有狀況的孩子會有獨立通道，並暫時請家長接回家，開學前北市每校已做完3次演練，明天雖會比較亂、密集，但仍希望一切順利。
黃珊珊提到，自主量體溫不是作假，即使過了校門口，但北市每班的教室都有1支額溫槍，會再度抽驗，所以家長、老師還是會發現，而自主量體溫也是誠信教育，若填了當然會選擇相信，不過就是怕有些家長讓小孩吃完退燒藥就進校；另外教室本身的防備物資也有準備2周以上，讓孩子安心上課。
針對北市查獲4家業者乘機哄抬醫療口罩價格、發災難財，黃珊珊說，有疫情後，就已要求法務局消保官一直查價，嚴重就報到公平會，但因太多業者在網路上做囤積販售，會繼續查，一有查核消息就上網公告。</t>
  </si>
  <si>
    <t>日前曾被確診者造訪的好市多內湖店，稍早突然公布消息，宣布下午1時開始只出不進，臨時閉店清潔消毒。對此，北市衛生局證實，該店確實有確診足跡，已要求業者停業、清消，執行防疫程序。
一名網友今在PTT上發文表示，今天下午1點左右去內湖好市多，卻被告知「只出不進」要配合政府政策消毒，說是因為開了內用區，所以要定期消毒，讓他好奇到底怎麼了，也提醒大家不要白跑一趟。
另也有網友在臉書社團《汐止集團》發文表示，內湖好市多剛剛突然宣布要暫停營業，因為要清潔消毒賣場，因此只出不進。而好市多賣場也貼出公告「配合政府防疫措施，進行全店環境清潔消毒工作，今（5日）暫時停業一天。」
針對此事，好市多則回應說，賣場出現確診者的足跡，因此今天下午一點將進行消毒動作，賣場只出不進，明天就會恢復正常營業。
而台北市衛生局稍早也證實，該店確實有確診足跡，目前已要求業者停業清消，執行相關的防疫程序。</t>
  </si>
  <si>
    <t>仍在世界各國肆虐的新冠肺炎，具體傳染途徑醫界仍沒有定論，一位何姓網友在臉書上指「蚊蟲是第三病毒傳播者」，被警方依《嚴重特殊傳染性肺炎防治及紓困振興特別條例》移送台北地檢署，檢方偵查後，認定何男誤解病媒妏蟲的常識，雖然未經查證，卻沒有明知不實傳播的犯行，將何男不起訴處分。
何姓網友是4月7日下午，在自己的臉書上發出「第二個冠狀病毒吹哨人向全人類發出警告，天氣漸漸熱，新冠肺炎還沒有結束..武漢病毒研究所的所長向全國人民發出警告：蚊蟲將是人類第三病毒傳播者，一旦傳播了全球60多億人，3分之2的人都要深受其害...」等內容。
警方認為，何男的發文是足生損害於公眾的假消息，約談到案後移送北檢偵辦。
何男在偵查中否認散播假消息，並強調他以為蚊蟲會散布病毒是「常識」，所以，朋友透過Line傳來的文章，就被他轉貼給其他朋友分享，不知道是假訊息。事後因媒體報導知道並非如此就刪文，純粹是出於好意提醒朋友的心理，並非惡意散布謠言。
檢方則認為，台灣事實查核中心在4月10日發布報告，證實「蚊蟲會散布病毒」是假訊息，並有媒體加以報導，何男是在4月7日發文，是否知道為假訊息，並非無疑慮。難認何男有明知為不實卻還是散布的犯行，也無任何積極證據不採何男的辯詞，因此依罪證不足，將何男不起訴處分。</t>
  </si>
  <si>
    <t>高雄30日新增2例確診個案，皆與先前發生的仁武家庭群聚案有關聯，其中案14872與指標個案姪兒的同事同住於鳳山區某棟大樓，雖然雙方互不認識也住在不同樓層，但疑似因為他與確診者前後分別搭乘同部電梯，在密閉空間染疫，隨後再將病毒帶回家中，也造成2位同住家人確定染疫，但尚未列案號，目前該大樓已經確定有5人染疫。
高雄市長陳其邁表示，案14872因症就醫採檢時確診，疫調人員發現，他住處位在鳳山某大樓3樓，而先前染疫的指標個案姪兒的同事則是住在同棟大樓7樓，為了不讓病毒擴大感染，立即清空大樓，召回所有住民共149位，對他們安排採檢並分送防疫旅館隔離。
陳其邁指出，該棟大樓是屋齡將近30年的平面大樓，且僅有一個狹窄的出入口及3部共用電梯，他們研判，案14872是與先前確診的個案在6月21日發病前搭乘同部電梯造成接觸感染，且案14872也將病毒帶回家中，傳染給2位同住家人，目前整棟大樓已經確定有5人染疫。
高市府接獲案14872確診的消息後，火速到場封樓，並召回大樓內所有住戶，以防疫巴士載送到防疫旅館並安排檢測，導致附近居民人心惶惶，有民眾在網路上批評，對高市府把被匡列者送旅館隔離的法律依據感到不解。
陳其邁回應，這是個痛苦的決定，基於大樓的群聚已經有5個確診個案，判斷可能是因為共同感染源以及環境的汙染，所以快速採取清零計畫，並不是只發現1例的疑似個案，就決定整棟大樓清空。</t>
  </si>
  <si>
    <t xml:space="preserve">
新冠肺炎疫情延燒，德國經濟辦事處今天公布疫情對商業影響的調查，有62.8％在台德商的商業活動已大受疫情衝擊，其中衝擊最嚴重的是客戶對產品及服務的需求下降逾6成7，預估今年上半年營收將減少至少1成。
此次調查是德經處3月3日至6日，針對250家在台德商執行的調查，調查結果顯示，疫情衝擊最嚴重的，主要是客戶對產品及服務的需求，下降67.7％，公司也取消63.1％的活動及國內外展覽，有50％的德商因此預測其2020年上半年的營收將減少至少10％。
德國經濟辦事處首席代表暨處長林百科在記者會中提到，儘管商業發展受新冠肺炎疫情影響，但有超過87％的德商對台灣政府抗疫成果十分滿意。
林百科強調，德商非常信任且願意跟隨台灣政府的防疫措施，多數德商除了遵守台灣政府的建議，也自行加強公司內部員工及外部訪客的防疫規範，他舉例有83.3％的公司要求員工及訪客進入公司前需消毒，56.4％的公司要求須測量體溫。
為緩解新冠肺炎疫情對公司財務的影響，52.6％的德商呼籲政府提供財政紓困措施，包括減稅措施及薪資補助等，此外，有60.3％的德商認為，目前面臨最大難題為取得防疫用品，例如口罩等設備，但德商也能理解供不應求現象。
</t>
  </si>
  <si>
    <t>新冠肺炎疫情變化迅速，已對各項民生、經濟活動造成影響，嘉義市長黃敏惠今25日在市務會議中表示，市府正積極盤點資源，目標從強健企業體質、協助紓困等方式共度艱困時刻，也提醒市府同仁，若沒有緊急或絕對必要應暫緩出國，在要為國家、為家庭、為自己多多自我保護。
黃敏惠說，中央紓困特別條例與預算現正在立法院審議，希望中央要更全面、更貼地氣的盡快提出各項協助計畫，幫助產業、提振經濟發展，身為地方政府在第一線，更了解在地所受的衝擊與影響，因此市府正積極盤點資源，目標從強健企業體質、協助紓困等方式共度艱困時刻。
黃敏惠說，像受旅客人數減少，飯店旅館若有停止營業的樓層，可申請重新核定適用較低稅率，將房屋稅營業用稅率3％更改為較低的2％非住家非營業用稅率，同時協助業者發揮既有優勢與拓展未來發展空間，例如有口碑的好產品積極拓展電子線上商機、出別具特色的親子、生態、文化旅遊等，吸引更多國人來嘉義。
同時，市府也會滾動式檢討是否停辦或延後市府主辦的大型活動，黃敏惠強調，市府一定會仔細評估大型活動的舉辦，畢竟影響層面極廣，尤其民間期待政府帶頭拚經濟，但同時人民也非常在乎政府在防疫的作為與政策，所以我們會不斷關注疫情的變化，滾動式的檢討，做出最符合市民利益與期待的判斷。</t>
  </si>
  <si>
    <t>台北市今公布1例確診者足跡，案16121為新北市個案，2日確診，感染源尚待釐清，個案曾到過的停車場、商場、飲料店皆已完成清消。
個案曾在8月28日下午到過南港車站地下停車場，還曾去過2xlu二口旅茶｜說茶旅人信義總店，以及送青良手做茶飲台北松山旗艦店，最後還到過春光公園地下停車場，足跡遍及南港和信義區。
台北市衛生局公布案16121在8月28日下午4點和5點45分到過南港車站地下停車場，同日下午4點16分至5點45分Global Mall B1A和CITYLINK C棟9樓；同日晚上6點和7點20分則到過春光公園地下停車場；同日晚上6點50分至7點10分則到過2xlu二口旅茶｜說茶旅人信義總店和送青良手做茶飲台北松山旗艦店。</t>
  </si>
  <si>
    <t>教育部今天最新公告，到23日下午5時30分止，共有118位學生確診，其中大專生60人最多。而淡江大學今天也在學校網站公告，有4位師生確診，學校已進行全面消毒。
教育部統計，共有118位學生確診，較前1天106人增加12人。確診學生中，包括大專生60人（含50個本土案例、10個境外移入案例）、高中生17人、國中生12人、國小生19人及幼兒園生10人。
同時，淡江大學今天也在學校官網公告，有1位兼任教師及3位學生共4人確診，均已完成全面疫調並已通知相關師生注意自主健康管理，校內所有可能接觸的場域均已進行全面消毒。</t>
  </si>
  <si>
    <t>近來美國公布企業財報，截至14日止，美國S&amp;P500近八成企業公布營運成果，其中有七成以上企業獲利優於預期幅度達4.5％，隨實際亮眼財報陸續發布，美國S&amp;P500企業去年第四季盈餘成長率由1月底-0.3％上修至0.9％，雖反映疫情不確定影響，季度盈收預估增長有所調降，但投信法人預估新冠肺炎疫情屬短暫現象，企業基本面好轉有助資金持續簇擁投資等級債。
保德信投信表示，新冠肺炎疫情有機會在第一季受到控制，但仍須觀察新增確診人數能否連續下降，但肺炎疫情所造成經濟衝擊以大陸為主，可能僅影響美國第一季GDP約0.2～0.4％，且第二季有望反彈。美國擁經濟數據支持，預期市場的悲觀情緒應屬短暫現象。
保德信美國投資級企業債券基金經理人毛宗毅表示，美國ISM製造業指數重返擴張領域，非農數據亦表現強勁，美國經濟動能持續回溫。
儘管1月底爆發的新型冠狀病毒一度引發風險資產下挫、信用利差擴大，在避險買盤湧入下，10年期美債殖利率最低回落至1.5％。
近來市場情緒回穩後已再度收斂至年初水準，反映企業良好基本面。債市供需方面，疫情發展主導資金流向，今年以來投資級債約占整體債市流入的63％。新債發行部分，年初往往為市場發債旺季，據統計，1月美投資級企業債發行規模達1,517億美元，預期在2月將可回落，目前債市供需前景依然良好。
毛宗毅認為，美國聯準會料將維持寬鬆貨幣政策，公債殖利率有望延續低檔震盪走勢；中美貿易紛爭有緩解情況，加上第四季企業營收目前表現優於預期，債券信用利差有收窄空間。
展望今年債市，美中將進入更困難第二階段談判、美國總統選舉等市場變數，新冠肺炎短期更將主導市場情緒，市場將不時震盪，建議投資人應納入一定比重投資等級債以降低投資組合波動，若欲加碼或空手的投資人，可趁美債殖利率彈升至1.7～2％時進場布局。
群益全民優質樂退組合基金經理人林宗慧表示，在新冠肺炎疫情加重且擴散至他國，市場恐慌情緒升高，避險需求上升，促使資金持續流入債信品質較佳、利率水準優於公債之投資及債市場，進而推動投資等級債走揚。
後市來看，在疫情尚未明顯受到控制以及其所引發的景氣前景疑慮的影響下，同時市場維持在低利環境，投資級債仍有望吸引穩健資金配置，惟其利差相較高息債較窄，因此操作上需留意利率反轉上行風險。</t>
  </si>
  <si>
    <t xml:space="preserve">新竹縣8日維持＋0，桃園市的確診個案為Delta病毒，在新竹縣有4處足跡，新竹縣衛生局匡列25人居家隔離，首波採檢均為陰性、7日第2次採檢也全數為陰性，而某私幼非同住家人1採陰性、竹縣某國中老師2採也陰性，不過因二級警戒持續至9月20日，新竹縣不開放任何戶外場所烤肉，僅同住家人可居家烤肉。
新竹縣7日傳出有國中教師快篩陽性，經過2度採檢均為陰性，而某私幼8日全園預防性停課，也傳出該園所幼生的非同住家人一採為陰性。曾與桃園市確診個案接觸而居家隔離的25人，7日二度採檢全數為陰性。
新竹縣衛生局指出，由於北部地區有群聚案件，社區可能有不明感染源，若於中秋節開放戶外烤肉、辦活動，可能增加社區傳播風險，並考量到公共場所有不特定人來來往往，若脫下口罩、無法保持社交距離等，將有防疫風險，因此9月18至21日中秋連假期間，竹縣不開放任何戶外、公共場所、社區烤肉和相關活動，僅同住家人可居家烤肉，請民眾配合。
新竹縣長楊文科也呼籲民眾，Delta病毒株不容小覷，請所有民眾防疫不能鬆懈，確實遵守二級強化警戒措施，維持外出全程戴口罩、實聯制、保持社交距離、勤洗手的防疫習慣，共同嚴守社區防線。
★《中時新聞網》提醒您：因應新冠肺炎疫情，疾管署持續加強疫情監測與邊境管制措施， 如有疑似症狀，請撥打：1922專線，或 0800-001922， 並依指示配戴口罩儘速就醫，同時主動告知醫師旅遊史及接觸史，以利及時診斷及通報。
</t>
  </si>
  <si>
    <t>輔大醫院配合中央政府政策，自即日起調低新冠肺炎自費檢驗價格，取消國際醫療件並調降約3成價格，使原先一般件常規檢驗費5千元，急件7千元，國際醫療7560元，目前只分一般件3500元與急件4500元，且急件最快8小時當天取件，一般件隔天也可以取件。
輔大醫院指出，新冠檢驗每天上午8時至12時採檢，民眾可以先到醫院網站預約，免除現場作業及等候時間。急件上午8時至10時完成掛號，當天下午6時後取件；一般件上午10時至12時完成掛號，第2天早上10時可以取件，隔天下午6時後也可拿到報告。
院長王水深說，輔大醫院自去年8月開始新冠肺炎檢驗，已執行超過7千人次。隨著疫情變化，出境人次增多，民眾因為出國工作或求學等，需要自費提出核酸檢測證明，輔大醫院配合政府協調降價，檢驗結果提供中文、英文報告。
院長王水深補充，因應每家航空公司證明格式不同，輔大醫院另外提供適航證明掛號服務，民眾到輔大醫院新冠肺炎檢驗，現場提交身分證（居留證）及護照正本、影本、申請表，表格詳見醫院網站。</t>
  </si>
  <si>
    <t>中央流行疫情指揮中心發言人莊人祥今（7）日表示，國內新增1例境外移入COVID-19（新冠肺炎）病例，為本國籍20多歲男性（案494），今（2020）年2月至尼泊爾參加宗教活動，9月3日與友人一同返國。
指揮中心表示，個案登機前3天之檢驗結果為陰性，9月3日與友人返國入境時無症狀，入境後返回居住地居家檢疫。個案9月5日出現發燒、流鼻水、頭痛、肌肉痠痛及腹瀉等症狀，經通報衛生單位後安排就醫及採檢，於今日確診，目前住院隔離治療中。
指揮中心指出，個案搭機期間及返國入境後均全程佩戴口罩，衛生單位已掌握個案接觸者共25人，其中同班機前後二排座位旅客4人、同行返國友人1人及同住家人4人，列為居家隔離對象，同班機機組員16人因全程有適當防護，列為自主健康管理對象，將持續密切追蹤這些接觸者之健康情形。
指揮中心統計，國內截至目前累計88,558例新型冠狀病毒肺炎相關通報（含87,453例排除），其中494例確診，分別為402例境外移入病例，55例本土病例，36例敦睦艦隊及1例不明。確診個案中7人死亡、475人解除隔離、12人住院隔離中。</t>
  </si>
  <si>
    <t xml:space="preserve">新冠肺炎除了引發各國對疫情恐慌，也推動了各種搶購潮，包括先前的香港、台灣，近期的日本、韓國與部份歐陸國家，現在美國各地也掀起衛生紙搶購潮，此一風潮應可能很快就會傳回美國本土。在北美的加拿大，因為政府建議預留食品與藥品，各超市貨架亦被清光，許多人甚至瘋狂訂購號稱用於防備核戰爆發、可保存25年的「末日套餐」。
從大陸傳染到其他國家的不只是新冠病毒，也包括因疫情而來的各種搶購潮，除了口罩、消毒液，還波及衛生紙及各種紙巾，食品與日用品亦在搶購之列。據《全球新聞》(Global News)報導，為了應對新冠肺炎，加拿大政府建議民眾儘早囤貨，在家中留出一周的藥品和食品供應。從網友曬出的照片看到，加拿大各大超市門前開始排隊，有不少人圍在冷藏櫃前搶肉，貨架被一掃而空。有市民開始訂購Costco保質期25年「末日套餐」，據說套餐裡的脫水水果和罐裝牛肉等一人份可以吃一年。
據美國夏威夷超市的衛生紙也遭逢台港日韓不久前的命運，由於全球疫情擴散，美國防疫情勢不妙，夏威夷民眾也開始囤積貨品，他們未戴口罩擠進超市排隊搶購各種日常生活用品與防疫用品，不只口罩、消毒液這些防護消毒用品被搶購，更是連衛生紙也一搶而空。美國華盛頓州西雅圖市南部的一家大型超市裡，大量顧客排隊購物，許多人的購物車裡都裝著洗手液和消毒濕巾，而醫用口罩和衛生紙已售罄。俄勒岡州的超市也出現了類似的情況，顧客擠滿了商店，把衛生紙、紙巾、瓶裝水、小吃、罐頭食品等商品一掃而空。店員們表示，這是超市史上第一次衛生紙售罄，他們從沒這麼忙，即使在聖誕節前夕也沒有這麼忙。
據《美聯社》發佈的視頻顯示，夏威夷火奴魯魯市當地居民排著長隊購買衛生紙和紙巾，超市的員工們忙著不斷補貨，不少超市已經開始對衛生紙進行限購。
據表示，美加民眾湧入超市大量購買和囤積日常生活物資，有顧客稱：「末日來臨時，衛生紙就像金子一樣珍貴。」另外，遠在南太洋的澳洲也出現搶購，搶購標的是白米與衛生紙。
一談到搶購，大陸網民都經驗豐富，但對於美加民眾搶購衛生紙很難理解，「沒有吃的，那來那麼多的屎呢？老美真憨豆，哈哈」、「不怕吃不上飯，就怕上不了廁所」、「看來擦屁股遠比戴口罩重要」。
</t>
  </si>
  <si>
    <t>2020年上半年即將結束，上市公司陸續總結半年的營運成績，雖然正式的半年報要到七、八月才會陸續公告，但是絕大多數上市公司董事會與經營團隊都瞭然於心，將要迎來顯著衰退的營收，甚至是難堪的紅字虧損。新冠肺炎帶給人類經濟生活猶如戰爭般的衝擊，把大多數企業推到生死存亡的臨界點。
重大災難正是對企業經營能力的終極考驗，所有公司負責人都會高喊永續經營，不過，「永續經營」在承平的日子只是啦啦隊一般鼓舞員工的漂亮口號，只有在新冠肺炎這樣重大的災難中，才能看到公司負責人對於「永續經營」承諾的真假。
在真實的世界裡，企業時時刻刻面臨著商業模式轉型、組織結構調整、傳統與創新部門的汰舊換新、以及高層決策主管的更替等挑戰，承平時期既有的商業模式貢獻穩定的營收，要進行結構性的改革相對困難；相反的，新冠肺炎這樣的重大災難雖然可怕，對於企業經營者來說，卻是天上掉下來的禮物，經營總體環境的重大災難是企業改革的東風，真正環抱永續經營的企業主，不僅不畏災難，更會借東風來加速結構性的調整，順勢汰弱擇強，完成從商業模式到一級主管更替的困難改革。
過去十年，臉書、蘋果、亞馬遜這幾家被稱為FAANG 的企業躍居全球龍頭，他們在新冠肺炎疫情衝擊下，不只沒有退縮，反而雷厲風行進行結構性的改革，他們犧牲短期利益，加速投資未來的決心，是台灣企業家學習的典範。
蘋果公司在6月22日召開年度開發者大會（WWDC），推出iOS14作業系統等大幅度的升級改革方案，從軟體、主要硬體升級、到網路服務的推陳出新，視新冠疫情為擴大全球市佔率的契機，蘋果公司在疫情期間關閉營業點，更大的挑戰是蘋果成為中國與美國角力的人質，許多人甚至認為失去中國市場的蘋果公司將一蹶不振，但是蘋果手機、手錶、電腦在過去半年全球市佔率大增，反而確保無可挑戰的龍頭地位，蘋果也趁機打破原有部門的山頭，將音樂、電視、新聞等服務做了全面整合；在WWDC還宣布自行主導的運算晶片，宣示擺脫英特爾的重大結構性轉變。
蘋果公司面對疫情的快速調整，獲得投資人高度的支持，蘋果的股價在上周五創下每股356.56美元的新高，已經比疫情爆發之前高出10％，總市值來到1.52兆美元的歷史新高。相較於其他的競爭者，華為面臨重大市場衰退被迫裁員因應，韓國三星股價剩下每股52,900韓元，距離疫情之前的62,800韓元下跌16％，優勝劣敗的競逐已經分出勝負。
咖啡連鎖店星巴克的改革也令人驚訝，最具有代表性的是一度被熱烈討論，號稱要挑戰星巴克的中國瑞幸咖啡，爆發假帳風暴而瞬間崩潰，星巴克屹立不搖。疫情迫使星巴克必須關閉大量營業點，卻被經營團隊作為汰弱擇強的絕佳機會，原本日常期間挑戰甚高的營業點調整，在過去三個月內迅速洗牌。
更令人驚訝的是，星巴克宣布關閉美國400多個傳統的咖啡店，同時開設300間只提供外送與現場取貨、沒有座位的新店面（pick-up stores）。這是星巴克面對消費型態轉變的重大轉型，以更小面積、成本更低廉、直接滲透到小社區、辦公室、居家附近的商業模式，採取 app訂單服務為核心，迎接5G世代的新服務，星巴克也跟蘋果一樣，藉著新冠疫情的衝擊拉開了與競爭對手的距離。
比蘋果更勇猛的是亞馬遜，在今年第二季為了因應新冠疫情，亞馬遜瞬間增加了40億美元的資本支出，表面上出現了虧損，但是卻將送貨到府的服務提升到了之前無法想像的新高，市佔率、交易頻率、全面提升的結果，亞馬遜的股價竟然比疫情之前飆升了25％，總市值增加將近3千億美元。
達爾文的物競天擇論，不僅解釋了生物種族的演化，更是企業經營的最佳詮釋，大自然不會永遠平順，每一次重大的天然災難，都是生存競爭的淘汰賽，最終勝出的並不是最大、最強的物種，而是能夠在不斷變動環境中擁抱改變的最適者（Survival of the Fittest）。重大災難對於決心永續經營的企業主，帶來轉型的東風，新冠肺炎疫情一時三刻不會消失，願意擁抱改變、抓住機會汰弱擇強的企業，將是最終的勝利者。</t>
  </si>
  <si>
    <t>連江縣今（3）日計有28位旅客從台北松山機場搭機入境馬祖南竿機場，除1名剛滿月的嬰兒外，全數完成篩檢，結果均為陰性。其中10位在松機快篩陰性後登機，17位抵達南竿機場後，在連江縣疫情指揮中心人員強力勸說下都已完成快篩。
連江縣長劉增應表示，對入境旅客的配合表示感謝及肯定，並強調台灣本島疫情並無減緩跡象，離島必須嚴格做好入境篩檢。為加強並落實離島防疫，對入境旅客進行全面快篩仍然是防疫的最佳方案，縣疫情指揮中心持續爭取中央指揮中心同意。
劉增應指出，對於不接受入境快篩者，將派警察時時關切其自主健康監測的情形，並通知相關單位禁止拒篩者搭乘縣內所有海、陸公共運輸工具，包括公車及離島間海運客輪。
連江縣疫情指揮中心呼籲，入境馬祖旅客請踴躍接受篩檢，機場碼頭快篩方便快速，保護自己及家人健康。</t>
  </si>
  <si>
    <t xml:space="preserve">德國疫情即將一發不可收拾！總理梅克爾26日示警，德國對抗新冠病毒已瀕臨失控邊緣。她多次告訴所屬的基民盟（CDU）成員，「當前情勢極具威脅」「每天都很要緊。」
據與會人士對媒體透露，梅克爾在與CDU的內部會議中，嚴正警告「往後好幾個月會非常非常嚴峻，」在對抗疫情擴散的奮戰中，「每天都很要緊。」
梅克爾本周五（30日）將與全國16個邦的領導人集會，預料地方政府將同意收緊現行的全國性防疫管制措施。梅克爾周末曾向民眾喊話，表示人們「絕對不會沒有能力控制病毒」，並呼籲國人「減少接觸，畢竟這是對抗病毒最有效的方法」。
</t>
  </si>
  <si>
    <t>美國舊金山一對新人伴侶在日前舉行了線上婚禮，儀式結束後兩人拍攝了一張婚戒照，沒想到抱在懷裡的愛犬竟也偷偷伸出了自己的腳掌，可愛的萌掌瞬間讓這張照片更加特別且意義非凡。
my husband and I tried to take pics of our rings and our dog didn’t want to feel left out???? pic.twitter.com/pAQVLEmwBo
根據外媒報導，華盛頓和約翰（Washington and John）兩人已經交往11年，雖然在幾年前已經訂婚，不過一直都沒有真的結婚，而今年新冠肺炎疫情大爆發，讓兩人有種想要步入婚姻的緊迫感，於是在日前舉行了線上的婚禮儀式，並邀請親朋好友們透過視訊的方式觀禮。
在儀式結束後，這對新人伴侶想要拍張甜蜜的婚戒照來紀念這一刻，等到檢查照片的時候他們才看到兩人所飼養的13歲杜賓犬竟然悄悄地也伸出了自己的腳掌，疊在他們的手上，讓照片變得更加特別。事後，華盛頓將這張意外的可愛照片分享到推特中，並寫道：「我和我的丈夫試著為我們的婚戒拍照，但我們的狗似乎不想被遺忘」。
這張照片很快就吸引了大批網友前來朝聖，至今已有超過30萬人按下愛心，大家對此都感到相當溫馨，「所以牠的戒指呢？」、「這是一隻多完美可愛的小爪子」，而華盛頓和約翰對於愛犬深受網友喜愛感到非常開心，「我們從寵物身上得到了無條件的愛和快樂，不過我們卻很快就將牠們遺忘，但就像是所有父母一樣，你所要做的就是讓別人提起毛小孩時，可以盡情地炫耀與分享照片」。</t>
  </si>
  <si>
    <t>有「病毒獵人」之稱的美國哥倫比亞大學公共衞生學院感染與免疫中心主任利普金（Ian Lipkin）4日接受美媒訪問，他透露，新冠病毒可能早就在人類之間傳播了數月甚至數年之久。
目前針對新冠病毒來源最普遍的說法是，病毒來自大陸湖北省武漢市華南海鮮批發市場，經蝙蝠傳染人類，然後出現人傳人，變成大流行。利普金則認為，病毒可能已經在人類之間傳播一段時間，可能數年前就進入人類體內，最終才轉變為人傳人的致命病毒。他說：「這段時期有多久？我們可能永遠無法完全重建這個過程……它可能已經流傳數月或數年。」
利普金曾擔任電影「全境擴散」的醫療顧問，他本人上月底也被確診感染新冠肺炎。他形容，病發的頭幾天，感覺像是「有隻大象壓在肩膀上」。他於1月下旬至2月初曾到大陸考察防疫工作，回國後的隔離期間並無不適，但之後在紐約開始出現症狀。</t>
  </si>
  <si>
    <t>國光生（4142）子公司安特羅（6564）宣布，開發之開發「Speedy新型冠狀病毒抗原快速檢驗試劑」，已正式取得歐盟CE-IVD認證，得於歐洲市場銷售，將積極進軍海外市場。
安特羅表示，已規劃向食品藥物管理署（TFDA）提出國內專案製造與美國EUA（緊急使用授權）申請，目標瞄準國際市場為全球新冠防疫貢獻心力。
國際新冠肺炎疫情持續延燒，至今未減緩，歐美不少國家準備啟動新一波的封鎖動作，加上各國逐步調整邊境防疫標準，推動檢測試劑需求大增。在破傷風疫苗及腸病毒疫苗後，安特羅新冠肺炎抗原快篩試劑再傳捷報。
安特羅指出，開發之「Speedy新型冠狀病毒抗原快速檢驗試劑」，依據臨床試驗數據顯示具有高靈敏度（Sensitivity）及高度專一性（Specificity），可透過簡易的操作方式，無須任何儀器設備，於15分鐘內可得知結果。
尤其，近日英國封城三十萬人逃離倫敦導致邊境交通大亂，如果能運用快篩在機場、車站等運輸據點快速檢疫，可立即對於任何疑似新冠肺炎感染者提供初步、快速之判斷依據，將有助於兼顧邊境防疫及民眾交通。
安特羅已開始銷售破傷風疫苗，而腸病毒疫苗在台完成臨床三期第1次期中分析，結果顯示，疫苗保護率達法規標準，預計明年取得藥證，將可搶台灣自費市場，營收將突破億元關卡，今、明年成長可期。
安特羅除新冠快篩試劑有進展外，與國衛院共同開發的新冠病毒DNA疫苗，此DNA疫苗在動物試驗結果中，發現具有專一性抗體與中和病毒抗體，可望減少有害反應風險，目標今年底進行一期人體臨床試驗。</t>
  </si>
  <si>
    <t>（20日03：30更新）雖三級警戒再度延長至7月26日，但在有條件下7月13日起20類場所將微解封，台北京站昨天（19日）深夜發出公告，為避免北車地下街感染風險，今天（20日）將自主停業一天清消。台北京站威秀影城昨晚也在臉書粉絲團發文表示，為配合防疫，於7月20日全面關閉進行商場與影城消毒。
貼文也引發網友留言「有確診者去過？」、「好詭異，但還是安全第一」、「上禮拜去過，怕」。
★《中時新聞網》提醒您：因應新冠肺炎疫情，疾管署持續加強疫情監測與邊境管制措施， 如有疑似症狀，請撥打：1922專線，或0800-001922，並依指示配戴口罩儘速就醫，同時主動告知醫師旅遊史及接觸史，以利及時診斷及通報。</t>
  </si>
  <si>
    <t xml:space="preserve">苗栗疫情趨緩，京元電員工群聚事件接近清零，移工陸續解隔離返回宿舍，然而昨（24日）晚卻爆出京元電缺乏相關配套，移工的個人物品被擅自打包像垃圾一樣堆在走廊或大街，引發熱烈討論，此外，有移工向日媒爆料，京元電為了趕在本周通過政府檢查，完成全面復工的目標，以「混亂」且「不人道」的手段對待移工，3坪大房間沒有床還要擠6個人。
京元電6月初爆發群聚感染，累積確診人數突破200人，甚至波及鄰近超豐、智邦等大廠，隨著指揮中心於京元電設立前進指揮所後，逐步控制疫情，前進指揮所也於21日撤離。
日經亞洲評論報導，京元電被規定要降低每間宿舍的居住人數，但過程卻被移工批評相當「混亂」且「不人道」，有部分移工在周二（22日）的大雨中，搬遷進新的宿舍，但個人物品卻被當成垃圾一般隨意棄置，有些新宿舍甚至沒有床。
化名為Jennifer的移工指出，公司在大家隔離時隨意打包私人物品，還要大家迅速搬家，令人措手不及，而且新宿舍只有10平方公尺（約3坪）大，在沒有床位的狀況下擠了6名員工。
另一位化名為Cristylyn則表示，「我的許多朋友從隔離的地方回來，才發現他們的東西已經被打包並散落在各處，隨意碰觸我們的東西，是相當不人道的。」
日經也訪問一名菲律賓駐台代表處的前員工Gina Lin，她說：「從我接獲的消息發現，狀況非常混亂，京元電要求數百名移工在24小時內搬到新的地方，但新宿舍根本沒有準備好，移工還必須在新宿舍外排隊再次接受篩檢，這可能會造成新的群聚感染危機，因為根本沒有保持社交距離。」
對此，京元電承認為了符合政府降載的規定，在移工遷移的處理上出現問題，會盡快解決這個狀況，並在周末前讓所有移工復工，「鑒於目前全球供應鏈緊繃，我們需要盡快恢復生產，事實上我們已在6月份對數千名移工和本地員工進行了多次PCR檢測，我們的員工和生產線是安全的。」
目前台灣約有71.3萬名的外籍員工，其中63%任職於製造業，其餘則任職於醫療產業，在科技產業中，日月光雇用約1萬名移工占全體員工的18%，京元雇用超過2000人，此次也有員工染疫的超豐逾1000人，京鼎則有62人。
</t>
  </si>
  <si>
    <t xml:space="preserve">幫助歌后江蕙在歌壇發展的貴人、吉馬唱片創辦人陳維祥，本月4日因身體不適就醫，確診新冠肺炎(COVID-19)，人住進加護病房中，而確診後不過幾天，原本還叮嚀親友要注意防疫的他，如今驚爆因呼吸困難已插管，失聯多日，而陳維祥如今終於親自給予回應。
吉馬唱片創辦人陳維祥，過去曾替江蕙、葉啟田、鳳飛飛、詹雅雯等知名歌手製作專輯，張張大賣，堪稱是歌王歌后黃金推手，即便他近10年已從唱片業急流勇退，但仍與眾多知名歌手保持好交情，跨界美食界也有不錯成績，昔日培養的歌手們都熱情幫陳老闆站台，足見彼此友好程度，也因此這回70歲的陳維祥確診新冠，讓許多圈內朋友都非常擔心。
陳維祥日前爆出確診，他事後透露是因確診3天前高燒不退，而到馬偕醫院檢查，隨即確認了確診，馬上住進隔離病房，內心其實恨害怕，推測是日前跟朋友喝茶聊天不是染疫，感嘆這病毒傳染力太高，「好運的人，就算康復了也會有後遺症，運氣不好的就直接掛掉了」，當時他還預測自己只是輕症，應該2、3天就能出院，還叮嚀朋友要好好防疫，不料如今狀況變差，傳出插管消息。
對於插管一事，陳維祥也給予確認，表示自己在隔離病房插管4天，今天中午病情才轉往普通病房，但對於何時開始插管治療沒什麼印象，只是聲音虛弱地說自己差點掛掉，幸好脫離險境、命撿回來，陳維祥也呼籲大家真的要注意防護，再次強調如果出門，一定要全程戴口罩都不要拿下來，也要勤洗手消毒。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
</t>
  </si>
  <si>
    <t>第六輪高端疫苗今中午收單，截至昨天約58.7萬人預約接種，預計下周一（23日）開打，但仍有不少民眾對於是否該預約，抱持著觀望的態度，另也有網友爆料，明明沒有登記，卻收到簡訊，根本像是強迫中獎！消息引起眾人討論。對此，中央流行疫情指揮中心發言人莊人祥表示，有可能是留錯電話了。
宅神朱學恒今在臉書發文表示，有沒有人明明沒有登記高端，卻收到高端通知的啊？這樣是不是太高端了？發文短短2小時，就吸引6000多個讚，引起網友熱烈討論。
不少網友留言表示，「我朋友就收到，真的很誇張。明明已經只想登記AZ、莫德納，卻發訊息叫人家去登記高端」、「不少人反應啊，根本強迫中獎」、「有哦！朋友PO文說她沒勾選但是也是有收到」、「有同事的朋友說，他沒有勾選，可是卻傳簡訊給他」、「強迫推銷」、「我沒有，但很多新住民收到」。
第六輪高端原本只有開放36歲以上的民眾預約，但8月18日收單時，僅41.9萬人預約接種，因此中央流行疫情指揮中心宣布放寬資格，開放20歲以上的民眾都可以預約打高端，預計有29.8萬人符合資格，並於今天中午12時收單。截至昨天下午，統計共有58.7萬人已經預約完成。
中央流行疫情指揮中心發言人莊人祥表示，沒登記卻收到簡訊，有可能是民眾在預約平台登記的時候留錯手機號碼；也有可能是因為現在平台設定自動勾選每個疫苗，而這次是高端，以前是莫德納與AZ，因此可能有人記得自己明明只勾選過莫德納，怎麼現在會收到高端的簡訊。</t>
  </si>
  <si>
    <t xml:space="preserve">期盼全美加速重啟經濟、藉此恢復低迷選情的美國總統川普近期一再宣稱美國疫情已控制住，死亡率是全球最低，但隨著25日單日新確診已逾4萬人，打破4月時創下的最高紀錄後，讓媒體評論疫情惡化正戳破川普聲稱美國進入「後疫情」的幻想。
美國有線電視新聞網（CNN）指出，根據霍普金斯大學全球追蹤疫情網站顯示，美國25日單日確診已超過4萬人，這項數據也顯示先前上千萬美國人為了「居家隔離」令所付出的經濟代價恐化為流水。此外，那些由川普擁戴讚揚而加速重啟經濟的多數南方州，正面臨疫情恐失控的處境。但報導稱，已共有30州的單日新確診數創下新高之際，川普仍活在自己癡迷於政治仇恨的泡泡中，向那些很少討論疫情的保守派媒體擁抱取暖。
隨著防疫管制放寬，反而造成美國一連串後續衝擊。被川普視為典範的德州，也因面臨單日確診以及住院病人數創新高，宣布暫停重啟經濟的計畫。蘋果避免客戶與員工受到感染，暫時關閉了在德州、亞利桑那、佛羅里達、北卡羅來納以及南卡羅萊納等州內的直營店，原定7月重新開張的加州迪士尼也宣布延期。另外，連上周參加川普造勢活動的工作人員與特勤局員工共8人，也傳出確診。
另外，諸多跡象證明川普先前聲稱會有「火箭加速般」的經濟復甦也並未正在實現中。白宮經濟顧問庫德洛（Larry Kudlow）25日表示，截至年底失業率僅會略低於10%，也就是川普11月選舉時此數據仍居高不下。而美國零售業巨擘梅西百貨（Macy's）也於25日宣布將裁員3900名員工，以整頓人事，降低公司成本。
CNN也指出，對於美國確診連連攀升，川普卻一再聲稱是美國檢測優於全世界其他國家，但他近日內完全忽略了疫情與病毒存在，只在乎對那些推倒雕像的示威份子嗆聲。
</t>
  </si>
  <si>
    <t>比爾暨梅琳達蓋茲基金會今天表示，已承諾再捐贈2.5億美元（約新台幣75億元）資金，給對抗2019冠狀病毒疾病（COVID-19，武漢肺炎）疫情的全球行動。
美國微軟公司共同創辦人比爾蓋茲（Bill Gates）發表聲明指出：「相較於今年伊始我們所能預期，我們已擁有新藥物及更多潛在疫苗。但唯有這些創新進展能分發至全球，才能拯救生命。」
非洲是全球部分最窮困國家所在大陸，資金是最大障礙之一。蓋茲基金會認捐的新資金，一部分將用來分發救命疫苗給撒哈拉沙漠以南非洲及南亞的部分地區。
世界衛生組織（WHO）已確定目標，希望在明年3月及明年底前，分別為3%及20%的非洲人施打疫苗。但世衛也表示，非洲大陸49國只有大約1/4有取得資源和融資的充分計畫。
比爾暨梅琳達蓋茲基金會（B&amp;MGF）非洲疫情因應統籌人澤杜（Solomon Zewdu）表示，今天宣布的資金中，部分將用於確保疫苗分發給非洲大陸上約7.8億人口。
世衛估計，為非洲優先施打人口獲取疫苗將花費57 億美元，外加15%至20%的運送、注射器和其他注射材料費用。
非洲已有逾230萬人確診、5萬4800人喪生。南非是非洲大陸疫情最嚴重國家，累計確診逾82萬8000例。南非昨天表示，國內已進入第二波疫情大流行。</t>
  </si>
  <si>
    <t>本土連8天破百例，守在一線的醫護人員忙翻，一名醫師在臉書PO出與女兒的對話紀錄，只見他受疫情影響，已5天沒有回家，女兒孤零零待在家，除了覺得寂寞想哭之外，也很擔心爸爸會染疫，對此，原PO只能溫聲安慰女兒，這就是當醫師的天職，萬一他怎麼了，至少也是走的盡心盡力、不留遺憾，讓不少網友看了對話秒噴淚。
一名陳姓醫師日前在臉書社團《爆廢公社》分享對話截圖，只見疫情爆發後，許多人都宅在家避疫，但身為醫師的他卻已忙到5天沒有回家，讓女兒看了既心疼又擔心，深怕在爸爸會染疫，「爸，你一定要這麼累嗎？疫情很嚴重，你不能回家我好想哭」、「別人可以全家躲在家裡看電視，我們家只剩我一個…好想哭」。
該醫師看到女兒的擔心無助後，只能傳訊息安慰說，這是身為醫師的天職，平常沒有什麼貢獻，只能替患者開刀，如今國家需要我們，當然要盡力去做，「人生呀，做好該做的事，就會很快樂！」並鼓勵女兒要堅強，萬一他不幸確診就替他祈福，萬一他不在了，「妳也要想想爸爸走的盡心盡力，沒有遺憾。」
原PO的女兒看到這邊忍不住落淚直呼「你不要這樣說啦！」不過，在醫師爸爸的安慰之下，最後也努力振作起來，甚至還為了緩解氣氛，向爸爸開玩笑說「有沒有什麼密碼或藏錢的地方，要先寫下來喔」，而爸爸也超級配合說「對耶，如果我不行了，一定會告訴妳。」女兒最後也示愛爸爸，並提醒忙工作之餘，也別忘記要休息、吃飯。
父女對話引起網友熱烈討論，「你說得雲淡風輕，我們看得一把眼淚」、「感謝第一線醫護人員，辛苦了」、「看著看著都想哭了」、「滿滿洋蔥」、「看到前面默默的鼻酸起來，結果密碼和塞錢的地方馬上破功」。</t>
  </si>
  <si>
    <t>疫情嚴峻，在外奔波的員警很辛苦，財團法人銓誠慈善基金會董事長葉國一與大川實業有限公司董事長黃桂芳22日共同捐贈新北市政府警察局1萬瓶抗菌乾洗手噴霧，捍衛警察同仁執勤防疫安全。
財團法人銓誠慈善基金會董事長葉國一先生與大川實業有限公司董事長黃桂芳先生為體恤第一線警察同仁執行勤務時對於防堵疫情維護自身健康之需求，特於22日捐贈新北市政府警察局1萬瓶抗菌乾洗手噴霧，由大川實業有限公司董事長黃桂芳先生親自代表捐贈，警察局局長黃宗仁受贈。
新北市警察局表示，新冠肺炎疫情回溫，同仁執勤風險漸增，感謝董事長葉國一先生與董事長黃桂芳先生為執法兄弟能多一層保障，特慷慨解囊捐贈1萬瓶抗菌乾洗手噴霧，讓新北市警察同仁在面臨疫情嚴峻考驗時，能保護好自己並維護好社會治安，回饋社會令人欽佩讚賞。</t>
  </si>
  <si>
    <t>中國國家衛生健康委疾控局二級巡視員崔鋼今（11日）在國務院聯防聯控機制發布會上稱，截至10日，中國新冠疫苗已經接種了8.45億劑次，覆蓋了6.22億人，無論在劑次上和在覆蓋人群數量上，都居於全球首位。
此外，中國疾控中心研究員馮子健表示，在印度最早發現的新冠病毒變異株傳染性和傳播能力顯著增強，潛伏期縮短，短短十天內就傳了五六代，病毒傳播速度加快，病毒載量顯著增高。
馮子健強調，研究顯示，新的病毒有一定的免疫逃逸現象，但是現有的幾種疫苗對這個病毒仍然有可觀的保護效果。從廣東疫情看來，確診病例中沒有接種過疫苗的人群轉移重症、發生重症的比例顯著高於接種過疫苗的人，表明疫苗在接種後對變異毒株仍然有保護作用。</t>
  </si>
  <si>
    <t>國際能源署(IEA)署長比羅爾(Fatih Birol)週二表示，IEA對全球石油需求成長的預測已降至10年來最低水平，而且，受新冠肺炎疫情影響，可能會進一步下調預測。
IEA本月中曾發表報告，預測全球石油需求逾10年以來首次下跌，首季將減少每日43.5萬桶，之前則估計每日增加80萬桶，主要是新冠肺炎導致大陸經濟廣泛停頓，並指由於危機持續，暫時難以準確評估影響。
比羅爾在倫敦的一次能源會議上對媒體表示，「我們肯定將看到過去10年來最低的石油需求增長，可能需要再向下調整預測。」
IEA本月在疫情爆發後預測，第一季需求預計將減少43.5萬桶/日。這是自金融危機以來首次出現季度需求下降。IEA已將2020年全年全球需求增長預測下調36.5萬桶/日，至82.5萬桶/日。
國際油價星晚跌至兩周低位，紐約期油一度失守每桶50美元關口，最新回升至50.28美元；布蘭特期油則報55.31美元。</t>
  </si>
  <si>
    <t xml:space="preserve">在美股四大指數收高帶動下，台股今開高震盪，指數最高衝上波段新高11425點，只是其後在美股期貨盤翻黑走弱下，大型權值股多檔翻黑，台股漲幅收斂，10400大關得而復失，終場台股收漲73.07點、報在11393.23點、成交量為2016.82億元，目前台股季線仍偏下行，且年初以來套牢賣壓尚待時間化解，故短線仍以震盪行情機會居大。
權值股今穩盤力道不足，股王大立光(3008)早盤後翻黑，摔下4300元大關，收跌0.7%，台積電(2330)則持穩抗跌，收漲1.66%，鴻海(2317)則多震盪於平盤附近，力拚守穩5日線，並挑戰78元上方壓力區，收漲0.38%，除蘋概三雄的跌多漲少外，聯發科(2454)今逢漲多後的高檔整理，股價多小跌在0.5%以內，終場拉回到平盤，面板雙虎友達(2409)、群創(3481)則漲跌互見，友達下跌逾1%，群創則上漲約1%。
今日盤面題材股各自點火，被動元件股龍頭國巨(2327)開高走高，上漲2.17%，華新科(2492)午盤後拉高，收漲5.9%，奇力新(2456)則收漲逾3%；在歐美陸續解封，車用等需求回溫，銅箔基板廠聯茂(6213)、騰輝-KY(6672)今盤中股價也連袂走高，漲幅最高逾3%；IC設計股族群，儘管龍頭股聯發科走低，但世芯-KY(3661)受到去美化效應續發酵，獲外資首評即喊買，股價開高震盪，午盤後儘管漲幅收斂，亦有3%的漲幅表現，同樣是受到去美化效應，立積(4968)上漲逾2%，信驊(5274)今日除息，每股配發現金股利22元，今除息行情不弱，開盤大漲45元順利完成填息。
分析師表示，考量外資認錯回補，加上全球新冠疫情趨緩，經濟持續復甦，以及美中貿易戰、華為禁令等引發的轉單效應持續發酵，均有利多頭格局續揚，不過未來選股仍是重點，特別是在美國有種族衝突導致的全美數十城市宵禁利空下，包括台股、納指、費半等反而大漲，行情由2、3月崩盤走勢轉為V型反轉，操作難度加大，建議指數逢回都是買點，選股優於選市，聚焦汽車零組件、民生消費概念股及具業績題材電子類股。
</t>
  </si>
  <si>
    <t>桃園確診機師曾在不同時間造訪新竹縣，新竹縣政府衛生局依據桃園市疫調結果，匡列25人居家隔離並採檢，結果出爐均為陰性，25人也均住在集中檢疫所，新竹縣4日維持＋0。
新竹縣長楊文科表示，由於此案疑似為Delta變異株疫情，新竹縣以高規格掌握風險，擴大匡列對象，盡力阻止感染源進入社區，強化二級警戒部分，雖不強制取消、調降集會活動規範人數，但全面加強落實各項防疫措施。
★《中時新聞網》提醒您：因應新冠肺炎疫情，疾管署持續加強疫情監測與邊境管制措施， 如有疑似症狀，請撥打：1922專線，或 0800-001922，並依指示配戴口罩儘速就醫，同時主動告知醫師旅遊史及接觸史，以利及時診斷及通報。</t>
  </si>
  <si>
    <t>南非衛生部長Zweli Mkhize周四強調，會爭取2月獲得首批新冠肺炎疫苗，計劃未來一年為全國三分之二人口（約4,000萬人）接種疫苗以達群體免疫目標。新變種病毒讓南非周三單日確診數逾2.1萬人創新高，累計確診數近115萬人。</t>
  </si>
  <si>
    <t>中央流行疫情指揮中心今(26)日表示，為利疫苗資源有效利用，「COVID-19公費疫苗預約平臺」（https://1922.gov.tw/，以下簡稱預約平臺）第12期第2階段將增加開放「10月26日中午12時前意願登記BNT疫苗之30歲以上民眾[即1991年12月31日(含)前出生]」，預約接種第一劑。預約時程：10月26日下午4時至10月27日中午12時止；施打時程：10月28日至10月31日(部分縣市至11月3日)。
指揮中心說明，前述對象將於10月26日下午4時起開放預約後，陸續收到提醒簡訊，請記得進行預約。後續將視疫苗供應期程調整接種場次，籲請民眾屆時準時前往接種。此外，預約平臺已於10月26日中午12時暫停意願登記進行結算，並視第13期規劃期程，再行開啟意願登記。另本次增加開放對象，如無選擇到適合場次及時間，指揮中心亦將持續規劃透過預約平臺或合約醫療院所方式提供民眾接種。
疫情指揮中心發言人莊人祥說明，本次加開BNT名額後，由於部分縣市原時段接種量能已滿，因此延長接種日期至11月3日。
另外疫苗預約平台今日起暫停意願登記，莊人祥表示，將針對已接種第1劑民眾的意願登記部分做系統更改，待13輪期程確認後再度開啟。</t>
  </si>
  <si>
    <t xml:space="preserve">新冠肺炎疫情在南韓急遽升高，大邱成為重大疫區。儘管美國20日已對駐大邱美軍基地實施禁令，不准外部人員進入，並禁止駐韓美軍前往大邱旅行，但美國駐韓部隊今天宣布，接到南韓疾管機關通報，表示有一名住在大邱的美軍親屬確診新冠肺炎。這是與駐韓美軍（USFK）有關的個人第一宗染病案例。
據南韓韓聯社報導，這名女性患者61歲，她在本月12日與15日，曾前往大邱駐韓美軍基地的商店。南韓的中央防疫對策本部與駐韓美軍，都已針對此個案進行調查，並追蹤接觸史。
USFK在聲明中說，已把在朝鮮半島各地的美軍基地的風險層級，提升至「高」。
另一方面，南韓美軍基地「漢弗萊營」（Camp Humphreys）指揮官川伯利上校今天表示，現役駐韓美軍無人在新冠肺炎檢測中呈陽性反應，染病者為一名喪偶女子。
</t>
  </si>
  <si>
    <t>NBA聯盟今天原本決議接下來將進行閉門比賽，沒想到爵士球星戈貝爾被檢驗出確診染上新冠肺炎，NBA立即宣布全面停賽。
雷霆今天在主場迎戰爵士，開打前裁判突然要求兩隊球員回到休息室，並且宣布這場比賽暫停，球迷被迫離開球場。
《The Athletic》記者查拉尼亞隨即報導指出，戈貝爾染上新冠肺炎，此消息一出，NBA馬上在官網上發出聲明證實這項消息，同時宣告今天賽程結束後暫停往後的比賽，至於何時恢復賽程將另行通知，聯盟會利用這段停賽期間研究下一步該如何走。</t>
  </si>
  <si>
    <t>新冠肺炎疫情延燒，全球股市陷入大動盪，台股相繼失守半年線、200日線及年線。啟發投顧分析師楊基政指出，台股均線架構呈現空方排列，未來跌深將有機會醞釀反彈行情；本周投資組合前兩大為是方（6561）、鈊象（3293），同時加入世紀鋼（9958）、台勝科（3532）及擎邦（6122）。
當前全球股市皆處在年線之下，顯示這波疫情已嚴重衝擊全球經濟，再加上美國總統川普下令禁止歐洲旅客入境30天，再度引爆全球市場恐慌情緒，美股一周內觸發兩次「熔斷機制」，呈跳崖式的崩跌走勢。
全球股市正面臨系統性風險，「現金為王」成顯學，後續台股如能三日不創新低，視為初步止跌訊號，而盤面若見零星指標股逆勢收紅，則可望重聚市場人氣，研判未來指數將反覆測底，操作上可留意2月營收明顯成長的族群及個股，同時宜留意十年線附近的中期支撐力道，以及融資餘額變化和外資動向。其中，要是融資連續二到三日單日減少50億元以上，則容易出現反彈行情。
整體而言，全球股市近期頻頻重挫，皆跌破多頭馬其諾防線的年線位置，操作建議多保留資金，靜待落底訊號。台股中期偏弱格局成形，短線雖有機會因負乖離過大而上演跌深反彈，但仍需採取嚴設停損停利的紀律操作。
展望本周，台股步入反覆測底與反覆打底階段的機率高，選股必須格外謹慎，以因應行情可能的波動，三日不創新低才有利多頭表態，操作面可待具指標性的族群與個股發動攻勢時，再擇優布局即可。</t>
  </si>
  <si>
    <t xml:space="preserve">因應新冠疫情，教育部今(24)日宣布，全國中小學延至9月1日開學，讓許多家長再度崩潰。兒科醫師楊為傑表示，很多家長擔憂，如果不開學或兩周以後持續三級警戒，恐形成 6大隱形炸彈，貼文引起廣大回響，有家長忍不住曝心聲，如同「命和錢在拉扯」。
面對三級警戒遲遲無法解除，加上中小學又延後開學，楊為傑在臉書粉專《白袍旅人-兒科楊為傑醫師》指出，已有很多家長提到他們的擔憂，是很多人沒想到的層面，因此他幫家長們反映下例6大隱憂：
1. 升小一／國一／高一／大一的孩子何去何從？
面對完全不熟悉的環境、老師、同學及遊戲規則，卻要線上課，問題一定很多。
2. 成績評估？學習歷程？這些攸關升學的方式怎麼評估？
3. 大學指考
還有一群高三或重考的孩子，要決定今年大學念哪裡，如果指考沒有如期舉行，將影響4萬多人、4萬多個家庭。
4. 幼兒園
有的已經撐不下去倒閉了，大家最在乎的托育環境，恐怕會越來越糟。
5. 小本經營的生意經營困難
很多沒有特殊技能的人，其實是拿日薪的，店面沒生意，也等於沒有收入。
6. 線上課程使孩子差距拉大
有在陪孩子上線上課程的家長應該可以發現，有的孩子根本不出現，或是脫隊了，將使得孩子程度差距拉大。
楊為傑說，這些聲音就算不是主流聲音，但卻是很多小老百姓的心聲，雖然大家都期望疫情會越來越趨緩，但是萬一兩周後繼續三級，我們的社會有沒有方案去幫助這些家庭、孩子？
他認為現在能在家工作的，幾乎都是社會中比較優勢的群體，但並不是社會的多數，因此他想分享一些來自基層的聲音，希望大家可以聽見，一起想想怎麼走會比較好。
不少家長反映「私幼不退每月雜費，家長請假在家顧小孩，沒有薪水下的成本支出，對家長來說是不平等的相對剝削」、「命和錢在拉扯」、「寧可小孩正常上學，他們也要學習適應在疫情下的生活，不是靠著大人們的保護」、「真的！並不是什麼產業都能在家工作+顧小孩，真的很擔心一直維持現狀無止境」。
</t>
  </si>
  <si>
    <t>新冠肺炎持續延燒月餘，台灣防疫得當，新竹縣市甚至仍是0確診，但已有民眾每天看著相關新聞，排隊買口罩、買酒精等畫面不斷重複上演，因而焦慮上身，只要咳個嗽，就擔心的要死，醫師呼籲小心沒得到肺炎，焦慮症先上身搞出心病來。
台大醫院新竹分院精神醫學部醫師詹仁輝指出，近日門診有位泛焦慮症病人，原本病情穩定，長期在精神科就醫，但新冠肺炎疫情出現後，焦慮症狀明顯惡化，除了擔心口罩及酒精不夠，也購買拋棄式手套，以便出門時使用。
這名王姓女病患兩個月前從日本旅遊回來，近日出現輕微咳嗽，擔心自己被感染了新冠肺炎，頻頻來診詢問醫師是否需要做新型冠狀病毒篩檢，明明沒有被感染，但因心裡害怕與心疑，生活品質大降，焦慮症也再度發作。
詹仁輝表示，新冠肺炎疫情爆發後，疫情在全球擴散，有關疫情的新聞幾乎攻佔各類平面及電子媒體的版面，因其傳染力極強，部分患者若被感染可能成為重症甚至危及生命，因此人人聞之色變。
為了避免被傳染，許多人都取消了旅遊行程，也減少了跟親友及同事的聚會，許多民眾外出也戴上口罩，形成少見的景象。
加上各國政府及團體紛紛宣布各種防疫政策，包括延後開學、開工、開會、媽祖繞境延期、取消特定航線，甚至奧運是否要如期舉行也在討論之列，生活上產生了一些限制，民眾的心理也受到了一些影響，若本來有精神焦慮者，病況可能更加嚴重。
詹仁輝呼籲，若發現自己出現焦慮、胸悶、心悸等症狀，可以先嘗試轉移心情，減少追蹤新聞及社交媒體，從事其他活動，或考慮就醫，詢問專業意見。</t>
  </si>
  <si>
    <t xml:space="preserve">新冠病毒到底從何時開始傳播？美國學者以疫情相對和緩的加州為例，認為早在去年秋天，加州居民就已經暴露在新冠病毒的環境中，部分人口有了抗體，讓後來的疫情相對溫和。台灣也是這樣嗎？
史丹福大學胡佛研究所資深研究員韓森（Victor Davis Hanson）說，去年秋天進入流感流行季時，中美的往來航班仍如常頻繁，加州的地理位置首當其衝，「想想這個時間點和其他資訊，說加州沒有暴露在新冠病毒風險裡，就太天真。」
韓森分析，美國開始進行大規模檢測之前，加州灣區居民就已接觸到病毒，部分人體也產生抗體，從而延緩病毒的傳播。由於當時正值流感季，新冠肺炎和流感的症狀有諸多類似之處，造成診斷困難。美國疾管局CDC主任雷德菲爾德（Robert Redfield），3月就曾透露，部分新冠肺炎患者，有可能被誤診為流感，而沒被納入新冠肺炎疫情的統計數字裡。
在官方的確診數字之外，到底有多少人感染了新冠病毒？洛杉磯公衛部和南加大合作的抗體檢測研究，日前公布結果，有4.1％的成人、相當於22萬～44萬的人口，已經感染過新冠病毒，比官方數字（1萬3千多人，至21日為止）多出31倍。
早在4月初，史丹福大學在舊金山聖塔克拉拉郡的3個灣區城市進行血液採樣，檢測3千3百多名自願受試者的抗體，結果也發現，帶有新冠病毒抗體反應的人數，比官方的確診病例要多出50～85倍。
歐洲國家進行的抗體檢測數據，也都出現了共同的現象，亦即實際的感染人數，遠超過官方的確診數字。例如義大利羅比歐市1千多人的抗體檢測結果顯示，感染率超過10％。在德國，疫情嚴重的甘格爾特市，則有近15％的感染率。
這些數字同時也透露，新冠肺炎的致死率，可能沒有原先預期地高，以加州聖塔克拉拉為例，致死率介於0.12％～0.2％之間。
英國《衛報（The Guardian）》報導，有學者分析數據研判，這些地區有可能早就出現初期的「群體免疫（herd immunity）」，亦即一定數量的人口已具有抗體，對病毒產生免疫作用。不過研究人員認為這項推論言之過早，需要更多研究才能證實抗體的效用。
歐美國家將抗體檢測列入防疫措施，做為解封的評估依據之一。加州大學柏克萊分校流行病學教授雷恩葛德（Arthur Reingold）提醒，目前對於新冠病毒的抗體所知甚少，居家隔離令也不宜貿然過早解除。「我們還無法確定抗體是否真能發揮保護作用、能持續多久。」
愈來愈多的研究顯示，感染新冠病毒的人，不少屬於症狀輕微或無症狀。病毒侵入人體之後，啟動免疫系統需要一段時間才會產生抗體去中和（清除）病毒。在抗體還沒出現或抗體未完全清除病毒之前，體內仍存有感染力的病毒。如果這些人沒有發病，或症狀輕微到被忽略，就會形成防疫的隱憂。
去年12月8日，中國大陸宣布第1起確診病例，1個多月後的1月21日，台灣也傳出第1例確診。台灣早早就啟動了邊境檢疫應變措施，針對自武漢直航入境的班機進行登機檢疫。只是台灣和對岸在這段時間的往來仍密切頻繁，這段時間，病毒是否真的乖乖待在境外？
根據疾管署的數據，從去年底到今年初，台灣流感和肺炎的死亡率排名，短短12週，就有8週進入死亡人數最高的30週內。另外類流感的急診就診數，歷年來排名前21週裡，去年底到今年初就佔了10週。到底有多少人接觸了病毒？台灣會不會就像美國，其實早就和新冠病毒為伍？在防疫仍需謹慎的時刻，這些都等待解答。
</t>
  </si>
  <si>
    <t>帛琉出現兩名新冠肺炎確診案例，新北市長侯友宜21日表示，最近台灣跟帛琉泡泡旅遊重啟，回來入境管理應該要更嚴謹面對，萬一是Delta變種病毒，對台灣的傷害難以想像。
侯友宜說，新北今天新增2例確診個案，板橋個案是名女性，因為到醫院健康檢查，採檢PCR發現是陽性，不過CT值高達36，沒有傳播例。
侯友宜說，該案在7月也有採檢過，當時都是陰性，但她同住的先生、女兒、媳婦、兒子都陰性，應該是舊案，感染源持續調查中。
另一例新莊個案是8月16日到醫院採檢PCR陽性，其中CT20較低，衛生局採檢同住父親、母親及家屬，發現父親PCR也是陽性，不過CT值34，懷疑感染源是父親，目前疫調還在進行中。
對於帛琉出現確診個案，侯友宜提醒，台灣最近跟帛琉有很多泡泡旅遊，回來入境管理要更嚴謹面對，阻絕於境外不能有破口。
侯友宜說，雖然跟帛琉安全，但發現有確診個案更要重新檢討是不是要更嚴格提升備戰，以防萬一是Delta變種病毒，建議提醒中央，好好把關。
★《中時新聞網》提醒您：因應新冠肺炎疫情，疾管署持續加強疫情監測與邊境管制措施， 如有疑似症狀，請撥打：1922專線，或 0800-001922， 並依指示配戴口罩儘速就醫，同時主動告知醫師旅遊史及接觸史，以利及時診斷及通報。</t>
  </si>
  <si>
    <t xml:space="preserve">新冠肺炎疫情全球蔓延，出國人數大幅減少，但若非不得已要搭飛機，坐哪個位子最安全？流行病學專家表示，研究發現，冠狀病毒如SARS和MERS，竟能在金屬、玻璃和塑料上存活九天，疫情期間加上流感季節，選擇靠窗的座位相對較為安全。
《Heho健康》報導，美國埃默里大學研究發現，在流感季節，飛機上最安全的地方就是靠窗的座位，主要原因是坐靠窗位子時，可以減少與他人接觸的機會；靠走道的位子則相對較容易碰觸到經過的乘客及空服員。埃默里大學羅琳斯公衛學院教授薇琪並建議，除了選擇靠窗座位，在飛行途中也盡量不要到處走動，適時補充水分，記得不要一直用手摸臉。
專家指出，病毒並不會從座位上跳進你的嘴裡，關鍵是避免讓你的手觸碰到臉部。大多數人摸臉的次數都比自己認知的還多，若接觸到別人咳嗽或打噴嚏的飛沫又摸臉，恐導致病毒傳播。建議用消毒濕巾清潔包括扶手、座椅、遙控器、螢幕、桌板及安全帶扣等可能沾染病菌的區域，同時記得勤洗手，這兩件事同等重要。
</t>
  </si>
  <si>
    <t xml:space="preserve">新冠肺炎疫情延燒，讓許多民眾都不敢搭計程車，準副總統賴清德今天表示，交通部將在今年4月至9月期間，以加油卡的方式補貼計程車每輛每月2千元。他也跟交通部長林佳龍討論，將持續研究對策，協助計程車司機度過難關。
賴清德今天在臉書以「計程車運匠免驚，政府挺你！」發文表示，過去他常搭計程車，每次都會跟運匠大哥大姐們聊天，深知計程車業者的辛苦。
幾天前，他在台南高鐵站遇見一位排班計程車司機，向他反應，政府因應疫情對經濟的衝擊，會以里程數補助計程車司機，但是因為沒有客人，根本跑不到要求的里程數，因此補助看得到領不到。
之後，賴清德向交通部林佳龍部長反應後，理解到，「其實本次疫情紓困補貼，是用接地氣又方便的方式進行」，也就是說，交通部將在今年4月至9月期間，以加油卡的方式補貼計程車每輛每月2千元額度，若未於當月使用完畢，還可以持續累積到今年年底前使用完畢。
賴清德表示，深怕計程車司機們還不知道，因此將內容貼出，讓所有計程車司機了解。「當天那位大哥，希望你有看我臉書，趕快去申請計程車加油卡，讓補助看得到、領得到！」
另外，他也透露，已和林佳龍進一步討論，計程車屬交通運輸業，也是觀光產業的一環，受到疫情很大的影響，尤其司機本來生活就辛苦，養家活口的司機，常常一天開車十小時以上，「現在因為疫情，生意沒了，生活必然陷入困境」。
他說，林佳龍也深知大家的辛苦，「交通部會持續研究對策，更進一步協助計程車司機度過此波難關！」
</t>
  </si>
  <si>
    <t xml:space="preserve">衛福部長陳時中今天說，應有信心武漢肺炎（2019冠狀病毒疾病，COVID-19）國產疫苗研發製程，目前實驗看具好效果；如果研發順利，目標民國110年第3季能施打達全民6成覆蓋率。
陳時中上午到立法院社會福利及衛生環境委員會報告業務，並答復民主進步黨籍立法委員高嘉瑜質詢時表示，台灣疫苗研發速度不算慢，要對國產研發製程有信心，從實驗看也有相當好效果。疫苗研發不見得要快，避免揠苗助長，還是要兼顧安全與有效性。
他說，明年如果疫苗能順利完成研發、量產，希望在第3季可讓民眾施打，達全民6成覆蓋率，但現在還有很多未知數，無法斷言。
中國國民黨籍立委徐志榮表示，如果中國產疫苗確有效果、安全且國際認可，而台灣無法取得足量疫苗，是否可能購買中國疫苗？
陳時中答詢說，這可能性很小，中國疫苗曾出問題，製造流程、品質管制讓大家沒信心，許多中國人也到台灣打疫苗，且疫苗安全監測也不是半年、一年就可明確看到。（編輯：李明宗）1090928
</t>
  </si>
  <si>
    <t>民眾黨立法委員賴香伶今痛批公費疫苗預約系統又出包，多達16萬人打完兩劑疫苗後還是收到預約簡訊。中央流行疫情指揮中心今天回應，誤發簡訊原因在於系統的中文編碼與電信公司內部不一致，最後共發出三則簡訊進行更正，影響人數達16萬8000人。
指揮中心發言人莊人祥表示，本次簡訊誤發，原先是要發送第13期的預約簡訊，結果重複發到已完成預約的第12期對象，第一次更正時發送12萬8000份，結果又發生錯誤，因此才會發送後續第二、第三封更正簡訊。
至於首波簡訊誤發的原因，莊人祥表示還在釐清當中，但將來會避免再度出錯。
另今上午10點第13輪BNT疫苗預約也開跑，截至下午1點，已有64萬5570人完成預約，符合預約資格的共有143萬8028人。</t>
  </si>
  <si>
    <t>新冠肺炎疫情的挑戰日益嚴峻，清華大學自農曆年起陸續採取量測體溫等全面的防疫措施，但24日校方接獲新竹市衛生局通知，有26名同學及教授與確診案例有密切接觸，應依疫政單位規定返家進行居家隔離，與該批師生有關的20門課即日起到31日改為遠距上課。
校長賀陳弘隨即寄信告知全校教職員生，這26名同學及教授在校內修習及教授的課程共20門，修課人數共900多人，校方已一一用簡訊及電郵通知，請他們依疫政單位規定，從即日起至3月31日自主健康管理，盡量避免出入公共場所，如必要出門時應戴口罩，每日早晚各量體溫1次、詳實記錄體溫及活動史。此外，這20門課也從即日起至3月31日改為遠距上課。
賀陳弘在信中指出，在這個嚴峻的時刻，請全校教職員生一定要更提高警覺，勤洗手、做好個人健康管理，配合各項教學與生活的防疫措施，包括全校電子打卡管制系統，以及部分行政單位異地辦公等防疫作為。
「愈在動盪不安的時刻，校園愈要發揮善意及同理心。」賀陳弘期盼全校教職員生互相勉勵幫助，讓清華園內的研究與教學，即使在困頓中也盡可能不中斷，並期盼26名師生平安健康地度過檢疫期
改為遠距教學的課程包括：全球暖化與環境衝擊、兩門書報討論、通訊之數學方法、檢測與估計理論、計算機圖學、經濟學原理二、數位訊號處理、數位聲訊分析與合成、西洋文學概論二、應用語言學、英文二、文學作品讀法二、英語聽講二、從《哈利波特》學英文、全球政治經濟學、文件探勘、網球初學、服務學習--校園國際交換生服務計畫、機率。</t>
  </si>
  <si>
    <t>大陸青海省已經連續12天無新增新冠肺炎感染病例傳出，也未見醫務人員感染，更無死亡病例。當地台商透露，青海18個確診個案中，有15個在省會西寧，青海在第一時間就下重手關停西寧酒店、公共場所、餐廳，擅自開業或不遵守的民眾，會被行政拘留。再來是危機意識，即便連續12天新增零，青海省衛生健康委仍強調，民眾不能放鬆警惕。
當地台商說，對比台灣指揮中心一直在安撫民心，先說有社區感染又否認。青海完全相反，一開始就拉高到生存之戰，讓民眾警戒心來到最高點。在1月25日年初一青海驗出首個病例後，還在零星個案時，青海就下重手，要求西寧的酒店、餐廳等公共場所全數暫停營業，違者可行政拘留。台商說，當時還沒大規模傳染、加上個案集中在西寧，省政府用包圍戰的方式，把可能的傳染場所關停，先斷病毒的傳染途徑。
早在1月24日除夕當天，發布關於做好新型冠狀病毒感染的肺炎疫情防控和處置工作通告。落實重點場所防控措施。各地政府加強對機場、車站等保潔和消毒及往來人群的疾病檢測和隔離控制，預防新冠肺炎通過交通工具傳播和擴散。引導群眾取消自發組織的大型群體性等活動。還要求暫停各類文化和旅遊活動。各地區營業性演出場所、歌舞娛樂場所、互聯網上網服務場所、遊藝娛樂場所、旅遊購物場所、公共服務場所全部暫停營業和開放。
據青海省衛生健康委網站消息，除連續12天新增確診病例、疑似病例零增長，無死亡病例，醫務人員零感染。累計確診病例18例中，已治癒出院15例，尚有3例正在住院治療。
即便到今天，青海省衛生健康委仍表示，新冠病毒重在治療，更重在防控。廣大市民切忌因為確診病例治愈率走高就放鬆警惕。始終在高點的危機意識，與事先防控，是青海能控制無新增病例的主因。</t>
  </si>
  <si>
    <t>◎突破百例大關！國內今再添23例確診
中央流行疫情指揮中心今(18)日表示，昨(17)日國內新增884例新型冠狀病毒肺炎相關通報，截至目前累計18,812例(含17,793例排除)，其中100例確診(今日新增案78至100)，分別為71例境外移入及29例本土病例。確診個案中維持1名死亡，22名解除隔離、其餘個案病況穩定，持續住院隔離中。
◎美國入列！美加澳紐旅遊警示升至3級
新冠肺炎確診首度破百！台灣新冠肺炎疫情大暴衝，今新增23例，國內共達100例。中央疫情指揮中今(18)日宣布對美國、加拿大、澳洲、紐西蘭四國，旅遊疫情警示升至第三級警告，非必要勿前往。
◎防疫物資增酒精 不當屯積可關5年
中央流行疫情指揮中心今（18）日正式對外公告酒精列入防疫物資！未來任何不當屯積酒精、哄抬價格等行為將被處以最高5年有期徒刑，得併科500萬元罰金。
◎口罩2.0 預購格式有誤 非詐騙
今(18)日中央流行疫情指揮中心表示，因發現「口罩2.0」網路預購，有透過APP登記預購之民眾手機格式輸入錯誤，今日將寄發電子郵件通知民眾更正。</t>
  </si>
  <si>
    <t>新冠肺炎衝擊，彰化縣通報放無薪假已有15家業者，包括製造業和餐飲業，共有347人放假了！更多是臨時工，上工時數更少，為協助捱過「荷包縮水」時期，彰化縣政府爭取500個「安心即時上工」名額，正盤點府內各局處室和鄉鎮公所，釋出工作機會。
新冠肺炎改變人際關係、消費習慣，更讓很多業者度小月、荷包快撐不下去，製造業也慘遭波及，上游原料進不來，下流訂單也觀望，彰化縣已有347人放無薪假，心情七上八下，復工不知還要多久。
最先慘受衝擊是餐飲，彰化知名婚宴餐廳桂都餐廳上月就以租約為由吹熄燈號，接著連知名全國連鎖店彰化市歡樂牛排、品田牧場也紛紛向消費者說再見。
向勞工處通報放無薪假，有3家服務業，其中彰化縣知名的全國麗園餐廳也暫停餐飲服務，員工60人放無薪假；12家製造業中，水五金占3家、約200多人，無薪假高居6成以上，在全球產業鏈中被牽連。
更多產業在這波震盪中趁機調整體質，已有659個事業單位通報資遣人數953人，較去年同期高，占就業人口約0.15％。
勞動部針對因疫情影響被縮減工時的部分工時者，推出「安心即時上工計畫」，縣府爭取500個名額，正盤點各鄉鎮公所和縣府局處室釋出工作機會，預計下周公布，但時薪僅158元，每月上限82小時，做滿82小時的月薪是1萬2956元，主要是提供臨工還被減工的打工族。</t>
  </si>
  <si>
    <t>美國默克藥廠（Merck &amp; Co.）新冠口服藥莫納皮拉韋（molnupiravir）日前向美國食品與藥物管理局（FDA）提出緊急授權（EUA），衛福部長陳時中昨天表示，EUA年底前可望拿到，雙方目前也快簽約了，莊人祥進一步說明，將來新藥會提供新冠輕症患者進行口服，且在家隔離時就可以直接服用，避免確診病況演變為重症。
可避免轉重症 拚年底EUA
繼默克的莫納皮拉韋與我國醫療機構合作臨床試驗後，又有5家醫院與輝瑞合作進行新冠肺炎的新藥臨床試驗計畫，疫情指揮中心昨天證實，台大醫院、亞東醫院、中國附醫、台中榮總及高雄長庚醫院，上月受輝瑞邀請參與新藥臨床試驗計畫，若藥品最終成功解盲，可望加速國內藥證審查，盡快取得藥品。
輝瑞日前表示，旗下新開發的新冠口服藥物「PF-07321332」將開始進行三期臨床試驗，預計全球收案2660名受試者，光是國內5家醫療機構就收案250人，約占整體的10％。
中國醫藥大學附設醫院感染管制中心副院長黃高彬表示，輝瑞藥廠在上月找尋國內的合作夥伴，敲定台大醫院及亞東醫院等醫院一同進行臨床試驗，總共收案250人，根據試驗計畫，必須收案確診者的密切接觸者，目前因國內疫情平穩，尚未完成收案。
預防性用藥 阻斷病毒複製
黃高彬說，「PF-07321332」與默克藥廠開發的新藥不同，是一種預防性用藥，主要是因新冠病毒中有一段蛋白酶結構與HIV病毒類似，透過藥物中的蛋白酶抑制劑可阻斷病毒複製，因此需要事先進行投藥。
黃高彬進一步指出，收案對象必須為有症狀確診者的密切接觸者，且該密切接觸者的PCR必須為陰性，才能完整測出藥品效果，由於目前臨床試驗還在二期階段，加上國內近期確診者較少，收案不是很順利，估計該新藥上市還有很長一段時間。
指揮中心發言人莊人祥指出，我國目前尚未與輝瑞展開新藥的預採購洽談，必須等三期臨床試驗的期中報告出爐後，才會評估是否需要進行預採購，但國內現在已有5家院所參與試驗，相信對將來採購上有一定程度的幫助。</t>
  </si>
  <si>
    <t xml:space="preserve">
受到新冠肺炎影響，英國頒步禁足令，若無必要，國民都不能外出。而且大多數的店長也跟著關門，光是這幾天，全英國使用現金的情形就減少50%以上。
英國最大的ATM經營公司LINK表示，除了受禁足令影響外，覺得「非接觸型付費」安全及擔心「紙幣上可能會有病毒」，都是減少使用紙幣的原因。此外，英國一些小賣店也傾向拒收現金，而申請裝刷卡機。英國消費團體WHICH的金融部門負責人加瑞斯（Gareth Show）則表示，目前有數百萬人沒有銀行金融卡，若是完全拒絕現金，這些人連買東西都沒有辦法，現在正尋求新的方法來度過這段時機。
英國小賣店也在3月23日和銀行達成協議，提高小額支付的上限，從30英鎊（約新台幣1154元）提高到45英鎊（約新台幣1732元）。英國大銀行UK Finance則表示，受到新冠影響，這是不得做的調整。
若是使用Apple Pay的話，LINK也表示，在使用完ATM，最好先洗手後再碰眼、口、鼻，才能避免感染危機。
更多 CTWANT 報導
</t>
  </si>
  <si>
    <t>新冠肺炎疫情下，有女陪侍的酒店業難開張，按摩店卻早已暗藏春色營業，台南市北區一家養生館私下經營半套性交易，儘管實名制男客也甘願上門，警方9月底破門，當場逮到兩對正在性交易的男客與女服務生，4人依照傳染病防治法函送台南市衛生局，另將蘇姓負責人依照妨害風化送辦。
台南市北區海安路3段一家養生館，在疫情下打著按摩店旗幟恢復營業，店內卻至少有7名女服務生提供半套性交易，最近還在網路上聲稱有新人報到，服務優，有網友問到「不怕阿sir（指警察）？查很嚴？」業者大言不慚稱「有落實實名制不怕抓」。
警方9月29日晚間8時許突襲這家養生館，從1樓店面進入，直衝2、3樓房間，立刻以器具破門進入，因為時間迅速，男客甚至來不及穿衣服，全身光溜溜，當場啞口無言。
警方將23歲蘇姓負責人，懷疑僅是掛名人頭，將他依照害風化罪嫌移送台南地檢署偵辦，另逮到兩對性交易男女。
警方表示，疫情期間很多男客為避免行蹤曝光，不願實名制上色情業，這家業者生意卻很好，實際依照規定要求客人遵守實名制，仍有客人為了尋歡，還是願意簽下真實姓名，但疫情期間仍違反防疫規定，4人依照傳染病防治法函送台南市衛生局。
警方表示，這家養生館無懼防疫規定，還在網路上強打新人報到噱頭，吸引男客上門，現場查獲色情期間，仍有客人來電詢問是否真的有新人服務。
警方提醒，北部因萬華阿公店事件另全台陷入疫情陰霾，台灣好不容易疫情平穩下來，民眾勿輕忽成為破口。</t>
  </si>
  <si>
    <t>國際貨幣基金組織（IMF）發言人Gerry Rice 27日表示，迅速蔓延的新冠肺炎疫情將對全球經濟增長造成影響，IMF可能因此下調其增長預估。
據路透報導，IMF總裁格奧爾基耶娃22日在利雅德召開的20國集團（G20）財金領導人會議上警告，預計將下調經濟成長預估。她在一份聲明中說，預期新冠肺炎疫情可能會使大陸今年經濟增速降至5.6％，較1月的預期下降0.4個百分點，並使全球經濟增長下降0.1個百分點。
Gerry Rice表示，可能下調全球經濟成長預估，他補充，在格奧爾基耶娃的聲明發表的數據外，他沒有其他新的數據，但他說，隨著IMF準備在4月發布新的世界經濟展望，更多細節將會浮出水面。
Gerry Rice說，很明顯，病毒將對經濟成長產生影響，這在很大程度上取決於大陸和其他國家的復甦速度、溢出效應、對供應鏈的影響以及其他國家可能受到的影響嚴重程度。</t>
  </si>
  <si>
    <t>宜蘭縣議會18日環保局業務報告，縣議員林岳賢質詢說，接獲民眾反映指做好垃圾分類，但垃圾清運時回收物都與一般垃圾混雜在一起，讓民眾分類形同白費。宜蘭縣環保局表示，因受新冠肺炎疫情影響，暫停破袋檢查，可能因此有漏網之魚，將向各清潔隊宣導改善。
林岳賢指出，民眾向他反映，指他們都會做好便當盒、保特瓶的分類，但垃圾清運時回收物與一般垃圾無異，全都擠在一起，「那幹嘛做分類？」他表示，如果民眾勤於做分類，但後端清運無法配合，豈不浪費民眾分類的時間與心力？
但林岳賢也表示，新冠肺炎疫情期間，清潔隊員忙於社區消毒等工作相當辛苦，加上每天回收物不同，希望民眾能體諒清潔隊員。
環保局長黃政釧表示，保特瓶與便當盒是目前回收重點，因為疫情關係環保署禁止破袋檢查，可能因此有漏網之魚，環保局會加強宣導，環保局也爭取到環保署的經費，將用以改善資源回收場，會更加落實資源回收工作。</t>
  </si>
  <si>
    <t>新北市板橋警分局防治組警員於5月29日因身體不適前往快篩，結果為陰性，3日晚間接獲衛生局通知為PCR陽性確診。板橋警分局立即安排全組9名同仁緊急採檢，快篩及PCR採檢結果均陰性，即時起先行居家自主健康管理。
板橋警分局表示，已於6月3日及4日分別針對辦公廳舍內部與寢室及相關使用車輛清消3次，確保辦公環境安全。
另內、外勤均已實施分流及居家辦公，警方維護治安不打烊，已協請警察局外事科及婦幼隊協助，維持勤業務正常運作，民眾無須擔心。</t>
  </si>
  <si>
    <t>基隆市為85歲以上長者施打疫苗邁入第二天，施打率約6成，市長林右昌表示，下一波將開放80歲以上長者（原住民70歲）接種，總計8312人，訂於6月19、20日，明天會開始寄送通知單
林右昌指出，長輩們都有早起習慣，今天早上各區再次湧入排隊人潮，因此，施打站也提早在8點半開打，過程非常順利，可以用井然有序形容，要謝謝長輩們配合，2天下來累計4675名長者接種，從昨天到今天也沒有傳出施打後身體不適的狀況
林右昌說，昨天有一位高齡104歲的長者施打疫苗，但今天破紀錄，仁愛區有一名105歲老奶奶今天早上由家人陪伴至施打站接種。據了解，羅奶奶去年10月被市府選為人瑞代表，市長曾親自到家中致贈重陽賀禮，當時羅奶奶說話中氣十足，皮膚保養的相當好，更爽朗的表演「感謝」的手語歌，盼大家平安快樂，精神相當好。
另外，外界相當關心疫苗施打的問題跟規畫，林右昌表示，第二波計畫給80歲以上長者（原住民70歲）接種，總計8312人，預本周六、日分為上、下午各3個時段，明天會寄出疫苗通知單，他進一步說明，若有85歲以上長者這2天無法施打，也可以利用19、20日前往施打站，不需要預約，只要帶著通知單到現場，會由人員進行安排。
基隆市政府表示，至於因臥病在床、行動不便等情形，無法自行前往接受疫苗施打的長者， 20日完成集中施打作業後，會立即由區里辦公室進行調查造冊，市府會規畫到府施打的服務期程。</t>
  </si>
  <si>
    <t xml:space="preserve">Chinese CBA could start again without foreigners, I am told. No decision has been made yet. Chinese government said that all people that arrive in China are obliged to make a two-week quarantine
目前還在美國的林書豪，是否該考慮趕緊回北京了呢？歐洲媒體《Sportando》記者卡奇亞16日爆料，大陸CBA正在考慮沒有外援情況下重新開打，畢竟目前大陸政府宣布只要前往大陸民眾都必須隔離兩周，但當前還沒做出具體決定。
根據大陸媒體先前報導，CBA最新的復賽方案，將在4月2日宣布重新開打，且20支球隊將分為2組，1個組將有10隊進行比賽，比賽只在1到2個城市進行，基本上確定前裕隆控衛林韋翰效力的青島，將成為其中1個主辦城市。
由於目前不少CBA球隊外援，已經都離隊前往其他國家聯賽打球，加上必須隔離兩周時間，更讓外援基於安全考量放棄回到CBA，但先前傳出如果外援拒絕回CBA打球，可能將被處於終身禁賽，經紀人的執照也會被暫停2到3年。
本季以外援身分在北京首鋼打球的林書豪，目前即將陷入兩難處境，除了有可能面臨CBA無外援復賽，也要趕緊考慮是否準備啟程回到大陸，否則很有可能趕不上4月2日重新開打的預定時間，加上還須隔離兩周，如何訓練也成問題！
</t>
  </si>
  <si>
    <t>繼一位到高雄遊學4個月的日本女學生於上月24日返國，在日本機場被驗出新冠核酸陽性，並被日本官方登錄為由台灣境外移入的案例後，本月27日又有一位在桃園工作兩年的泰國移工返國時，被泰國官方驗出核酸確診，不排除是在台灣感染，當地媒體更以頭版報導。台灣社區究竟有沒有潛藏無症狀感染者？病毒是否早在國內無聲無息流竄？連防疫中心都無法否認，令人憂心。
再則，這兩天又都有境外移入病例；27日4位病患分別來自南非、賴索托、菲律賓。28日5位來自菲律賓和香港。目前國外疫情仍嚴峻，美國、澳洲、西班牙、中美洲多國等群聚感染嚴重，台灣鄰近的南韓、日本、中國、香港、東南亞各國，疫情仍在延燒。此同時，台灣卻無視國外疫情，媒體和網路都在積極輔選、報導執政黨推出的高雄市長候選人；官方每天大肆宣傳三倍券的「德政」；百姓則沉溺於「報復性消費」、「報復性旅遊」。正值暑假，旅遊區處處人山人海，街道人潮磨肩接踵，很少人肯戴口罩，更別提防疫要保持社交距離了。國內這種無憂無慮的生活，其實拜媽祖婆無疫情所賜，但境外移入管制一旦有破口，台灣恐將爆發「報復性的疫情」矣！
國際疫情仍延燒熾烈，境外移入病例幾乎每天都有，為阻遏病毒於境外，防疫中心當針對所有入境旅客於機場即採檢作核酸普篩，嚴格執行居家檢疫14天。民眾應保有今年初對新冠肺炎防疫戒慎恐懼的作法，出入公共場所應戴口罩，勤洗手，注意個人防疫衛生。國外多數國家疫情嚴峻，台灣雖已百日以上無本土疫情，卻不可置身事外，防疫新生活仍需遵從，否則台灣究竟能維持無疫情環境多久？實不可樂觀。
唐朝杜牧《泊秦淮》的詩大家都不陌生：「煙籠寒水月籠沙，夜泊秦准近酒家。商女不知亡國恨，隔江猶唱後庭花。」台灣百姓未受新冠疫情的直接衝擊，至今已無年初的警戒心，防疫大鬆懈、縱情玩樂幾乎已將防疫新生活置之不顧，疫情一旦侵台，將是一場大災難。此不就是「商女不知亡國恨，隔江猶唱後庭花」的寫照嗎？（作者為前台灣省家畜衛生試驗所所長）</t>
  </si>
  <si>
    <t>中央流行疫情指揮中心1日公布國內新增8例COVID-19境外移入確定病例。
指揮中心說明，今日新增8例境外移入個案，為5例男性、3例女性，年齡介於10多歲至40多歲，分別自印尼（5例，案16713、案16716-16718、案16720）、加拿大（案16714）、美國（案16715）及柬埔寨（案16719）入境，入境日介於今（2021）年11月17日至11月29日，皆持有搭機前3日內檢驗陰性報告。
指揮中心統計，截截至目前國內累計4475425例新型冠狀病毒肺炎相關通報（含4457677例排除），其中16609例確診，分別為1965例境外移入，14590例本土病例，36例敦睦艦隊、3例航空器感染、1例不明及14例調查中；無新增空號病例，累計111例移除為空號。2020年起累計848例COVID-19死亡病例，其中836例本土，個案居住縣市分布為新北市412例、臺北市321例、基隆市29例、桃園市27例、彰化縣15例、新竹縣13例、臺中市5例、苗栗縣3例、宜蘭縣及花蓮縣各2例，新竹市、南投縣、雲林縣、臺南市、高雄市、屏東縣及臺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 xml:space="preserve">
109年國中教育會考將於5月16、17日登場，因應新冠肺炎疫情，新竹市府加碼辦理4大防疫措施，包括考生動線分流地貼、提供消毒酒精溼巾、設置「家長連絡區」、設置保持距離的「考生休息區」，要讓考生安心、家長放心。
教育處表示，竹苗考區今年報名人數共計有1萬5589人，其中於新竹市應考之考生共計5558位，考場分別設置於新竹高中、新竹女中、新竹高工、新竹高商等4校。
依據相關規範，考試期間居家隔離、居家檢疫及經採檢但尚未接獲檢驗結果者，一律不得參加5月16、17日的國中教育會考，上述學生可參加補考，並採外加名額方式辦理，不會影響到其他考生權益。目前補考日期初步規畫於5月30、31日舉行，實際補考日期屆時將視疫情情況與發展由中央統一公告。
教育處指出，會考當天所有人員進入考場前均須通過體溫量測，經量測後額溫高於攝氏37.5度或耳溫高於攝氏38度，將進行第2次量測。
經現場護理師確認發燒的考生，將個別引導至「備用試場」應試，以確保考生權益，避免考場入口因量測體溫造成人潮聚集，所有考場都會架設紅外線熱像儀進行初步體溫量測。
新竹市政府也將於考場外及重要路口加派警力維持交通順暢、並補助各考場設置地貼標示，加強考生動線分流引導。
市長林智堅今天前往試場勘查時表示，考量國中教育會考參與人數眾多，除安排考場加強消毒外，教育部提供給所有考生於考試當日每人每日1片口罩。
教育處長黃錦能表示，今年會考家長雖不能陪考，但市府要請家長放心，竹市已透過相關局處會商，請各考場學校以最高規格進行防疫準備，同時要求國中端加強考生服務，務必確保考生能擁有安心應試的環境。
此外，新竹市政府更加碼4大防疫措施，包括提供每位考生酒精溼巾，考生除勤洗手外，亦可透過酒精溼巾加強消毒，口罩及酒精溼巾屆時將由國中提早發給考生。
另還有考生動線分流地貼、設置「家長連絡區」讓家長短暫停留、設置充足、保持距離的「考生休息區」。
教育處同時提醒考生，相關應考用品及口罩務必於考前1天備妥，考試當日請提早出門，以安定的心情從容應試，另特別提醒考生，除用餐時間外，其餘時間請進入考場後務必全程佩戴口罩，於試場內拒絕佩戴且經勸導不聽者，依試場規則及違規處理要點處理。
</t>
  </si>
  <si>
    <t xml:space="preserve">
新冠肺炎持續在全球大爆發，我國近日確診病例大增，攀升至135例，分別為102例境外移入，以及33例本土病例。台北捷運配合台北市自來水處公告，即日起飲水台全面暫停服務；台北小巨蛋冰上樂園、北投會館、逃生體驗營、學員宿舍及訓練教室，也都採取入場實名制，量體溫時如有發燒則不得入場。
台北自來水事業處為加強防疫，即日起暫停轄區內飲水台水源供應，將另懸掛停用說明牌，並同步關閉直飲地圖網頁，不過相關單位仍會持續維護管理直飲台。目前雙北市合計有643座直飲台，台北市共有612座，新北市則有31座直飲台，包含捷運站內、公園、登山步道、河濱自行車道等地。
貓空纜車、兒童新樂園及台北小巨蛋場館，目前已全面量測遊客體溫，將婉拒發燒（額溫高於37.5度）或呼吸道感染徵狀者入場，並勸導儘速就醫。由於疫情日益嚴峻，台北小巨蛋冰上樂園、北投會館、逃生體驗營、學員宿舍及訓練教室，將加強查驗身分證件並登記姓名、電話及14天內是否出國等基本資料。
更多 CTWANT 報導
</t>
  </si>
  <si>
    <t>巴西聖保羅州長多利亞（Joao Doria）周一表示，預期本周取得巴西聯邦主管機關批准，以中國科興生物製品公司研發新冠肺炎疫苗CoronaVac進行實驗，有約9,000名志願者登記接受測試。目前巴西累計確診逾137萬人為全球第2高。</t>
  </si>
  <si>
    <t>為避免保單比重過於傾斜，大型壽險8、9月調整策略，刻意拉動美元利變壽險銷售量，據統計，美元傳統型保單新契約保費9月達新台幣319億元，創14個月以來單月最高，且比去年同期成長61％以上。累計前9月美元傳統保單新契約保費已有新台幣2282億元，比去年同期衰退17.8％。
不過，今年因為資本市場熱，投資型保單大賣，再加上新台幣兌美元升值，保戶想投資、匯率兩頭賺，美元計價投資型保單前九月新契約保費達新台幣2146億元，比去年同期成長128％，前九月美元保單合計有4428億元，比去年同期成長19％，全年有望逼近6千億元的新高關卡。
由於美元傳統型保單在一定額度內，不占壽險公司海外投資比重，且美元投資標的較多、投資報酬率較高，美元保單利率亦較高，比新台幣保單好銷售，壽險業2020年開始都已主推美元保單，去年全年美元保單新契約保費達新台幣4989億元，占整體新契約保費的54％，比率創歷史新高。
今年此趨勢持續，只是美元計價投資型保單明顯成長，但美元利變壽險因為宣告利率不若去年，加上有最低死亡保障門檻要求，投報率亦不如去年上半年，所以美元傳統保單保費呈現衰退，再加上5月新冠肺炎疫情警戒升溫，6、7月銷量都比去年同期衰退6成上下，8月才開始恢復成長，8月美元傳統保單新契約保費約新台幣266億元，同比成長34％，9月則有319億元，成長61％。
也因為大型壽險公司「刻意平衡」，原本美元投資型保單累計新契約保費即將超越美元傳統型，但到9月又被拉開一些，若此趨勢持續到年底，則全年還是美元傳統型保單賣贏美元投資型。
美元保單新契約保費全年歷史高點目前是2018年，有約新台幣5161億元，今年應會超越，創全年銷量新高；但若看整體外幣保單，即加上澳幣保單及人民幣保單，全年歷史高點也是2018年，合計有約新台幣6179億元，主要是當年人民幣投資型賣逾新台幣400億元，澳幣傳統型亦有新台幣200~300億元，今年人民幣及澳幣保單都是大衰退，所以外幣保單全年應無法創新高。</t>
  </si>
  <si>
    <t>高雄昨一口氣新增9起案例，高雄市長陳其邁怒轟新北疫調缺失，造成高雄群聚感染；新北市長侯友宜今下午3時主持防疫會議，媒體接連詢問新北市衛生局疫調是否有缺失與落差？當初匡列狀況？侯友宜連問3題都避答，由新北市衛生局長陳潤秋簡短回應，「有關恩主公醫院的問題，院方昨天跟今天都已經有所回覆了，謝謝。」
高雄市仁武區昨爆發家族7人群聚感染，陳其邁質疑指標個案（案14359）曾在5月底，於新北市三峽恩主公醫院開刀住院，當時隔壁房曾爆發群聚感染，卻因新北市疫調疏漏，導致該個案沒被匡列才把疫情帶回高雄；但恩主公醫院反駁，高雄個案與恩主公院內感染發生在不同病房，且高雄在群聚感染爆發前就已出院，依據中央流行疫情指揮中心規定，並沒有匡列的必要。指揮中心今下午記者會則要求醫院改進。
新北市府今舉辦防疫會議，媒體提問階段，媒體問及為何高雄當初沒有被擴大匡列？也沒被自主健康管理也沒有？且高雄個案為何可以拒絕採檢？
對此新北市衛生局長陳潤秋表示，這整件事情發生在新北市疫情最嚴峻的時候，醫院從疫情爆發後真的很辛苦，到現在也是一樣，這整件事情院方已經做最詳細的說明，因此尊重醫院的說明，謝謝。</t>
  </si>
  <si>
    <t xml:space="preserve">日本有6萬人訂了機票準備在4月底5月初的黃金周去沖繩度假，沖繩縣知事玉城康裕懇求大家取消原訂計畫。首里城、石垣島等觀光地已掛出「沖繩、休業中―（暫停營業中）」的告示，呼籲日本民眾「不要來沖繩」。
沖繩地方報報導，沖繩縣至今有138人感染新冠肺炎，沖繩縣擔心，這波遊客再來沖繩，5月恐怕疫情又要大爆發。除了知事拜託大家放棄去沖繩玩的念頭外，沖繩的年輕人也開始在網上推動請大家別去沖繩玩的「沖繩、休業中―」宣傳活動。活動主導人石垣綾音和北林大指出，沖繩4月上旬因境外帶進的病毒造成疫情擴大，縣政府已籲請各行各業暫停營業兩周，若再有境內境外人員往來，那麼兩周的努力可能會白費。
石垣表示，「並非拒絕大家來沖繩，而是『現在來沖繩彼此都快樂不起來』」。我們參考夏威夷的可愛島（Kauai）之作法，「可愛島呼籲遊客，『島本身放假，休息中！』。我們為了更容易地傳達同樣的訊息，而以『休業中』來表現」。
</t>
  </si>
  <si>
    <t xml:space="preserve">小編精選《中國時報》5件不可不知大事，帶讀者掌握今天（21日）新聞重點。
【1】50例未爆彈 旅遊史非決戰點
新冠肺炎疫情繼爆出彰化白牌車司機染病死亡並造成家庭群聚感染後，19日深夜中央疫情指揮中心再爆2年未出國的案24，震驚社會，感染科醫師王任賢指出，一個找不到明確接觸史的死亡病例，代表背後有50例未爆彈，他也強烈建議，從入境篩檢到類流感肺炎陰性篩檢都不夠了，應該所有不明肺炎患者都要篩檢。
【2】隔離檢疫趴趴走 最高可罰100萬元
因應新冠肺炎衝擊，行政院會昨通過《嚴重特殊傳染性肺炎防治及紓困振興特別條例》草案，大幅提高違反檢疫、隔離罰則，若受隔離者、檢疫者違規四處趴趴走，最重罰則從原30萬元提升至100萬元。如果確診或疑似罹患嚴重特殊傳染性肺炎者，違規前往搭乘大眾運輸工具或人多場合，將處2年以下徒刑、拘役或200萬以下罰金。
【3】開學前搶口罩 配增首日排隊更長
開學在即，20日起藥局兒童口罩配額「配增」至7天買4片，不少家長排隊幫子女備足口罩，排隊人龍更長，排隊的林媽媽說，家裡雖有備貨，但兒童口罩數量少，政府有釋出，還是來補貨。
【4】超級毒王趴趴走1傳37 害千人隔離
南韓新冠肺炎疫情惡化，20日一天暴增53名確診病例，更出現死亡首例。到20日下午為止，南韓確診病例達104人，一名有症狀卻到處活動的「超級傳播者」至少傳染37人。南韓政府宣布病毒已經突破防疫網，進入社區傳播階段，《朝鮮日報》則稱防疫網「已經崩潰」。
【5】對黨補刀 同志比敵人可怕
國民黨選舉潰敗，黨內正在改選黨魁及中常委，改革命運未卜，外部則面臨黨產會持續追殺、強推罷韓不手軟，內外交迫的艱難處境較敗選前更嚴峻。亟需全黨上下一心，團結奮起之際，黨內卻有人因無黨籍立委傅崐萁恢復黨籍案，放話批鬥，向奄奄一息的黨「補刀」，如此勇於內鬥，令人感慨，有此同志，還需敵人嗎？
</t>
  </si>
  <si>
    <t>距離首批武漢包機1個多月，第二批武漢包機終由兩岸航班共同執飛，順利返台，當中有兩岸政治的角力和妥協，也有對疫情發展的客觀評估，更有重要的人道考量。從面子上兼顧了對等，裡子中也解決了數百位滯留台人困難，並做到防疫優先，為冰封的兩岸關係，帶來些許新契機。
包機起飛的兩天前，大陸網上瘋傳一份《湖北機場集團關於做好復工復航準備工作的通知》，要求各機場在3月12日前完成復航準備工作，17日相關部門將會做檢查。
大陸坊間議論紛紛，猜測武漢空運將解禁，儘管武漢天河機場回應是「內部正常工作安排，不代表已正式確定具體復航日期」，但2月下旬，才發生官方一度允許滯留武漢外地人出城的政策，後緊急收回，以及習近平昨親赴武漢考察，種種跡象意味武漢對外地人出城解禁，已不遠矣。
對台灣而言，若等到武漢機場復飛，開放外地人出城，台商自行返台，倒不如盡快同意包機，防疫反而更有保障。
然在包機協商過程，大陸提供1000多位擬返台者名單，卻被移民署將「救援名單」註記成「管制名單」，讓陸方不滿，加上其中有許多想返台上學的孩童，都成為蔡政府壓力。
政治角力層面，兩岸最後選擇各退一步，讓兩岸班機共同執飛，台灣派機接人的面子有了，大陸用東航展現照顧台胞的面子也有了，就連搭乘人數一樣，充分展現對等。況且台灣防疫人員可赴陸檢疫，做到「防疫優先」，裡子都有了。
海基、海協兩會成立前，雙方的紅十字會曾扮演重要角色，當時出發點就是從人道考量；如今兩岸面對疫情，人道依舊是最高的價值，或許能為兩岸關係帶來融冰的機會。</t>
  </si>
  <si>
    <t xml:space="preserve">台中市長青學苑課程多元及有趣，深獲銀髮長輩的青睞，為因應新型冠狀肺炎疫情，考量課程地點不少在室內且人數眾多，市府社會局宣布將長青學苑課程全面延至4月6日開學，避免疫情傳染風險，同時也將加強學習環境清潔消毒及學員們衛教宣導。
社會局長彭懷真說，雖然台中市目前多數長青學苑已延期至3月2日開學，考量長青學苑上課人數眾多，且多為室內課程，為避免近距離增加傳染傳播風險，決定將所有長青學苑課程延期至4月6日開學，以維護長輩健康與安全。
社會局指出，於長青學苑延緩開課期間，各承辦單位將加強包含課桌椅、教學器材等學習環境清潔及消毒，並維持教室內空氣流通，同時也會提醒長輩們記得勤洗手及打噴嚏、咳嗽需掩住口鼻等個人衛生習慣的重要性，避免前往人潮聚集、擁擠、空氣不流通的場所及與他人共食、共飲。
社會局強調，相關課程詳情可至「台中市長青學苑課程資訊系統」（https：／／old65.taichung.gov.tw／WebSite／index.aspx）或洽各區公所查詢。
</t>
  </si>
  <si>
    <t xml:space="preserve">日本厚生勞動省17日公布，建議民眾疑似感染新冠肺炎時的諮詢、就醫時期，例如，連續4天發燒達37.5度以上、有嚴重的疲倦感或呼吸困難時，應向保健所等日本全國的諮詢窗口諮詢。官網中文還提供中文的緊急諮詢電話。
厚勞省還在官網中說明，容易重症化的對象如，年長者、有糖尿病等宿疾者、心臟衰竭、服用免疫抑制劑或抗癌藥者、呼吸器官疾病患者等，應該在以上症狀出現的2天之內諮詢、就醫。孕婦也是持續發燒2天就應跟相關窗口諮詢。至於兒童因之前沒有接獲易重症化的報告，故和成人的標準一樣。
官網中介紹，新冠肺炎發感染到發病的潛伏期間據說是1天至12.5天，因人而異，但大多人是5至6天出現症狀。
厚勞省呼籲，若出現發燒等感冒症狀時，在諮詢就醫前，應該先向學校、公司請假，盡量避免外出，且每天測量、記錄體溫。最重要的是洗手，返家時、煮菜前後、用餐前等都要用香皂、酒精消毒液等洗手。
日本政府觀光局（JNTO）為確保緊急時的外國旅客的安全，開設365天、24小時全天候的多語電話諮詢中心「Japan Visitor Hotline」，也因應有關新冠肺炎的相關諮詢。電話號碼是，050-3816-2787, 英、中、日、韓語都可通。
</t>
  </si>
  <si>
    <t xml:space="preserve">穆迪分析（Moody's Analytics）亞太區首席經濟學家科克倫（Steve Cochrane）周一接受媒體訪問時表示，持續膨脹的債務可能使新興市場國家的復甦步伐進一步落後已開發經濟體。
科克倫表示，受到這場大流行病影響，所有類型的債務都在增加，政府債務的增加尤其顯著，這並不讓人意外，因為在需要提供財政激勵措施的同時，各地政府的稅收卻普遍大幅下滑。但我認為真正的問題，是已開發經濟體和新興市場國家之間的差距越來越大。新興市場的債務負擔增加最多，未來他們在處理債務時所面臨的困難可能最大。
根據穆迪所做的一項分析，2020年政府、企業、家庭和金融等領域的全球債務總額增加24兆美元，創下歷史新高。債務暴增導致全球債務占國內生產毛額（GDP）的比率達到366%，亦創下歷史新高。報告指出，過去10年來，新興市場的整體債務增加1倍以上，目前已占全球未償還債務的三分之一。報告並點名土耳其、越南和巴西等新興市場國家，不只一個領域的債務負擔有所增加。
目前印度、阿根廷和馬來西亞等許多新興國家正在對抗捲土重來的新冠肺炎疫情，但美國、英國和澳洲等已開發國家的疫情則已顯著降溫。
科克倫表示，與已開發經濟體相比，新興市場國家在獲得新冠肺炎疫苖及推展疫苖接種的速度通常較慢，此時債務負擔增加，可能導致這些國家的政府提前抑制財政支出。
綜合以上兩個因素，新興市場國家的經濟復甦力道，可能落後已開發經濟體。科克倫表示，當經濟快速增長時，債務就不會是一個大問題。此外，這位穆迪的經濟學家表示，全世界的經濟增長不會是均衡的，今年夏天美國和歐洲可能會加速成長，而新興市場「或許得再等一會兒」。
</t>
  </si>
  <si>
    <t xml:space="preserve">遭多國拒絕入境的漂流郵輪威士特丹號驚傳一美國乘客感染新冠肺炎，由於該船曾在2月4日停靠高雄港，中央流行疫情指揮中心今天證實，目前正在研擬方案，不排除比照鑽石公主號停靠基隆港的模式，傳送防疫簡訊提醒高雄居民以及曾到達相關景點的民眾。
指揮中心監測應變官莊人祥表示，目前還在收集2月4日當天遊客下船後的路線，並針對相關接觸者進行調查，不排除會用簡訊通知的方式提醒曾出入相關場所的民眾，在18日前實施自主健康管理。
中央社報導，馬來西亞衛生部發布聲明說，感染病毒的美國女乘客14日與其他144名乘客一同飛抵馬來西亞，目前情況穩定，而患者的丈夫出現相關症狀，但病毒檢驗呈陰性。這對夫妻是145人中唯二出現症狀的人員。
</t>
  </si>
  <si>
    <t xml:space="preserve">新冠變異株Omicron入侵台灣，學界傾向認為Omicron更具傳染力但症狀較輕，根據南非官方公開的數據，近幾周來因新冠住院的患者中，約有30%症狀嚴重，重症率較當地先前幾波疫情少了一半，南非當地醫生觀察到的現象也是Omicron的症狀較Delta輕微。
距離南非專家11月底警告全球出現可能更具傳染力的Omicron變異株以來，至今已逾2周，當地醫生先前觀察到，Omicron更具傳染力，但是患者症狀更輕微，不過不少專家也警告，目前都只是初步觀察，病程要經過數周才會演變成重症。
美聯社報導，儘管需要蒐集數周的數據才能確認Omicron的症狀更溫和，不過至今2周，南非當地醫生仍不斷看到類似的現象。
當地醫生皮萊（Unben Pillay）表示，他平均每天為數十名新冠患者看診，但至今未送任何人住院就醫，這也是為什麼他同其他醫生一樣，認為Omicron引發的症狀較Delta溫和。
他說這些患者都能在家中療養身體，多數人能在10至14天的隔離期內康復，當中也包含年長患者，以及本身有疾病的重症高危險群。
美聯社指出，根據南非國家傳染病研究所（National Institute for Communicable Diseases，NICD）公布的數據，近幾周來因為新冠肺炎住院的患者中，約有30%病情嚴重，重症率較當地前幾波疫情還少了一半。
患者的平均住院天數也較短，前幾波疫情約長達8天，不過此次疫情約只有2.8天。
住院患者中只有3%死亡，遠低於前幾波疫情的20%死亡率。
南非非洲衛生研究所（Africa Health Research Institute）所長哈尼孔（Willem Hanekom）表示，「現階段，幾乎所有一切都指向它的症狀較輕。」不過他也強調，目前距離疫情爆發只有2周，還需要更多數據才能了解Omicron造成的住院率及死亡率。
南非人口最多的豪登省（Gauteng）在12月第一周，新增病例激增400%，當中90%都是Omicron變異株。
皮萊指出，上一波Delta疫情下，他的患者有呼吸困難及血氧濃度低等問題，多數人在發病幾天內就需要住院，但是他現在治療的患者症狀較輕，比較像是流感症狀，包括身體疼痛及咳嗽。
儘管症狀較輕，但是南非當地新冠確診數仍暴增，10日南非新增1.9萬人確診，這波疫情初期平均單日確診數約為200人，過去一個月來，已經新增9萬人確診。
南非衛生部長法拉（Joe Phaahla）表示，Omicron驅動這波疫情反撲，至今全國約有70%的新病例為Omicron，目前南非當地的新冠基本傳染數（reproduction rate，又稱R值）為2.5，是當地疫情以來最高。
南非公衛專家賈薩特（Waasila Jassat）指出，南非病例激增前所未見，不過住院患者中，86%未打疫苗，患者也多為年輕人，高達2/3未滿40歲。
</t>
  </si>
  <si>
    <t xml:space="preserve">3月30日，武漢市楚河漢街，工作人員在步行街入口處為顧客測量體溫。當日，武漢市標誌性步行街楚河漢街恢復營業。
目前，武漢多家商場、購物中心復工複產獲批，除市疫情防控指揮部發佈的影劇院、棋牌室、遊藝廳、書店、網吧、舞廳、酒吧、KTV、公共浴室、足浴店、美容店、健身房、培訓機構、堂食類餐飲等限制清單內的業態以外，其他經營部分可恢復營業。
</t>
  </si>
  <si>
    <t xml:space="preserve">籃網主將杜蘭特(Kevin Durant)因為身邊有人感染新冠肺炎，根據美媒《The Athletic》5日報導，為了進行防疫追蹤，杜蘭特將受到7天隔離，錯過接下來的4場比賽！籃網開季先盛後衰，目前3勝4敗。
杜蘭特在去年3月已經感染過新冠肺炎，他以非常快的速度康復，ESPN報導他最近接受檢測都是陰性，並且身上還有抗體。隊友丁維迪(Spencer Dinwiddie)、狄安卓喬丹(DeAndre Jordan)去年也染病，現在丁維迪因膝傷開刀本季報銷，籃網未來7場的戰力堪憂。
阿基里斯腱受傷回歸的杜蘭特是陣中少數表現穩定的人，他輪休過1場，其餘6場累積28.2分、7籃板、4.8助攻，投籃命中率51%、三分球命中率46%，防守方面也相當優秀，令人訝異的是他可能還沒完全回復最佳狀態，就有如此高效的戰力。
籃網還有另一位主將厄文(Kyrie Irving)，他雖然厲害但手感不像杜蘭特那樣穩定。他們接下來將面對爵士、七六人、灰熊、雷霆，預計杜蘭特可以在12日回歸對戰金塊。這期間籃網可能尋求利佛特(Caris LeVert)代替，利佛特開季7戰場均13.1分、4.3籃板、5.6助攻，但是投籃命中率低至37%。
</t>
  </si>
  <si>
    <t>今年清明疏運，台鐵局宣布，自4月1日至6日，共6天，全線加開各級列車總計166班，加掛489節車廂，包含：東線實名制列車6班、往返樹林、花蓮間優惠復興號8班及7折紅眼列車3班。3月18日零時開放訂票，實名制19日零時開放訂票。
受疫情影響，台鐵局表示，今年疏運雖有提高10％運量，東部比平常提升22％，但民眾搭乘大眾運輸的意願降低，預估運能會比往年降2成，車廂不會向往年壅擠。另一方面，旅客搭乘人數如果有增加，隨時會加開班次。
由於高鐵日前宣布不賣自由座，台鐵是否會限制悠遊卡？台鐵局表示，因應都會區間通勤族捷運化需求，不會限制拿電子票證的乘客不能站立乘車。</t>
  </si>
  <si>
    <t>新冠肺炎疫情未歇，農曆春節將至，對於企業多取消尾牙，改辦春酒，疫情中心指揮官陳時中表示，由於還沒有進入限制室內100人活動的階段，太大規模的春酒目前沒禁止，但建議盡量縮小規模。現在確診案例的感染源清楚，但提高警覺，自我保護是一定要的，這樣不明感染源就會減到最低。
下個禮拜就是農曆新年，對於春節期間的人流管制，陳時中表示，昨日下午與交通部進行討論，今日會和大家宣布。他提醒民眾，不管接下來管制如何，戴口罩、勤洗手還是最重要的。
昨日疫情連3天無本土案例，新增3例境外移入，分別自美、日、菲入境，截至目前累計915例確診，分別為801例境外移入，75例本土病例，36例敦睦艦隊、2例航空器感染及1例比利時工程師；另江蘇台商（案530）移除為空號。確診個案8人死亡、832人解除隔離、75人住院中。
至於日前一名境外移入個案本國籍30多歲男性案913，遭質疑為何需要採檢到8次才確診？疫情中心發言人莊人祥表示，案913在日本已經連續6次陰性，回台總共採檢3次，前2次在機場與集中檢疫所採都是陰性，第3次經進一步疫調後得知，他似乎為了能再度檢驗，假裝出現咳嗽等症狀，衛生局再採檢結果陽性。
莊人祥說，這名個案Ct值36.5，病毒量很低，看起來比較像是時陰時陽的狀況，其為了檢驗，騙說有症狀，結果驗出陽性，已經由地方衛生局介入調查，將會依法處理。目前已再度採檢PCR與抗體，今天會公布結果。
另日前部桃專案啟動後，一名68歲的男病患，19日自桃醫轉出後，前天下午突然死亡，院方將其死因診斷為「肺炎」，引起家屬的緊張。疫情指揮中心表示，男子先前曾進行3次新冠肺炎採檢，但均為陰性，目前正在等待法醫的採檢結果，預計今日會對外說明。</t>
  </si>
  <si>
    <t>南韓新天地教會活動引發新冠肺炎疫情失控，新北市24宗教團體4日聯合簽屬「防疫6大共同聲明」，強調支持市府防疫政策、宗教場域清潔消毒、避免人潮群聚活動、精簡宗教祈福儀式、做好自主健康管理、響應宗教線上祈福等，團結合作抗疫。
昨包括三重先嗇宮、中國佛教會、新北市道教會等單位都到場簽屬聲明，新北市長侯友宜表示，感謝新北市各宗教團體在疫情期間，不僅捐錢、捐物資，更願簽下6大宣言，新北市宗教團體所有大型活動、聚會都已經取消，共餐、共食活動也都停辦。
侯友宜表示，在新冠肺炎防疫期間，各宗教團體更秉持大愛，捐助新北市「防疫基金」達436萬5000元，及捐贈防疫物資嘉惠在地學校與居民；但若有不適當的活動，市府也會嚴格勸阻，所有阻礙防疫的行為都會採取動作。
民政局指出，目前包括三重先嗇宮神農大帝遶境、新北國際佛誕節都已經確定取消，板橋接雲寺也已設置單一出入口，管制進出；板橋福音堂要求所有教友戴口罩，並暫緩小組聚會、主日愛筵共食等活動。
另三峽台北紫微天后宮暫緩「北三媽遶境活動」、金山金包里慈護宮停辦「二媽回娘家行腳活動」、土城承天禪寺取消朝山活動、拱北殿120周年慶系列比賽活動及三重宏聖宮貧戶救濟物資發放活動也延後。
靈鷲山無生道場則提供線上同步直播共修、線上閉關，佛光山也鼓勵信徒線上修持、中和福和宮推神農大帝聖誕線上祈福。</t>
  </si>
  <si>
    <t xml:space="preserve">長榮航空繼1名機師檢出Delta後，又有2名機師、1名機師小孩染疫，指揮中心不排除感染Delta的可能。對此，資深媒體人感嘆，可惜新北市長侯友宜3次預警沒人聽，結果Delta又進來了。
侯友宜因在新北施政獲高度民意相挺，早已成政壇不能忽視的大咖。媒體人韋安今（6日）在臉書發文表示，侯友宜通常兩耳不聞政治事，過去幾個月都把全部頭腦和精力，用在防疫工作上，但侯友宜曾3次預警，強調Delta病毒可能入侵；首先是在6月15日，侯就説，印度Delta變種病毒來勢洶洶，早晚會到台灣，不可掉以輕心，當時侯呼籲，一定要加強邊境管制，只有規畫準備好，才能夠面對高風險、高傳染的Delta病毒。
其次，韋安稱，侯在8月4日前往萬里區野柳漁港視察漁工防疫情形，呼籲嚴防Delta從包括海岸線、港口等邊境入侵。最後在8月25日，當日全國+0，但侯表示，一天的0不代表永遠都是0，要小心Delta變種病毒入侵，並提出強化防疫旅館防護、確保檢測及增加醫療量能、疫苗全面催貨、學校施打規畫與境外生入校前免費PCR等五項措施，全面做好準備。
韋安感嘆，侯友宜這些「預警」並沒有受到中央重視，結果除了6月底，返台嬤孫旅客引發屏東delta病毒群聚外，這次又因為機師防疫破口再次侵台。韋安直言，侯為什麼長期受到民意，最高的信任與支持，其實沒什麼秘密，就是侯說到做到，一直堅持做事第一的「初心」。
</t>
  </si>
  <si>
    <t>據韓聯社最新消息指出，今（21日）下午，韓國境內出現第二例新冠肺炎（COVID-19）死亡病例。
據了解，該病例為54歲女性，在慶尚北道清道郡大南醫院住院的過程中被確診感染病毒，之後被轉至釜山大學醫院接受治療，最終不幸身亡。</t>
  </si>
  <si>
    <t>根據世界衛生組織（WHO）最新統計，全球目前累積至今已有63億劑新冠肺炎疫苗被接種，其中究竟哪一款疫苗最受歡迎呢？根據最新統計，輝瑞（Pfizer）與德國BioNTech生技公司合作研發的疫苗，當前全球累積銷量衝上第一。
《華爾街日報》（WSJ）根據杜克大學（Duke University）全球健康創新中心（Global Health Innovation Center）統計，全球各國至今已累計購買了35億劑輝瑞/BNT疫苗，讓它的銷量整比第二名的阿斯特捷利康（AstraZeneca，AZ）疫苗多出10億劑，其受歡迎的程度不言可喻。
根據輝瑞的說法，當前他們已經向全球130多個國家，出貨超過16億劑輝瑞/BNT疫苗。
報導引述各國官員與分析師的看法指出，輝瑞/BNT疫苗之所以受歡迎，是因為針對新冠病毒的Delta變異株保護力高，再加上不會引發令人憂慮的血栓問題。會引發血栓問題，影響到了嬌生（Johnson &amp; Johnson）疫苗、AZ疫苗的接種率。
除了這些原因，輝瑞/BNT疫苗也被發現，隨著時間過去，抗議在體內減少（保護力降低）的情況，不會像中國大陸的國產疫苗那麼嚴重。也不會像俄羅斯衛星-V（Sputnik V）疫苗一樣，有供應量受限的問題。
報導指出，為了引進受歡迎的輝瑞/BNT疫苗，甚至有國家進行修法。阿根廷正面臨嚴重的新冠肺炎疫情，但等不到衛星-V疫苗供貨，再加上民眾對於BNT疫苗相當狂熱，當局還修改疫苗法的疏失用語（若施打疫苗造成任何傷害，疫苗廠商得承擔法律責任），目的就是為了盡快引進BNT疫苗。此外，阿根廷政府還有配套，設立了基金來專門賠償因為接種BNT疫苗而出事的民眾。
除了阿根廷之外，巴西衛生部前官員Wanderson de Oliveira則表示，「跟其他疫苗比起來，BNT疫苗的效果更好」、「大家都想拿到最好的疫苗」，展現了對於BNT疫苗的熱愛。巴西也是全球疫情相當嚴重的國家之一，報導指出巴西方面今年提高了BNT疫苗的使用量，並降低使用中國國產疫苗。
而似乎隨著疫苗變得更夯，輝瑞藥廠似乎也正在逐步提升疫苗的價格。一位以色列衛生部官員曾在去年12月指出，他們購買BNT疫苗一劑的價格是62美元。這價格未經證實，但比其他國家貴了不少。先前輝瑞針對歐盟國家提供BNT疫苗價格是一劑18美元，如今據了解已提高志至23美元。
做為參考，永齡基金會、慈濟、台積電購買並贈送給台灣政府所用的BNT疫苗，加上冷鏈的保存費用，每劑費用平均在32~35美元左右。
輝瑞/BNT疫苗是目前唯一取得美國食品與藥物管理局（FDA）藥證的新冠肺炎疫苗，12歲以上民眾皆可施打。當前輝瑞已向FDA申請針對5~11歲族群的緊急使用授權（EUA）。</t>
  </si>
  <si>
    <t>新冠肺炎疫情持續延燒，截至昨日新北市確診人數已達465人，而相關接觸者都被衛生單位匡列必須居家隔離，新北市府統計，今日居家隔離人數從昨天的1576人一下增加到1997人，即將突破2000人，也顯示疫情仍相當嚴峻。
新北市去年為了應付越來越多的居家檢疫民眾，成立「居家檢疫關懷中心」，由民政系統協助，居家隔離者則由衛生局掌握。
不過疫情來勢洶洶，衛生人員必須全力投入整備醫療量能、新北市昨日將居家隔離者關懷事宜將改由民政系統接續協助，擴增原本居檢關懷中心，更名「新北市檢疫隔離關懷中心」。</t>
  </si>
  <si>
    <t>教育部今天發布新規定，大專院校100人以上大班授課或教室難以保持防疫所需適當社交距離（室內1.5公尺、室外1公尺）之課程，應立即改善環境或調整授課方式，採取全面配戴口罩、分班上課或遠距教學等防疫作為。
教育部今天公布「大專校院因應嚴重特殊傳染性肺炎疫情停課復課及授課因應防疫調整演練注意事項」，當學校沒有確診病例時，為因應疫情，得調整授課方式或進行授課防疫演練；而當學校遇有確診病例時，則立即啟動通報作業、健康管理措施、場所消毒、授課調整、師生關懷等防疫應變措施，並依疫調結果與教育部停課標準，啟動停課。
教育部表示，大專院校學校進行授課防疫演練（如遠距教學），宜由小規模漸進為之，先利用周間上課時間，針對校內系所或課程，分批次、間隔或輪流來進行授課方式調整，無須報教育部；倘進行全校或全院或全系（所）之授課防疫演練者，至多一周為原則；超過3天者，應將授課防疫演練規畫先行通報教育部。
教育部指出，中央流行疫情指揮中心如因應疫情發展而有大規模區域或全國停課之需要，學校即應依疫調結果與指揮中心指示，啟動停課，並同步通報教育部。各校勿自行判斷疫情，逕行宣布停課。
教育部說，目前已有大學陸續將授課防疫演練規畫通報教育部，他們提出的內容包括：遠距課程採同步教學方式進行，辦理全校教師學習線上教學軟體培訓，與遠距教學數位TA培訓，使全校教師具備線上教學之能力。
同時全校師生必須於線上平台上課、線上點名，若有缺席則當天通報學生事務處，由導師及任課教師聯繫了解並彙報學校。另前開課程均須側錄上課內容，以利學生複習及學校檢核教學成效。
教育部呼籲，學校因應指揮中心指示、確診病例之停課復課，以及授課方式因應防疫之調整及演練，應以防疫為優先，並掌握師生動向以保護社區，避免造成防疫破口為最重要原則。</t>
  </si>
  <si>
    <t>因應新冠肺炎的人力缺口，恆智重機致力於智慧機械的推動，推出無人駕駛自動導引搬運車，全台唯一自動初始定位，搭配無偵測死角的3D LiDAR感測器，自然導航，定位精準度高，讓搬運自動化、無人化，節省搬運的耗時及人力的浪費。
今年更研發出「高速懸吊全電動拖板車」，跟一般拖板車相比速度快50％，可折式側保桿同時兼顧高速運作時的安全性，是倉儲物流業者最佳的選擇。
恆智重機秉持「持續創新、客戶滿意」的理念，配合一般客戶在進出封閉型塑膠棧板時的卡板或不易進出的痛點，推出「懸浮型電動拖板車」當進出封閉型塑膠棧板時，前方貨叉在降至最低時靠著貨叉尾端的導輪，能使貨叉前端可懸臂式的進出封閉型塑膠棧板，能有效解決客戶使用封閉型塑膠棧板時不易進出的困難點，可適用建築業、倉儲業、物流業、食品業等有使用封閉型塑膠棧板進出需求的業者。
恆智重機董事長翟毓溶表示除了一般室內型自動導引無人駕駛電動拖板車以及自動導引無人駕駛電動堆高車，適合戶外型自動導引搬運設備的無人駕駛電動拖車頭，拖曳重量可達平地6噸的載重，只要搭配磁條導引，即可從倉庫區透過自動導引系統往返生產線，榮獲自動導引電動拖板車台灣精品獎的獎項，並拿下2019年中華民國國際工商經營研究社全國創新比賽製造科技類的第一名，同時結合產、官、學方面的合作、整合，導入中國生產力中心價值供應鏈系統，結合供應鏈系統及雲端保養作業，讓客戶管理及供應鏈管理，透過雲端作業模式即可收集大數據資料，透過線上發單、回復交期，及客戶管理的智慧化生產模式，讓恆智重機創新的團隊堅持公司理念，可讓工廠物流搬運及客戶管理的工作，輕鬆達到線上雲端智慧化的方式，加速管理及搬運的效率。</t>
  </si>
  <si>
    <t>世界職業男網總會ATP今天正式公告2021年賽程，年度第一場四大賽澳洲網球公開賽將在明年2月8日到21日進行，剛好遇到農曆過年，而男單會外賽則預計1月10日到13日在卡達杜哈進行。
因為新冠肺炎疫情尚未完全控制，澳網官方對防疫相當謹慎，選手和教練、整個團隊人員抵達澳洲墨爾本後，必須先隔離14天、檢查確定無感染病毒才能參賽，由於整個時程拉長，因此明年澳網開打時間比往年晚了三個星期。
由於目前長途旅行存在感染新冠肺炎的風險，許多選手或許可能會放棄澳網，為了吸引球員參賽，澳洲網協計畫負擔包辦包機、食宿及檢疫隔離等相關費用，總獎金也提高到7100萬美元（約20億3912萬台幣），但參賽選手必須在明年1月15日到17日，透過包機抵達澳洲，屆時大會也會像今年美網一樣規劃泡泡園區。
至於選手擔心隔離期間無法訓練，澳洲網協提出所有選手集中在一間度假中心隔離，讓選手可以安心訓練，不至於荒廢身手。</t>
  </si>
  <si>
    <t>北台灣不斷傳出警員執勤感染新冠肺炎，台南市基層警員坦言執勤時心驚肉顫，台南市政府取得第2批AZ疫苗，同意將原本排第3順位的警察提前，台南市警察局優先給1000名自願施打的外勤員警，玉井警分局派出所警員15人27日首批施打，其餘員警分3天打完疫苗。
台灣新冠肺炎疫苗目前一劑難求，警察原本是AZ疫苗施打對象的第3順位，北台灣卻不斷傳出警員「中標」感染，甚至擔心擴散，癱瘓一整間派出所警力。
台南市基層外勤警員早有擔心受感染的心聲，有員警表示，台南市確診案例不斷攀升，還有一天增加10例，警員每天都須面對社會各階層民眾，警方最近每天都接獲民眾爆量檢舉未戴口罩、群聚的電話，同事單靠一副口罩就前往勸導，防護力實在太低。
台南市長黃偉哲27日上午聽聞基層員警心聲，立刻安埋外勤警員優先施打疫苗，玉井警分局15人27日下午率先完成接種，其餘各派出所共1000名基層員警28日、29日陸續完成施打。
台南市警察局表示，這波疫苗施打以外勤警員為主，公費施打，對象為派出所、交通分隊與偵查隊，提供外勤警員多一層保護可以安心工作。
有警員獲知可施打AZ疫苗消息，正評估疫苗效力與副作用，部分警員想等更有效的疫苗進口或者國光疫苗量產後再施打。</t>
  </si>
  <si>
    <t>大陸國家衛健委公布最新新冠狀病毒肺炎疫情情況，大陸在周五（22日）首次出現零確診，沒有新增本土或境外輸入確診病例。
無症狀感染者方面，大陸在當天新增28宗無症狀感染者，其中有25宗來自湖北省。國家衛健委稱，中國31個省區市及新疆生產建設兵團，在周五均報告無新增確診病例，無新增死亡病例。另一方面，上海及吉林各新增一宗疑似病例，上海的疑似病例為境外輸入，吉林的則為本土病例。
截至周五，大陸現有確診病例79宗（其中重症病例9宗），累計治癒出院病例78258宗，累計死亡病例4634宗，累計報告確診病例82971宗，現有疑似病例6宗。累計追蹤到密切接觸者741696人，尚在醫學觀察的密切接觸者5085人。</t>
  </si>
  <si>
    <t>為了防堵新冠肺炎疫情，國門全境封鎖2.0版，目前除了限制外籍旅客入境外，馬上也要禁止轉機旅客，桃園機場入出境人數在22日單日已經不到7千人次，光是出境旅客也只剩2千3百多人，航空業與機場商家一片哀嚎，現在不只雪上加霜，只求能存活下來等待機會。
由於新冠肺炎疫情全球肆虐，日前國內新增確診案例幾乎是境外移入，中央流行疫情指揮中心從要求國人非必要不要出國、入境旅客一律居家檢疫14天，到外籍旅客禁止入境，到即將實行的轉機客也禁入的全境封鎖2.0版，桃機單日入出境的旅客已經慘跌不到平常的1成，甚至不到萬人，在禁止轉機客後，可能會跌破5千人次。
在旅客幾乎是瞬間減少是情況下，在機場的業者，包括航空公司、商家而言，在疫情不知何時才能結束？旅運限制何時才能解除的情況下，已經讓他們造成前途未卜的恐懼，而政府到現在為止，有效的紓困方案何時才能施行，也讓業者有無法再撐下去了的恐慌。
根據桃園機場公司統計資料，22日桃園機場總出入境人數約6千5百人，全國機場是7千3百多人，入境人數22日還有4千2百多人，出境全天只有2千3百多人，航空公司取消的大部份的航班，有飛機沒旅客，飛機只能停在停機坪，面臨沒有「現金流」的窘境，公司只能靠老本先苦撐。
航聯會主席王國安表示，這次的疫情對航空業者衝擊很大，尤其長榮航空美國航線佔六成，很多外籍航空很多已經停飛，加航及紐航飛到月底，下個月也都不飛，現階段只能看情況先採取減薪，或放無薪假來因應，如果這樣都還不夠的話，就只能裁員了。
桃機的商家不管是免稅店和餐飲店也是度日如年，桃園國際機場產業協會常務理事詹成吉表示，入出境旅客越來越少，在這些共體時艱的階段，開會協調了半天，連最簡單的水電費都沒有辦法提供紓困，甚至還有加收的情形，桃機公司根本是「怪獸電力公司」，因為所繳的每度電費比電力公司費率還要貴，因為要負擔桃機公司電力維護人員的費用，根本就不合理。
詹成吉直言，面對疫情越來越嚴峻，旅客越來越少，我們業者的負擔也越來越重，所有的員工來機場上班，卻沒有旅客，沒有生意可做，部份業者甚至直接撤櫃，或是暫時停業，負擔龐大的水電費，已經跟機場公司要求補助，但至今仍沒有下文，這些龐大的支出包含公共服務、清潔、水電、照明、空調等等，我們都需要政府的幫忙，否則這樣很難再撐下去。
桃園機場公司表示，目前桃園機場紓困方案已經有藍圖，就是會依照簽約當時旅客量，最先從2月開始，如果低於去年平均旅客量百分之50，權利金、租金全免。至於紓困補助，桃機公司無法決定，但財政部及經濟部已在研議，至於水電補助，機場公司只是代收，至於代收金額有高出基本電費的金額是高、低壓電的維護費用，目前經濟部還在研議減免辦法，待最後決議出爐，桃機公司也會在這方面做出調整減免。</t>
  </si>
  <si>
    <t>受惠全球政府積極救市的財政及貨幣寬鬆政策，隨各國陸續重啟經濟，5月採購經理人指數（PMI）及新訂單指數自谷底回升，顯示全球經濟已擺脫谷底露出曙光，激勵全球風險性資產反彈，但疫情改變全球經濟、企業營運及民眾生活型態，危機後的破壞式創新應運而生，第三季布局，看好美國生技及科技，穩居長線趨勢主流。
富蘭克林坦伯頓科技基金經理人強納森．柯堤斯表示，新冠肺炎為數位轉型及其相關主題帶來巨大機遇，科技業成最大受惠者，未來疫情過後，疫情期間的新數位服務及所學習到的技能仍將持續，促使創新者更深入進行數位轉型，關注應用軟體及網路股的人工智慧、雲端運算、電子商務、電子支付、5G通訊等主題，掌握數位經濟的龐大商機。
群益美國新創亮點基金經理人徐煒庠指出，儘管市況前景不確定性猶存，但美國大型科技股在智慧穿戴裝置、雲端技術、電腦作業系統等領域居領導地位，均是未來全球科技發展的重點趨勢。疫情效應的居家辦公、線上教育、影音串流等宅經濟、遠距活動概念股，美股科技成長性及創新能力俱佳，中長期前景仍可期。
台新智慧生活基金經理人蘇聖峰認為，肺炎疫苗加速發展，偶有好消息傳出，激勵生技股行情，且美國生技醫療資金動能轉強，帶動股價持穩表現。觀察生技股基本面轉佳，產業獲利與疫情爆發前差距不大，政策風險消退，對股價也具正面效益。看好例行手術、醫材個股，及高品質生技與大型製藥股。
富蘭克林坦伯頓生技領航基金經理人依凡．麥可羅強調，未來生技的政治攻擊可望減少，樂觀看待最終肺炎將獲控制，尤其人口發展趨勢、新藥創新及醫學研究的突破，都將推動醫療需求增長，續看好基因療法、精準腫瘤醫學、孤兒藥等利基領域。</t>
  </si>
  <si>
    <t>大陸澎湃新聞25日報導，距離黑龍江本輪Delta本土新冠肺炎疫情暴發已經過去4天，哈爾濱已有34例本土確診病例，確診患者活動範圍已波及學校、醫院等場所。此前巴彥縣的9個中風險區域被調整為一個高風險區即巴彥縣興隆鎮興隆林業局有限公司街道辦事處全域，目前哈爾濱有一個高風險區和一個中風險區。第二輪全員核酸檢測已啟動，新增確診還在增加。專家預測疫情最晚在10月底結束。
黑龍江省衛健發佈消息，9月24日0-24時，黑龍江省新增新冠肺炎本土確診病例8例（哈爾濱市巴彥縣8例)，截至9月24日24時，全省現有境外輸入確診病例2例，本土確診病例34例。9月24日新增的8例確診患者中有2例確診病例是在第二輪全員核酸檢測中發現的。
距離大陸十一假期不到一周時間，哈爾濱此輪疫情能否得到有效控制存在風險。南開大學統計與資料科學學院黃森忠團隊曾對此前多輪新冠疫情作出準確預測。他在24日受訪時研判，認為本輪哈爾濱本土新冠疫情屬於中等規模，總病例數在50~250例之間；最晚在10月底結束。本輪疫情仍存在不確定性，最壞情況下，總規模可能會達到600例。</t>
  </si>
  <si>
    <t xml:space="preserve">新冠肺炎疫情毫無緩解之勢，陸演藝圈日前已宣布全面停止拍攝，而為工作在國內外各處奔波的藝人們首當其衝，紛紛自主隔離，其中，多年來事業、生活都在大陸的男星趙擎，已隔離多時，近日他曝光生活處境，崩潰痛飆：「老子受夠了這玩意」。
人在北京的男星趙擎，近日在微博公開了自主隔離的日常，表示當時為了公司年會在兩地奔波，不小心得了重感冒，暫緩了回台計畫，結果疫情爆發，他只好在北京開始了自主隔離生活，而今年他沒吃年夜飯、初一沒拜年，就一直關在家，不太想看新聞，但逼著自己了解疫情現況，「沒有早中晚餐，肚子餓了才吃，沒有幾點睡幾點醒，想睡了就睡，累了繼續睡」，嘆生活節奏完全被打亂。
趙擎表示，過去每週日要上教會，如今卻很久沒看到教友，而有健身習慣的他，聽著同好們說擔心肌肉沒了，自己卻心裡明白：「在健身房開了我也不敢去呀」，連最花時間的追劇，他都看了各國的作品好多部，而趙擎逼著自己煮東西吃，清空了冰箱，發現自己完全不適合做料理，「過了這段時間應該有一年都不會再碰方便麵，因為從當兵後就沒有把方便麵吃噁心過」，大嘆不知何時能結束這場災難，能出門彼此擁抱、一起吃飯健身，然後一起把口罩丟了，忍不住爆粗口：「他X的，老子受夠了這玩意」，直呼2020起了個很差的頭，想砍掉重練。
</t>
  </si>
  <si>
    <t>苗栗縣25日新增3個確診個案，均為移工，也是先前6月9、10日隔離於防疫旅館的確診者，因此無公共活動史，也不會造成社區及工廠的影響，均已收治醫院中。
苗栗縣25日公告的確診個案14454，匡列接觸者達26人，採檢均為陰性，以1人1室隔離中。苗栗縣衛生局也澄清，案14454並未到火炎山活動，而是到火炎山登山步道入口旁的土地公廟載水，沒有爬山足跡。
苗栗縣長徐耀昌表示，個案均於醫院隔離治療，也呼籲鄉親盡量待在家中、減少外出、跨縣市移動，共同守護苗栗縣的防疫。</t>
  </si>
  <si>
    <t xml:space="preserve">新冠肺炎治療與預防藥物的研發迫在眉睫。懷特生技(4108)旗下「懷特精製黃耆多醣研究中心」展開研發計畫，與國立陽明大學黃奇英教授合作，借重大數據資料庫和電腦軟體分析，進一步驗證「黃耆多醣」、「新冠肺炎病毒」、「抑制病毒的基因片段」三者間關聯性，並探討防止肺部纖維化發生的可能性，期盼盡速研發出抗病毒藥物。
新冠肺炎具有高致病性與傳播性，短期內引發全球大流行，衝擊各國公衛體系，此外，患者痊癒後的後遺症也不容小覷。我國首例確診女台商痊癒後，就出現肺纖維化症狀，雖並非人人均有此症狀，但肺纖維化通常不可逆，避免發生就顯得相當重要。懷特生技總經理鄭建新博士指出，「懷特精製黃耆多醣研究中心」現正啟動「黃耆多醣用於調控細胞因子風暴與肺部纖維化」研發計畫，探討黃耆多醣的調節免疫反應作用，應用在防止肺纖維化發生，同時研究是否具阻斷新冠肺炎(COVID-19)惡化的作用。
此外，依據精準醫學的概念，「懷特精製黃耆多醣研究中心」利用大數據資料、電腦軟體分析與文獻回顧為立基，推測出至少有4個可能用來抑制新冠肺炎病毒的小分子核酸(miRNA)，且令人振奮的是，透過用藥預測分析，黃耆多醣與此4個小分子核酸關係密切，有望透過誘發這些小分子核酸、降低病毒複製的能力，達到抑制新冠肺炎惡化的結果。
懷特生技李伊伶執行董事表示，傳統醫學認為，黃耆除了能預防病毒感染，治療多種病毒導致的呼吸道感染和肺炎，也有助於病患康復；現正積極透過更多的研究來加以驗證，期盼能盡速開發出治療與預防的有效藥物。
</t>
  </si>
  <si>
    <t>國內疫情延燒，台北市議員林亮君幕僚日前驚傳染疫，其特助吳崢快篩陰性，結果出爐當下被強制送往凱撒飯店隔離，遭到隔離的吳崢在臉書分享飯店第一天提供的防疫餐點，竟出現令眾人聞之色變的最雷便當菜「三色豆」，嚇壞網友，直呼「這張應該當作宣傳，請大家認真防疫，以免確診後會被餵三色豆」。
吳崢24日晚上快篩陽性被遭到隔離後，決定從每天分享自炊料理改成防疫伙食，從臉書上PO出的照片可以看到，當天半夜被隔離時第一餐是吃辣椒雞便當、第一天早餐是路易莎蛋堡配紅茶、午餐碳烤雞腿便當，但到了重頭戲晚餐就變了樣，送來的便當不僅有台式咖哩，還有眾人最討厭的「三色豆」。
對此，網友看到三色豆便當非常震驚，紛紛留言：「三色豆太沒人性跟監獄一樣！」、「慘無人道三色豆」、「那個三色豆是酷刑吧，希望你早日平安」、「三色豆！柯文哲太過份了」，更有人因此受到啟發「為了不要吃三色豆，我每天都會戴起五顏六色的口罩」、「看到三色豆，決定好好在家防疫避免確診」、「以後可以教小孩『你再不好好戴口罩就讓你去防疫旅館吃三色豆喔！』」連議員林亮君也留言「平安吉祥三色豆」。
但也有人緩頰，其實加強版隔離旅館吃的菜色還不錯，「除了三色豆」、「我們員工也都吃一樣的，晚餐真的吃不下去，除了今天晚餐大傻眼以外，其實大部分都蠻好吃的」。</t>
  </si>
  <si>
    <t xml:space="preserve">瑞德西韋是目前各方認為最有可能治療新冠肺炎的藥物，預計4月底解盲，疫情指揮中心專家諮詢小組召集人張上淳表示，目前國內北中南各一家醫院參與臨床試驗，目前有3個案在二家醫院使用這個藥物。
張上淳指出，據使用醫師醫師表示，用了之後情況不錯，燒很快退，但排病毒的狀況有沒有縮短，是我們較關切的。至於使用Hydroxychloroquine，根據法國報告顯示，排病毒的時間可以縮短，專家小組認為輕症可以用，目的是縮短治療時間，佔床時間。
對於用奎寧治新冠肺炎藥物，張上淳說，最近火紅的老藥奎寧，目前只有很少的研究指出它會有效，但在適量、適當的方式使用，算是相對安全的藥物。但他特別指出，奎寧要加抗生素才有更好效果，這些藥在台灣可取得。
張上淳說， 臨床處制第五版給醫生的建議，使用之前必須要告知病患，奎寧使用不一定有效，但若病人同意，成人、兒童的使用劑量也都有登陸在冊中，張上淳指出，使用這個藥物，對心臟、心律的影響，長期使用恐致視網膜病變，而孕婦不適合使用。
</t>
  </si>
  <si>
    <t>中央流行疫情指揮中心今(22)日公布，敦睦艦隊(磐石艦)再增1例新冠肺炎病例，為20多歲男性，於敦睦艦隊(磐石艦)實習。個案於3月23日起出現發燒、咳嗽、味覺喪失情形，經服藥後症狀改善並恢復，4月18日至集中檢疫所隔離採檢，一採結果陰性，後續個案因出現鼻塞、嗅覺異常狀況，19日由衛生單位安排就醫並二次採檢，於今日確診。
指揮中心指出，本起群聚事件截至目前共28人確診，衛生單位現已掌握接觸者共692人，其中446人為居家隔離對象，246人為自主健康管理對象。指揮中心將持續針對個案公共場所活動足跡調查並公布上網(網址：https://bit.ly/2xyUgs3)，再次提醒民眾若曾於相關時段及地點活動，應自主健康管理14天，外出時請佩戴口罩，若有不適，請撥打1922防疫專線，就醫時主動告知活動暴露史。
今新增案426在3月23日就出現發燒症狀，昨天的案425也在同日就發燒。但當初只說有五例發燒，這兩例新增的發燒是通報有落差？張上淳表示，案426是在3/23咳嗽、3/26發燒，是當初與大家報告3位抗體陽性中的一位。也就是當初的5位中的一例。</t>
  </si>
  <si>
    <t>第三家壽險公司跟進房貸降息紓困。南山人壽24日宣布，針對確診保戶、第一線醫護人員、疫情防治人員、因疫情遭滯留無法回台及受疫情影響導致繳款有困難(如無薪假或非志願性失業者)等五大類客戶，及確診房貸戶之配偶與一親等血親，祭出房貸本息緩繳半年、一年部分本金緩繳，或到9月底前降息1碼（0.25百分點）。
關懷保戶，壽險業紛紛祭出新冠肺炎的客戶紓困措施，其中，國泰人壽在4月14日率先宣布針對六大類客戶，提供千萬元以下房貸利率降息1碼，利率最低降到1.07％，期限到9月底。而國壽是壽險第一大房貸承辦公司，餘額約3,400多億元，有13萬戶房貸客戶。
國壽的六大類客戶即一、救護醫療人員；二是疫情防治相關人員，如海關、檢疫人員、藥師等；三是確診遭隔離患者； 四是因疫情無法回台者；五是自主健康管理者；六是非自願性失業或 放無薪假者。
台灣人壽亦在15日宣布，針對四大類客戶提供保單利率及房貸利率6個月內降息0.22百分點，且是可申請到9月底，台壽房貸餘額約280多億元，有1千多戶房貸客戶，降息後房貸利率最低到1.34％。
台壽的四大類客戶即一是確診新冠肺炎的借款保戶本人或配偶、一親等血親；二是因檢疫需要接受隔離或自主健康，以及受疫情影響被實施無薪假或非志願性失業的借款保戶；三是連續兩個月平均營業額較去年同期或去年下半年平均營業額少15％的公司負責人本人或配偶；四是防疫相關醫療人員。
南山人壽已不再承接新的房貸業務，但其舊有房貸餘額也有290億元左右，南山強調為減輕客戶因新冠肺炎出現的繳款壓力，除了五大類客戶外，還擴及確診房貸戶之配偶及一親等血親，都可適用房貸降息或本息緩繳半年的措施。
壽險房貸第二大公司富邦人壽，有逾1,800億元的房貸業務，富邦人壽表示，4月起指數型房貸利率已降0.27個百分點，比央行降息幅度還大。而其房貸客戶如因疫情造成非自願性失業、無薪假或其他特殊情況出現還款困難者，到7月底前，提供相關證明文件經富邦人壽認可後，可本金緩繳最長6個月。</t>
  </si>
  <si>
    <t xml:space="preserve">日本36歲知名女星綾瀨遙，9月份因感染新冠肺炎被迫停工，期間還傳出綾瀨遙的媽媽在她染疫前遭人詐騙，讓綾瀨遙受到雙重打擊。如今已康復出院並火速復工的她，終於露面與大眾見面，媒體也拍到私下的真實狀態。
被封為「國民女神」的綾瀨遙，先前因工作滿檔，擔心疫苗的副作用會影響工作，而遲遲未打疫苗，因此8月份宣布感染新冠肺炎被迫停工後，便傳出濫用特權優先住院治療等負面消息，遭到不少人批評，一度還因檢查出肺部出現白影的中級症狀，讓外界相當震驚；綾瀨遙染疫前，還傳出她的媽媽遭人詐騙高達1億日圓（約新台幣2500萬元）。但綾瀨遙針對此事不願多談，敬業的她也在狀況好轉後火速回歸劇組，繼續拍攝與木村拓哉合作的新片《織田信長》，讓不少粉絲們相當擔心她的身體是否受得了。
經過多日的等待，綾瀨遙也終於在10月27日露臉參加「2021東京電視劇大賞」的頒獎典禮，榮獲女優獎的她，穿著一件白色的洋裝並將長髮盤起，展現往日的女神風采，網友看到後也紛紛留言：「終於看到我的遙，感覺瘦了一點，但狀態還不錯」、「天哪！女神真的瘦好多」、「小遙身體好好的比什麼都令人感動」、「沒事就好」、「終於看到會動的遙了」、「雖然還是美但瘦了一些還是讓人心疼」，意外引發話題。
綾瀬はるかFAN🇯🇵（@ayaseharuka_fan0324）分享的貼文
另外，日本媒體《女7》近日也捕捉到綾瀨遙趕拍《繼母與女兒的藍調》續集的身影，當時的她雖戴著口罩、全身包緊緊，但素顏時的狀態還是略顯疲憊，讓粉絲們相當心疼；而她在此劇中將與佐藤健及竹野內豐合作，預計明年初上檔。
★《中時新聞網》提醒您：因應新冠肺炎疫情，疾管署持續加強疫情監測與邊境管制措施，如有疑似症狀，請撥打：1922專線，或 0800-001922，並依指示配戴口罩儘速就醫，同時主動告知醫師旅遊史及接觸史，以利及時診斷及通報。
@ayaseharuka__fan 分享的貼文
</t>
  </si>
  <si>
    <t xml:space="preserve">新冠肺炎疫情衝擊觀光產業，大鵬灣國家風景區的遊湖船及水上活動業者也受影響，搭乘遊玩人次腰斬，大鵬灣管理處在與業者座談過後，決定免收廠商1至6月的租金，希望與廠商共體時艱，達到政府紓困善意。
大鵬灣今年2月搭乘遊湖船的遊客人數，較去年同期減少約6成以上，讓業者大嘆快活不下去；沒想到3月更慘，迄今遊覽車團體還來不到10團，就算假日有到大鵬灣遊玩的散客，但也都只是走走逛逛，很少坐船或消費。
鵬管處了解業者的困境後，決定免去區內紅樹林溼地公園、濱灣公園、帆船基地等遊湖船及水域遊憩業者1至6月的租金，希望實際減輕業者的營運成本負擔。鵬管處表示，大鵬灣景點都在戶外，較無染疫風險，歡迎大家多到大鵬灣遊玩。
業者也強調，遊湖船均有相關防疫作為，包括遊客登船前會量測體溫，並加強手部酒精消毒，遊程結束後會進行全船座椅清潔消毒作業。遊湖船全為開放空間，空氣流通、陽光照射度高，遊客可放心搭乘。
</t>
  </si>
  <si>
    <t>香港昨日再度出次感染來源不明的新冠肺炎本土確診病例。政府專家顧問、中文大學呼吸系統科講座教授許樹昌今日分析指出，社區隱形傳播鏈還未完全中斷，港府現階段不宜放寬防疫措施。
許樹昌今日早上出席節目中時表示，香港相隔約一周後再檢測到一名染病來源不明的本土確診個案，這顯示社區仍然有隱形傳播鏈。他推測患者病徵或許很輕微不過卻具傳播性，港府目前因而不適合於現階段放寬防疫措施，如食肆限制等，或舉辦大型公開活動，但可考慮在限制人數下局部容許恢復宗教活動，不過一定得要求出席者戴口罩。
許樹昌接著提到，昨日新增的來源不明的病例涉及範圍較細，不會引起像是貨櫃碼頭集體的大爆發。他也呼籲市民即使出現輕微病徵，也應盡早求醫及進行病毒檢測。
他還指出，香港民眾如持續戴口罩和注意手部衛生，冬季出現流感高峰期的機會很小，但他呼籲高危險人士應接種流感疫苗。他還提到，香港今年並無出現夏季流感高峰期。</t>
  </si>
  <si>
    <t>台灣防疫獲外媒認證！專家諮詢中心召集人張上淳表示，紐約時報日前報導，以圖表方式來分析台灣、香港及新加坡3地疫情演進，2月到3月上旬每日新增還是個位數確診，之後歐美境外移入個案大幅增加，造成香港境外移入讓本土流行，新加坡亦然，短時間內確診突破百例，然而台灣一直控制得很好，因此外界對台灣防疫十分肯定。
為了防疫第一線醫事人員的健康，指揮中心自3月30起擴大篩檢各大醫療院所的醫事人員，截至4月15日統計，以篩檢醫師225人、護理師767人、其他醫事人員222人、其他非醫事人員253人，照護機構人員385人，共計1852人。</t>
  </si>
  <si>
    <t xml:space="preserve">經濟部數據公布，第1季我國受理3種專利申請合計17,156件，商標申請22,385件，雙雙成長，各較上年同期增加3%及10%。本國人發明專利及商標申請件數均有2位數以上的成長率。台積電及高通再度分居本國人及外國人發明專利申請之首，台積電之件數更達到史上新高紀錄，首季本國企業發明專利件數成長28%，其中，中小企業已連續12季呈現正成長，整體而言，110年第1季的智慧財產權趨勢表現亮眼。
經濟部數據顯示，首季我國受理申請之三種專利件數中，發明專利為11,888件，本國人及外國人件數均較上年同期增加，尤其是本國人成長率達19%，是整體發明專利成長的主要推力，而其他專利則呈現下降趨勢。
首季我國企業整體發明專利申請3821件，較上年同期增加28%，於本國人發明專利總件數之占比，亦上升至81%。大型企業與中小企業發明專利件數分別成長31%及16%；各季與去年同期相較，中小企業已連續12季正成長，在新冠疫情尚未平息下，仍持續穩定成長。
申請人方面，台積電(2330)發明專利申請678件，除了創下單季申請件數最高紀錄，也已連續8季位居本國人發明專利申請件數之首。另設計專利申請，則以宏碁(2353)21件最多。
</t>
  </si>
  <si>
    <t>在聯準會（Fed）宣布緊急降息2碼之後的第一天，美股經過一番震盪，收盤時各項指數仍下挫近3%，顯示投資人對於降息救經濟的策略並未產生信心。
星期二收盤時，S&amp;P 500指數下跌2.81%，以3,003.37點作收；道瓊工業指數下跌2.94%，以25,917.41點作收；科技類股那斯達克指數也下挫2.99%，以8,684.09點作收。
在聯準會宣布降息之後，美國股市瞬間的反應相當正面，立刻反彈了1%，但隨即又暴跌，顯示了投資人對於政策是否能有效救經濟的質疑。聯準會降息，代表了更多金錢流入市場，但這一波經濟衰退起因於新冠肺炎，工廠停工，員工隔離在家，生產降低，供應鏈中斷等問題，都不會因為降息而得到解決。
聯準會官員認為，降息雖無法解決景氣降溫的起因，但可以減輕消費者與投資者的信心所受的附帶傷害，一旦疫情受到控制，經濟也能加快復甦。
市場分析師表示，聯準會的策略要產生效果，前提是疫情的狀況必須明朗化，若無法預測疫情的走勢，再多的資金投入都很難拯救低迷的經濟。</t>
  </si>
  <si>
    <t xml:space="preserve">美國因為新冠肺炎疫情槓上大陸，美國總統川普與國務卿蓬佩奧近期更是炮火全開，針對大陸國家主席習近平日前拋出資助世界衛生組織（WHO）20億美元的承諾，蓬佩奧昨（20）日酸溜溜回應，比起疫情對全球造成的巨大損失，北京這筆錢根本「微不足道」。
大陸國家主席習近平18日在世界衛生大會（WHA）開幕儀式上致詞時，為大陸的防疫表現辯護，他強調，大陸「始終本著公開、透明、負責任的態度」，及時通報新冠肺炎疫情，他也在會議上承諾，未來2年將資助世衛20億美元資金，以協助開發中國家對抗疫情。
針對習近平的致詞，美國國務卿蓬佩奧（Mike Pompeo）昨日酸溜溜，路透社報導，蓬佩奧昨日在記者會上駁斥北京防疫公開透明的說詞，「席主席本周宣稱中國有盡到公開、透明的責任，我真希望他們真的有做到」，他細數北京各大罪狀，包括扣住新冠病毒樣本、對疫情相關言論進行審查，「還有更多更多。」
他認為，如果北京真的希望對外展現公開透明，就應該要召開記者會，讓記者提問任何問題。
他接著說，「我期待看他們履行20億美元承諾」，不過話鋒一轉，指出大陸對抗疫的貢獻，和他們對全球造成的損失相比，根本「微不足道」（paltry）。
他說疫情已奪走約9萬美國人性命，全球30萬人喪命，超過3,600萬美國人失業，「根據我們估算，因為中國共產黨失職，在全球造成的損失恐高達9兆美元。」
記者會上蓬佩奧也將矛頭指向世衛秘書長譚德塞（Tedros Adhanom Ghebreyesus），指控他在疫情之前就已經「和北京有不尋常關係」，「這問題非常大。」
</t>
  </si>
  <si>
    <t xml:space="preserve">疫情指揮中心今又公布6例新冠肺炎確診個案，創下新高。對此，前婦產科醫師、民進黨國際事務部主任林靜儀就在臉書上疾呼，「暫時不要再出國了！拜託！」
今日疫情指揮中心表示，新增了6例境外移入，6例分別有泰、日、埃及、土耳其、西班牙以及希臘的旅遊史。指揮官陳時中就直言，「台灣相對安全很多，非必要的出國，這段時間大家忍一忍啦」。
而林靜儀昨天也才在臉書上呼籲，我認為國民記得兩件事就好，能不出國就不要出國、有外國朋友要來台灣，請他們暫時延後計畫，如果此時非得出入境，就配合居家檢疫，其他沒被規範的也進行自主健康管理。
不料，今卻又一口氣新增6名境外移入個案，林靜儀也立刻分享新聞並發文拜託大家，「暫時不要再出國了！拜託！」
</t>
  </si>
  <si>
    <t>新冠肺炎疫情延燒，近來許多事業單位要求勞工在出國前應報備，甚至不准以「出國」為由的特別休假，勞動部表示，依勞基法特別休假應由勞工排定，但勞工歸國後如要面臨居家檢疫等，則依「嚴重特殊傳染性肺炎防治及紓困振興特別條例」可請防疫隔離假，不強制雇主給薪。
近日許多事業單位要求，避免前往疾管署公告注意、警示及警告地區，如有出國必要，請提前向單位主管報備，經主管同意後再行安排假期。但勞基法明訂，特別休假期日，由勞工排定之，違反可處2萬至100萬元。
勞動部官員表示，依勞基法特別休假應由勞工排定，勞工申請後雇主應予以准假，但如果歸國後要居家檢疫等情況，則依特別條例可請「防疫隔離假」，不強制雇主給薪，如符合相關規定，則勞工可領取防疫補償。</t>
  </si>
  <si>
    <t xml:space="preserve">今天台灣本土疫情新增107例，是三級警戒以來最少的一次，外界關心6月28日是否有望降級？中央流行疫情指揮中心指揮官陳時中表示，現在大家看到疫情確實是少，漸漸要把相關縣市清零。原來有社區傳播的，未來要如何採檢並確實掌握疫情，希望用最快時間把它控制住。
陳時中說，目前沒有要調整警戒程度，如果一周內想達到效果，要持續觀察疫情變化。現在降級的話，擔心疫情反彈，所以一定要很謹慎。打疫苗的數目涵蓋率仍不足，希望兩個月後儘快有效率的來施打。
陳時中補充，在一段時間控制到一定情況下，必須確保戴口罩、維持社交距離，目前沒有朝個別縣市解封的討論，但會思考就單項來說，是不是有些場所能逐步開放。
陳時中進一步解釋，解封不會以縣市別來分，會滾動式調整，不會一下就從三級回到二級，目前討論方向為全國一致，但低風險的區域，某些要求的強度就會比較低。
當疫苗涵蓋率高時，傳播鍊就不易形成，若涵蓋率高，三級警戒復發的可能性就比較低，因為比較多人打過疫苗，傳播會比較慢，屬於比較可以控制的範圍。
</t>
  </si>
  <si>
    <t>美國新冠肺炎確診人數全球第一，歐美疫情益發嚴峻，加上台灣目前多數確診者都是歐美境外移入，陽明大學校長郭旭崧表示，當初武漢一開始發生疫情，台灣就派專家前往視察；如今疫情更嚴峻的義大利、歐美等國，卻沒有專家前往取經。他指出疫情調查下一步就是臨床治療，了解歐美各國患者病毒特性與治療方法，才能在台灣醫療面臨嚴峻考驗時真正「超前部署」。
郭旭崧指出，疫情流行時，疫情調查的下一步就是臨床治療。而大陸武漢地區發生新冠肺炎的第一時間，當時台灣一個確診案例都還沒有，疾管署就立即派出2名醫藥界專家火速飛抵武漢視察，取得病毒資訊並瞭解臨床治療方法，以防若台灣也有確診個案，該如何因應治療。
無症狀感染者是下個挑戰
而如今包含歐洲、美國疫情愈來愈嚴峻，台灣目前確診個案也多有歐美旅遊史，應該也趁現在台灣醫療體系還沒燒起來之際，派人前往該國，或是透過視訊會議方式，了解歐美面對大規模病患時，醫療人員如何因應，學習治療的經驗，作為超前部署的一環。
台灣至今防疫成功在於腳步快、民眾配合度高，接下來國內將面臨的挑戰是無症狀或輕微症狀的隱性感染者走入社區，郭旭崧指出，台灣此時儘速發展自己的抗體檢驗工具很重要，屆時許多居家檢疫者回到社區，若能回頭做抗體試劑，知道哪些人身上有抗體後，類似安全碼的概念，一方面自己不必擔心，另一方面因為不會感染他人，可以真正「安全地」回到社區。
應速研發抗體及快篩試劑
除了發展抗體檢測工具，台大公衛學院院長詹長權也指出，如今美國的快篩檢測已從當初1.0發展到3.0，才有辦法擴大採檢；台灣卻從第1例到第300多例，都用同一套PCR檢測，方法沒變過，當然無法擴大採檢。他建議應該儘速研發、量產快篩試劑，尤其當全世界所有國家的藥物管理單位都能緊急授權上架審查時，國內藥政單位也應該在疫情時期，加速審查機制。</t>
  </si>
  <si>
    <t>觀光產業因疫情面臨裁員、放無薪假的困境，交通部為替業者紓困，上周公告「人才培訓」實施要點，未料卻引來業界罵聲連連，主因是該要點補助的非企業而是員工。業者大罵，人事成本一樣沒有減輕，是「烏龍決策」。交通部長林佳龍昨晚向業者承諾，補助對象從員工改為僱主。
交通部上周公告「交通部協助受重大疫情影響觀光相關產業轉型培訓實施要點」，讓旅行業、旅宿業與有稅籍登記或商業登記的民宿、觀光遊樂業等經營者，趁沒沒生意時讓員工參加由觀光局委託上述產業類別公協會舉辦的人才培訓課程，以提升專業能力，參與培訓的員工，每人每小時158元，每人每月120小時為限，等於每人每月可獲最高補助1萬8960元。
不少企業主認為，交通部的紓困目的是希望，在不裁員或放員工無薪假的條件下，公司不因人事成本進而影響正常營運，但依照交通部公告的要點去走，員工的工作量剩一半，不只可領全薪外，還能利用工作時間受訓並領取近2萬元補助，企業主大喊，人事成本根本沒減輕，還不如跟員工協議留職停薪3個月，似乎比去上課好。
台灣旅館商業同業公會全聯會理事長張榮南舉例，一名業務協理月薪3萬元，平常情況下會有加給獎金，但疫情期間飯店沒有生意，公司派該名協理去上課100小時，不只工作量減半，還能領全薪外加1萬5800元補助，等於變相加薪；張強調，現在的時局不是加薪的時候，如果這樣子，放無薪假就好，「到底是誰想出來的這種烏龍方案」？
張榮南說，假如政府是補貼企業，依照員工上課時數撥款1萬5800元，剩下1萬4200元差額由公司支付，員工照樣領3萬元全薪，員工滿意，企業也滿意。
經各產業反應後，交通部長林佳龍已承諾，補助款會從員工改交付企業主；換句話說，未來員工參與人才培訓視同上班，補助款將撥給企業統一運用，由企業主補差額給員工，則可雙贏。</t>
  </si>
  <si>
    <t>新冠肺炎自上月爆發，政府已宣布全國三級警戒至6月28日，綠委劉世芳、羅致政、鄭運鵬、黃世杰等人今日召開記者會要求，營業衰退紓困，將要求營業額從寬認定，不要等到7月才能領。此外，國有財產署及國營事業出租也要主動減租20％，帶動民間響應。
紓困4.0上路後，針對商業服務業紓困方式，是採2021年5月至7月任一月營收，比2019年同月或2021年3月至4月平均減少5成以上(有稅籍登記)；或是被中央政府命令停業且給付員工薪水未達基本工資的企業，即符合補貼資格。
羅致政表示，營業稅在每年6月結算，而現在又碰到紓困要上路，因此在營業衰退計算上，時間點會有落差，因此希望行政部門能夠彈性認定。
羅致政說，這波疫情是從5月15日開始，若有業者能夠提出過去半個月、1個月的營業衰退，像是娛樂場所、百貨公司等等，希望政府能從寬、彈性認定，讓業者盡快拿到紓困。
黃世杰表示，除了營業衰退從寬認定外，財政部經管的國有不動產出租，已宣布減收、延長繳租日期，而經濟部國營事業經管的公有土地，也同樣要求比照財政部，目前已有419戶申請減收延繳，已全數同意，但還有2.3萬件尚待辦理，希望經濟部主動辦理，提供民間紓困。
劉世芳指出，經濟部及財政部在去年的做法是1月至6月土地減租20％，如今因為疫情因素，因此建議相關措施能夠延長至明年6月底，除土地減租20％外，經濟部國營會、財政部國有財產署都要主動幫忙處理租金減免，減緩合法使用人的經濟壓力。
羅致政說，除了財政部、經濟部，也要求交通部的台鐵局針對各場站店家提出減租計畫，此外，也要趕快來幫忙國道休息站的商家，希望能夠藉由公部門主動減租，帶動民間響應跟進減租，全民共體時艱。</t>
  </si>
  <si>
    <t xml:space="preserve">中國文化大學大倫館宿舍4人確診，校方緊急成立應變小組，台北市政府成立的「快篩機動隊」，針對314名留宿生進行快篩檢測，14人快篩陽性，令人憂心會釀另一波群聚感染時，又傳出大倫館內有學生翻找垃圾桶找食物吃，長達4個小時，對此，校方表示，該生是校內長期協助的個案，已安排校安人員協助、處理。
一名文化大學男生昨（2）日晚間於論壇《Dcard》表示，一名男同學在翻大倫館內的垃圾桶，找食物吃，整整4個小時，男大生害怕地表示，該名學生就在自己的房間門口，再加上已有4人確診，擔心校內一定還有無症狀感染者，緊急通報舍監，舍監則以已通報教官回應，只不過一直等到午夜12時，仍不見教官的身影，翻垃圾桶的同學把走廊弄得杯盤狼藉，令他焦急的問「教官你在哪？」
文化大學大倫館男宿舍1日傳出4名學生確診，345名學生皆是使用同一個衛浴空間，校方第一時間緊急大消毒，並成立應變小組，北市府快篩機動隊也在昨日進入校園，針對314名學生進行快篩，13人快篩陽性，另一名學生則是出現症狀，送至陽明醫院急診室快篩後陽性，現又有學生垃圾吃東西，難免令人擔憂，至於為何快篩人數與校方列冊的345人有人數差距，北市府表示，仍在確認中。
對此，校方證實該生學生為校內生，因狀身心況特殊，一直都有掌握該生狀況，目前已安排相關人員協助、處理，並加強輔導及規勸，盼外界多諒解。
★《中時新聞網》提醒您：因應新冠肺炎疫情，疾管署持續加強疫情監測與邊境管制措施， 如有疑似症狀，請撥打：1922專線，或 0800-001922， 並依指示配戴口罩儘速就醫，同時主動告知醫師旅遊史及接觸史，以利及時診斷及通報。
</t>
  </si>
  <si>
    <t xml:space="preserve">總統蔡英文及副總統賴清德今天上午接種第二劑高端，由於高端尚未有保護力數據，加上指揮中心開放自費驗抗體，外界好奇總統是否會在完整接種2劑高端後自驗抗體並公布數據，為國產疫苗增加信心對此，指揮中心指揮官陳時中表示，如果總統要驗，可以驗中和抗體，但「意義不大」。
總統蔡英文及副總統賴清德今早7點左右至台大醫學院體育館接種第二劑高端疫苗，但高端疫苗的保護力仍未知，疫苗效力遭到質疑，使得民眾紛紛去驗抗體了解，昨(29日)網紅四叉貓公布打第一劑高端一個月後的抗體數據，與打2周相比，IgG抗體從35.4提高到907.5，飆升25倍以上，效果震驚眾人，也讓外界好奇，總統是否會考慮在完整接種2劑高端後自驗抗體，並公布數據，增加國產疫苗信心。
對此，陳時中今天接受廣播節目採訪表示，高端的抗體研究現在還在進行中，如果總統要特別驗，可以驗中和抗體，才能代表疫苗保護力，但他表示這樣做的意義不大。
陳時中強調，高端的中和抗體表現絕對沒有問題，確實公布抗體數字能增加大家對高端的信心，但這是科學的事情，從單一個案的表現並不能代表整體。
</t>
  </si>
  <si>
    <t xml:space="preserve">新冠肺炎疫情全球延燒，英國也不例外，但在封閉的防疫狀態中，人們還是能為生活找到出口，尤其是網紅、模特兒及藝人，模特兒出身的女星伊莉莎白赫莉(Elizabeth Hurley)，就在疫情嚴重又冰天雪地的現在，來了一發追雪艷照，讓人看了血脈賁張，瞬間暖了起來。
伊莉莎白赫莉以性感魅惑形象聞名，但最為人所熟知的，是她跟英倫情聖休葛蘭之間長達10多年的往日情，最終因為女神受不了休葛蘭太難搞而選擇分手，之後跟富商史提夫賓生了唯一的兒子達米恩，2007年曾跟印度富豪納亞爾走入婚姻，但僅4年就離婚，伊莉莎白赫莉情路坎坷，卻活出最精采的自己，如今已55歲的她，外型雖難免有點歲月痕跡，但始終保持火辣身材，至今仍為個人泳裝品牌擔任產品模特兒，是個超級美魔女。
Elizabeth Hurley（@elizabethhurley1）分享的貼文
而如今英國正值下雪季節，伊莉莎白赫莉昨(1/26)貼出冬裝照，身上披了雪白毛皮大衣，但裡面竟然中空，就穿了條短小的白色比基尼三角褲，靠外套巧妙遮住胸前兩點，豐滿胸型幾乎被看光光，無視大冬天依然爽拍清涼艷照，還寫下：「我怎麼有辦法抗拒？」，引人遐想。
伊莉莎白赫莉的冬季清涼照美不勝收，但卻被日前重提與已逝傳奇媒體人賴瑞金昔日恩怨的英國名嘴皮爾斯摩根看不爽，說他不過比伊莉莎白赫莉大了3個月，同為55歲的人，但也看不下去女神這樣，皮爾斯說伊莉莎白赫莉是真的保養得很好，不過每次都寬衣解帶讓19歲兒子幫她拍照，「實在有夠變態，就那麼渴望關注嗎？」，要她不要那麼衝動，快把衣服穿起來。
</t>
  </si>
  <si>
    <t>新北市COVID-19確診案例不斷攀升，新北市政府為強化三級防疫，繼板橋、中和、三重、新莊接連成立熱區防疫中心，今（26）日永和、新店跟進成立防疫中心，上午市長侯友宜前往2處視察，呼籲民眾配合保持低度活動，齊心對抗病毒。
侯友宜除視察熱區防疫中心作業情形，也到附近賣場、餐飲店了解上班人潮與相關防疫措施。
侯友宜表示，市府根據大數據分析找出熱區，加強做熱區防疫中心，從板橋、中和、新莊、三重，今天又加了永和跟新店，不管是區長、區公所的夥伴、里長，以及國軍單位、清潔隊、民政體系、警察同仁們全部總動員，除了加強熱區清消外，民眾也自動配合，非必要的營業全部停止，包括公園都被里長封閉起來，減少活動。
侯友宜說，只要大家能夠保持低度活動，希望市民們能夠配合，加上全面大清消，減少非必要營業場所，這樣疫情就可以舒緩下來。</t>
  </si>
  <si>
    <t xml:space="preserve">新冠肺炎擴散引發大陸各地恐慌，許多城市到處噴灑消毒藥水防控疫情擴散，不料卻因噴灑量太多導致野生動物中毒死亡。重慶林業局為疫情防控派員加強疫情監測，深入林區與野外，卻意外發現因濫用消毒水造成的生態災難，
《新華社》報導，重慶市林業局表示，重慶市持續加強陸生野生動物疫源疫病監測，林業系統平均每天出動200餘名專職監測員和5300餘名護林員，深入林區、自然保護地、養殖場、動物園、農貿市場、高速公路沿線等區域監測野生動物，及時處理異常情況。
報導說，截至目前，重慶市在疫情防控期間共巡查發現17種、135只野生動物出現異常死亡，包括烏鶇、白頭鵯、灰胸竹雞、野豬、黃鼠狼等。通過動物檢疫機構和重慶市動物疫病防控中心的取樣檢測，綜合現場調查情況，專家判定其中部分野生動物死亡原因為噴施消毒藥等引起的中毒，同時排除了死亡野生動物的新冠病毒、禽流感、新城疫的疫源疫病。
報導表示，相關部門已對取樣剩餘物實施了深埋等無害化處理，對野生動物異常死亡場所進行了清潔消毒。重慶市林業局建議，在高速公路及廣大農村地區應合理使用消毒藥液，避免對當地居民、動物和食用農產品等造成危害。
</t>
  </si>
  <si>
    <t xml:space="preserve">巴西今天通報，單日新增的新冠肺炎（COVID-19，2019冠狀病毒疾病）染疫死亡人數接近2000人，打破先前紀錄。疫情正使得巴西醫院不堪負荷，當地疫苗接種進度也緩慢。
巴西衛生部今天通報，單日有1972人染疫病故。目前為止，巴西累計已有26萬8370名新冠肺炎患者不治，高居全球第2，僅次於美國。
巴西今天還通報新增7萬764宗確診病例，意味累積染疫人數已達1110萬人。
巴西先前單日染疫病故人數最高紀錄在3月3日創下，當時才剛破1900人，但過去2週這個數字持續上升。
根據巴西公共衛生機構克魯茲基金會（Fiocruz）今天發布的報告，巴西疫情正面臨嚴峻考驗，全國27州首府有25座城市的加護病房占床率已超過8成。
巴西總統波索納洛（Jair Bolsonaro）一直對專家建議的抗疫作法嗤之以鼻，上週甚至要巴西民眾對疫情「別再發牢騷」，並再度批評居家限令。
世界衛生組織（WHO）秘書長譚德塞（Tedros Adhanom Ghebreyesus）已敦促巴西採取積極作為，並警告巴西若不嚴肅對待疫情，恐影響鄰國甚至更遠的國家。
巴西的疫苗施打進度緩慢，目前僅共860萬人注射首劑疫苗，占總人口的4.1%；其中更只有290萬人施打第2劑疫苗。
巴西使用的是中國科興生物研發的疫苗CoronaVac，以及英國藥廠阿斯特捷利康（AstraZeneca）與牛津大學（Oxford Universtiy）合作研發的疫苗。
</t>
  </si>
  <si>
    <t xml:space="preserve">
隨著新冠肺炎疫情全球升溫，台灣也連帶受到波及，中央疫情指揮中心24日宣布，台灣新增20例病例，皆為境外移入，個案發病前分別在英國、愛爾蘭、義大利、土耳其、印尼、西班牙、法國、美國、泰國、德國、保加利和比利時等國有活動史。
台灣目前累計215人確診，2人死亡，確診案例中，哪個年齡層發生機率比較最高？結果發現，並非65歲以上的高年族群，而是落在20至24歲，發生率是每10萬人就有2.2人確診。
根據疾管署公布的「全國嚴重特殊傳染性肺炎本土病例及境外移入病例年齡別發生率趨勢圖（2020年01至2020年13周)」，統計發現，發生率最高的落在20至24歲，也就是每10萬人有2.2人，第二高的為25到29歲，每10萬人有1.81人，第三高為30至34歲，每10萬人有1.6人，發生率前三高都是年輕族群。
至於被認為是新冠肺炎易感染對象的中高年齡族群，55至59歲，每10萬人發生率有1.1人，60到64歲，每10萬人發生率為0.55人，65至69歲，每10萬人發生率有0.45人，70歲以上，每10萬人發生率是0.55人。
若以「本土病例年齡別發生率趨勢圖」來看，發生率最高為55至59歲，每10萬人有0.38人，次高25至29歲，每10萬人有0.31人，第三高為30到34歲，每10萬人有0.25人。
若是「境外移入病例年齡別發生率趨勢圖」來看，最高仍在20到24歲，每10萬人有2.02人。第二高的為25到29歲之間，每10萬人有1.5人，第三高則是30到34歲，每10萬人有1.36人。近來大量從國外返台民眾多是年輕人，也跟統計數據呈現符合。
</t>
  </si>
  <si>
    <t>國立故宮博物院赴立法院教育委員會進行業務報告。立委黃國書指出，今年1、2月受到新冠肺炎影響，故宮參觀人潮較去年同期少了50萬人次，收入少了8,800萬元，是史上空前的數字，希望故宮提出因應。
故宮院長吳密察在報告中表示，為了因應新冠肺炎疫情，已經取消晚間延長時間，加上周一休館，調整營運時間。
同時，為防止群聚感染，已經暫停華語、英語、周末親子參觀等導覽服務，張大千紀念館也暫緩開放。相關集會、演講、工作坊等活動，機動停止或延後辦理。
在展場中的一線員工，上班前、中、後都要量體溫，並佩戴口罩，有症狀就請假就醫。故宮也成立自己的防疫指揮中心，每週召開防疫會議，滾動式檢討防疫工作。
吳密察指出，也會對受疫情衝擊的廠商予以紓困，包括現場委外服務的餐廳、語音導覽、文創商店、委外銷售等。紓困作法如下：
一、解除委外廠商原契約最低服務人數限制、調降權利金、寬限緩繳期間。
二、舒緩合作開發文創商的廠商營業額不足困境，將現有合作契約延長一年，提供廠商營運緩衝。另外，文創商品院外承銷商共20家，因營業額大幅下修，故宮下修文創商品承銷商申請續約結帳金額下限。
三、推動線上展覽服務。</t>
  </si>
  <si>
    <t>新北市長侯友宜5日慰問消防局防疫專責分隊，分隊員現場演練「疑似新冠肺炎病患」載送流程，侯友宜贈送水果感謝第一線人員辛勞，也提醒：「疫情還沒有過去，大家絕對不能鬆懈。」
消防局緊急救護科長林士閔昨先向侯友宜簡報，說明防疫專責分隊值勤概況，如通報車禍受傷案件中，人員到場發現傷者竟是違規外出的居家檢疫對象，除馬上改由防疫專責分隊到場，同時通報衛生單位安排送集中檢疫並罰款20萬元。
林士閔指出，不可預測的突發狀況可能隨時發生，消防局會視情況機動調整勤務，汲取經驗並改善作業流程，兼顧消防同仁與民眾安全。
隨後，專責防疫分隊人員展開載送疑似新冠肺炎病患演練，包括防護衣裝備穿脫、運送防疫措施、後送及救護車清潔消毒等。
侯友宜表示，視察防疫分隊主要是要同仁了解，疫情沒有紓緩，絕對不能鬆懈，除了鼓勵同仁更要提醒SOP的標準動作程序，絕對一步都不能有疏忽，整個過程完整才能保護自己，也保護別人。
他說，這段時間新北市8個防疫分隊已載送197件新冠肺炎患者，任務辛苦、危險，壓力又大，謝謝最辛苦的防疫專責消防夥伴，大家一起加油，防疫期還沒有過，繼續努力才可做到萬無一失。</t>
  </si>
  <si>
    <t>新冠肺炎疫情升溫，中央流行疫情指揮中心上月宣布升級到三級警戒，意指所有民眾出門務必全程配戴口罩，也因此傳出部分民眾不守規矩，引來他人指正，甚至發生衝突。藝人謝忻昨(1日)分享凌晨出門慢跑，路上看到有人沒戴口罩，另一人忍不住提醒，沒想到下秒劇情反轉像是韓劇發生，謝忻還稱讚該名有正義感的男子是台版馬東石。
謝忻昨在IG限時動態分享說，凌晨4點時自己「發瘋」跑到南京東路上慢跑，意外看到一件動人的事，一名體型壯碩的A男突然向不認識的B男說：「為什麼你沒有戴口罩？」，B男冷回：「因為我在抽菸，而且現在是凌晨4點」，A男嗆：「我管你幾點，你把口罩給我戴起來」，B男聽到後摸摸鼻子熄了菸，並將口罩戴好。
見到這過程，謝忻大讚A男是「南京東路版的馬東石」，讚揚A男像因電影《屍速列車》走紅的韓國男星馬東石，有男人味又仗義執言，笑說：「『馬東石』有點帥怎麼辦？他真是不折不扣的糾察隊，也謝謝你們這麼自律」，為民眾的高素質感到驕傲。
近來民眾為了防疫，大多採取在家上班、上課的方式，不少藝人因為通告減少則分享起自己的防疫新生活，謝忻也常透露自己居家防疫行程，除了整理家中外，擁有音樂專長的她更常練琴、練長笛，也笑說每天生活正常，吃飽睡飽皮膚變好，她擔心家中群聚效應感染，便離開基隆老家和父母，自己到台北居住，等疫情緩解再跟家人相聚。
★中時新聞網關心您：吸菸有害健康！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新冠肺炎疫情趨緩，北市7日再度鬆綁各項規範，包括開放學校及學生辦理社團活動，恢復各項球類運動、團體競賽及跨班體育活動，吹奏類樂器課程可暫時脫口罩練習，且在雙十連假前，再放寬動物園、天文館及兒童新樂園管制措施，9日起全面取消預約制。
吹奏練習 可暫時脫口罩
對於社團活動，教育局指出，進行社團活動時室內保持1.5公尺、室外保持1公尺以上社交距離，全程配戴口罩，禁止飲食、落實實聯制；聘教師入校須完成疫苗第一劑接種且滿14日，或提供3日內抗原快篩或PCR檢測陰性證明。
而辦理成果發表會或跨校性之社團活動，需向學校提報相關計畫，集會人數上限為室內80人，室外300人；國小不開放跨校性社團活動。
體育活動 保持社交距離
在體育課方面，教育局表示，所有球類運動恢復正常授課，包括傳球、對打及團練活動等，全程配戴口罩，除團練或對打外，應保持防疫社交距離；已完成施打疫苗之國中、高中職學校開放跨校體育活動訓練及競賽，國小不開放校際活動，至於游泳課程仍暫緩實施。
藝術才能班課程及教學活動部分，教育局說明，室內在場人數符合場所容留人數，得不受限室內80人上限，以實際座位數入座，且不限梅花座；室外上限為300人，並應落實課堂點名，以作為日後疫調之參考。
另外，迎接雙十連假，動物園、天文館、兒童新樂園皆於9日起取消入園預約制，改以容留人數上限管制，天文館每日容留上限為1200人，兒童新樂園為4800人，動物園為10000人。
兒童新樂園開放室內兒童劇場「如果劇場」假日營運，劇場內採梅花座，幼兒與同行家人得視需要調整併座；天文館開放展示場兒童區與觀測室；動物園熱帶雨林室內館因考量國外有靈長類動物染疫案例，暫不開放，其餘室內管區皆全面開放。
西門錢櫃 抓到未戴口罩
不過，北市6日有20間KTV解封復業，警方即進行擴大臨檢，發現西門錢櫃的中華新館有2名消費者在包廂內未戴口罩，北市商業處7日表示，待接獲警方臨檢紀錄進行確認判斷，若屬實可分別對業者和消費者開罰3千至1萬5千元。</t>
  </si>
  <si>
    <t>為降低檢體運送風險與縮短檢驗時效，台東縣長饒慶鈴22日特別前往馬偕紀念醫院台東分院拜訪院長王功亮，希望能一同合作，攜手建立台東第一座符合衛生福利部核可的「傳染病認可檢驗機構」，讓原台東縣內檢驗機構僅有的7項傳染病檢驗擴充至117項，也可即時得到檢驗結果。
台東縣衛生局表示，目前台東縣檢驗機構僅具有7種疾病檢驗別，大部分傳染病確認，檢體均需送至花蓮慈濟醫院或疾病管制署指定的檢驗機構，然而南至高雄、北至花蓮，車程來回需約6小時，如面對此次新冠肺炎疫情，工作人員必須每天上午6點出發，才能準時將檢體送至花蓮慈濟醫院檢驗。
饒慶鈴表示，為減輕新冠肺炎期間防疫人員的負荷並縮短等待檢驗報告的時間，台東縣府日前緊急向中央爭取檢驗儀器，感謝中央調度協助，2台儀器可望於本周內開箱安裝，但為了在地長遠醫療規畫，台東需要符合衛生福利部規範的傳染病認可檢驗機構，以提升檢驗量能，爭取時效，提供醫師及時且準確的參考。
王功亮也答應一同肩負台東醫療的重任，並帶領饒慶鈴至院內檢驗單位說明未來將如何規畫空間及人力培訓。台東縣受限於人口數量，醫療機構在執行公共衛生政策時，無法如西部醫院可自行營運，饒慶鈴強調將努力尋求中央協助，一起推展台東傳染病防治工作。</t>
  </si>
  <si>
    <t>阿斯特捷利康（AstraZeneca AZ）的新冠疫苗因為有罕見副作用血栓，接連在世界各國核准與使用受阻。譬如日本剛核准AZ疫苗時就不讓其進入大規模接種計畫中，丹麥在4月全面禁用 AZ 疫苗，美國直至目前也還沒核准AZ疫苗。
而近期牛津大學一篇研究顯示，COVID-19引發血栓的機率遠大於AZ疫苗，指出施打疫苗的利大於弊，有望平反 AZ 疫苗因血栓而來的負面形象。
近 3000 萬人的新冠副作用研究
牛津大學是 AZ 疫苗的開發單位之一，不過研究指出作者獨立於 AZ 疫苗開發團隊，不會影響研究內容。
研究分析近 3000 萬人數據，分別為 1960 萬施打 1 劑 AZ 疫苗的人、951 萬施打 1 劑 BNT 疫苗的人，還有 175 萬 COVID-19 確診者 3 個族群。
他們比較 3 個族群在接種或確診 28 日內出現血小板減少症（thrombocytopenia）、血栓栓塞事件（thromboembolic）、靜脈栓塞（venous thromboembolism）、動脈栓塞（arterial thromboembolism）的機率。而相關研究也發表於《British Medical Journal》期刊上。
●COVID-19 引發血栓機率，遠超新冠疫苗
從結論來看，研究結果共 2 大要點，一是 AZ 與 BNT 新冠疫苗的確會增加血栓、中風等副作用的機率，二是 COVID-19 產生副作用的機率遠比新冠疫苗來得高。
在每 1000 萬人中，接種 AZ 疫苗增加了 107 個血小板減少症、66 個出現靜脈栓塞、7 個出現腦靜脈竇血栓（cerebral venous and sinus thrombosis CVST）案例，接種 BNT 疫苗則增加 143 個缺血性中風（ischaemic stroke）案例。
但 COVID-19 卻新增 934 個血小板減少症、約 1.2 萬個靜脈栓塞、20 個 CVST 與近 1700 個缺血性中風案例。
換句話說，施打 AZ 疫苗後，血小板減少症​的發生率增加了 33%，但感染 COVID-19 讓該疾病的發生率提升 5.27 倍。
另外，施打 AZ 疫苗會增加靜脈栓塞的發生率 10%，而感染 COVID-19 則讓該疾病的發生率提升 13.86 倍。至於接種 BNT 疫苗，該疫苗會增加約 6% 動脈栓塞的發生率，而感染 COVID-19 卻會增加 102% 的比例。
這顯示了，AZ 疫苗與 BNT 疫苗會使一些疾病的發生率上升，但不打疫苗的患者卻得面對更高的風險，所以儘管疫苗出現罕見副作用，施打新冠疫苗仍是在疫情下保護自我的最佳解方。</t>
  </si>
  <si>
    <t xml:space="preserve">波羅的海國家立陶宛22日宣布捐贈台灣2萬劑AZ疫苗，預計9月底前配送，讓外界好奇立陶宛本身擁有多少疫苗，根據外媒報導，立陶宛政府已經批准採購約1620萬劑疫苗，目前超過34%人口已經完整接種疫苗，預計9月可讓70%人口至少接種1劑疫苗，立陶宛政府不只捐贈外國疫苗，還打算讓觀光客打疫苗。
根據「波羅的海通訊社」（Baltic News Service）於2020年12月底的報導，立國政府當時計畫採購約780萬劑疫苗，政府官網提供給民眾的訊息也指出，立陶宛將會收到超過700萬劑疫苗。
不過據波羅的海通訊社、Baltic News Network於今年6月中旬的報導，立國政府目前已經批准採購總計達1620萬的疫苗劑量，這些疫苗分布8個廠牌，分別為186萬劑AZ疫苗、70萬劑嬌生疫苗、50.6萬劑莫德納疫苗、929.6萬劑輝瑞/BNT疫苗、63.3萬劑Novavax疫苗、150萬劑法國藥廠賽諾菲（Sanofi）與英國藥廠葛蘭素史克（GSK）合作研發的疫苗、138萬劑德國CureVac疫苗、以及37.2萬劑法國Valneva疫苗。
目前歐盟藥品管理局（European Medicines Agency，EMA）僅批准AZ、嬌生、莫德納、BNT等4款新冠疫苗的緊急使用授權，德國CureVac疫苗的第3期臨床試驗期中報告更顯示保護效力僅達47%，因此立陶宛未來實際能取得多少疫苗劑量，也面臨變數。
■立陶宛已經有34%人口完整接種疫苗 民眾可選擇廠牌施打
據立陶宛政府官網統計，截至26日，人口約280萬的立陶宛目前已經收到超過254萬劑疫苗，包括約174.7萬劑BNT疫苗、48.7萬劑AZ疫苗、25.5萬劑莫德納疫苗及約5.2萬劑嬌生疫苗，當中已經施打逾215.5萬劑，超過122.6萬人至少接種過1劑疫苗，佔總人口近44%，97.4萬人已經完整接種疫苗，佔比為34.8%。
根據政府官網介紹，歐盟執委會（European Commission）會為所有歐盟會員國聯合採購疫苗，採購的廠牌包含AZ、嬌生、輝瑞/BNT、莫德納、CureVac及賽諾菲/葛蘭素史克。波羅的海通訊社先前報導，一直到2020年底，立陶宛都還在向歐盟確定要購買多少劑疫苗。
取得疫苗後，歐盟會根據各國人口，等比例配發疫苗至各個會員國，立陶宛是在去年12月底收到第一批BNT疫苗，供醫護人員施打。
目前立陶宛境內一共有AZ、嬌生、BNT、莫德納等4個廠牌的疫苗供民眾施打，今年第1季起優先讓醫護、前線工作人員、65歲以上長者接種疫苗，隨著疫苗供貨穩定，政府於5月10日起開放55歲以上民眾接種疫苗，接下來每隔7天依序開放45歲、35歲以上人士接種，並且提前自5月31日起推行大規模接種計畫，16歲以上民眾都可接種疫苗。
官網指出，各地方政府會主動通知現階段符合接種條件的民眾前往當地醫療機構免費施打疫苗，自5月起，民眾也可以透過撥打電話、全國統一預約網站預約接種時間，具備永久居留身份以及有強制加入健保的外國人也可以接種疫苗。
民眾可以選擇接種疫苗的廠牌，通常地方政府在通知接種疫苗時，就會告知民眾可能會接種哪一支疫苗，如果民眾不願接種這支疫苗，當當地醫療機構有其他廠牌的疫苗可供施打時，地方政府會再聯絡民眾前來施打。另外如果當地的疫苗接種站有不同的廠牌可供施打，疫苗也沒有被保留起來讓接種第2劑的人優先施打，民眾便可以直接選擇想要接種的廠牌。
■立陶宛也曾經歷AZ緩打潮
事實上立陶宛也曾經歷台灣目前面臨的長者緩打朝，據立陶宛國家廣播電視台（Lithuanian National Radio and Television）、波羅的海通訊社報導，今年春天AZ疫苗爆出血栓疑慮，立陶宛長者拒打AZ疫苗，寧願等莫德納、BNT疫苗，導致AZ疫苗累積大量庫存，雖然政府開放讓民眾挑選疫苗，但實情是初期BNT、莫德納疫苗供貨不足，許多地方接種單位只有AZ疫苗可以施打，為了解決爭議，加上新一批疫苗陸續到位，政府才擴大提供接種站不同廠牌的疫苗讓民眾選擇，同時也向下開放接種資格，讓更多人施打AZ疫苗，總統瑙塞達（​Gitanas Nausėda）、總理席莫尼特（Ingrida Simonyte）及各部首長、議員也公開接種AZ疫苗，展現對AZ的信心。
立陶宛預計最快8月開放12歲以上青少年接種疫苗，立陶宛電視台TV3報導，立陶宛衛生部長杜爾基斯（Arunas Dulkys）21日表示，如果疫苗施打率恢復到4月的水準，最快9月就能讓全國70%人口至少接種1劑疫苗，他說目前疫苗接種速率有下降趨勢，因此政府正在考慮擴大設立疫苗接種中心，在現場說服民眾來打疫苗。
不過疫苗接種率下降已經成為政府擔憂問題，立陶宛總統瑙塞達顧問克雷普斯塔（Simonas Krėpšta）23日表示，目前仍有數十萬劑疫苗尚未使用，7月還會有另外100萬劑疫苗到位，「我們有足夠的疫苗，但沒有足夠的人來打。」他說還差36萬人才能達成70%人口至少施打1劑疫苗的目標。
■立陶宛擬擴大讓觀光客接種疫苗
有趣的是，根據《波羅的海時報》（The Baltic Times）報導，立陶宛經濟與創新部6月中提案，擬擴大讓即將在立陶宛待超過1周的觀光客接種疫苗，以及讓住在海外的立陶宛公民返國接種疫苗。
立陶宛經濟部副部長尤爾古蒂斯（Vincas Jurgutis）表示，最大目的是要確保在立陶宛境內的人獲得最大保護，如此才能控制疫情。他說這項提案在夏天尤其重要，因為夏季會有更多人來到立陶宛，「愈多人接種疫苗愈安全」，「因此我們需要為那些待在立陶宛、且希望接種疫苗的人提供施打機會。」
不過尤爾古蒂斯也強調，這項提案的重點並不是要發展疫苗觀光，「不過如果有人因為那個更改計畫，我們也不會覺得是大問題。」
■立陶宛曾經一天將近4000人確診 全國封鎖8個月
立陶宛26日新增44人確診及0例死亡案例，據約翰霍普金斯大學（Johns Hopkins University）全球疫情統計，至今立陶宛累計逾27.8萬人確診、逾4300人病歿。
根據世界實時統計數據Worldometer網站，立陶宛第2波新冠疫情已有所趨緩，4月底疫情最嚴重時，單日確診數曾飆至1599例，目前疫情已緩和。不過實際上2020年秋冬，立陶宛曾經歷非常嚴峻的第1波疫情，12月下旬單日確診數曾來到3928例，每日確診人數破千的狀況幾乎維持了約3個月，一直到今年1月下旬，疫情才有趨緩跡象，不過春季第2波疫情又起。
為了壓制疫情，立陶宛從2020年11月7日起實施全國封鎖，根據立國衛生部官網說明，封鎖期間的隔離措施包括外出強制戴口罩，戶外聚會人數上限為10人，餐廳、咖啡店、酒吧等必須全數關閉，但能提供外帶、戶外用餐、室內用餐能維持一桌上限2人者例外，藝文活動也有人數上限。
立陶宛目前仍處在封鎖期間，預計6月30日到期，立國政府28日將研議30日封鎖期到期後，是否放寬隔離措施。
</t>
  </si>
  <si>
    <t>台灣第一個以外貿電商為主題的展會—2020台灣跨境電商博覽會，於8月28日在IEAT會議中心盛大登場，主辦單位台北市進出口商業同業公會（IEAT）集結21家國內外電商平台及服務業者共同展出，首日活動現場人潮踴躍，顯示在這波疫情影響下，企業或民眾數位轉型的需求大量湧現。
台北市進出口公會除了號召台灣電商產業鏈路，平台業者如亞馬遜全球開店、eBay、阿里巴巴國際站、PChomeSEA、91APP 新零售OMO服務商、SHOPLINE、有閑等，服務業者如SGS、UPS、Bqool、DRS、Wiser等，共同參展，藉此帶動企業數位轉型。更進一步號召31家全鏈路的服務商，在博覽會中宣布成立「台灣跨境電商協作聯盟」，未來將透過人才培訓、政府專案、中大型企業輔導、六都電商產業推廣，以及專題與個案研究等作法，多面向服務及引導台灣外貿產業投入跨境電商。
公會監事會召集人黃教漳表示，跨境電商博覽會從展覽到講座兼具廣度及深度的規劃，就是希望讓所有參加者在兩天展期中，透過一站式接洽、專業資源與交流，快速做好轉型電商的各項準備。同時公會也與UPS簽定合作備忘錄，共同推動台灣電子商務發展、提升企業競爭力。
台北市政府產業發展局林崇傑局長在致詞時提到，電商市場商機無限，儘管新冠肺炎對全球實體零售業帶來衝擊，內外貿線上銷售卻逆勢成長，充分顯示電商已是企業開拓商機的重要管道；而本次博覽會更看到台灣跨境電商服務生態圈已經在台北生根茁壯，不只是台北市企業的福氣，更是廣大台灣企業的機會。
另外，經濟部國際貿易局張淑逸組長亦肯定本次博覽會的功能，有服務商可以幫企業對接資源、有專題活動可以掌握更多市場技巧，在新冠肺炎疫情下引導企業轉型，博覽會至為重要。</t>
  </si>
  <si>
    <t xml:space="preserve">因疫情持續延燒，瑞昱(2379)遠端需求將延續到下半年，加上TWS(真無線藍芽耳機)、電視SoC等產品出現回溫跡象，整體動能將延續到下半年，瑞昱今開高後震盪拉高，站回月線，也一度收復400元大關，盤中維持漲幅逾1.5%。
瑞昱第二季營收173.38億元，季增加8.9%、年增加14.2%，表現優於市場預期，主要動能來自於新冠肺炎事情帶動的遠距辦公潮激發強勁Wi-Fi、乙太網及交換器晶片需求，且因為PC業務貢獻度達34%、非PC事業貢獻66%，帶動產品組合轉強，毛利率攀升到44.8%。
全球疫情持續延燒，所帶動的遠端需求將延續到下半年，瑞昱受惠於遠距辦公帶動的PC及路由器內建Wi-Fi 5(802.11ac)標準為中心的連接晶片組需求，將帶動PC周邊產品需求持續熱絡，其中有以Chromebook表現最為搶眼。
此外，Wi-Fi 4朝Wi-Fi 5升級腳步正在加速，由於Wi-Fi 5相對於Wi-Fi 4享有一倍產品溢價，隨著Wi-Fi 5佔公司整體營收比重上升，瑞昱也將直接受惠，至於WiFi 6產品，瑞昱目前已經有在量產，下一代也在開發中，明年會有產品出來。
瑞昱第二季因為防疫解封前，終端市場對於非必需消費性電子產品需求不如預期，也影響到瑞昱TWS、電視SoC(系統單晶片)產品表現，展望第三季，即便今年全球電視市場可能出現小幅衰退，瑞昱仍舊看好TV系統單晶片(SoC)出貨量自本季將開始回溫，提升市占，尤其是在北美地區，至於TWS方面，內建ANC(主動降噪)技術的TWS晶片已於上半年投片量產，預期下半年非蘋TWS新產品將陸續上市，電視SoC、TWS需求逆轉，將有助於瑞昱第三季營收表現。
</t>
  </si>
  <si>
    <t>◎外送平台疫情受惠 交通事故也頻傳
今年受到新冠肺炎疫情影響，外送平台成為少數受惠產業，但屏東縣警局交通隊也發現，外送員經常有搶快超速、違規闖紅燈及看導航不看路況等情形，導致事故風險提高，未來將針對相關交通違規進行取締，保障用路人安全。
◎近14％學生手遊成癮 心理師：成就與人際關係未被滿足
國衛院今天發表全球首份針對手機遊戲成癮的評估量表，發現國內高中以下學生中，約有13.8％的學生有手遊成癮的問題，當中又以國中生所耗時間最多，高中生「課金」比例最高。心理師提醒，手遊成癮可能是真實世界中的成就與人際關係未被滿足，若發現孩童的成績、社交功能、睡眠、情緒亮紅燈，應盡速就醫求助。
◎超過2成高中職生每天睡不到6小時 兒盟：須審視教育制度
學生的疲勞和睡不飽並非單一或少部份人的現象，而是普遍性、跨年級和性別的現象，認為政府應審視整個教育制度、學校課程、考試及功課量等的問題，家長應多鼓勵孩子發掘和發展自己的專長，在更友善的環境下學習和成長。
◎南投買彩券中15.6億今領獎 30歲新北女：沒有要辭職
史上最高31.2億元威力彩7月27日開出頭獎，由兩名幸運兒均分，一注開在南投縣竹山鎮，一注開在台北市大安區；台灣彩券今透露，其中南投縣竹山鎮「大運發商行」開出的中獎人已完成領獎；中獎人確實如外傳30多歲的年輕女性，但她領獎時向台彩澄清，「沒有要辭職」，中獎後也沒有告訴任何人，獨自低調來領獎。</t>
  </si>
  <si>
    <t>統測將於5月2、3日登場，暨大附中因應新冠肺炎疫情，21日在中庭廣場為高三考生，舉辦「大學統測倒數破十」祈福活動，走過由童軍團以青蔥編製的「聰明智慧門」，希望應試時耳聰目明，並由陳綢阿嬤為考生鼓勵開智慧。
統測倒數計時，暨大附中開闊的中庭廣場，舉辦莊嚴肅穆的祈願儀式，並準備包子、狀元糕、粽子、青椒，象徵「包高中」；還有芹菜、蔥、蒜、糖果，象徵「勤勞、聰明、會算、有成果」；高齡90歲的陳綢阿嬤，偕同暨大中校長張正彥，帶領師生代表向至聖先師孔子致敬，期望同學考試「致勝」、穩定心情。
考生也在祈福卡上，寫下自己的心願，並用力敲擊「智慧鑼」，再把卡片掛於「心願版」上，祈求願望實現。
張正彥表示，感謝陳綢阿嬤在大考前夕，特別為考生同學加油打氣；還有學務處及高三導師們因應防疫需需求，特別打造聰明智慧門、智慧鑼及心願版，希望同學應試時，能夠充分發揮所學，在最佳狀態迎接挑戰。</t>
  </si>
  <si>
    <t>為防範新冠肺炎疫情傳播，市府經發局發函給各公、民有市場，要求落實配戴口罩營業自主衛生管理！市議員鄭功進17日為民有市場自治會請命，抨擊市府不應只照顧公有市場及觀光夜市業者，民有市場恐成防疫破口，因攤商營業時間長早出晚歸，根本不可能有時間去藥局排口罩。
鄭功進表示，對抗新冠肺炎應是全民總動員，市府有心拉高防疫層級，就不應把買口罩的問題丟給攤商，日前立委黃國書成功爭取中央經濟部，統一配送醫療口罩給各公有市場及列管夜市攤商；但肺炎病毒傳染並不會分公、民有，加上許多公有市場及夜市攤位所有人並非實際營業人恐成防疫破口。
鄭功進說，市場攤商普遍年紀較長，工時和一般上班族不同，根本不太可能還特別抽空去排隊買口罩。在每天近千人進出的公、民有市場，做好防疫的工作更不應分中央與地方，除基本的口罩外；市府應提供足量消毒水及額溫槍，確實做好防疫準備。
張姓攤商指出，自己身為民有市場自治會幹部，1月底前就依循市府要求，向全體攤商統計並下訂5大箱口罩，卻遇上中央政府統一徵用；市府應積極提出配套辦法。廖姓攤商說，大家同樣在市場討生活，公有市場租金已比民有市場便宜，為什麼連防疫必需的口罩，也被晾在一旁？</t>
  </si>
  <si>
    <t xml:space="preserve">一名南澳州（South Australia）披薩連鎖店員工除了送披薩給顧客外，還暗自加料，免費附贈了熱騰騰的新冠肺炎病毒，迫使170萬居民不得不接受封城措施。
據CNN新聞網與《紐約郵報》（New York Post）20日報導，南澳官員證實，由於當地出現數十宗新病例，而這創了4月以來不曾見的高峰，因此他們只好宣布，從周三起開始封城6天。
澳洲阿得雷德調查人員經過追蹤，發現伍德維披薩吧（Woodville Pizza Bar）是傳染熱點，得知曾有新冠肺炎病患去過餐廳，拿取外帶披薩。
然而，當地警方在進一步調查後，周五終於坦承，這名超級傳播者其實是店內員工。南澳州長馬歇爾（Steven Marshall）指責，這是店內員工的草率所致。他在記者會中說，伍德維披薩吧蓄意誤導調查人員，「現在我們知道，他們說了謊」。
「說我為這個人的行為火大，那絕對是輕描淡寫，」他說，「這人的自私行為置整個州於非常棘手的情況下。他的行為影響了企業，個人和家庭，完完全全是無法接受的。」
不過，由於已找出源頭，南澳決定提前在周六結束封城措施。至於當局則為他們封城的明快決定辯護。馬歇爾說，他們採取的措施迅速而強硬。他強調，時間很重要，當局必須果決而迅速地採取行動。雖然那名說謊的員工不會被罰款或受罰，但卻必須配合調查，以了解他曾接觸的對象。
</t>
  </si>
  <si>
    <t>台大今早發聲明表示，工務室一名員工於5月18日出現發燒症狀，傍晚採檢陽性，通知全辦公室接受採檢，並進行環境採檢及清潔消毒。目前36人採檢完畢、全數隔離，其中有10人的採檢結果為陽性，台大醫院發言人王亭貴將於上午11點召開視訊記者會說明。
王亭貴表示，5/18台大醫院一位同仁發燒，該名同仁平時負責修繕的業務，並非是醫護人員，而根據台大醫院的規定，院內任何同仁出現發燒症狀就會要求篩檢，因此該名發燒同仁按照規定篩檢後，下午結果出來發現是陽性，立即就匡列密切接觸者與同個辦公室的工作人員，最後不幸有10人採檢結果為陽性，其他非陽性的人也都隔離14天，相關疫調持續進行中。</t>
  </si>
  <si>
    <t xml:space="preserve">台北市長柯文哲在10點30分宣布，，公私立高中職、國中小、補習班、安親班、課後照顧中心，今日起到28號停課，採取線上教學，線上教學系統盡量選擇酷課雲進行教學及評量，以班級為單位進行教學與連結。教育局長表示，台北市受到影響285間學校，33萬4243位學生，公托與私托影響約1萬2千餘人，請學生與生長們放輕鬆學習，酷課雲是透過1萬1千位老師所拍攝出來的教學影片。
這項線上教學系統已經在第二級警戒時，已要求老師與家長學習教學，目前酷課雲已經準備好，請大家善用。教職員工仍須要上班，但可採居家辦公，與遠距教學方式執行。
雙薪家庭若遇有需要照顧小孩，可申請家庭照顧假，若孩子無法照顧者，依規定申請照顧，依個別需求，學校幼兒園用專案協助。
勞工局長則呼籲，家中有12歲以下孩子或身心障礙的家長，可請家庭照顧假，雇主要依規定給予家庭照顧假，期間不給薪也不列入考績評量，若雇主不准假可罰2萬到30萬。
</t>
  </si>
  <si>
    <t xml:space="preserve">台南市政府3月底啟動「防疫安心上工計畫」，針對受疫情衝擊的勞工，由市府釋出200個短期防疫工作機會，以1個月最多工作176小時、時薪158元計算，讓民眾得以維持生計。永康區長張睿民說，永康區公所尚有5名缺額，民眾可至勞動部勞動力發展署雲嘉南分署永康就業中心登記。
根據台南市勞工局統計，截至4月29日，減班休息通報人數為2033名，以製造業、批發業居多。為助民眾度過難關，除中央推動的「安心即時上工計畫」，南市勞工局再加碼祭出「防疫安心上工計畫」，與各局處、區公所合作，針對待業或因疫情衝擊導致減班休息、資遣的民眾，提供短期的防疫工作機會，包括：物資盤點、量測體溫、口罩統計、協調防疫旅館等等。
勞工局長王鑫基指出，200名職缺中，有51位中高齡者、15位身心障礙者及9位中低收入戶者，充分協助就業市場的弱勢族群。台南市長黃偉哲5日下午帶著火鶴花訪視永康區公所的上工民眾，感謝投入防疫工作，「這些都是我們的英雄。」
根據勞動部4月中旬資料統計，南市減班休息通報人數為1780名，占6都中第4，第1名為台北市，其次依序為新北市、桃園市。
</t>
  </si>
  <si>
    <t xml:space="preserve">美國總統川普和妻子梅蘭妮亞周四晚雙雙確診罹患新冠肺炎，而這位白宮主人已74歲。萬一川普無法視事，在正常情况下，按照美國憲法第25修正案，副總統彭斯（Mike Pence）將暫時接掌他的職務。
據疾病管制與預防中心（CDC）統計數字顯示，年齡介於65－74歲的患者與18－29歲的患者相較，入院的機率很可能達5倍，而死亡風險更高達90倍。
據《每日郵報》（DailyMail）2日報導，就在近一周來，多次和川普搭乘空軍一號總統專機的貼身幕僚希克斯（Hope Hicks）確診後，川普夫婦也證實確診。然而，希克斯年僅31歲，算是低風險病患。相對的，年齡已達74歲的川普就要危險得多。
統計顯示，約75歲或年齡更大的新冠肺炎患者，每1000人中，大概有116人會死亡，死亡率為11.6％。而患者若有肥胖和糖尿病等問題，將對新冠肺炎造成嚴重影響。CDC今年稍早警告，任何有嚴重肥胖問題的人，可能在罹患新冠肺炎後增加產生嚴重併發症的風險。
而川普今年的體檢報告顯示，他身高6英尺3英吋（約190公分），體重244磅（近111公斤），已經算是輕度肥胖。
由於距11月3日總統大選不到32天，川普確診新冠肺炎，萬一病重到無法繼續參選，意味政府可能必須考慮合乎憲法的緊急應變計畫。根據美國憲法第25修正案，川普如果無法視事，將由副總統彭斯接手，若彭斯也無法掌權，則將由眾院議長，也就是民主黨籍的裴洛西（Nancy Pelosi）接手。
然而，由於大選逼近，使整件事變得更複雜。萬一川普退出選舉，或無法繼續參選，共和黨全國委員會（RNC）可以另外提名新候選人取代他。
</t>
  </si>
  <si>
    <t>台灣東洋藥品工業股份有限公司(台灣東洋)的國際合作藥廠－西班牙製藥商PharmaMar公司，19日召開記者會表示，旗下用來對抗腫瘤的新成分藥品Plitidepsin，經第1、2期臨床試驗發現可阻斷新冠病毒細胞繁殖，近期已在規劃進入第3期臨床試驗，若試驗成功，有望成為新冠肺炎治療新曙光。
台灣東洋指出，PharmaMar公司是在歐洲西班牙的上市公司，在今年4月宣布獲西班牙衛生單位批准進行藥物臨床試驗後，資本市場也對其寄予厚望。
日前，PharmaMar公司公布第1、2期人體臨床試驗結果，Plitidepsin達到安全性的主要試驗目標和療效次要試驗目標，以及顯著減少住院患者的病毒量和C反應蛋白(CRP)。此試驗收錄需住院至少7天的病患，發現患者在投藥後的第4到7天之間，病毒量顯著減少，7天所減少的病毒量約有50％，而第15天則平均減少70％。80.7％的患者在住院第15天前出院,38.2％的患者在住院第8天前出院。
到了第30天，沒有一個病人出現新冠肺炎症狀或感染跡象。根據第1批患者的研究結果，西班牙藥品和保健產品管理局（AEMPS）更開了綠燈，同意擴大試驗人數。目前PharmaMar公司也持續與該國衛生單位溝通，以規劃後續的第3期臨床試驗。
台灣東洋表示，東洋在2015年與PharmaMar簽訂台灣獨家代理權，對於Plitidepsin可能成為治療新冠肺炎的潛在藥物，會持續關注並與PharmaMar密切溝通。若藥品獲得安全性與有效性的驗證，台灣東洋將盡速向台灣食藥署提出新藥申請，引進台灣以保護國人健康。</t>
  </si>
  <si>
    <t>新冠肺炎擾亂上市櫃規劃，金管會將祭「特赦令」。金管會主委黃天牧15日表示，各主要市場IPO掛牌家數近年都減少，下半年金管會除要求證交所及櫃買中心儘可能達成年度KPI外，亦會創設新創板等，證期局局長張振山則表示，會放寬上市櫃審查標準，祭出暫行措施，讓受疫情影響的公司能如期掛牌。
張振山表示，已與會計師、承銷券商等開過會，大家反映如科技、生技、文創、新創等公司，原本已籌備三年，今年要掛牌，但因為疫情造成3、4月業績或獲利衰退，若以最近一期財報，即上半年的半年報來申請掛牌，恐無法通過掛牌門檻，因此可能會放寬為「季報」，例如7～9月的季報亦可來申請掛牌，才能看出「成長性」、「未來性」。
金管會今年訂給交易所及櫃買中心的掛牌目標，也就是年度績效指標（KPI）是上市、上櫃各新增25家，但二者合作要額外增兩家，即一共52家新掛牌公司，但因為一場疫情打亂腳步，目前僅九家公司完成掛牌，另有五家已完成上市櫃審查，但與全年52家的目標仍有一段距離。
金管會已要求證交所與櫃買中心去檢視上市櫃條件，看哪些公司可以「從寬認定」者，今年會公布暫行、特赦條款，即將新冠肺炎的影響降到最低；例如科技、生技、文創等產業雖不需獲利門檻，但還是要交三本財報，有些可能有最近一期財報的淨值不低於股本三分之二等要求，若因肺炎疫情受影響，也可改用第三季季報等，作為過度措施。
另外，對於外界質疑金管會是否過早收回平盤下不得放空、縮減借券賣出量、放寬擔保品等三項穩定股市措施，黃天牧表示，這三項措施原本就只能用到6月19日，只是提早一個多星期收回，且各國有祭出股市限制措施的，如大陸、歐洲，都已在5月左右陸續收回，台灣已算是相對較晚，且是看中央疫情指揮中心在6月7日鬆綁限制，等疫情控制穩定才宣布。
黃天牧並提出股市「遛狗理論」，即德國證券之父托斯卡蘭尼提出的主人就是總經及基本面，股市即遛的狗，有時會在主人前面，有時會落後，但因為有繩子，終歸會回到基本面。</t>
  </si>
  <si>
    <t>昨天網路流傳一份公告，指台南某大樓出現一名確診者，引發住戶恐慌，中央流行疫情指揮中心指揮官陳時中今天證實，該個案就是昨天確診的20多歲菲律賓籍男性案943，由於案943曾在自主健康管理期間外出開會，從嚴來看有觸法之嫌，但是否違法交由台南巿衛生局認定。
台南某大樓張昨貼出一則公告，指出有確診者來過該大樓開會，並公布該個案相關細節，公告內容包括「本大樓20F一境外菲籍人員2月3日來台工作，持有搭機前3日內檢驗陰性報告，入境後至防疫旅館檢疫並無症狀，18日檢疫期滿應公司要求自費採檢確診，與個案接觸者26人中15人列居家隔離，11人列自主管理」，引發住戶恐慌。
陳時中今天證實，公告中的確診者就是昨天公布的案943，案943居家檢疫期滿後，在自主健康管理期間外出開會，但是因為秋冬方案加嚴的關係，禁止自主健康管理者外出聚餐、聚會等。以這個個案來說，出入該大樓並無問題，但外出開會確實有觸法之嫌，另個案在開會時是否有戴好口罩等，都將交由由衛生局來判斷，但相信這名個案在社區的風險不大。
中央流行指揮中心發言人莊人祥說，這名個案今天再度採檢，PCR結果已轉為陰性，血清抗體IgM陰性、IgG陽性，顯示個案是在國外感染已久。而有關大樓張貼公告部分，大樓對防疫措施公告都是尊重大樓管委會與地方政府機關。</t>
  </si>
  <si>
    <t>大陸新冠疫情仍未降溫，28日增加48例新冠本土確診病例，分布在7省市。哈爾濱敦促民眾不出市、不出省，寧夏銀川完成採樣255萬餘人，全大陸現有高、中風險區2+20個。蘭州大學專家以模型預測，本輪疫情預計將於11月9日左右得到控制，累計確診病例數預計約592人。
大陸高、中風險區22個
據大陸國家衛健委通告，28日新增64例新型冠狀病毒確診個案，其中48例為本土病例，分布在內蒙古19例、甘肅12例、黑龍江9例、青海3例、北京2例、寧夏2例、雲南1例；另16例為輸入病例。經專家諮詢組綜合評估研判，目前大陸共有高、中風險區2+20個。
黑龍江省的新增本土病例全來自黑河市，哈爾濱市抗疫指揮部敦促市民，如非必要不出哈爾濱市、不出省，公職人員如必須離開哈爾濱市，需持48小時內核酸檢測陰性證明，返回後須再進行一次核酸檢測。
截至29日8時，銀川市三區兩縣擴大範圍核酸檢測全部結束，發現集中隔離點有陽性4人，其餘樣本均為陰性。28日15時至29日14時，北京新增2例本土新冠肺炎確診病例，均為此前病例的密切接觸者，其中1人曾在飯店擔任婚禮拍攝。29日0至15時，內蒙古新增本土確診病例13例，均在額濟納旗，內蒙古迄昨有本土確診149例。
北京市29日召開第251場新冠肺炎疫情防控工作新聞發布會。由於中共第十九屆中央委員會第六次全體會議（六中全會）將在11月8日起召開，北京再度提升防疫措施。北京市委宣傳部副部長、市政府新聞辦主任、市政府新聞發言人徐和建表示，北京市要減少婚宴、會展、論壇、商演等聚集性活動，核心區要更加嚴格，嚴防聚集性風險，環球主題公園要進入應急防疫狀態，加強酒店、賓館防疫管理，全面摸排聚集性活動情況，嚴格按要求落實防疫規定。今（30日）起取消北京地區近期托福、雅思等海外考試。
額濟納旗遊客獲准返鄉
此外，近萬名遊客因疫情滯留內蒙古額濟納旗。29日早上，來自113個旅行團的首批旅遊包車遊客離開額濟納旗，前往集中隔離點，完成14天集中健康監測、符合返程條件後就可以返鄉。力爭3至5天內把大部分遊客轉運出額濟納旗。</t>
  </si>
  <si>
    <t>校園接連傳出疫情，許多學校臨時通知學生及家長停課，造成困擾。教育部表示，目前維持1班有1位師生確診該班停課、1校有2位以上師生確診則該校停課，但地方政府得視疫情狀況，讓學校進行預防性停課。
對於學校不斷爆出疫情，教育部提醒師生自我留意並互相關懷，如出現發燒、咳嗽等疑似症狀，應在家休息避免到校上課(班)，並盡速就醫，禁止搭乘大眾運輸工具。在校期間應落實量測體溫、勤洗手，且除用餐及飲水外，應全程佩戴口罩，學校及幼兒園應加強學習場域及相關設施設備清消。
有關校園因疫情停課標準，目前仍依教育部「校園因應『嚴重特殊傳染性肺炎』疫情停課標準」進行，1班有1位師生列為確定病例，該班停課；1校有2位以上師生列為確定病例，該校停課。
教育部說， 學校師生出現確診個案時，應依疫情指揮中心及衛生機關疫情調查結果，決定是否停課，並即時進行全校（園）清潔消毒，包括各教學區域之窗簾、圍簾等均應拆卸清洗，同時針對該確診者曾接觸過的空間，加強清潔消毒，經衛生主管機關同意後方可重新上課。
教育部進一步指出， 地方政府得依各地區疫情狀況及其需要，請各校加強相關防疫措施；地方政府亦得視需要訂定預防性停課相關規定。教育部將持續與衛生單位保持密切聯繫，持續追蹤師生健康情形。
教育部說，幼兒園若有出現疑似感染風險者，得採取預防性停課，並應通報主管機關備查。各教育主管機關得視疫情需要訂定預防性停課措施。例如，園內若有幼兒或其家長經衛生單位匡列為居家隔離者，幼兒園得報地方政府或依主管機關規定啟動預防性停課數天。</t>
  </si>
  <si>
    <t xml:space="preserve">行政院拍板的口罩實名制2.0將採網路預購、超商取貨的模式，而運費為7元。消息公布後，引起網友在PTT上熱烈討論，不少人都大讚實在太佛心，「7元換來免排隊」。
行政院拍板的口罩實名制2.0造福不少無法排隊的上班族，而大家都在討論的口罩運費問題，今天也確定只要7元。有網友就在PTT八卦版上分享此訊息，「最新的網路預購口罩搭配超商物流，一次3片15元+7元物流費=22元，平均一片7塊錢，感覺真的很佛！」。
由於一般網購物流運費都要60元起跳，消息公布後，網友都紛紛狂讚，「7元換排隊1小時，值得」、「7元買你一個小時的尋貨成本根本良心事業」、「超佛」、「佛到不行」、「不想付7塊 你可以花一小時排隊」、「7元不用跟老人擠一小時 超佛」。
</t>
  </si>
  <si>
    <t>工作機會不缺，壽險業務大軍今年仍是需要大量新血，前九大壽險公司今年開出的「增員」目標就達2萬9,400人左右，估計全壽險業增員人數約逾3萬人，但業務員留存率低，前九大公司估算到年底業務員淨增加數不到1.2萬人，即留存率不到四成。
新冠肺炎疫情可能進一步衝擊今年經濟，各壽險公司雖然都回應，相關增員目標並不會因今年經濟、新冠肺炎或元月業績衰退受到影響，但前九大公司開出的增員目標，比去年少了4,200人左右，減幅約12.5％，有五家公司目標訂得比去年略低，但如中國人壽則表示，疫情讓國人投保意識提高，打算逆勢加大資源投入，增加新人的獎勵金等。
壽險業務員流動率高，且新人必須撐過半年，才能知道是否適合此一行業，2019年國泰人壽、富邦人壽、南山人壽、新光人壽、中國人壽、台灣人壽、三商美邦人壽、全球人壽及遠雄人壽九大壽險公司，共開出3萬3,600人的增員目標，最後九家公司登錄業務員人數只增加4,127人，僅是增員目標的12.3％。
今年九大公司共開出2萬9,400位增員目標，其中國壽要增員5千位業務員，且估計年底淨增加數會有6千位，與去年目標及增加數相同，國壽表示，主要是內勤人員及國泰產險業務員也會登錄在國壽，但整體來看，國壽去年及預估今年業務員留存率是各大公司中最高。
富邦人壽也維持與去年相同的6千人增員目標，但預估年底淨增加數是1,500人，即留存率可能不到三成（還有舊有人員的脫退），富邦人壽強調，今年仍是會校園人才培育及儲備幹部等，增加年輕人力，並結合集團資源，發展具富邦金特色的客戶開發流程，以增加新人產能及定著率。
中壽表示，這波疫情讓國人的投保意識提高，將會投入更多資源，提供新人財務補助及更多獎勵方案，增加新人的定著率，同時也會發展數位化行銷等，幫助新人質量俱進。
另外如南山、三商美邦、台壽、遠雄等今年增員目標相對去年審慎，且表示變數太多，加上舊有業務員脫退等，有些公司表示很難預估年底的淨增加數。</t>
  </si>
  <si>
    <t>疫情嚴峻，民眾盼能盡速施打疫苗，引發許多爭議、話題，基隆市長林右昌表示，疫苗是國民健康的公共財、疫苗之前人人平等，希望不要因為疫苗，而製造貧富或縣市對立。
林右昌表示，疫苗是國民健康的公共財，疫苗之前人人平等，「不論你是郭台銘還是路邊的遊民」，生命是等價的，每個人施打疫苗的權利都一樣，他強調，不因貧富貴賤，也不因大企業員工或是路邊攤洗碗的」，更不因住在不同縣市而有差別。
林右昌指出，最近有縣市長想要買疫苗給自己的縣市民眾施打，有企業想買疫苗給自己員工，或是買給會員施打，但大家靜下心來想想，這樣真的是對的嗎，這樣真的好嗎？
林右昌說，相信大家都是出自善意、善心、善念，但因為中央疫苗不足，大家恐慌，希望疫苗趕快進來，反而製造貧富對立、縣市間的差異，更撕裂社會和諧。
林右昌認為，如果民間力量可以幫忙政府協助取得疫苗，這是好事，應該樂觀其成，更需要大家合作一起努力，他進一步說明，中央流行疫情指揮中心不要讓大家誤會政府在刁難，要用人民聽得懂的話，好好說明與釋疑，並強調，疫苗是一個國民健康公共財，大家都有權利施打。</t>
  </si>
  <si>
    <t>大陸湖北省衛生健康委員會今公布，昨天（11日）新增1638例新冠肺炎（俗稱武漢肺炎）確診病例，創2月以來單日新增最少紀錄，且是連兩天下降，亦是自2月2日以來，單日新增病例首度跌破2千，似透露出湖北疫情已出現趨緩的訊號。
湖北省新冠肺炎確診病例目前累計達3萬3366例，2月5日單日暴增3156例，更一舉突破3千例門檻，之後也維持每天新增2千多名確診病例的速度不斷累加，直到昨天單日新增1638例，創下2月以來增加最少紀錄，且是連二天病例數減少。
除了湖北省新增病例數減少，大陸其他各地的新冠肺炎新增病例數更連續7天下降，從2月3日單日新增890例降至2月9日的443例。
對於確診數據的變化，《中央社》報導，上海華山醫院感染科主任、上海市新型冠狀病毒感染的肺炎醫療救治專家組組長張文宏在微信發文說，目前看來，湖北以外地區的新增病例轉折點似乎已經出現。</t>
  </si>
  <si>
    <t>全國疫情警戒升至第三級，台中市環保局呼籲「追垃圾車也應配戴口罩」，若不配合將蒐證裁罰，並拒收垃圾。另豐原區清潔隊停車場提供夜間收運垃圾服務，平均每晚至少150人進出，除要求量測體溫、配戴口罩，即日起實施簡訊實聯登記，每半小時更出動霧砲車消毒。
豐原區清潔隊停車場晚間7點至11點提供定點收運垃圾，平均每晚150至250人進出。因應疫情升至三級警戒，環保局要求丟垃圾的民眾均須配合量測體溫、酒精消毒雙手及佩戴口罩，並規劃一進一出的人流動線，即日起實施簡訊實聯登記，更出動全台體積最大的霧砲車消毒場區。
環保局長陳宏益表示，為嚴守社區防線，霧砲車每半小時消毒1次，填裝的消毒劑是稀釋漂白水，次氯酸鈉濃度為50ppm，對人體無害，利用霧砲車進行垃圾定點的消毒效率高又安全。請民眾務必落實「常洗手、勤消毒」及「口罩不離口、聚會別找我」等防疫措施。
另有部分民眾沒戴口罩，站在街頭等候垃圾車，認為出門時間短暫，僥倖心態引發清潔隊員恐慌。陳宏益強調，防疫非常時期，只要踏出家門，口罩就應戴好戴滿，稽查人員近日沿街勸導，若有民眾不配合將蒐證函請衛生局裁罰5千至1萬5千元，清潔隊員亦將拒收垃圾。
環保局提醒，市民在家裡應先做好垃圾分類，縮短在外倒垃圾的時間；使用過的口罩應丟入一般垃圾桶，隨意棄置口罩，將依違反《廢棄物清理法》第27條規定，第1次查獲罰3600元罰鍰，同一人再犯最重可罰6000元。</t>
  </si>
  <si>
    <t>台東縣政府衛生局通報，22日公布與台東有關的北部確診個案目前仍在負壓病房隔離治療，7位匡列同住家人，今日採檢結果全部出爐，7人皆為陰性，持續居家隔離中。
縣府呼籲鄉親，減少不必要的外出，外出務必配戴口罩、勤洗手，無症狀、無接觸史、無活動史的鄉親請勿前往篩檢，減輕醫療壓力，把資源讓給更需要的民眾。</t>
  </si>
  <si>
    <t>因應新冠肺炎疫情趨於嚴峻，基於防疫考量，中央流行疫情指揮中心指揮官陳時中昨天宣布「社交距離指引」，台南市長黃偉哲今天受訪指出，希望全國市民朋友都能遵守，但他也坦言，徒法不足以自行，再者，嚴刑峻法也需要市民配合，初期沒有罰則，會請防疫人員、警察努力勸導，呼籲市民朋友不要拿健康開玩笑。
黃偉哲今天上午接連出席龍崎、關廟行銷鳳梨記者會，連續2場活動都是在室內舉行，他說，社交安全距離已經出爐，後續若真的要開罰，1公尺多一點少一點怎麼才最適合？而且，一旦要開罰，也需要近距離接觸才能開出罰單，目前尚未訂出罰則，他認為，最重要的是民眾自覺、積極配合防疫比較重要。
他說，當前國外都已經祭出嚴令要遵守社交距離，新加坡、德國等國都已經開罰，開罰主要目的是希望大家遵守社交距離，因為病毒傳播往往容易超過一公尺以上，民眾不要拿自己健康開玩笑台灣民眾有這麼高防疫意識，應該也能遵守才是。
至於台南市政府針對社交距離的具體作為，他說，會請防疫人員、警察努力勸導，初期沒有罰則，「若愛惜生命，也不用等到開罰才表達抗議。」他強調，大家小時候都做過早操，雙手舉平就是一個安全社交距離，希望大家能遵守。</t>
  </si>
  <si>
    <t xml:space="preserve">新冠肺炎疫情延燒之際，第一線醫護人員飽受病毒威脅，為此，恆春旅遊醫院麻醉科主任邱豑慶自掏腰包研發拋棄式「防疫箱」，更獲得屏東縣長潘孟安助拳、協助模組化，名為「台灣BOX」的抗疫防護箱，預計下周便能正式量產。
邱豑慶指出，為保護醫護人員免於飛沫噴濺風險，2月初便與花蓮門諾醫院醫師賴賢勇、台中醫師黃致遠等人，測試完成「防疫箱」後，更公開設計圖供各國醫護無償下載；未料意外在網上發現，被有些商人拿去營利，一套售價動輒3、4000元，讓他決定嘗試將價格壓低，不僅能幫助更多人，且讓大家知道這是「MIT」。
有了想法後，開始尋找傳產廠商，也試圖寫信給多位政治人物，闡明理念尋求協助，隨即便接到潘孟安親自來電，起初還以為是推銷貸款電話而掛斷，幸好第二通接通，促成這椿美事。
「防疫要和時間賽跑」，潘孟安表示，暖醫自掏腰包開發「防疫箱」，要免費送給醫療體系，非常令人感動，於是縣府團隊分工尋找合適廠商，終於找到工廠願意協助打樣、開模，這段過程讓人看到台灣的生命力及競爭力。
這只「防疫箱」生產成本可望降至千元以內，預計下周就能量產，一日能夠生產1200套，產能最高可以達1萬套。邱豑慶感動地說，已有外國網友留言說，「以前分不清Tailand與Taiwan差別，現在他們都知道Taiwan了」。
</t>
  </si>
  <si>
    <t>《日本經濟新聞》5日報導，日本政府宣布，由於新冠肺炎（COVID-19）疫情緩和，8日起將放寬入境政策，允許留學生入境；且已完成疫苗接種的短期商務旅客，在配合管理下隔離期可縮短為3天。
根據報導，目前已取得日本「在留資格」卻無法入境的外國人約有37萬人，其中包括15萬名留學生和11萬名技能實習生；在新入境政策實行後，上述人員將獲准分批進入日本，但接收這些人的日本企業或大學須負責相關防疫措施，並向主管機關提出企劃書。
《日本經濟新聞》指出，日本政府1月起原則上禁止外國人入境，讓依靠外國實習生承擔勞力的部分農林漁產業者十分苦惱，各學校也不斷呼籲開放留學生入境。
另外，目前即使是已完成疫苗接種者，入境日本也須自主隔離10天，但新入境政策實行後，短期商務旅客在配合相關企業的管理下，隔離期可縮短為3天，有望促進日本國際商務活動復甦。
日本第一生命經濟研究所首席經濟學家永濱利廣估計，在這波入境政策放寬下，日本GDP將獲得每年8300億日圓（約新台幣2033.6億元）的增長，因為入境者增加將帶來消費上揚等經濟效果。
「日本放送協會」（NHK）先前報導，日本政府也有意進一步放寬每日入境人數上限，將自目前的每天最多3500人增加至5000人，預計11月下旬起開放。不過日本政府尚未對外國觀光客解禁，將視新冠肺炎疫情狀況，分階段考慮放寬入境限制的對象。</t>
  </si>
  <si>
    <t>睽違20天，桃園確診案例首度回到個位數、僅3例確診，其中包含1例家庭群聚、以及2人有雙北接觸史，桃園市也公布已疫調的足跡，包括大溪中山國術館、杏一醫療用品林口長庚店、龍潭小小間烘焙坊，呼籲足跡重疊者，6月20日前要自我健康檢測。
中央宣布桃園7日新增3例確診案例，這也是桃園自5月18日以來，連續20天2位數確診後，首度降到個位數，桃園市政府指出，3確診者，年齡介於40多歲至70多歲間，分別在蘆竹、龜山和龍潭，其中確診者接觸者1人(案11413)為案10863家人，雙北接觸史2人(案11488、11489)。
市府也公布已疫調的足跡僅3處，分別是大溪中山國術館、杏一醫療用品林口長庚店、龍潭小小間烘焙坊，呼籲足跡重疊者，6月20日前要自我健康檢測。</t>
  </si>
  <si>
    <t xml:space="preserve">新冠肺炎肆虐全球，累計逾359萬人確診、25萬多人染疫死亡。荷蘭科學家在實驗室發現一種可以有效阻斷新冠病毒（SARS-CoV-2）感染細胞的全人源抗體，這項研究成果是針對治療或預防新冠病毒的全人抗體研究的第一步，具有突破性。
這項研究是由荷蘭烏特勒支大學、伊拉斯姆斯醫學中心與港口生物醫學的研究團隊進行。該論文的共同作者、烏特勒支大學副教授波許博士說：「這項成果建立在我們過去針對 SARS病毒（SARS-CoV）抗體所做的研究上。在一組SARS病毒抗體中，我們鑒別出一種可以中和新型冠狀病毒（SARS-CoV-2）感染細胞的抗體。這種中和抗體具有改變病毒感染進程、清除病毒、以及保護暴露於病毒環境中個體的潛力。」
此次新發現的全人抗體無需經過人源化過程，且減少了因免疫原性可能產生的副作用。因其結合位點不同於其他大部分抗體，該抗體有望成為「抗體雞尾酒療法」的最佳選擇。同時，因其結合病毒保守表位，該抗體不僅具有治療及預防新冠病毒性肺炎及SARS的潛力，針對 Sarbecovirus亞屬的其他潛在病毒均有治療前景。
這項研究以「一種可阻斷新型冠狀病毒感染的全人源單株抗體」為題，發表在《自然通訊》期刊上，但目前尚未進入動物和人體試驗，科學家還需要進一步研究，以判斷這些發現在臨床環境中是否得到證實，以及該抗體對病毒的殺傷力如何。
</t>
  </si>
  <si>
    <t>新冠肺炎疫情延燒不斷，全台開放高齡長輩接種疫苗，不少民眾擔心有慢性病症是否須先停藥，對此敏盛醫院院長劉宜廉呼籲「勿停藥」，若停藥反而會影響原有疾病的抗體及發展，也有醫師提醒慢性病的長者可攜帶藥袋至接種站請現場醫護人員評估。
劉宜廉表示，敏盛團隊主力協助蘆竹區接種站服務，許多高齡長輩也會詢問是否該停藥，劉宜廉直言「無需停藥」，自主停藥反而會影響自己身體的反應，且過往在施打流感疫苗時也不會要求慢性病患停藥，若有質疑的民眾建議直接詢問醫師的建議，切勿自行決定停藥。
臺北榮民總醫院桃園分院腎臟科主任常逸平近期協助高齡長者接種疫苗服務，他提到開放長者施打疫苗後，有不少長者在打疫苗前，把平日慢性病用藥停藥，強調「這是不對的觀念」，因為目前對疫苗所得到的資訊，並沒有特別要把藥品停藥，且如果醫師沒有提醒限制喝水量，接種疫苗前可以喝下300至500cc水量，可以避免若出現發燒時，減少不適感，同時可以把平日用藥連同藥袋等帶到接種站，讓現場醫護人員評估。
桃園醫院感染控制室主任林宜君也說，若有骨質疏鬆病症的患者，且有施打骨質疏鬆症藥物，在注射疫苗前需要間隔一段時間，可以在接種前向醫師詢問，若平日有服用其他藥品，也把藥袋、藥單一起提供給醫師參考。</t>
  </si>
  <si>
    <t>新冠肺炎疫情未見降溫，使國人出遊意願銳減。為了在以旅客健康安全為首要考量的前提下提升國內住房率，易遊網集結逾百間國內飯店推出「安心訂房企畫」，攜手飯店業者做好防疫措施與衛生清潔管理，共同承諾3大保證，讓旅客出遊多一層保障。
易遊網指出，「安心訂房企畫」3大保證包括飯店公共空間與客房每日定期消毒，飯店公共空間或客房內提供酒精或乾洗手等消毒用品，以及指定專案於3月底前入住，可享入住前1天免費取消。除了上述基本保證外，許多飯店亦提供更嚴謹的防疫應對。
而易遊網獨家承包的2輛「環島之星Hello Kitty繽紛列車」，在疫情期間每日均針對座椅、行李架、頭墊巾、縫隙空間等進行全面性消毒，且每周另外安排一次專業消毒，以加強防疫效果。車內也備有口罩、酒精、體溫計，供有需要的旅客使用。
遊程接駁方面，易遊網則要求司機須配戴口罩，並在旅客上車時協助在旅客雙手噴灑酒精，做好清潔管理把關。為避免交叉感染可能，團體用餐時會請導遊向旅客宣導使用公筷母匙，以共同維護彼此健康為首要原則。
為加強民眾國旅信心，易遊網除了把關交通工具的清潔安全外，遊程部分也以安排戶外景點為主，並選用防疫措施良好的飯店下褟，降低民眾出遊擔憂。其中，自20日起出發的指定商品，可享住房免費升等、最高直升頂級套房等優惠內容。
易遊網預期，雖然民眾在疫情期間的出遊意願暫緩，但在疫情趨緩平息後，旅遊需求將在短時間內迅速回溫。同時，也提供「旅遊防疫懶人包」，整理出遊防疫措施、各國入境規則、旅遊退改辦法等資訊，供民眾參考。</t>
  </si>
  <si>
    <t>5月中旬新冠肺炎疫情爆發，新北市消防局防第一線人員頂著高溫、冒著染疫的風險，執行救災救護任務，為紓解消防員職場壓力，消防局昨（3）日特別邀請消防同仁及眷屬攜手參加「親子團體諮商-快樂非洲鼓紓壓營」活動，放鬆心情度過愉快的一天。
新北市消防局長黃德清表示，消防工作的投入，非常需要家人的認同與支持，之前在支援花蓮太魯閣火車出軌重大災害，有隊員反應，當天休假已和家人安排好行程，臨時收到動員通知，立即返回隊上集結前往花蓮，常常面臨工作與家人無法兼顧，內心的掙扎。
黃德清說，為預防同仁發生創傷後壓力症候群（PTSD），啟動4梯次巡迴諮商輔導，並著手規畫於疫情趨緩時辦理親子快樂紓壓營。
活動邀請「哈哈滬非洲鼓團」團長胡景文親自指導，消防人員攜家帶眷一起學習非洲鼓，氣氛熱鬧溫馨。</t>
  </si>
  <si>
    <t>香港農漁自然護理署日前從1名新型冠狀病毒肺炎確診病患家中飼養的犬隻進行該病毒檢測，結果呈現弱陽性。農委會家畜衛生試驗所推測，有可能只是近距離接觸患者，狗的口鼻沾染患者病毒所致，目前的證據尚無法確定新型冠狀病毒可以感染犬隻。
家衛所指出，據世界動物衛生組織與世界衛生組織的訊息指出，目前沒有證據顯示寵物或其他家畜可感染或傳播新型冠狀病毒，對於何種動物為新型冠狀病毒在自然界的保毒動物，亦有待進一步的調查與研究。香港政府雖自該犬的口腔、鼻腔及肛門採樣進行新型冠狀病毒檢測，在口腔及鼻腔的樣本驗出弱陽性反應，而肛門樣本並無陽性反應，犬隻本身亦無臨床症狀，「目前的證據尚無法確定新型冠狀病毒可以感染犬隻」。
為配合新冠肺炎防疫與監測，家衛所依WHO規範的檢驗方法，並向衛生福利部疾病管制署申請分讓檢驗用的陽性對照核酸，3月1日取得後，立即用於確認實驗室檢驗方法。農委會亦將召開專家會議討論，確認採檢方式與檢驗方法後，即可在中央疫情指揮中心指揮下，接受動物檢體的檢驗。初期每日可檢驗10件動物檢體，未來視疫情需要逐步擴充檢驗量能。
農委會呼籲，目前並無寵物會感染或傳播新型冠狀病毒的證據，請民眾不必恐慌，更不應遺棄寵物。</t>
  </si>
  <si>
    <t xml:space="preserve">應廣(6716)於今日召開股東會，會中通過每股發放現金股利2.73元，展望第二季隨著新冠肺炎疫情趨緩，第二季營收有機會挑戰單季歷史新高。
應廣表示，由於新型冠狀病毒疫情爆發，並持續延燒，全球各地相關泛健康用品市場需求遽增，在方便攜式血氧測量器、紫外線消毒器與酒精噴霧機等等應用的接單，以及全球宅經濟增溫，遠距交流如線上會議、教學、購物激增，使得伺服器、PC、NB、網通市場量增，帶動BLDC產品需求趨升，AD型MCU出貨量相較去年Q1同期增長了113.9%，整體而言，公司產品應用多元化，相對營收較為穩定。
應廣第一季營收為1.27億元、年增加42%，毛利率方面，2020年度第一季為39%，較去年同期36%增加，稅後淨利為1300萬元，年增加88.58%，每股盈餘為0.66元，較去年同期0.36元成長83%。
應廣5月營收為6251萬元，較去年同月成長64.45%，累計前5月營收成長較去年同期成長46.04%，並創下單月歷史新高。
展望第二季，應廣表示，市場經濟仍在新型病毒疫情影響之下，短期終端消費審慎，但上述產品相對穩定，首季雖因疫情的發生使得出貨有些遲緩，隨著疫情趨緩也漸漸帶動出貨，且因5G基地台應用布局加速、連帶相關設備成長，以及伺服器需求強勁等等，使得BLDC產品在第二季的表現成長樂觀，就整體而言，公司產品應用多元化，也擴及印度、東南亞市場，第二季營收有機會挑戰單季歷史新高。
</t>
  </si>
  <si>
    <t>新冠肺炎疫情擴散，觀光業受害尤其慘烈，台灣許多知名店家也陸續傳出熄燈消息，如今台灣觀光產業協會爆，3月底到4月初，將會有13家飯店、旅館停業，初估損失將達3000億元以上。
根據《三立》報導，觀光協會指出，包括台北萬事達、淡水亞太、台北首都等飯店、旅館陸續將從3月底熄燈，且恢復營業時間遙遙無期。觀光協會會長田一修表示，這波停業潮恐造成3000億元以上的損失，政府所準備的500億紓困基金可能無法負荷。
田一修補充，若政府沒加緊腳步，飯店倒閉潮恐10天就面臨一波，現在只是在比誰撐得比較久而已。</t>
  </si>
  <si>
    <t xml:space="preserve">
俄羅斯裔色情女星蘿拉泰勒（Lola Taylor）疑似為新冠肺炎的確診者，目前正被隔離在家中；她表示，為了激勵醫界人士、科學家能盡快找出病毒特效藥，願意提供美好的獎賞，例如與第一個找到治療冠狀病毒的人發生性關係。
27歲的蘿拉泰勒原名為伊波芙․布雪伊娃（Iyubov Bushueva）是一名AV女優，由於目前被列為新冠肺炎確診的可能者，因此若擅自離開家中，便會被逮捕，讓她非常悶。她表示，正因如此，自己迫切希望解藥快點找到，趕緊終結新冠肺炎大流行。
蘿拉泰勒指出，為了激勵科學家、醫界人士，願意跟第一個找出解藥的人共度一晚春宵，即使大戰三百回合也值得。消息公布後，激起許多討論，大家紛紛讚賞，「這的確是激發年輕科學家發明疫苗的動力。」
不過事實上，蘿拉泰勒並非第一個討論冠狀病毒的AV女優；像是英國女模索菲·安德森（Sophie Anderson）就使用自己的平台宣傳洗手，「請經常洗手，以保持衛生。」也獲得熱烈回響，貼文被瀏覽3.6萬次。
更多 CTWANT 報導
</t>
  </si>
  <si>
    <t>國內本土疫情爆發，行政院日前公布紓困4.0內容，其中對海嘯第一排的觀光業者，給予旅行業薪資及營運補貼、團體旅遊取消補貼等，方案與業界期待落差極大，引發業者強烈不滿，連日來抗議電話灌爆各大公協會。旅行業品質保障協會理事長許禓哲表示，今年環境更糟，旅行業陷入空前危機，補助卻比去年更少，呼籲政府傾聽基層聲音。
根據日前公布的紓困內容，旅行業可領薪資及營運補貼，每名員工補貼4萬元；國內旅遊團停止出團，每團最高可補助1萬元，每家旅行社最多8團。
品保協會批評，此次紓困方案與去年相比落差實在太大，之前的紓困方案分為營運、薪資、因疫情無法出團損失3方面，包括營運補助每家旅行社30萬元，薪資補助4成、每人最高2萬元，以及因疫情無法出團損失。
此次方案3個月4萬元的一次性營運及薪資補助，相當於每人每月補助為1萬3333元，金額不增反減。
品保協會發言人李奇嶽指出，國內旅遊團停止出團的損失補貼，是5月15日發布防疫3級警戒後，到6月14日為期1個月來計算，但6月15日之後的損失呢？此外，國旅團以承接公務機關及學校團體的旅行活動為主，這些單位採公開招標，不僅不用訂金，旅行業者反而要先付一筆押標金，但觀光局的補助規定裡頭，卻要業者拿出訂金證明才可申請，政策與實際面落差極大。
許禓哲強調，行政院先前宣示紓困「從優、從寬、從速」原則，如今看起來是與原則背道而馳，政府再不幫旅行業，很多業者會跟著停業與解散，員工的家庭很快就沒有收入，他也呼籲政府趕快搞定疫苗，讓國境早日開放，這樣業者根本不用補助，自己會向前衝。</t>
  </si>
  <si>
    <t>李蒨蓉先前自曝因疫情期間常處在家，跟結婚17年老公李德立起爭執，一度考慮離婚，幸好兩人後來決定談開，化解婚姻危機。今(23日)她發文自曝其實先前有過3次被問要不要施打疫苗的機會，但她聞「特權」兩字敏感便婉拒，「我不是要架高自己有多清高，反正一切按照規矩來」。
李蒨蓉今分享老公接種了疫苗，從昨天昏睡到今天，她看美國球賽觀眾很少有人戴口罩，難免感到羨慕，而台灣現在人人依據年紀排隊打疫苗，朋友之間開玩笑說，若放眼過去誰先打了疫苗，可能就代表過去年紀都是說謊，「病毒當前，安全優先，面子放一邊，我不怕認老，我也想趕快打到疫苗，在此補充，發文之際，本人尚未接獲通知，代表蒨蓉姊還是枚嫩妞，哈！」
先前爆出特權疫苗爭議，李蒨蓉坦言疫情最嚴重時有3位好友出於關心，曾提供她打疫苗的機會，而李蒨蓉的弟弟也問她要不要飛到美國打疫苗，但她見機票價離譜，回國隔離政策麻煩，不僅拒絕了朋友，也婉拒弟弟，但交代弟弟客房先留著，等疫情緩解後總有一天她會飛過去。
李蒨蓉坦言：「特權，這兩個字，對我而言格外敏感，我曾經是受益者，也是受害者」，她說出這件事並不是要挑明清高，而是強調還是都照規矩來，她明白自己重提此事可能又會被酸，經紀公司應該也冒冷汗，最後正能量說：「小兒子鼓勵我，有酸民是好事，表示有人氣」。網友也鼓勵她說：「雖然我不是基督徒，但看到妳的文章後獲得滿滿正能量」、「很喜歡現在的妳」、「妳很棒！不知道從什麼時候開始喜歡看妳的文章⋯除了感動還有真實⋯」、「拒絕特權真的需要很大的勇氣跟自制力～因為人們的心都是軟弱的，但是如何剛強又堅固需要上帝給我們力量！」。
★《中時新聞網》提醒您：因應新冠肺炎疫情，疾管署持續加強疫情監測與邊境管制措施，如有疑似症狀，請撥打：1922專線，或 0800-001922，並依指示配戴口罩儘速就醫，同時主動告知醫師旅遊史及接觸史，以利及時診斷及通報。</t>
  </si>
  <si>
    <t>花蓮今新增一例確診，是上個月萬華大舅子到花蓮妹婿家中作客，已使得整個家族親友累計15人染疫，另染疫民眾已有3人出院。因疫情仍嚴峻，未來疫苗將陸續到位，縣長徐榛蔚稍早號召退休、退職醫護人員，加入防疫行列，協助各鄉鎮市施打疫苗，徐今天說，已經召募到111位退職退休醫護人員報名，感謝醫護人員幫忙。
花蓮縣衛生局長朱家祥說，新增案10364是60多歲女性，病毒最初感染源來自萬華大舅子，因家族相聚，導致病毒一路傳播，迄今家族已有14人被傳染。因家族群聚，已被匡列居家隔離，但60多歲女性的丈夫前幾天確診，這位女性 30日才出現發燒發熱，2日晚上11點左右發燒不退，衛生局3日安排前往部立花蓮醫院採檢、3日陽性確診。
朱家祥說，新增個案家族多人因稍早已匡列居家隔離，沒有外出，但提醒居家隔離，家人間仍要保持適當距離，否則仍有互相感染之虞，所以本週末假日，希望民眾待在家大掃除，保持室內乾淨通風，減少病毒傳染。
徐榛蔚說，日本捐贈124萬劑疫苗已抵台，中央會規劃分配地方數量，醫護人員、消防人員都會施打，再來長照機構人員也會施打、慢性病也是規劃先施打對象，目前惟有疫苗到位才能逐漸阻擋疫情，因此縣府已經號召到111位退職退休人員，後續會安排受訓內容，為未來協助施打疫苗做準備。
至於昨天，開罰不戴口罩仍有25件，徐榛蔚說，員警執法開罰碰上不理性民眾開罵，她要跟鄉親說，疫情緊張、也都有勸導時間，員警也很不願意對鄉親長輩開罰，但戴口罩是基本防疫作為，唯有從保護自己做起才能不傳染他人。</t>
  </si>
  <si>
    <t>國內傳出新冠肺炎本土案例，疫情升溫。桃園市議員楊家俍與店家業者，20日特地帶著雞排、飲料與物資，到聯新國際醫院表達關心慰問，為醫護人員加油打氣。院長黃忠智感謝各界捐贈與關懷，也表示醫院已落實各項防疫措施，將盡全力守護民眾健康。
議員楊家俍偕同餐飲業及代理商業者，帶著上百份的飲料、雞排、水果，以及洗手清潔用品、電子口哨等物資，來到聯新國際醫院，感謝醫護人員投入防疫工作的辛勞。
楊家俍表示，桃園市除了部立桃園醫院之外，另有10家應變醫院，共同組成新冠肺炎防護網絡，肩負防疫的重責大任。楊家俍說，應變醫院在這段期間承擔第一線抗疫的壓力，醫護人員都很辛苦，希望民眾除了關懷部立桃園醫院之外，也能夠到居家附近的專責醫院表達關心，感謝醫護人員的付出辛勞，為他們加油打氣。
聯新國際醫院院長黃忠智感謝捐贈關懷，他表示，聯新國際醫院承襲之前成功抗煞（SARS）的經驗，對抗流行疾病有足夠能量，面對這波新冠肺炎疫情也已做好充分準備。
黃忠智說，政府防疫政策相當明確，聯新國際醫院是衛福部指定桃園地區11家應變醫院之一，將責無旁貸做好防疫工作，落實每個環節事項，全院團隊將發揮專業與熱忱，竭盡心力維護民眾健康，也希望全民一起努力，相信台灣可以安然度過疫情難關。
聯新國際醫院提醒民眾做好健康管理，勤洗手、佩戴口罩，加強環境清潔消毒，減少到人潮密集場所、保持安全社交距離，並且均衡飲食、適度運動。如果身體不適就醫，應據實以告TOCC旅遊史與接觸史，保護自己，也維護家人及他人健康。</t>
  </si>
  <si>
    <t xml:space="preserve">清明連假各大景點湧入人潮，讓醫護人員憂心恐釀成另一波疫情，中央流行疫情指揮中心更針對11個景點發布國家級警報，不少企業也跟進，要求到過景點的員工居家辦公，對此，藝人郭世倫忍不住氣呼：「亂七八糟」。
郭世倫退出演藝圈後，長期在墾丁擺攤做生意，近來看到墾丁遭疑恐成防疫破口，氣得在臉書大罵：「媒體不要為了自己的收視率，再次殘殺恆春半島！試問這次全台這次有多少夜市多少景點，比我們人更多、更具危險性！」
對於去過墾丁要自我隔離14天的說法，郭世倫更是看不過去，說：「去其他爆滿人潮景點夜市的就不必自我隔離嗎？！台北人口密集度全台第一 是不是該封城？！」
郭世倫認為外出戴口罩，不只是該呼籲的事也是基本常識，最後再憤怒表示：「墾丁不是生下來就要給媒體惡意消費、導致人心惶惶的！恆春半島是需要台灣人來愛護的！」
</t>
  </si>
  <si>
    <t>中央流行疫情指揮中心指揮官陳時中15日表示，新冠肺炎再增6個確診案例，這是這麼久以來最多的單日確診案例，新增6例皆有國外旅遊史，鑑於境外移入快速增加，他呼籲國人，沒有必要的旅行，最好忍一忍，可以不出國就儘量別出國，否則恐得不償失。
陳時中指出，加計15日6個確診案例（案54～案59），目前確診共59例，而新增的這6例全數有國外旅遊史，分別是前往泰國、日本、埃及、土耳其、西班牙、希臘，他說：「從案47到案59多屬境外移入，境外移入案例增加，讓我們非常警惕。」
尤其，單日增加6個確診案例，是這麼久以來最多的單日新增確診案例，上次比較多的一次是2月6日，也有5例，同樣是從歐洲旅遊回來的境外移入。
依據指揮中心統計，15日國內新冠肺炎相關通報新增383例，累計通報16,911例（含16,464例排除），其中確診59例，而確診案例中，境外移入32例，本土27例。
陳時中呼籲，由於近日有快速的境外移入現象，沒有必要的旅行，即使是安排了很久，也要忍一忍，因為風險實在很高，可以不出國，就儘量不要出國。
另外，考量埃及近日疫情病例數快速增加，指揮中心15日也宣布把埃及旅遊疫情建議升至第二級「警示」，提醒民眾至當地應採取加強防護措施。
指揮中心也呼籲，世界衛生組織（WHO）已宣布全球大流行，提醒民眾如果必須出國，應加強手部及呼吸道衛生等防護措施，返國入境後，務必落實14天居家檢疫或自主健康管理。
至於第二批武漢包機返台361人，目前有1人出現發燒症狀，已經後送就醫採檢中，其餘健康情形良好，持續於集中檢疫所密切健康監測中。</t>
  </si>
  <si>
    <t xml:space="preserve">肆虐全球的新冠病毒起源為何至今仍爭論不休，甚至引起美陸等國之間的政治口水戰，但由於疫情源於大陸武漢，讓外界普遍認為該地為病毒起源。不過據劍橋大學研究團隊指出，新冠病毒在全球至今已有3種病毒株，而這場大流行起源地大陸武漢，在當地流行的新冠病毒實際上已為突變的B型，而與最原始的病毒基因組A型主要出現在美澳，而在新加坡與歐洲流行的則為B衍生的C型。
Cambridge study shows coronavirus was originited from US ，truth is revealing https://t.co/ZCrhXGYJBH
據英國劍橋大學《新冠病毒：以遺傳網絡分析大流行起源》（COVID-19: genetic network analysis provides ‘snapshot’ of pandemic origins）一文中利用「遺傳網絡」追蹤自去年12月至今年3月全球160基因組後，初步以地圖方式呈現病毒基因演變與擴散方式。
研究分析顯示，與蝙蝠與穿山甲身上的冠狀病毒基因最為接近、最初傳到人類身上的病毒基因組的A型，雖然有出現在武漢，與在大陸主要流行的新冠病毒基因組並非相同。相反的，在大陸流行的反而是由A型演變的B型，並可最早追朔至去年聖誕夜，而曾在武漢居住過的美國人身上發現過其他A型病毒已變異。
研究指出，起源的A型主要出現在澳洲與美國等地，並造成當地超過40萬起確診病例，其中2/3的美國病例樣本為A型；而從B型演變而來C型，主要在歐洲等地流行，並在法國、西班牙、義大利、瑞典以及英國等地流行，而C型未能在大陸找到樣本，不過曾在新加坡、香港以及南韓出現過。
Researchers from the University of Cambridge found the virus now seen in Wuhan, China and East Asia — ground-zero for the outbreak — is not the original variety.#COVIDー19 #coronavirus #COVID19 pic.twitter.com/EUKSQyacHJ
研究人員指出，在武漢主要流行的B型，同樣在亞洲地區流行，但此一分枝在區域內並未進一步演變，推測武漢封城減緩了加速族群遺傳漂變得「奠基者效應」，或者B型已適應亞洲環境，導致突變速度減緩。
該文第一作者、劍橋大學遺傳學家佛斯特（Peter Forster）表示，這項科技最廣為人所知是藉由DNA來追蹤史前人類的人口遷徙，並表示這應該是首次用來追蹤新冠病毒傳染途徑；他強調，新冠病毒有太多快速突變，導致難以完整追蹤新冠病毒的演化樹，研究人員也使用了數學演算，才將合理的病毒演化樹予以呈現。
這項研究8日也刊登於《美國國家科學院院刊》（ＰＮＡＳ）。
</t>
  </si>
  <si>
    <t xml:space="preserve">眾達-KY(4977)1月合併營收2.04億元，月減少18.45%、年成長1.37%，針對新冠肺炎，眾達-KY認為，仍需視近期陸續復工狀態，但客戶需求不變，預期第一季因疫情造成影響，可望自第二季起產生遞延效益。
眾達-KY的1月合併營收2.04億元，與2019年12月相較減少18.45%，主要由於工作天數減少，較去年同期成長1.37%；眾達-KY表示，客戶需求不變，目前新冠肺炎對公司影響，仍需視近期陸續返工狀態後的實際生產情況才能更明確。
眾達-KY表示，預計第一季會受新冠肺炎疫情影響程度較大，惟主要零組件是自海外進口，不會產生供應鏈缺口，影響程度主要視員工陸續復工後實際生產情況；從客戶訂單需求量來看，今年營運表現逐季成長應可期，除32G光收發模組產品穩定放量出貨外，還來自於100G單通道、400G光收發模組產品可望逐季成長。
眾達-KY進一步表示，全球巨量資料中心大規模建置的剛性需求，以及5G通訊基礎建設帶動的新一波成長動能，預期第一季因武漢肺炎疫情造成影響，可望自第二季起產生遞延效益，公司現亦加速馬來西亞廠新廠生產線建置與人員訓練，以期降低影響，亦符合公司產能調配與供應鏈管理上更有彈性。
展望全年，眾達-KY仍抱持樂觀審慎看法，頻寬需求快速成長趨勢不變，剛性需求勢必帶動超高速光收發模組的市場滲透率加速，由於超高速光收發模組品對於元件與模組製造的要求更加嚴苛，將形成更高的進入門檻，公司長期與北美主要元件開發商共同開發合作，相較同業存在技術領先優勢，再加上北美客戶具寡佔市場的有利局面，可望成為主要受惠者之一。
</t>
  </si>
  <si>
    <t>由20醫團、10餘環團NGOs牽手發起的88節台中抗暖化、反空汙、顧健康遊行今天下午登場！彰化市長林世賢上午出席遊行前記者會，公開宣佈彰化市氣候緊急搶得頭標，成為宣佈氣候緊急的全國第一例！林世賢強調，彰化市會成為第一個宣布氣候緊急的城市，因彰化在肺腺癌罹患率是全國第一。
扮裝節能減碳樹人的林世賢指出，彰化市會成為第一個宣布氣候緊急的城市，因彰化在肺腺癌罹患率是全國第一，因為冬天是台中火力發電廠往南吹，夏天雲林六輕往北吹，所以彰化受空汙危害非常的嚴重；全球氣候上升1.5度，那就是多樣性的生物將面臨滅絕，人類面臨浩劫。
林世賢表示，幾次的災難，包括最近新冠肺炎等，其實都是整個氣候變遷造成的結果，人類要一起共同思考，無論要求新的政府要有新的能源政策，新的綠能政策外，所有的國民要從自己的生活、勵行減碳生活，這是非常重要，這是要共同面對的災難，一起要共同來解決的！
林世賢說，政府無論能源政策、建築法規等都應該要有積極作為，讓台灣能夠向國際看齊，讓台灣不但是新冠肺炎防治成為國際模範，希望整個台灣政府面臨氣候變遷，能源政策或是建築法規等，新的公共政策要向國際看齊、要成為國際的模範。
林世賢指出，彰化市公所積極回應醫團、環團關注氣候／空污危機的急迫呼籲，即日起宣布氣候緊急，正視彰化市民面對的氣候／空污危機新常態，將氣候緊急議題列為施政優先考量。彰化是可再生能源豐厚的風光大城，彰化市公所將努力達成2050年100％使用再生能源，邁向零碳排的全球氣候安全目標。
彰化公所將立刻行動，進行能源、交通、產業、建築和農業等部門的系統性轉型，全面急速、深度減碳。市公所認同國際能源總署所提，能源效率才是取之不盡「第一燃料」的翻轉思考，將在半年內成立「提高能源效率及促進深度減碳」委員會，帶動市民參與的城市節能方案。
林世賢說，抗氣候變遷將可促進綠色產業GDP，同步帶動綠色經濟。彰化市公所將依循健康經濟、健康復甦的後新冠疫情年代新思維，儘速提出綠色低碳經濟的具體產業轉型方案及相應就業人口數。
林世賢強調，為爸爸健康而走的今日88台中遊行，如同為社會敲響了地球發燒、氣候緊急的警鐘。他及公所同意氣候緊急已是現在進行式，人類沒有時間再浪費了，身為民意所託的地方治理者應立刻行動，守護地球上的瀕危物種及年輕世代的未來生存權。</t>
  </si>
  <si>
    <t>因應疫情發展，位於桃園市中壢區的中原大學稍早宣布，9月14日至26日實施線上彈性教學，27日後則以採實體授課為原則，且依教育部「大專校院110學年度因應嚴重特殊傳染性肺炎防疫管理指引」，滾動式調整。。
中原大學表示，因應疫情發展，開學後實施線上彈性教學，實施期間為9月14日至9月26日，9月27日以後課程教學採實體授課為原則，且依教育部「大專校院110學年度因應嚴重特殊傳染性肺炎防疫管理指引」辦理，並視疫情發展，做滾動式調整。</t>
  </si>
  <si>
    <t xml:space="preserve">歌壇天王周杰倫年初帶著全家到老婆昆凌老家澳洲度假，4月返台後遵照政策居家隔離了14天，出關後也不急工作，忙跟朋友相聚聯絡感情，另外幫昆凌自創隱形眼鏡品牌當模特兒，果真寵妻魔人無誤，而有日前民眾要到圓山打球發現球館無法進入，發現是周董包場，為了帶老婆跟朋友打保齡球。
據《鏡週刊》報導，日前有民眾爆料要去圓山保齡球館打球卻進不去，後來得知是被周杰倫包場，果真之後拍到周董帶著老婆跟一票朋友打完球後步出，一行人在門口聊了一下才散會，據悉，球館有1500坪之大，為了防疫及隱私，周董花2萬包場讓親友好好玩，雖然對他來說不是大數字，然10年前他也曾帶舊愛蔡依林打保齡球，當時僅包了2個球道，比較起來寵妻更甚。
而被拍到包場打球當天，昆凌跟另2名友人先走向停車處等，周杰倫及朋友則走到狗仔副駕駛座位置輕敲玻璃，一開口先詢問是民眾爆料嗎？之後竟關心：「有拍到吼？」，態度溫和，而眾所周知過去周董非常討厭狗仔，婚前某次到跟媽媽、昆凌外出用餐被拍到正面照，他跟隨行友人圍成人牆阻擋拍攝，還拿手機反拍，甚至做出不雅手勢，對比當今的作風，完全是反差。
</t>
  </si>
  <si>
    <t>台灣疫情持續延燒，為避免災情擴大，部分縣市表明要自行購買疫苗，網路也瘋傳美國好巿多的照片，賣場內的藥局可打新冠疫苗，而且有三種疫苗任君挑選，引發網友譁然，對此，中央流行疫情指揮中心指揮官陳時中表示，「有人叫我去好市多買疫苗，但這又不是大拍賣掃貨，掃完用一架飛機全部載回來就可以」。
國內疫情爆發，民眾皆認為疫苗是救命丹，日前更傳出南投縣政府想要自行採購疫苗，更發出公文請求中央授權同意，對此，中央流行疫情指揮中心副指揮官陳宗彥則回應，不管什麼疫苗進入台灣，一定要提出疫苗資訊且要申請藥證，包含疫苗廠資格、疫苗品質、安全性及有效性等，且要經過食藥署核可，才可由代理商進口，避免有非法疫苗進入，最後產生不良反應問題，影響民眾施打意願。
陳時中也表示，地方或是企業想自行購買疫苗，「不要一直放話」，要釐清疫苗授權狀況、冷鏈等問題，強調疫苗要由中央統籌採購，即便地方自行申請，這個體系是由指揮中心做一統籌。話鋒一轉，陳時中提到美國好市多有疫苗一事。
陳時中說，有人好像叫我去好市多去買疫苗，絕對沒有辦法在好市多買疫苗，不是這樣子去狂掃貨，當大拍賣掃貨，掃完明天就用一架飛機全部載回來，這裡面牽涉很多技術性的資料、查訪、查廠，最重要的是授權，這都要是完整的，若現在才要開始這些程序，我們疫苗都差不多都進來了，那現在重要的是我們已經到手的疫苗，怎樣讓他快速施打，是最重要的任務。
★《中時新聞網》提醒您：因應新冠肺炎疫情，疾管署持續加強疫情監測與邊境管制措施， 如有疑似症狀，請撥打：1922專線，或 0800-001922， 並依指示配戴口罩儘速就醫，同時主動告知醫師旅遊史及接觸史，以利及時診斷及通報。</t>
  </si>
  <si>
    <t>新冠肺炎疫情發生以來，台南市政府統計目前已有數百例必須配合中央政策規範進行居家檢疫，目前首度查獲2例居家檢疫個案「趴趴走」，台南市政府衛生局經調查後將進行裁處。
這2例居家檢疫違規個案本身均無發燒等疑似症狀，其中1名男子曾出入港澳地區，接受帶防疫手機進行居家隔離，11日即宣告完成14天居家隔離安全措施，他卻提早一天溜出門，10日晚上為了載女友上班，外出1小時，因防疫手機未帶出門，而被查獲。
另1例是2月3日從中國大陸入境，2月18日才能解除居家檢疫，個案為離婚的中國籍配偶，因沒有固定居所，11日在外趴趴走被通報，現已被妥適安置。
針對這2例居家檢疫對象擅離住家或指定地點，已違反傳染病防治法規定，移由衛生局裁處，依法可處1萬元以上15萬元以下罰鍰。台南市政府呼籲，為避免防疫漏洞，各區公所民政人員應落實相關執行程序，並提醒居家檢疫民眾應遵守規定，勿以身試法。</t>
  </si>
  <si>
    <t>嘉義縣15日新增1起確診個案，案13302是東石鄉永屯村7-11便利超商店員，由於案13302感染源不明，嘉義縣府今16日啟動社區篩檢，除針對副瀨村及永屯村當地87位匡列者進行PCR篩檢，收到細胞簡訊上千位民眾如有疑似症狀，可到衛生福利部朴子醫院做免費快篩。
嘉義縣衛生局指出，7-11員工確診，共匡列家庭及職場24名接觸者，不過24人PCR檢驗皆為陰性，另依書面實聯制連夜電話訪視340名顧客，其中1人自訴有症狀，轉介篩檢也是陰性，至於疾管家QR Code資料中的1218筆民眾，皆以簡訊通知自我健康監測。
由於案13302感染源不明，東石鄉也啟動社區篩檢，主要篩檢者對象為副瀨村、永屯村匡列鄰居以及地方人士提供相關可能暴露民眾，以及紙本實聯制留家用電話者，聯絡後覺得需要採檢者約87人，可於今天和明天17日下午2點到5點至東石鄉衛生所篩檢站採檢。
另針對疾管家及紙本手機通聯民眾，已發送簡訊「如有疑似症狀，請憑簡訊至部立朴子醫院於6月16日、6月17日、6月18日下午2點到4點共3天進行快篩」，有收到民眾如自覺有症狀，也可以到朴子醫院快篩，費用由縣府負擔。</t>
  </si>
  <si>
    <t>開學日在即，全國學校忙著備戰防疫措施，新北市長侯友宜今(19)上午至蘆洲仁愛國小視察校園防疫演練時表示，學校的空間是有限的，能夠把距離拉開就盡量拉開，更重要的是保持通風，所以學校的門窗盡量全部打開，至於萬一校園內出現確診，「該停課我們一定就會停」。
侯友宜指出，若校園開學典禮、大型活動是在室內，一律不建議舉行，室外只要是空曠、通風良好的，都不會去禁止，「原則上，不讓學校用室內的大型集會場所進行開學典禮。」
另對於疫情持續擴大，有專家建議開學日再延期，侯友宜說，目前還是朝著2／25開學做好萬全的準備，若中央及教育部認為要延後，地方也都全力的配合，「這由中央疫情指揮中心的專家學者們來做好一個判斷。」</t>
  </si>
  <si>
    <t xml:space="preserve">清明連假已有多處景點人潮擁擠，連假後疫情趨勢推估是否樂觀以及是否可能下達禁足令？中央流行疫情指揮中心指揮官陳時中表示：「任何可能性都有，看疫情發展到什麼情況。」
陳時中表示，疫情會延續很長，「若都關起來情緒也會出問題」表示防疫仍要根據社會和人性需要，因此並不反對出遊但強調「距離要維持住」、「人多的地方請務必戴口罩」，而已公布的一些人潮多的地方，包括墾丁及阿里山森林遊樂區、花蓮東大門夜市、嘉義文化路、台南關子嶺、虎頭埤、烏山頭水庫及湖境度假會館等埤塘風景區、高雄興達港、旗山老街、雲林北港朝天宮等，也發布了細胞廣播警示訊息，建議還沒去的民眾就不要再去人擠人。
連假之後確診人數將會增加，台大醫師在臉書發文指出，當初日本在三月連假過後，確診增加速度是之前的五倍。對此，陳時中回應，目前指揮中心判斷國內這波旅遊高峰，預估不會像日本三月櫻花季那樣，如果會的話，當初就會禁止。社區感染相當零星，案例多是境外移入，且目前都在居家檢疫，因此這兩個理由，所以才沒有做出大規模禁足行動。
</t>
  </si>
  <si>
    <t>國內新冠肺炎今日新增4死，其中1人為屏東印度變異株（Delta）群聚的果農太太（案14816）。中央流行疫情指揮中心醫療應變組副組長羅一鈞表示，該太太的死因是新冠肺炎和肺炎併發症，病程沒有和非Delta病毒不同。
羅一鈞表示，果農太太患有糖尿病、高血壓，6月27日開始腹瀉，由於家中有其他確診者，採檢陽性後，在6月27日入住醫院。
住院後，果農太太後續併發肺炎、呼吸衰竭，最後不幸因為肺炎嚴重，在昨日過世。羅一鈞表示，果農太太的死亡主要原因是新冠肺炎和肺炎的併發症，病程沒有和非Delta病毒不同。
發言人莊人祥表示，果農太太為國內Delta感染者死亡首例。</t>
  </si>
  <si>
    <t>屏東6日新增1確診「案15184」，他曾與確診白牌車司機「案14298」共同泡茶，6月23日已被匡列隔離，3天後轉往集中檢疫所時與「案14905」同車，二採陽無症狀確診，而屏東Delta群聚案至今累計17人染疫，當中有2人重症救治中。
屏縣府指出，新增「案15184」是30歲男性，為果園雇工，6月20日與確診白牌車司機「案14298」、友人「案14412」、「案14413」一同泡茶，6月23日一同被匡列隔離，6月26日轉往集中檢疫所時，又與「案14905」同車，感染途徑與5日確診的「案15163」相同，目前出現2個可能感染源，尚待釐清中。
中央流行疫情指揮中心指出，「案15184」CT值30.7偏高，感染屬較近期。對此，屏縣府進一步說明，CT值高有2個可能，一是感染時間已久，另一是剛感染，如「案14413」的CT值就是由高變低，但他是在隔離採檢當下發現染疫，而CT值在居家隔離期間逐漸降低。
縣長潘孟安說，屏東Delta群聚案至今累計17人染疫，境外2人、枋山13人、枋寮2人，當中重症有2人，而經基因定序確定病毒株為印度Delta變種的有13人，全案共匡列667人，目前PCR篩檢都為陰性，全數隔離至10日，但監測至11日。</t>
  </si>
  <si>
    <t>228連假期間，警方發現有關新冠肺炎相關的假訊息案件，突然大爆發，每天有逾10件；與過去1個月，平均每天約4件相比，大幅增加。警方初步調查，都跟來自境外的大陸網軍有關，懷疑是有計畫的向台灣進逼，影響防疫。
刑事局2月29日當天共接獲18件不實疫情訊息案，當中包含多則虛假留言，如「臺中、屏東現在根本就是人間煉獄，不知道感染了多少」、「臺灣許多人染病新冠肺炎後倒臥路上，政府直接用車將人載至不明地點」、「肺炎死亡者多到要埋起來」、「臺灣媒體報導武漢已發生人吃人導致病毒傳染」等誇飾疫情訊息，意圖製造疫情嚴重態勢。
刑事局表示，經查多數貼文均由虛設帳號所為，有些甚至已關閉帳號躲避追查，且從渠等用字遣詞，如「尸」、「离」等簡體文字，研判貼文者應係大陸人士，在境外試圖影響我國防疫工作及民眾對政府的信心。
警方統計，今年1月23日至2月28日，警察機關偵辦新冠肺炎相關網路假訊息案共121件；其中已移送77件107人，其餘案件積極偵處中。
其中，昨天接獲的流行疫情假公文檢舉案，臉書使用者名稱「張家駟」、「Yu-chieh Tsai」等人，在臉書以國家安全局密報的假公文惡意散播「李前總統因新冠肺炎逝世」貼文等不實疫情訊息，而「Yu-chieh Tsai」甚至宣稱其兄係國安局秘書。
警方初步調查，「張家駟」目前已關閉帳號，臉書社團紀錄及社團成員中皆不見該則貼文及帳號，另以姓名「張家駟」查詢我國國民身分證相片系統，無吻合對象，「張家駟」頭像中男子身穿軍服，且於胸口出現大陸五星旗圖樣，又比對國安局密報的假公文用語，發現出現「我部」、「我科」等非本國公文用語，研判應係大陸人士於境外意圖影響我國防疫工作及製造恐慌。
另查臉書名稱「Yu-chieh Tsai」好友，發現多為大陸或香港地區之帳號，且名稱皆以英文為主，又貼文多以醜化蔡英文總統為主，且用字夾雜簡體字，明顯為大陸網民虛設假帳號撰寫不實文章，繞亂我國民心。
另件假公文檢舉案，臉書使用者名稱「東方吹雪」在臉書社團散播不實衛生福利部假公文，內容表示至2月16日止「臺南市各醫院第一批送驗樣本數6354例，呈陽性1843例」，除標示為「緊急件」以及「絕對機密」，並蓋有「部長陳時中」的簽名章，經查臺南市政府衛生局已證實該公文係偽造，呼籲民眾勿再轉傳，以免觸法。
新冠肺炎,台灣,大陸,假訊息,刑事局,境外,網軍,陳時中,國安局,假公文</t>
  </si>
  <si>
    <t>本土疫情持續升溫，台北市市長柯文哲與新北市市長侯友宜多次砲打中央，聲勢也水漲船高。港媒評論指出，柯痛批中央疫苗分配為「政治內線交易」、侯要求總統蔡英文「約束底下的人」，這兩句話都對蔡政府形成強大壓力；綠營往後對抗柯、侯二人的聲浪與手段將愈來愈猛烈，甚至恐激起尖銳對立。
柯文哲13日表示，日本捐贈台灣的100多萬劑疫苗，高雄市已提前造冊與施打，可見中央已提前告知消息，這種縣市疫苗分配資訊不對等的狀況，等同「政治內線交易」。侯友宜同日也證實，的確曾勸蔡英文「約束底下的人」，因自己最討厭政治口水，此時國難當頭應齊心抗疫。
香港媒體《中評社》今日（15）評論指出，台北市某診所偷打疫苗事件，讓柯文哲成綠營群起圍剿對象，不料蔡政府端午節連假為管制民眾返鄉，竟祭出「高速公路閘道管制」政策，導致民怨沸騰，民眾也再度將矛頭指向蔡政府。對此，柯文哲與侯友宜也同聲向蔡政府抱怨並喊話，對綠營形成不小壓力。
評論進一步分析，蔡政府日前釋出TIFA會談重啟消息，稱美國貿易代表戴琪10日將與行政院政務委員兼經貿談判代表鄧振中舉行視訊會議，然此消息卻未如預期引發討論，民眾仍聚焦疫苗與疫情相關新聞，台美關係無法扭轉人民的不滿，讓民進黨政治盤算落空。面對柯文哲、侯友宜在這波疫情下不斷看漲的聲勢，民進黨對這兩人的攻擊與對立只會愈來愈高，甚至手段也會愈來愈猛烈。</t>
  </si>
  <si>
    <t xml:space="preserve">「威士特丹號」爆發新冠肺炎個案，高雄計程車司機人心惶惶，有運將乾脆休息放大假，也有人為討生活，歹命大嘆得面對「恐懼」。高市計程車公會理事長甘光華表示，原本受疫情影響，已接不太到客人了，如今心情更是七上八下，整體業績差了4、5成。
甘光華透露，上周交通局就已追蹤曾接觸這批郵輪乘客的計程車司機，大家心裡當然會擔心，難免「皮皮挫」，雖然生意差，但大多還是會出來跑。目前高雄港區也因郵輪事件，沒有排班司機進駐。
甘光華提到，這一陣子營運差了4、5成，客人都不出門，也不去百貨公司、觀光景點；而乘客上車前，司機會先主動詢問有無中港澳旅遊史或發燒等狀況，但無從進一步查證，也不能挑客人。
陳姓女司機表示，自己在夢時代門口排班10幾年，這是最慘的一次，生意少了約7成，以前有日本、韓國、香港等遊客，最近都沒有什麼散客；她提到，過去馬英九執政時，有油料津貼補助，最高1個月到4500元，建議政府多少能在油價上補助。
蔡姓司機反倒樂觀說，這波疫情是全世界的危機，一切順其自然，他有耳聞其他同業乾脆不出來「跑」，但他為了養家還是得出門。他建議政府發放消費券，刺激觀光旅遊內需市場，才有民眾願意出門消費，如此有助於整體經濟循環。
高市交通局監理科長李啟清指出，高雄計程車共有15家衛星車隊跟電台，領照9100台，每天發售7260片口罩給司機外，同時請司機配合做環境清潔消毒作業因應。
</t>
  </si>
  <si>
    <t>宜蘭縣連續8天零確診，但今天（4日）新增2例確診，累積確診數達98例，確診者分別是外籍看護工（案15109），與一名20多歲的男子（案15110），CT值分別是35、33；另外，頭城鎮大溪漁港在假日湧進人潮，縣府農業處表示，今天已做總量管制、單一出入口，要求保持社交距離等措施。
案15109是1名40多歲的外籍看護工，5月12日入境時，持有3日內陰性檢驗報告證明，5月26日檢疫結束時檢測是陰性；之後自主健康管理，6月7日再度接受檢驗仍是陰性，7月1日因為勞動部的要求再次篩檢，結果CT值35而確診，衛生局已展開追查，匡列6個居家隔離個案，其中5位是陰性，1人仍在等待結果。
案15110是1名20多歲的男性，是案12924的弟弟，兄弟兩人曾於3月至美國從事餐飲業，哥哥4月染疫確診，當時弟弟也有類似症狀，但採檢是陰性。兄弟倆5月17日持有3日內陰性檢驗報告回國，在台北防疫旅館檢疫後，再回到宜蘭家裡居家隔離。案12924再去醫院採檢確診，案15110就被匡列為居家隔離對象，進一步接受14天的居家隔離及7天的自主健康管理。案15110居家隔離時採檢是陰性，14天之後居家隔離期滿採檢也是陰性。
宜蘭縣衛生局要求居家隔離的個案於自主健康管理期滿時，須再做一次採檢，案15110再次採檢結果是陽性而確診，CT值33。
衛生局長徐迺維表示，新增2案都經過好幾次篩檢陰性、CT值偏高，感染源還要積極追蹤，案15109所匡列的6個人，有5人陰性，其中還包含該案所照顧的長者；案15110居家隔離前、後採檢陰性，可能是有些病毒比較遲緩才讓前幾次採檢為陰性。
另外，有外縣市的確診者曾在6月20日中午開車到頭城的大溪漁港購物，買完魚後滯留約一小時回到新北市，縣府將該行程列為足跡，縣府6月28日為大溪漁港的員工篩檢結果全是陰性。衛生局表示，若當地民眾近來感到不舒服，仍可到社區篩檢站篩檢。
縣府雖然在今天公布大溪漁港6月20日有確診者的足跡，但7月3日大溪漁港的民眾仍多，縣議員林麗在臉書上說「每天仍有外縣市民眾湧進漁港採買魚貨，攤商們個個心生恐懼，直說沒政府，擔心出現防疫破口。」
農業處長康立和表示，大溪漁港已經立即做100人的總量管制，原先3個出入口現為單一出入口，昨天啟動後秩序良好，大家也都有保持社交距離。
莫德納疫苗施打狀況部分，宜蘭縣目前分配18200劑，已經施打4981人次，完成27％，衛生局表示，目前為止沒有收到不良反應報告。</t>
  </si>
  <si>
    <t>華爾街知名經濟學家暨投行Evercore ISI董事長海曼（Ed Hyman）示警，新冠肺炎可能導致美國陷入經濟衰退，並將美國第二和第三季經濟成長預測大砍至零成長。
海曼1日在標題為「肺炎衰退」的報告中指出，「美國新冠肺炎確診案例持續增加，美國的疫情似乎才剛開始。範圍、嚴重性和持續期間皆不確定，肺炎會如何影響美國目前仍不得而知。」
經濟連續兩季下滑即符合技術性衰退定義。美國2019年第四季國內生產毛額（GDP）成長2.1％，2019年全年擴張2.3％。
逾30年來，海曼在《機構投資人雜誌》（Institutional Investor）的年度調查，被評選為最佳經濟學家。海曼對美國經濟前景的看法是華爾街最悲觀的預測之一，許多專家認為美國經濟只是暫時放緩。
新冠肺炎疫情持續延燒，嚴重打擊全球經濟成長前景，促使投資人湧向避險資產，讓美股3大指數上周經歷全球金融危機以來最大周線跌幅。
海曼指出：「上周國際金融市場傳出相當負面的訊號，包括標普500指數、美國公債殖利率、油價和信貸利差等。由於情況仍不明朗，我們或許過度反應，但也不希望反應不足。」
截至3月1日，美國新冠肺炎確診病例已經超過70起。新冠肺炎快速在韓國、義大利、日本、英國和中東等大陸以外地區爆發。
新冠肺炎疫情重創大陸經濟，大陸2月製造業採購經理人指數（PMI）由1月的50崩跌至35.7，降至史上新低水準。海曼先前預估，新冠肺炎恐讓大陸第一季經濟零成長。
海曼預測，若是新冠肺炎疫情緩和，美國2020年第四季經濟可望反彈至成長2％，2021年加速至擴張3％。高盛亦下修美國經濟成長預測，預估首季成長1.2％。</t>
  </si>
  <si>
    <t>台股高檔盤整之際，中裕（4147）獲新冠肺炎最新單株抗體授權，激勵股價26日攻上漲停，生技指標股「天國一輝」中天（4128）、杏國（4192）、合一（4743）、杏輝（1734）等也全面紅通通，漲幅逾7％，整體族群表現相對強勢。
包括杏輝、醣聯、逸達、杏國、中裕、大樹、浩鼎、合一、合世、中天、大學光、基亞等大漲5％以上，其中，包括杏輝、醣聯、逸達、杏國、中裕、大樹、浩鼎強勢漲停。
「生技投資聖經」作者羅敏菁表示，取得新冠肺炎最新單株抗體授權來作抗體藥物，對中裕來說是好消息，也是何大一博士再次與中裕合作，為人類盡力。「抗體藥物」做為新冠病患確診後的治療之用，雖價格較高，但臨床成功後將是病患的一大福音；而疫苗乃預防使用，本次美國FDA放行標準是達到50％中和抗體即可上市。針對流行病，在藥物與疫苗的優先順序上，疫苗急迫性高於藥物，不過，抗體藥物使用於已感染的病患身上，同樣具有開發的必要。
元富投顧總經理鄭文賢表示，此事件對中裕評價帶來正面挹注，然在實質財務面上，效益尚不明確，但目前為中裕營運轉機點，美受疫情影響，醫生、患者換藥意願低，下半年疫情減緩後需求將加速回升；另，在取證進度上則持續推進，將在2021年帶來貢獻，預期中裕下半年至2021年進入業績加速期，搭配下一代HIV藥物的開發與新冠肺炎病毒抗體推進，評價將有提升空間。
而針對利多消息是否能激勵台灣生技翻轉，羅敏菁則坦言，近期資金有撤退跡象，利多消息是否能吸引主力進駐仍有待觀察。</t>
  </si>
  <si>
    <t>新冠肺炎,廣告,Facebook,Twitter,YouTube</t>
  </si>
  <si>
    <t>新冠肺炎,境外移入,指揮中心</t>
  </si>
  <si>
    <t>大聯大,新冠肺炎,居家辦公,遠距教學,南港</t>
  </si>
  <si>
    <t>授予,肺炎,張定宇,疫情,鍾南山</t>
  </si>
  <si>
    <t>指揮中心,境外移入,新冠肺炎,確認,台灣輸出</t>
  </si>
  <si>
    <t>韓股,億韓,紓困,新一輪,新冠肺炎</t>
  </si>
  <si>
    <t xml:space="preserve">鄭怡,新冠肺炎,新武漢肺炎,新冠狀病毒, </t>
  </si>
  <si>
    <t xml:space="preserve"> 新冠肺炎,台灣.快篩站,快篩,國民黨團,朝陽科大</t>
  </si>
  <si>
    <t>武漢肺炎,新型冠狀病毒,新冠肺炎,台灣,斷航</t>
  </si>
  <si>
    <t>防疫概念股,肺炎,資金回台,表現,投資</t>
  </si>
  <si>
    <t>新冠肺炎,武漢肺炎,新型冠狀病毒,NCP,全球</t>
  </si>
  <si>
    <t>微解封,夜市,高風險,台灣,新冠肺炎</t>
  </si>
  <si>
    <t>洛杉磯,救護車,醫療體系,崩盤,生存機會渺茫</t>
  </si>
  <si>
    <t>新冠肺炎,台灣,外送員,送餐,職安署</t>
  </si>
  <si>
    <t>火箭,老闆,美國,川普,香港</t>
  </si>
  <si>
    <t>梅根,黛妃,哈利,脫口秀,英國</t>
  </si>
  <si>
    <t>新冠肺炎,民宿業者,退費,連江縣,馬祖</t>
  </si>
  <si>
    <t>新冠肺炎,大陸,鍾南山,變異,群體免疫</t>
  </si>
  <si>
    <t>紓困之亂,衛福部,新北市,侯友宜,台灣</t>
  </si>
  <si>
    <t>口罩,投資人,缺工,缺口,肺炎</t>
  </si>
  <si>
    <t>新冠肺炎,台灣,盧秀燕,疫苗,2劑</t>
  </si>
  <si>
    <t>新冠肺炎,武漢肺炎,金門,臻霖實業,陳木勇</t>
  </si>
  <si>
    <t>苦苓,黃暐瀚,名嘴,新冠肺炎,武漢肺炎</t>
  </si>
  <si>
    <t>PCR,台灣,採檢,新冠肺炎,印度</t>
  </si>
  <si>
    <t>新冠肺炎,內政部,魚池鄉,茶葉,鄉長</t>
  </si>
  <si>
    <t>武漢肺炎,新型冠狀病毒,全球,新冠肺炎,症狀</t>
  </si>
  <si>
    <t>韓國,南,新冠肺炎,新型冠狀病毒,確診</t>
  </si>
  <si>
    <t>非法移工,新冠肺炎,勞動部,武漢肺炎,外勞</t>
  </si>
  <si>
    <t>新冠肺炎,AZ,莫德納,疫苗接種意願,財經網美</t>
  </si>
  <si>
    <t>新冠肺炎,武漢肺炎,新型冠狀病毒,台灣,感染源</t>
  </si>
  <si>
    <t>義隆,NB,筆記型電腦,觸控板,新冠肺炎</t>
  </si>
  <si>
    <t>台灣虎航,月營收,開航,新潟,航線</t>
  </si>
  <si>
    <t>東奧,防疫,泡泡模式,機場,飯店</t>
  </si>
  <si>
    <t>郁方,疫情,齋戒,新冠肺炎,台灣</t>
  </si>
  <si>
    <t>梵蒂岡,4月,復活節活動,新冠肺炎，教宗</t>
  </si>
  <si>
    <t>新冠肺炎,武漢肺炎,新型冠狀病毒,COVID-19,大陸</t>
  </si>
  <si>
    <t>新冠肺炎,疫情,美國,經濟</t>
  </si>
  <si>
    <t>美國,肺炎,傳播,發生,準備</t>
  </si>
  <si>
    <t>新冠肺炎,觀旅局,講座,楊志良,旅遊史防疫</t>
  </si>
  <si>
    <t>失智症,新冠肺炎,阿茲海默症,新冠病毒,腦霧</t>
  </si>
  <si>
    <t>疫苗,新冠肺炎,台積電,鴻海,大立光</t>
  </si>
  <si>
    <t>新冠肺炎,台灣,順益,篩檢,汽車</t>
  </si>
  <si>
    <t>萬那杜,新冠病毒,浮屍,封島,漂上岸</t>
  </si>
  <si>
    <t>新冠肺炎,症狀,公司,疫情,企業</t>
  </si>
  <si>
    <t>畢爾,疫苗,新冠肺炎,NBA,巫師</t>
  </si>
  <si>
    <t>新冠肺炎,武漢肺炎,新型冠狀病毒,台灣,累計</t>
  </si>
  <si>
    <t>口罩,校園,肺炎,簡易,製作</t>
  </si>
  <si>
    <t>台塑,AI,人工智慧,5G,基地台</t>
  </si>
  <si>
    <t>美國,疫情,零組件,肺炎,短缺</t>
  </si>
  <si>
    <t>外交部,日本,警示,旅遊,新冠肺炎</t>
  </si>
  <si>
    <t>新冠肺炎,台灣,確診,柯文哲,北投</t>
  </si>
  <si>
    <t>韓國,外交部,代表處,規定,隔離</t>
  </si>
  <si>
    <t>業績,會計,森友,任天堂,Switch</t>
  </si>
  <si>
    <t>新冠肺炎,MIC,資策會,5G,中芯國際</t>
  </si>
  <si>
    <t>醫護人員,企業,肺炎,台灣隊,基金會</t>
  </si>
  <si>
    <t>篩檢,許淑華,大安區,信義區,六張犁</t>
  </si>
  <si>
    <t>肺炎,白嘉莉,澳洲,台灣最,台灣</t>
  </si>
  <si>
    <t>新冠肺炎,台灣,打麻將,蒐證,直播</t>
  </si>
  <si>
    <t>黃昏市場,頭份市公所,緊急,清消,新冠肺炎</t>
  </si>
  <si>
    <t>伊拉克,患者,伊朗,肺炎,武漢</t>
  </si>
  <si>
    <t>本土個案,台北,回歸,死亡,校正</t>
  </si>
  <si>
    <t>新冠肺炎,台灣,口罩,工人,吃飯</t>
  </si>
  <si>
    <t>總估值,林之晨,Demo Day,AppWorks,創業</t>
  </si>
  <si>
    <t>經濟部,製造業產值,新冠肺炎,5G,物聯網</t>
  </si>
  <si>
    <t>張雁名,伊林娛樂,北九州,日本,新冠肺炎</t>
  </si>
  <si>
    <t>補貼,抵用券,振興,服務業,紓困</t>
  </si>
  <si>
    <t>瑞芳,員警,防疫,工作,同仁</t>
  </si>
  <si>
    <t>新冠肺炎,大陸,香港,檢疫期,放寬</t>
  </si>
  <si>
    <t>新冠肺炎,新型冠狀病毒,大甲媽,盧秀燕,遶境</t>
  </si>
  <si>
    <t>志村健,清明連假,二等親,觀光局,類包機</t>
  </si>
  <si>
    <t>香港,林鄭月娥,新冠肺炎</t>
  </si>
  <si>
    <t>新冠肺炎,視訊,通訊診療,醫院,居家檢疫</t>
  </si>
  <si>
    <t>新冠肺炎,武漢肺炎,新型冠狀病毒,台灣,居家</t>
  </si>
  <si>
    <t>林佩瑤,最美空姐,溫泉,台中,外套</t>
  </si>
  <si>
    <t>新冠肺炎,請假,停課,防疫,家長</t>
  </si>
  <si>
    <t>勞工紓困貸款,小額信貸,防疫照顧假,新冠肺炎,疫情</t>
  </si>
  <si>
    <t>全新,5G基礎建設,去美化,光通訊,外資</t>
  </si>
  <si>
    <t>新聞,十大,人物,台灣,市長</t>
  </si>
  <si>
    <t>口水,口罩,麵包店,吐司,實聯制</t>
  </si>
  <si>
    <t>夏春湧,蔡政府,新冠肺炎,新型冠狀病毒,NCP</t>
  </si>
  <si>
    <t>新冠肺炎,武漢肺炎,新型冠狀病毒,COVID-19,台灣</t>
  </si>
  <si>
    <t>全家,全新,統一超,安心,全家</t>
  </si>
  <si>
    <t>自費AZ疫苗,預約接種,醫學中心,新冠肺炎</t>
  </si>
  <si>
    <t>師生,恆春,衛生局,畢旅,採驗結果</t>
  </si>
  <si>
    <t>旅遊,肺炎,運輸類,糾紛,疫情</t>
  </si>
  <si>
    <t>跑者,蜜棗,單位,主辦,主辦單位</t>
  </si>
  <si>
    <t>高端,疫苗,沈政男,防疫神器,第二劑</t>
  </si>
  <si>
    <t>新冠肺炎,台灣,陳時中,疫苗,大規模接種</t>
  </si>
  <si>
    <t>大陸,疫苗,肺炎,戰爭,武力</t>
  </si>
  <si>
    <t>香港,港口,廠商,肺炎,吞吐量</t>
  </si>
  <si>
    <t>肺炎,感染,人數,新加坡,武漢</t>
  </si>
  <si>
    <t>LG顯示器,營收,虧損,淨損,預期</t>
  </si>
  <si>
    <t>新冠肺炎,武漢肺炎,新型冠狀病毒,台灣,孕婦</t>
  </si>
  <si>
    <t>日本,發現,垂直感染,母子,感染</t>
  </si>
  <si>
    <t>小時,睡眠,每天,至少,新冠肺炎</t>
  </si>
  <si>
    <t>新冠肺炎,台灣,孕婦,AZ,莫德納</t>
  </si>
  <si>
    <t>新冠肺炎,疫情,歷史觀,戰略觀,顛覆性錯誤</t>
  </si>
  <si>
    <t>峰會,肺炎,二十國集團,防控,G20</t>
  </si>
  <si>
    <t>台南,新冠肺炎,台灣,確診,親友</t>
  </si>
  <si>
    <t>確診,廣東,新冠肺炎,大陸,本土</t>
  </si>
  <si>
    <t>慶尚北道,死亡,大邱,肺炎,京畿道</t>
  </si>
  <si>
    <t>羽球,賽娜,檢測,選手,退賽</t>
  </si>
  <si>
    <t xml:space="preserve"> 新冠肺炎,疫情,韓國瑜,觀光,國民旅遊</t>
  </si>
  <si>
    <t>新冠肺炎,社福,募款,創世基金會</t>
  </si>
  <si>
    <t>湖北,新冠肺炎,台灣,大陸,應勇</t>
  </si>
  <si>
    <t>復工,仁寶,大陸,延後,新冠肺炎</t>
  </si>
  <si>
    <t>全球,光寶科,陳廣中,新冠肺炎疫情,產能</t>
  </si>
  <si>
    <t>陽性,中鋒,NBA,戈貝爾,伍德</t>
  </si>
  <si>
    <t>聯準會,中國,匯率期貨,肺炎,採取</t>
  </si>
  <si>
    <t>聲量,蔣萬安,政治人物,黃呂錦茹,新冠肺炎</t>
  </si>
  <si>
    <t>長庚,抗體,行政院,勞動部,起薪</t>
  </si>
  <si>
    <t>試吃,林杰樑,10,風險,臉書</t>
  </si>
  <si>
    <t>新冠肺炎,台灣, 貿協,方艙,展場</t>
  </si>
  <si>
    <t>新冠肺炎,台灣,幼兒園,群聚感染,機師</t>
  </si>
  <si>
    <t>張亞中,捐贈,疫苗,孫文學校,新冠肺炎</t>
  </si>
  <si>
    <t>CDC,感恩節,假期,疫情擴散,新冠病毒</t>
  </si>
  <si>
    <t>戈貝爾,爵士,新冠肺炎</t>
  </si>
  <si>
    <t>foodpanda,新冠肺炎,疫情,防疫,餐飲業</t>
  </si>
  <si>
    <t>三採陰,張上淳,隔離,出院,身心折磨</t>
  </si>
  <si>
    <t>新冠肺炎,武漢肺炎,新型冠狀病毒,COVID-19,新疆</t>
  </si>
  <si>
    <t>金泰希,南韓,新冠肺炎,神話,Eric</t>
  </si>
  <si>
    <t>新冠肺炎,武漢肺炎,NCP,大陸,新型冠狀病毒</t>
  </si>
  <si>
    <t>臨床,疫苗,臨床試驗,大陸,研究所</t>
  </si>
  <si>
    <t>確診者,美國,大學生,新冠趴,新冠肺炎</t>
  </si>
  <si>
    <t>業態,新經濟,線上教育,企業,肺炎</t>
  </si>
  <si>
    <t>30,歐奇,台中,店家,老闆</t>
  </si>
  <si>
    <t>新冠肺炎,武漢肺炎,新型冠狀病毒,台灣,返台</t>
  </si>
  <si>
    <t>觀光景點,直接禁止,擠爆,清明連假,台人天性</t>
  </si>
  <si>
    <t>澳洲,口罩,酒精,新冠肺炎,新型冠狀病毒</t>
  </si>
  <si>
    <t>BNT疫苗,洪孟楷,台灣,新冠肺炎,疫苗</t>
  </si>
  <si>
    <t>欣銓,營收,新高,成長,需求</t>
  </si>
  <si>
    <t>陸配,陳時中,開放,返台,子女</t>
  </si>
  <si>
    <t>撤離,香港,肺炎,病毒,傳播</t>
  </si>
  <si>
    <t>新冠肺炎,武漢肺炎,新型冠狀病毒,COVID-19,全球</t>
  </si>
  <si>
    <t>新冠肺炎,武漢肺炎,疫情,金門,灘地上的活化石</t>
  </si>
  <si>
    <t>台新金,稅後盈餘,台新銀行,穩健,累計前</t>
  </si>
  <si>
    <t>防疫關鍵期,莊人祥,14天,疫情高峰,陽性</t>
  </si>
  <si>
    <t>台灣大,遠傳,中華電,NCC,國家通訊委員會</t>
  </si>
  <si>
    <t>22億,劑次,大陸新,疫苗接種,中國</t>
  </si>
  <si>
    <t>公園,防災,草湖,汛期,功能</t>
  </si>
  <si>
    <t>NBA,席爾佛,聯盟,復賽,球員</t>
  </si>
  <si>
    <t>寶山鄉,台灣,長者,新冠肺炎,新竹縣衛生局</t>
  </si>
  <si>
    <t>華為,聯詠,智慧機,復工,新冠肺炎</t>
  </si>
  <si>
    <t>輝瑞／BNT,新冠疫苗,心肌炎,心包膜炎,新冠肺炎</t>
  </si>
  <si>
    <t>地化,元太,ESL,外資,MCU</t>
  </si>
  <si>
    <t>新冠肺炎,全球,印度,阿薩姆,茶工</t>
  </si>
  <si>
    <t>新冠肺炎,台灣,民眾,居家隔離,全縣</t>
  </si>
  <si>
    <t>羅志祥,周揚青,1968,黃偉哲,基隆廟口</t>
  </si>
  <si>
    <t>內門,初二回娘家,新冠肺炎,辦桌</t>
  </si>
  <si>
    <t>本土病例,埃及爸,哥哥,境外移入,近期感染</t>
  </si>
  <si>
    <t>新冠肺炎,CONID-19,武漢肺炎,新型冠狀病毒,澳門</t>
  </si>
  <si>
    <t>包機,返台,第二班,台商,指揮中心</t>
  </si>
  <si>
    <t>吳子嘉,林佳龍,綠媒老董,交通部,台灣</t>
  </si>
  <si>
    <t>蘋果,大陸,肺炎,樂觀,下降</t>
  </si>
  <si>
    <t>林昶佐,朱學恒,宅神,新冠肺炎,新冠病毒</t>
  </si>
  <si>
    <t>新冠肺炎,類固醇,重症,死亡率,20%</t>
  </si>
  <si>
    <t>病人,瑞德,肺炎,吉立亞,試驗</t>
  </si>
  <si>
    <t>口罩,帶風向,疫苗,研發,肺炎</t>
  </si>
  <si>
    <t>隔離,防疫,長榮,班機,居家</t>
  </si>
  <si>
    <t>新冠,病毒,川普,美國,檢測</t>
  </si>
  <si>
    <t>功能,肺炎,大型零售商,尖牙股,shopping</t>
  </si>
  <si>
    <t>新冠肺炎,外籍人士,來台就醫,防疫破口,孫大千</t>
  </si>
  <si>
    <t>準確性,央行,肺炎,台灣GDP,罕見</t>
  </si>
  <si>
    <t>疫情,大陸,監獄,病例,湖北</t>
  </si>
  <si>
    <t>紐籍機師,廣達,王任賢,新冠肺炎</t>
  </si>
  <si>
    <t>新冠肺炎,大陸移入個案,確診,陳志金,台灣</t>
  </si>
  <si>
    <t>新冠肺炎,台灣,蔡英文,防疫,週末</t>
  </si>
  <si>
    <t>CES,消費性電子展,線上展覽,取消,實體展覽</t>
  </si>
  <si>
    <t>新冠肺炎,台灣,張維倩,確診,市府</t>
  </si>
  <si>
    <t>江蘇台商,新冠肺炎,確診</t>
  </si>
  <si>
    <t>二級警戒,降級,口罩鬆綁,疫苗覆蓋率,新冠肺炎</t>
  </si>
  <si>
    <t>新冠肺炎,台灣,通報,男子,接種</t>
  </si>
  <si>
    <t>歐陽靖,新冠肺炎,本土確診,防疫,日本</t>
  </si>
  <si>
    <t>亂丟垃圾,民眾,肺炎, 台東,新冠肺炎</t>
  </si>
  <si>
    <t>日本女學生,確診,新冠肺炎,生活,台灣</t>
  </si>
  <si>
    <t>新冠肺炎病毒,非洲豬瘟,禽流感,瑞基</t>
  </si>
  <si>
    <t>新冠肺炎,台灣,酒客,金沙酒店,臨檢</t>
  </si>
  <si>
    <t>新冠肺炎,COVID-19,武漢肺炎,新型冠狀病毒,大陸</t>
  </si>
  <si>
    <t>戈貝爾,NBA,確診,死亡威脅,無限期停賽</t>
  </si>
  <si>
    <t>新冠肺炎,BNT,AZ,台灣,輝瑞</t>
  </si>
  <si>
    <t>#新冠肺炎#全球,新冠病毒,抗體,終身免疫,骨髓細胞</t>
  </si>
  <si>
    <t>機場,清潔人員,Delta,接觸者,個案</t>
  </si>
  <si>
    <t>靈鷲山,法會,城中城,新冠肺炎,台灣</t>
  </si>
  <si>
    <t>新冠肺炎,武漢肺炎,全球,法國,封城</t>
  </si>
  <si>
    <t>營運,中國,重點,中國大陸,肺炎</t>
  </si>
  <si>
    <t>距離,社交,疫情,學院,台大公衛</t>
  </si>
  <si>
    <t>新冠肺炎,台灣,  確診,學生,採檢</t>
  </si>
  <si>
    <t>Alexa,潘妮,姊姊,40,痛苦</t>
  </si>
  <si>
    <t>封城,民調,新冠肺炎,COVID-19,武漢肺炎</t>
  </si>
  <si>
    <t>新冠肺炎,台灣,死亡,採檢,溺水</t>
  </si>
  <si>
    <t>祥麟,能力,企業,肺炎,氣候變遷</t>
  </si>
  <si>
    <t>口罩,考場,肺炎,考試,戴口罩</t>
  </si>
  <si>
    <t>澳洲音樂家,新冠肺炎,樂團,NSO,音樂家</t>
  </si>
  <si>
    <t>蘋果,鴻海,凱基,肺炎,疫情</t>
  </si>
  <si>
    <t>新冠肺炎,台積電,永齡基金會,輝瑞／BNT,陳時中</t>
  </si>
  <si>
    <t>東京奧運,餐點,醜聞,主新聞中心,新冠肺炎</t>
  </si>
  <si>
    <t>口罩,傳染力,病毒,蝙蝠,冠狀病毒</t>
  </si>
  <si>
    <t>檢疫,風險評估,機制,機組人員,香港</t>
  </si>
  <si>
    <t>新冠肺炎,台灣,醫護人員,隔離,爺爺</t>
  </si>
  <si>
    <t>感染風險,胃藥,強效,新冠病毒,胃酸</t>
  </si>
  <si>
    <t>香園,餐廳,歇業,影響,Jenny</t>
  </si>
  <si>
    <t>肺炎,確定性,金融,布局,股債</t>
  </si>
  <si>
    <t>高端,王姿允,飢餓感,營養素,疫苗</t>
  </si>
  <si>
    <t>新冠病毒,新冠肺炎,武漢肺炎,COVID-19,台灣</t>
  </si>
  <si>
    <t>宋少卿,PTT,疫苗,新冠肺炎,台灣</t>
  </si>
  <si>
    <t>受害救濟,疫苗,死亡,初步結果,陳時中</t>
  </si>
  <si>
    <t>新冠肺炎,台灣,校正回歸,蘇一峰</t>
  </si>
  <si>
    <t>張修修,媽祖遶境,媽祖,風險,參加</t>
  </si>
  <si>
    <t>大陸,兩岸,台灣,新冠肺炎,疫情</t>
  </si>
  <si>
    <t>案12038,翁章梁,確診,接觸者,新冠肺炎</t>
  </si>
  <si>
    <t>六角,日出茶太,Chatime,股利,除息</t>
  </si>
  <si>
    <t>新冠肺炎,CONID-19,武漢肺炎,新型冠狀病毒,嘉義</t>
  </si>
  <si>
    <t>大陸,極端氣候,肺炎,楊金龍,金融</t>
  </si>
  <si>
    <t>關閉,蘋果,重啟計畫,企業,美國</t>
  </si>
  <si>
    <t>#新冠肺炎#全球,韓國,健身房,音樂,節奏</t>
  </si>
  <si>
    <t>普生,檢測,PCR,檢測試劑,快篩</t>
  </si>
  <si>
    <t>新冠肺炎,群聚感染,部立桃園醫院,確診</t>
  </si>
  <si>
    <t>林全能,新冠病毒核酸偵測儀,經濟部,快篩</t>
  </si>
  <si>
    <t>新冠肺炎,武漢肺炎,新型冠狀病毒,NCP,台灣</t>
  </si>
  <si>
    <t>IMF,GDP,2020年,下調,預期</t>
  </si>
  <si>
    <t>新冠肺炎,台灣,桃園,快篩,企業</t>
  </si>
  <si>
    <t>肺炎,同班機,返台,疫情,台灣</t>
  </si>
  <si>
    <t>新冠肺炎,台灣,   採檢,篩檢站,林右昌</t>
  </si>
  <si>
    <t>地方政府,中央指揮,指揮,肺炎,防治</t>
  </si>
  <si>
    <t>基本面,回升,關注,肺炎,葉宇真</t>
  </si>
  <si>
    <t>入境旅客,防疫車隊,桃機,檢疫,新冠肺炎</t>
  </si>
  <si>
    <t>全壘打王,漢克阿倫,貝比魯斯,新冠疫苗,新冠病毒</t>
  </si>
  <si>
    <t>新冠肺炎,台灣,失聯,台北市,確診者</t>
  </si>
  <si>
    <t>台北羽球公開賽,羽協,羽球,肺炎,選手</t>
  </si>
  <si>
    <t>新冠肺炎,台灣,戴口罩,取締,新北市警察局</t>
  </si>
  <si>
    <t>定存股,大盤,新冠肺炎,股票,PressPlay Academy</t>
  </si>
  <si>
    <t>香港,病例,唱歌,感染,新冠肺炎</t>
  </si>
  <si>
    <t>援外,口罩,質疑,配給,分配武漢肺炎</t>
  </si>
  <si>
    <t>新冠肺炎,CONID-19,武漢肺炎,新型冠狀病毒,鄭文燦</t>
  </si>
  <si>
    <t>圓點奈米,大量,全新,全球,核酸檢測</t>
  </si>
  <si>
    <t>鴻海,遠東新,華航,聚陽,長榮航</t>
  </si>
  <si>
    <t>施景中,當醫生,台灣,國外,醫生</t>
  </si>
  <si>
    <t>新冠肺炎,台灣,Global,Mall,落實</t>
  </si>
  <si>
    <t>范雲,3+11,疫情,新冠肺炎,防疫破口</t>
  </si>
  <si>
    <t>新冠肺炎測試,馬丁尼茲,國民隊,海盜隊,紅雀隊</t>
  </si>
  <si>
    <t>大陸,美國,法案,新冠肺炎,肺炎</t>
  </si>
  <si>
    <t>陳時中,莫德納,到貨,Novavax,新冠肺炎</t>
  </si>
  <si>
    <t>疫苗,接種疫苗,採購,新冠疫苗,群體免疫</t>
  </si>
  <si>
    <t>新冠肺炎,新型冠狀病毒,台中市府,歇業,金錢豹</t>
  </si>
  <si>
    <t>滅菌,民眾,員警,進出,消毒</t>
  </si>
  <si>
    <t>武漢肺炎,新型冠狀病毒,全球,英國,女王</t>
  </si>
  <si>
    <t>東京都知事,重申,東奧,新冠肺炎確診,數逾</t>
  </si>
  <si>
    <t>銷售暢旺,實驗室,肺炎,檢測試劑,腸胃道</t>
  </si>
  <si>
    <t>盧秀燕,酒店,舞廳,實名制,強力稽查</t>
  </si>
  <si>
    <t>李宗霖,新冠肺炎,武漢肺炎,新冠狀病毒,大陸</t>
  </si>
  <si>
    <t>世界,業務,新冠肺炎,永慶,房仲</t>
  </si>
  <si>
    <t>大陸,莆田,疫苗接種,新冠肺炎,福建</t>
  </si>
  <si>
    <t>醫院,特休,口罩,爛到,新冠肺炎</t>
  </si>
  <si>
    <t>鈔票,消毒,微波爐,銀行,新冠肺炎</t>
  </si>
  <si>
    <t>基隆,司機,計程車,新冠肺炎,鑽石公主號</t>
  </si>
  <si>
    <t>新冠肺炎,台灣,新竹市,接種,疫苗</t>
  </si>
  <si>
    <t>日股,指數,收跌,單日新,東京</t>
  </si>
  <si>
    <t>新冠肺炎,台灣,員警,婦人,勸導</t>
  </si>
  <si>
    <t>新冠肺炎,台灣,三軍總醫院,院區,確診</t>
  </si>
  <si>
    <t>每劑,Moderna,合約,新冠肺炎疫苗,簽下</t>
  </si>
  <si>
    <t>東京奧運,東奧,中華奧會,孫立群,國際奧會</t>
  </si>
  <si>
    <t>新冠病毒,新冠肺炎,武漢肺炎,COVID-19,疫情</t>
  </si>
  <si>
    <t>客戶,16,私人銀行,兆元,增加</t>
  </si>
  <si>
    <t>南投縣,國中小學,畢業旅行,暑假,疫情</t>
  </si>
  <si>
    <t>清明連假,第3波,新冠肺炎,墾丁,吳昌騰</t>
  </si>
  <si>
    <t>羅智強,紓困貸款,新冠肺炎,新冠病毒,台灣</t>
  </si>
  <si>
    <t>投資人,經濟成長率,中國,肺炎,觀察</t>
  </si>
  <si>
    <t>成長,北美半導體設備,肺炎,歷史新高,資本支出</t>
  </si>
  <si>
    <t>新冠肺炎,揚州,台企,生產,企業</t>
  </si>
  <si>
    <t>聯合,網路安全,組織,新冠肺炎,受訪企業</t>
  </si>
  <si>
    <t>試驗,高端疫苗,新冠肺炎,巴拉圭,第1劑</t>
  </si>
  <si>
    <t>新冠肺炎,台灣, 中壽,檢測,染疫</t>
  </si>
  <si>
    <t>疫苗,盧秀燕,揪團,防疫車,行動</t>
  </si>
  <si>
    <t>羅麗芬,首季虧損，每股虧損,4月營收,新冠肺炎,疫情</t>
  </si>
  <si>
    <t>無虞,農曆年前,聯盟,新國,國巨</t>
  </si>
  <si>
    <t>接種,蔡英文,賴清德,高端疫苗,新冠肺炎</t>
  </si>
  <si>
    <t>蝙蝠,蝙蝠洞,疫情,病毒,風險</t>
  </si>
  <si>
    <t>新冠肺炎,大陸,科興疫苗,疫苗,年齡</t>
  </si>
  <si>
    <t>本土,轉移,國中生,感染源不明,台灣</t>
  </si>
  <si>
    <t>沈富雄,種族歧視,譚德塞,疫情,新冠肺炎</t>
  </si>
  <si>
    <t>新冠肺炎,武漢肺炎,COVID-19,新型冠狀病毒,台灣</t>
  </si>
  <si>
    <t>群體免疫,抗體,數據,新冠病毒,陽性</t>
  </si>
  <si>
    <t>口罩,墾丁大街,人潮,完蛋,報復性出遊</t>
  </si>
  <si>
    <t>新冠肺炎,新型冠狀病毒, COVID-19,台灣,大陸</t>
  </si>
  <si>
    <t>患者,治療,南陽市,醫院,新冠肺炎</t>
  </si>
  <si>
    <t>新冠肺炎,台灣,試驗,新竹馬偕,高端</t>
  </si>
  <si>
    <t>擬定,業績,台商,員工,肺炎</t>
  </si>
  <si>
    <t>解封,三級警戒,疫苗,防疫排名,急診醫</t>
  </si>
  <si>
    <t>英國,變種病毒,疫情,新冠肺炎,陳玉珍</t>
  </si>
  <si>
    <t>紓困,薪資,補貼,國際,產業</t>
  </si>
  <si>
    <t>新冠肺炎,台灣,員警,流動,麻將館</t>
  </si>
  <si>
    <t>發燒,症狀,副作用,AZ,新冠肺炎</t>
  </si>
  <si>
    <t>肺炎,零售業,成長率,零售產業,黃柏</t>
  </si>
  <si>
    <t>高端疫苗,疫苗預約,意願登記,莫德納,AZ</t>
  </si>
  <si>
    <t>美國,區域,協議,新冠肺炎,防疫</t>
  </si>
  <si>
    <t>單日,韓國,新增病例,第六日,疫情升溫</t>
  </si>
  <si>
    <t>F-22,墜毀,隱形戰機,新冠肺炎,武漢肺炎</t>
  </si>
  <si>
    <t>AZ疫苗,蔡英文,疫苗,新冠肺炎,陳時中</t>
  </si>
  <si>
    <t>1分鐘看世界,國際新聞,全球新聞,中時電子報,世界衛生組織</t>
  </si>
  <si>
    <t>確診者,康復,羅一鈞,刁難,解隔單</t>
  </si>
  <si>
    <t>新冠肺炎,台灣,新北,侯友宜,北藝中心</t>
  </si>
  <si>
    <t>新冠肺炎,台灣,侯友宜,郭昆文,新北</t>
  </si>
  <si>
    <t>Omicron,鐘南山,變種病毒,基因檢測,疫苗研發</t>
  </si>
  <si>
    <t>川普,波頓,習近平,台灣,美國</t>
  </si>
  <si>
    <t>新冠肺炎,武漢肺炎,居家檢疫,義大利,隔離</t>
  </si>
  <si>
    <t>新冠肺炎,台灣,  蔬菜,新北果菜公司,民眾</t>
  </si>
  <si>
    <t>混打,陳時中,開放,AZ,疫苗</t>
  </si>
  <si>
    <t>鴻海,營收,毛利率,營益率,獲利</t>
  </si>
  <si>
    <t>新冠肺炎,台灣,學生,確診,PCR</t>
  </si>
  <si>
    <t>聯合,不動產業,勤業眾信,不動產,清鎮</t>
  </si>
  <si>
    <t>#新冠肺炎#台灣#全球,日本,AZ,113萬劑,疫苗</t>
  </si>
  <si>
    <t>境外移入,新冠肺炎,台灣,台北市,足跡</t>
  </si>
  <si>
    <t>醫師,看診,陳木榮,視訊,看診</t>
  </si>
  <si>
    <t>亞洲藏壽司,營收,毛利率,營益率,虧損</t>
  </si>
  <si>
    <t>陳時中,清明連假,過關,鬆懈,徵兆</t>
  </si>
  <si>
    <t>居家辦公,11景點,防疫,國家級警報,台灣</t>
  </si>
  <si>
    <t>新冠肺炎,申請,紓困金,民眾,紓困方案</t>
  </si>
  <si>
    <t>配合,新港,肺炎,延期,遶境</t>
  </si>
  <si>
    <t>員警,防疫,派出所,民眾,肺炎</t>
  </si>
  <si>
    <t>聯邦快遞,運費,新冠肺炎,FedEx,Frederick Smith</t>
  </si>
  <si>
    <t>新冠肺炎,台灣,接種,Omicron,莫德納</t>
  </si>
  <si>
    <t>病毒,澳洲,美國,台灣,全球</t>
  </si>
  <si>
    <t>羅一鈞,台大,跳級,沈政男,非洲行醫</t>
  </si>
  <si>
    <t>新冠肺炎,池江璃花子</t>
  </si>
  <si>
    <t>陳菊,肺炎,新冠,新冠肺炎,漁產</t>
  </si>
  <si>
    <t>新冠肺炎,台灣,SOP,環境,檢測</t>
  </si>
  <si>
    <t>移工,行政院,防疫,缺口,新冠肺炎</t>
  </si>
  <si>
    <t>BNT,疫苗,客製化,標籤,新冠肺炎</t>
  </si>
  <si>
    <t>新冠肺炎,武漢肺炎,新型冠狀病毒,台灣,被動採檢</t>
  </si>
  <si>
    <t>工業局,企業,租金,肺炎,土地租金</t>
  </si>
  <si>
    <t>生華科,新冠新藥,Silmitasertib,二期臨床</t>
  </si>
  <si>
    <t>李德維,BNT疫苗,永齡基金會,台積電,新冠肺炎</t>
  </si>
  <si>
    <t>朝陽科大,盧秀燕,新冠肺炎,台灣,師生</t>
  </si>
  <si>
    <t>口罩,戴上口罩,防疫新生活,國內,前線</t>
  </si>
  <si>
    <t>新冠肺炎,國際,宏都拉斯,薩爾瓦多,我國</t>
  </si>
  <si>
    <t>新冠肺炎,新型冠狀病毒,武漢肺炎,COVID-19,NCP</t>
  </si>
  <si>
    <t>大陸,肺炎,重要,內需,擴大</t>
  </si>
  <si>
    <t>魏如萱,清明連假,邊緣人,新冠肺炎,武漢肺炎</t>
  </si>
  <si>
    <t>新冠肺炎,疫情,法文歌,教洗手,超萌</t>
  </si>
  <si>
    <t>道瓊指數,期貨,美股,新冠肺炎,下跌</t>
  </si>
  <si>
    <t>疫苗,突破性感染,台灣,新冠肺炎,習性</t>
  </si>
  <si>
    <t>新冠肺炎,台灣,陽性,南投,台中</t>
  </si>
  <si>
    <t>新冠肺炎,台灣,防疫旅館,機場,桃園</t>
  </si>
  <si>
    <t>關於應對新冠肺炎疫情影響促進文化企業健康發展的若干措施,新冠肺炎,武漢肺炎,新冠狀病毒,全球</t>
  </si>
  <si>
    <t>獼猴,抗體,新冠肺炎,產生,研究人員</t>
  </si>
  <si>
    <t>大陸,肺炎,輸入,堵漏,疫情</t>
  </si>
  <si>
    <t>北市,清零,柯文哲,群聚,感染</t>
  </si>
  <si>
    <t>法人,肺炎,各產業,半導體產業,科技產業</t>
  </si>
  <si>
    <t>墾丁大街,周末,管制,連假,新冠肺炎</t>
  </si>
  <si>
    <t>吳欣岱,基進黨,罷韓,國家機器,台灣醫事行動聯盟</t>
  </si>
  <si>
    <t>張上淳,復出,指揮中心,疾管署,奎寧</t>
  </si>
  <si>
    <t>策略,工研院,導入,技術,工研</t>
  </si>
  <si>
    <t>足跡,葉毓蘭,台大,防疫,新型冠狀病毒</t>
  </si>
  <si>
    <t>新冠肺炎,台灣,移工,服務站,相關</t>
  </si>
  <si>
    <t>兒童,移民,美國,新型冠狀病毒,拘留所</t>
  </si>
  <si>
    <t>足跡,全聯,好市多,家樂福,新冠肺炎</t>
  </si>
  <si>
    <t>戈貝爾,米契爾,不和,NBA,爵士</t>
  </si>
  <si>
    <t>海軍,盤石艦、敦睦艦隊,24確診,全台足跡,9縣市</t>
  </si>
  <si>
    <t>美國,英國,新冠肺炎,糧食危機,奢華排名</t>
  </si>
  <si>
    <t>美國暴動,非裔男,驗屍,佛洛伊德,新冠肺炎</t>
  </si>
  <si>
    <t>台灣,新冠肺炎,入境,暫緩,居留證</t>
  </si>
  <si>
    <t>新冠肺炎,台灣,大陸,方艙醫院,一般旅館</t>
  </si>
  <si>
    <t>李美慧,曾文豪,御用宮女,豪門,百億富商</t>
  </si>
  <si>
    <t>何栢良,新冠肺炎,大陸,香港,回港易</t>
  </si>
  <si>
    <t>金管會,保險業,壽險,產險,淨匯損</t>
  </si>
  <si>
    <t>新冠肺炎,武漢肺炎,新型冠狀病毒,台灣,機場</t>
  </si>
  <si>
    <t>亞洲,羽球,馬尼拉,錦標賽,4月</t>
  </si>
  <si>
    <t>新冠肺炎,台灣,嘉義,幼兒園,停課</t>
  </si>
  <si>
    <t>唐鳳,假訊息,民主彩球,新冠肺炎,武漢肺炎</t>
  </si>
  <si>
    <t>陳時中,中央,審核,審查,民眾</t>
  </si>
  <si>
    <t>企業,復工,河南省,工業,新聞</t>
  </si>
  <si>
    <t>日本,Omicron,變種病毒,新冠肺炎,疫苗</t>
  </si>
  <si>
    <t>小S,徐熙娣,口罩之亂,社群,神隱</t>
  </si>
  <si>
    <t>國巨,凱美,九豪,奇力新,農曆年</t>
  </si>
  <si>
    <t>新北,開放,幼兒園,新冠肺炎,台灣</t>
  </si>
  <si>
    <t>董智森,綠營,台灣,世衛,新冠肺炎</t>
  </si>
  <si>
    <t>成長,業績,衰退,肺炎,保單</t>
  </si>
  <si>
    <t>張穎,新冠肺炎,大陸,天津市,福爾摩斯</t>
  </si>
  <si>
    <t>聽證會,肺炎,工具,經濟,美國經濟</t>
  </si>
  <si>
    <t>信義區,北市,確診數,分租套房,新冠肺炎</t>
  </si>
  <si>
    <t>體育署,大樓,保全,同仁,體育</t>
  </si>
  <si>
    <t>陳時中,SOP,中研院,確診,手套</t>
  </si>
  <si>
    <t>美國,中國,把新,肺炎,病毒</t>
  </si>
  <si>
    <t>收入,街頭藝人,肺炎,苦撐,申請</t>
  </si>
  <si>
    <t>校正回歸,篩檢,陳時中,疫情,防疫</t>
  </si>
  <si>
    <t>再報,肺炎,生華科,新藥臨床</t>
  </si>
  <si>
    <t>林志玲,喊話,大家都,AKIRA,志玲姐姐</t>
  </si>
  <si>
    <t>新冠肺炎,台灣,鄭文燦,球框,公園</t>
  </si>
  <si>
    <t>採檢,房務,主管,美國,檢疫</t>
  </si>
  <si>
    <t>防疫,桃園機場,蔡英文,新冠肺炎,武漢肺炎</t>
  </si>
  <si>
    <t>新冠肺炎,台灣,劉畊宏,王婉霏</t>
  </si>
  <si>
    <t>#新冠肺炎#中國大陸#全球,血液樣本,武漢,檢測,捐血</t>
  </si>
  <si>
    <t>國家戰略,美國,拜登,肺炎,戴口罩</t>
  </si>
  <si>
    <t>疫苗,施打,群體免疫,新冠肺炎病毒,陳秀熙</t>
  </si>
  <si>
    <t>新冠肺炎,武漢肺炎,新型冠狀病毒,COVID-19,美國</t>
  </si>
  <si>
    <t>川普,肺炎,病毒,民主黨,社區</t>
  </si>
  <si>
    <t>新冠肺炎,武漢肺炎,COVID-19,台灣,會館</t>
  </si>
  <si>
    <t>新冠肺炎,台灣,Omicron,變種病毒,邱臣遠</t>
  </si>
  <si>
    <t>黃珊珊,匡列,北市,刪除,居隔</t>
  </si>
  <si>
    <t>新冠肺炎,台灣,林濁水,44名,民進黨</t>
  </si>
  <si>
    <t>今健康,新冠肺炎,台灣,低血氧,快樂缺氧</t>
  </si>
  <si>
    <t>NOW健康,新冠肺炎,台灣,清冠一號,中藥</t>
  </si>
  <si>
    <t>嵐,新冠肺炎</t>
  </si>
  <si>
    <t>陳時中,3+11,破口,負責,范雲</t>
  </si>
  <si>
    <t>超級英雄,北美票房,觀影,肺炎,關閉</t>
  </si>
  <si>
    <t>AZ,meiji,冰淇淋,疫苗,明治</t>
  </si>
  <si>
    <t>家長,連假出遊,11,幼教老師,調查</t>
  </si>
  <si>
    <t>確診,新冠肺炎,雙北,台灣,死亡</t>
  </si>
  <si>
    <t>宅配,包裹,酒精,通風,英國變種病毒</t>
  </si>
  <si>
    <t>肺炎,藝術,線上導覽,大山,舉辦</t>
  </si>
  <si>
    <t>扣除額,繳稅,綠委,財長</t>
  </si>
  <si>
    <t>新冠肺炎,台灣,紓困,勞工,生活補貼</t>
  </si>
  <si>
    <t>新冠肺炎,The Flaming Lips,烈焰紅唇,泡泡,演唱會</t>
  </si>
  <si>
    <t>新冠肺炎,新冠病毒,海巡署,新建,4000噸</t>
  </si>
  <si>
    <t>新冠肺炎,大賣場,搶購,囤貨,身心失調</t>
  </si>
  <si>
    <t>金管會,國銀,銀行業,獲利,國內總分行</t>
  </si>
  <si>
    <t>車載面板,衰退,手機面板,肺炎,車廠</t>
  </si>
  <si>
    <t>疫苗,周江杰,民進黨,新冠肺炎,台灣</t>
  </si>
  <si>
    <t>周玉蔻,好心肝診所,特權,新冠肺炎,游淑慧</t>
  </si>
  <si>
    <t>醫護,防疫,新冠肺炎,護理師,皺褶</t>
  </si>
  <si>
    <t>宅經濟,防疫,Kono電子雜誌,線上雜誌,免費</t>
  </si>
  <si>
    <t>新冠肺炎,台灣,副機師,訪友,80萬</t>
  </si>
  <si>
    <t>今國光,華新,職缺,加工處,技術員</t>
  </si>
  <si>
    <t>疫苗,孫大千,陳時中,新冠肺炎,衛福部</t>
  </si>
  <si>
    <t>新竹馬偕醫院,越冷,肺炎,重點,病毒</t>
  </si>
  <si>
    <t>閉門比賽,新冠肺炎,詹姆斯</t>
  </si>
  <si>
    <t>台灣,WHO,武漢肺炎,新型冠狀病毒,新冠肺炎</t>
  </si>
  <si>
    <t>高端疫苗,陳建煒,食藥署,EUA,技術</t>
  </si>
  <si>
    <t>世紀,全新,稀土,美國,電池</t>
  </si>
  <si>
    <t>疫情,新冠肺炎,經濟,衝擊,問題</t>
  </si>
  <si>
    <t>混打,醫療院所,第15輪,AZ,BNT</t>
  </si>
  <si>
    <t>陳建仁,新冠肺炎,接觸史,隔離,CNN</t>
  </si>
  <si>
    <t>北韓,辛拉麵,進口,官員,物資</t>
  </si>
  <si>
    <t>陳時中,口罩,社交距離,網友,新冠肺炎</t>
  </si>
  <si>
    <t>新冠肺炎,NBA,復賽,拉斯維加斯,迪士尼</t>
  </si>
  <si>
    <t>宗教,留言,線上祈福,祈福,保生大帝</t>
  </si>
  <si>
    <t>降息,資本,肺炎,穩住,各壽險</t>
  </si>
  <si>
    <t>新冠肺炎,台灣,嘉義,警消,施打</t>
  </si>
  <si>
    <t>NBA,湖人,復賽,布雷德利,霍華</t>
  </si>
  <si>
    <t>Malcolm Brogdon,黑人,溜馬,美國,NBA</t>
  </si>
  <si>
    <t>交易總額,台北市,土地交易金額,肺炎,興富發</t>
  </si>
  <si>
    <t>死亡個案,慢性病,確診,新冠肺炎,台灣</t>
  </si>
  <si>
    <t>說法,記者會上,肺炎,陸委會,一詞</t>
  </si>
  <si>
    <t>歐陽娜娜,大陸人,對岸,國慶,新冠肺炎</t>
  </si>
  <si>
    <t>全球,數字,派息,股息,全球企業</t>
  </si>
  <si>
    <t>苗栗國,生產口罩,鄉親,600萬,口罩荒</t>
  </si>
  <si>
    <t>香港,紙鈔,新冠肺炎,新冠病毒,全球</t>
  </si>
  <si>
    <t>世界,首富,馬斯克,貝佐斯,饑荒</t>
  </si>
  <si>
    <t>印度,新冠肺炎,疫情,孟買</t>
  </si>
  <si>
    <t>蘇貞昌,新冠肺炎,打第二劑,台灣,疫苗</t>
  </si>
  <si>
    <t>緬甸,中和,2020,民眾,新北市</t>
  </si>
  <si>
    <t>確診者,新冠肺炎,COVID-19,臉書,起訴</t>
  </si>
  <si>
    <t>抗體,肺炎,製藥,血漿,藥商</t>
  </si>
  <si>
    <t>中概股,企業,肺炎,大陸互聯網金融,累計</t>
  </si>
  <si>
    <t>申請,經發局,復業,業者,視聽</t>
  </si>
  <si>
    <t>新冠病毒,新冠肺炎,武漢肺炎,全球,100萬</t>
  </si>
  <si>
    <t>貝克漢,隔離,台灣人,求援,新冠肺炎</t>
  </si>
  <si>
    <t>新北市,長照機構,侯友宜,防疫,逆時中</t>
  </si>
  <si>
    <t>配戴口罩,人潮,連假,擁擠,民眾</t>
  </si>
  <si>
    <t>季後賽,投進,三分球,林書豪,CBA</t>
  </si>
  <si>
    <t>保險,大聯盟,MLB,新冠肺炎,武漢肺炎</t>
  </si>
  <si>
    <t>新冠肺炎,台灣,   篩檢,京元電,竹南廠</t>
  </si>
  <si>
    <t>AZ,接種,殘劑,BNT,打完</t>
  </si>
  <si>
    <t>肺炎,建智,弱勢,財務,族群</t>
  </si>
  <si>
    <t>滿意,滿意度,肺炎,六都,侯友宜</t>
  </si>
  <si>
    <t>AV,新冠肺炎,產業,跟風,災難片</t>
  </si>
  <si>
    <t>八大場所,指揮中心,戴口罩,新冠肺炎</t>
  </si>
  <si>
    <t>外籍看護,北港鎮,雲林縣,台灣,新冠肺炎</t>
  </si>
  <si>
    <t>快篩,縣府,全數,全廠,陰性</t>
  </si>
  <si>
    <t>新冠肺炎,台灣,實驗室,中研院,老鼠</t>
  </si>
  <si>
    <t>美國,肺炎,補償,警示,疫情</t>
  </si>
  <si>
    <t>新冠肺炎,台灣,勞動部,安心即時上工,鍾佳濱</t>
  </si>
  <si>
    <t>新冠肺炎,台灣,預約系統,疫苗,預約資格</t>
  </si>
  <si>
    <t>台灣,美國政府,捐贈,莫德納,新冠肺炎</t>
  </si>
  <si>
    <t>疫苗,第三劑,台灣,新冠肺炎,以色列</t>
  </si>
  <si>
    <t>台東,南迴藝術季,饒慶鈴,餐敘,隔板</t>
  </si>
  <si>
    <t>海軍,梅家樹,人員,參與,家屬</t>
  </si>
  <si>
    <t>黃宥嘉,眼科醫生,捷運,新冠肺炎,台灣</t>
  </si>
  <si>
    <t>衛生紙,新冠肺炎,疫情,本能,武漢肺炎</t>
  </si>
  <si>
    <t>新冠肺炎,武漢肺炎,新型冠狀病毒,台灣,出訪</t>
  </si>
  <si>
    <t>岡村隆史,引發,言論,新冠肺炎,疫情</t>
  </si>
  <si>
    <t>康健雜誌,AZ疫苗,新冠肺炎,輝瑞疫苗,默德納</t>
  </si>
  <si>
    <t>台灣,新冠肺炎,中和抗體,高端疫苗,保護力</t>
  </si>
  <si>
    <t>投資人,新北環,捷運,新北市捷運局,興建</t>
  </si>
  <si>
    <t>新冠肺炎,台灣,百貨業,零業績</t>
  </si>
  <si>
    <t>中國附醫,肺炎,臍帶,趨勢科技,重症患</t>
  </si>
  <si>
    <t>新冠,女教授,視訊,死亡,阿根廷</t>
  </si>
  <si>
    <t>印尼,學生,標準,傳出,確診案例</t>
  </si>
  <si>
    <t>#新冠肺炎#全球,美國,突破性感染,CDC,住院</t>
  </si>
  <si>
    <t>新報,東京,破紀錄,紀錄,地區</t>
  </si>
  <si>
    <t>英國變種病毒,發燒,少年,新冠肺炎</t>
  </si>
  <si>
    <t>#新冠肺炎#全球,Omicron,聖誕禮物,終結,疫情</t>
  </si>
  <si>
    <t>蘋果,Pro,疫苗,iPhone,金價</t>
  </si>
  <si>
    <t>養生,生活,陳時中,量能,親臨</t>
  </si>
  <si>
    <t>新冠肺炎,台灣,護目鏡,結膜,揉眼睛</t>
  </si>
  <si>
    <t>患者,疾病,心臟,心血管,新冠肺炎</t>
  </si>
  <si>
    <t>金管會,國銀,分行,獲利,衰退</t>
  </si>
  <si>
    <t>新冠肺炎,台灣,經濟部,辦公,分區</t>
  </si>
  <si>
    <t>混打,預約,莫德納,BNT,接種</t>
  </si>
  <si>
    <t>紐西蘭航空,暫停,30日,航線,6月</t>
  </si>
  <si>
    <t>#新冠肺炎#全球,Omicron,感冒,病毒,傳染</t>
  </si>
  <si>
    <t>陳政聞,高雄,網友,墾丁,蘇貞昌</t>
  </si>
  <si>
    <t>全院採檢,清零計畫,新冠肺炎,部立桃園醫院</t>
  </si>
  <si>
    <t>武漢肺炎,新形冠狀病毒,新冠肺炎,COVID-19,異地辦公</t>
  </si>
  <si>
    <t>第三劑,李秉穎,疫苗,接種,混打</t>
  </si>
  <si>
    <t>隱瞞,案54,確診,契約,求償</t>
  </si>
  <si>
    <t>林口廠,採檢,員工,新北市衛生局,桃園</t>
  </si>
  <si>
    <t>新冠肺炎,台灣, 新竹,石門水庫,供5停2</t>
  </si>
  <si>
    <t>假消息,疫苗,台南,接種,第二劑</t>
  </si>
  <si>
    <t>美國,肺炎,病毒,採取,概念</t>
  </si>
  <si>
    <t>新冠肺炎,武漢肺炎,新型冠狀病毒,NCP ,全球</t>
  </si>
  <si>
    <t>新冠肺炎,台灣,江啟臣,應該,民眾</t>
  </si>
  <si>
    <t>面試,求職,新冠肺炎,應屆畢業生,緊張</t>
  </si>
  <si>
    <t>新冠肺炎,台北市,柯文哲,台灣,日本</t>
  </si>
  <si>
    <t>三級警戒,解除,雙北,解封,新冠肺炎</t>
  </si>
  <si>
    <t>新冠肺炎,拜登,川普,疫苗,接種</t>
  </si>
  <si>
    <t>三級警戒,延長,陳時中,死亡個案,新冠肺炎</t>
  </si>
  <si>
    <t>批發,人員,新發地,北京,社區</t>
  </si>
  <si>
    <t>陳時中哭了,新冠肺炎,台灣,萬惡源頭,3+11</t>
  </si>
  <si>
    <t>金門,馬拉松,新冠肺炎,武漢肺炎,台灣</t>
  </si>
  <si>
    <t>新北,美濃,高雄,新冠肺炎,台灣</t>
  </si>
  <si>
    <t>新冠肺炎,採檢,PCR,陽性,確診</t>
  </si>
  <si>
    <t>部份,大陸,表現,國家,疫情</t>
  </si>
  <si>
    <t>新天地,韓國,治療,入院,大邱</t>
  </si>
  <si>
    <t>新冠肺炎,武漢肺炎,新型冠狀病毒,台灣,車長</t>
  </si>
  <si>
    <t>PCR,京元電,採檢,移工群聚,竹南廠</t>
  </si>
  <si>
    <t>萎縮,肺炎,表現,印度,全球經濟</t>
  </si>
  <si>
    <t>新冠肺炎,台灣,7+7,同住家人,侯友宜</t>
  </si>
  <si>
    <t>新冠肺炎,台灣,居服員,確診,中央流行疫情指揮中心</t>
  </si>
  <si>
    <t>新冠肺炎,台灣, 上傳,App,確診者</t>
  </si>
  <si>
    <t>新冠肺炎,台灣,  確診,1人,足跡</t>
  </si>
  <si>
    <t>陳時中,國藥,科興,疫苗黃卡,註記</t>
  </si>
  <si>
    <t>新冠肺炎,台灣,死亡率,個案,原因</t>
  </si>
  <si>
    <t>新冠肺炎,新型冠狀病毒,台灣,台中市西屯區公所,防疫</t>
  </si>
  <si>
    <t>多家大型,健檢,醫院,納入,FDA</t>
  </si>
  <si>
    <t>亞太經合會,APEC,會員國,聲明,亞太社群</t>
  </si>
  <si>
    <t>新藥,新冠肺炎,宣昶有,治療,UMC</t>
  </si>
  <si>
    <t>運動員,確診,參加,帥哥,空手道</t>
  </si>
  <si>
    <t>遺體處理,屍袋,台南市政府,肺炎,火化</t>
  </si>
  <si>
    <t>新冠肺炎,武漢肺炎,新型冠狀病毒,確診,恆河</t>
  </si>
  <si>
    <t>新冠肺炎,台灣,林士峰,疫苗,柯文哲</t>
  </si>
  <si>
    <t>英國,金融時報指數,英股,新冠肺炎</t>
  </si>
  <si>
    <t>紓困,陳時中,六都,有土地,新竹市</t>
  </si>
  <si>
    <t>企業,肺炎,億歐,紓困,擔保</t>
  </si>
  <si>
    <t>疫情,民進黨,孫大千,疫苗,新冠肺炎</t>
  </si>
  <si>
    <t>鄭照新,拜登,中國,武漢,民進黨</t>
  </si>
  <si>
    <t>黃立民,前線,肺炎,澳洲,一線</t>
  </si>
  <si>
    <t>武漢肺炎,趙少康,新冠肺炎,陳時中,篩檢</t>
  </si>
  <si>
    <t>治療,死亡風險,患者,新冠肺炎,疫情</t>
  </si>
  <si>
    <t>新冠肺炎,何志偉,武漢肺炎,COVID-19,台灣</t>
  </si>
  <si>
    <t>新冠肺炎,NCP,新加坡,日本,確診</t>
  </si>
  <si>
    <t>新藥,肺炎,臨床試驗,申請,收案</t>
  </si>
  <si>
    <t>川普,美國,肺炎,德塞,退出</t>
  </si>
  <si>
    <t>黃偉哲,紓困金,防疫新生活,防疫人員,台南市</t>
  </si>
  <si>
    <t>防疫概念股,肺炎,盤面,日韓,高峰</t>
  </si>
  <si>
    <t>新冠肺炎,台灣,新型冠狀病毒,NCP,高雄</t>
  </si>
  <si>
    <t>情況,隔離治療,16人,六院,患者</t>
  </si>
  <si>
    <t>新冠病毒,新冠肺炎,武漢肺炎,譚德賽,WHO</t>
  </si>
  <si>
    <t>隨機殺人,新冠肺炎,疫情,發生,許福生</t>
  </si>
  <si>
    <t>新冠肺炎,台灣,國產疫苗,羅智強,蔡英文</t>
  </si>
  <si>
    <t>新冠肺炎,武漢肺炎,新型冠狀病毒,COVID-19,譚德塞</t>
  </si>
  <si>
    <t>新冠肺炎,台灣,  確診,陽性,新竹縣</t>
  </si>
  <si>
    <t>穆迪埃,戈貝爾,米契爾,新冠肺炎,爵士</t>
  </si>
  <si>
    <t>愛爾蘭,新冠肺炎,極端,咳血,捐血</t>
  </si>
  <si>
    <t>大聯大,新冠肺炎,5G,電子商路,數位商務</t>
  </si>
  <si>
    <t>新冠肺炎,武漢肺炎,新型冠狀病毒,NCP,衛生紙</t>
  </si>
  <si>
    <t>新冠肺炎,大陸,瑞麗,雲南,疫情</t>
  </si>
  <si>
    <t>新冠肺炎,台灣,   確診,匡列,84</t>
  </si>
  <si>
    <t>三級警戒,四級警戒,移工,京元電,王明鉅</t>
  </si>
  <si>
    <t>外銷,黃金城,口蹄疫,肺炎,豬肉</t>
  </si>
  <si>
    <t>澎湖縣,賴峰偉,清明法會,葉竹林,馬公</t>
  </si>
  <si>
    <t>新冠肺炎,CONID-19,武漢肺炎,新型冠狀病毒,大陸</t>
  </si>
  <si>
    <t>新冠肺炎,武漢肺炎,新型冠狀病毒,NCP,醫務人員</t>
  </si>
  <si>
    <t>帛琉,肺炎,技術,物資,協助</t>
  </si>
  <si>
    <t>台股,盤中,美股,大立光,鴻海</t>
  </si>
  <si>
    <t>群益證,新冠肺炎,台灣,群益,陽性</t>
  </si>
  <si>
    <t>吳佩慈,紀曉波,疫苗,新冠肺炎,台灣</t>
  </si>
  <si>
    <t>嗅覺,味覺,新冠肺炎,武漢肺炎,藤浪晋太郎</t>
  </si>
  <si>
    <t>黃宗仁,民防,新莊,視訊,績優</t>
  </si>
  <si>
    <t>莊人祥,入境,7+7,疫苗,台灣</t>
  </si>
  <si>
    <t>企業信貸,購買ETF,肺炎,融資,買進</t>
  </si>
  <si>
    <t>國衛院,研發疫苗,第四季,瓶頸,第4季</t>
  </si>
  <si>
    <t>胡宇威,我在北京等你, 新冠肺炎,武漢肺炎,新冠狀病毒</t>
  </si>
  <si>
    <t>新冠肺炎,武漢肺炎,新冠病毒,COVID-19,大陸</t>
  </si>
  <si>
    <t>新冠肺炎,台灣,宜蘭縣,確診,疫苗接種</t>
  </si>
  <si>
    <t>國產疫苗,新冠肺炎,高端,聯亞,台灣</t>
  </si>
  <si>
    <t>Delta變異株,柯文哲,預言,印度變種病毒,台灣</t>
  </si>
  <si>
    <t>延緩繳稅,各部會,肺炎,盤點,加碼</t>
  </si>
  <si>
    <t>新冠肺炎,台灣,侯友宜,發病日,新北市</t>
  </si>
  <si>
    <t>徐國勇,大甲媽,新冠肺炎,內政部,肺炎</t>
  </si>
  <si>
    <t>三星,Galaxy,Note 20,Fold 2,發表會</t>
  </si>
  <si>
    <t>陳揮文,民調,韓國瑜,高雄,台南</t>
  </si>
  <si>
    <t>傅健穎,歌手,大馬,新冠肺炎,全球</t>
  </si>
  <si>
    <t>新冠肺炎,台灣,匡列,接觸者,醫師</t>
  </si>
  <si>
    <t>隔離,北韓,新冠肺炎</t>
  </si>
  <si>
    <t>新冠肺炎,台灣,疫苗,賴士葆,編列</t>
  </si>
  <si>
    <t>康復者,復陽性,新冠病毒,肺部</t>
  </si>
  <si>
    <t>里長,年輕,環境,里民,新北</t>
  </si>
  <si>
    <t>盧秀燕,新冠肺炎,武漢肺炎,新型冠狀病毒,NCP</t>
  </si>
  <si>
    <t>杰力,MOSFET,金屬氧化物半導體場效電晶體,PC,NB</t>
  </si>
  <si>
    <t>肺炎,大甲媽祖遶境,彈性因應,疫情,帶頭</t>
  </si>
  <si>
    <t>新北幼兒園,停課,擴大,羅致政,新冠肺炎</t>
  </si>
  <si>
    <t>AZ,波蘭,波蘭贈疫苗,副作用,發燒</t>
  </si>
  <si>
    <t>高端,猝逝,死因,台灣,新冠肺炎</t>
  </si>
  <si>
    <t>新冠肺炎,快篩試劑,四大超商,居家快篩,抗原快篩</t>
  </si>
  <si>
    <t>疫苗,長照,新冠肺炎,鄭正鈐,台灣</t>
  </si>
  <si>
    <t>新冠肺炎,台灣,陳時中,染疫,匡列</t>
  </si>
  <si>
    <t>大規模接種,疫苗,副作用,台灣,新冠肺炎</t>
  </si>
  <si>
    <t>新冠肺炎,武漢肺炎,新型冠狀病毒,台灣,高鐵</t>
  </si>
  <si>
    <t>新塭嘉應廟,慶典,天王,台南,遶境</t>
  </si>
  <si>
    <t>新冠肺炎,台灣,民眾,確診,假訊息</t>
  </si>
  <si>
    <t>新冠肺炎,台灣,接種,心肌炎,心包膜炎</t>
  </si>
  <si>
    <t>新冠肺炎，疫情，高峰，境外輸入，反撲，大流感，二次暴發，社會疏離，源頭，宿主</t>
  </si>
  <si>
    <t>外包人員,染疫,侯友宜,台電,確診</t>
  </si>
  <si>
    <t>新冠肺炎,台灣,辦公室,清潔人員,游錫堃</t>
  </si>
  <si>
    <t>歐盟,台灣,名單,國家,入境</t>
  </si>
  <si>
    <t xml:space="preserve"> 新冠肺炎,台灣,莫德納,指揮中心,未來</t>
  </si>
  <si>
    <t>台灣,防疫,紐約,我們,報導</t>
  </si>
  <si>
    <t>北市,疫苗,BNT,殘劑,柯文哲</t>
  </si>
  <si>
    <t>謝金燕,新冠肺炎,演唱會</t>
  </si>
  <si>
    <t>全面普篩,普篩,黃創夏,醫護人員,新冠肺炎</t>
  </si>
  <si>
    <t>大陸,補貼,企業,肺炎,歐盟</t>
  </si>
  <si>
    <t>台積電,鴻海,大立光,IC設計,聯發科</t>
  </si>
  <si>
    <t>孫春蘭,大陸,甘肅,內蒙古,新冠肺炎</t>
  </si>
  <si>
    <t>接種,AZ,BNT,開放,預約</t>
  </si>
  <si>
    <t>#新冠肺炎#全球,AZ,T細胞,訓練營,終生</t>
  </si>
  <si>
    <t>新冠肺炎,台灣,確診,確診者,特殊交友圈</t>
  </si>
  <si>
    <t xml:space="preserve"> 新冠肺炎,台灣,新型冠狀病毒,打麻將,高雄</t>
  </si>
  <si>
    <t>新住民,宣導,防範,移民署,網絡</t>
  </si>
  <si>
    <t>新冠肺炎,疫情,生醫,智擎,雙美</t>
  </si>
  <si>
    <t>歐陽娜娜,IG,終於,回來了,大陸</t>
  </si>
  <si>
    <t>陳玉珍,物流,口罩,政策,新冠肺炎</t>
  </si>
  <si>
    <t>大陸,張文,肺炎,輕症,西醫</t>
  </si>
  <si>
    <t>陳時中,桃醫危機,民進黨,台北市長,新北市長</t>
  </si>
  <si>
    <t>愚人節,疫情,蔡英文,新冠肺炎,新冠病毒</t>
  </si>
  <si>
    <t>機師,苗栗,老家,集中檢疫,台灣</t>
  </si>
  <si>
    <t>陳時中,防疫,台灣,210萬,社會成本</t>
  </si>
  <si>
    <t>學生,津貼,學校,停課,武漢肺炎</t>
  </si>
  <si>
    <t>馬來西亞,央行,降息,經濟,新冠肺炎</t>
  </si>
  <si>
    <t>新冠肺炎,疫情,台積電,大立光,鴻海</t>
  </si>
  <si>
    <t>降一級,八大行業,郵輪,解禁,指揮中心</t>
  </si>
  <si>
    <t>新冠肺炎,大立光,鴻海,台積電,聯發科</t>
  </si>
  <si>
    <t>新冠肺炎,台灣,長照機構,順位,救護人員</t>
  </si>
  <si>
    <t>新冠肺炎,高雄,觀光,住宿,飯店</t>
  </si>
  <si>
    <t>新冠肺炎,台灣,前線,防護罩,防疫</t>
  </si>
  <si>
    <t>暫緩實施,流動性,美國,肺炎,庫藏股</t>
  </si>
  <si>
    <t>新冠肺炎,台灣,新莊體育館,口罩,日光浴</t>
  </si>
  <si>
    <t>新冠肺炎,社區傳播,首例,口罩之亂,武漢肺炎</t>
  </si>
  <si>
    <t>新冠肺炎,武漢肺炎,台灣,COVID-19,防疫措施</t>
  </si>
  <si>
    <t>莫德納,疫苗,台南火車站,台南文化中心,新冠肺炎</t>
  </si>
  <si>
    <t>南韓,新冠肺炎,延後開學,時間,學校</t>
  </si>
  <si>
    <t>首歌,肺炎,伴侶,改編,羅大佑</t>
  </si>
  <si>
    <t>經費,防疫,童玩節,宜蘭縣,新冠肺炎</t>
  </si>
  <si>
    <t>生醫,園區,肺癌,急診,電腦</t>
  </si>
  <si>
    <t>死亡人數,累計,西班牙,萬例,暴增</t>
  </si>
  <si>
    <t>新冠肺炎,台灣,變異株,印度</t>
  </si>
  <si>
    <t>快篩,新冠肺炎,台灣,北市,校正回歸</t>
  </si>
  <si>
    <t>黃敏惠,嘉義,新北,侯友宜,新北市</t>
  </si>
  <si>
    <t>疫苗覆蓋率,疫苗,接種,神比喻,謝宗學</t>
  </si>
  <si>
    <t>印度,川普,新冠肺炎,莫迪,武漢肺炎</t>
  </si>
  <si>
    <t>確診者,採檢,PCR,Delta,安南區</t>
  </si>
  <si>
    <t>台南,國光生,安特羅,臨床試驗,新冠疫苗</t>
  </si>
  <si>
    <t>世界,新興,詐欺,即時,監控</t>
  </si>
  <si>
    <t>口罩,業者,中小,產能,武漢肺炎</t>
  </si>
  <si>
    <t>陳雷,大馬,女兒,新冠肺炎,武漢肺炎</t>
  </si>
  <si>
    <t>全球,威潤,UV,旭化成,消毒</t>
  </si>
  <si>
    <t>新冠肺炎,台灣,確診,採檢,抗原快篩</t>
  </si>
  <si>
    <t>接種,疫苗,死因,解剖,COVID-19</t>
  </si>
  <si>
    <t>醫護人員,收治,疫情,央北,市府</t>
  </si>
  <si>
    <t>恩主公醫院,疫苗,肺炎,靜思堂,新店</t>
  </si>
  <si>
    <t>病毒,傳染病,林大利,不是故意,防疫</t>
  </si>
  <si>
    <t>新生兒,防護面罩,嘉義市,嘉基醫院,捐贈</t>
  </si>
  <si>
    <t>川普,強森,美國,民調,新冠肺炎</t>
  </si>
  <si>
    <t>席爾佛,復賽,新冠肺炎,NBA</t>
  </si>
  <si>
    <t>理賠,失能險,新冠肺炎,給付,級失能</t>
  </si>
  <si>
    <t>協議,疫苗,羅氏,肺炎,重症患</t>
  </si>
  <si>
    <t>新冠肺炎,武漢肺炎,新型冠狀病毒,COVID-19,香港</t>
  </si>
  <si>
    <t>新冠肺炎,台灣,新北,侯友宜,永和</t>
  </si>
  <si>
    <t>新冠肺炎,武漢肺炎,新型冠狀病毒,COVID-19,養老院</t>
  </si>
  <si>
    <t>聯發科,5G,智慧機,ASP, ARM</t>
  </si>
  <si>
    <t>外食,譚敦慈,餐廳,勞工紓困補助申請,桂林路家樂福</t>
  </si>
  <si>
    <t>Delta,變種病毒,100%,疫苗,傳統防疫</t>
  </si>
  <si>
    <t>新冠肺炎,台灣,高端疫苗,國產疫苗,採購</t>
  </si>
  <si>
    <t>指數,歐元,疲軟,歐股</t>
  </si>
  <si>
    <t>大陸,法里德,白宮,來自,美國</t>
  </si>
  <si>
    <t>新冠肺炎,台灣,六輕,高雄,雲林</t>
  </si>
  <si>
    <t>美國,疫情,影響,停賽,川普總統</t>
  </si>
  <si>
    <t>江守山,社區感染,免疫力,硬道理,謝震武</t>
  </si>
  <si>
    <t>#新冠肺炎#台灣#全球,疫苗,EUA,菲律賓,國產疫苗</t>
  </si>
  <si>
    <t>新冠肺炎,台灣,新北,採檢,女兒</t>
  </si>
  <si>
    <t>青少年,BNT,第二劑12至17歲,接種,延後</t>
  </si>
  <si>
    <t>舒適,紐約,新冠病毒,醫療,川普</t>
  </si>
  <si>
    <t>WWE,摔角,職業摔角,瑞恩斯,美國</t>
  </si>
  <si>
    <t>新冠肺炎,新型冠狀病毒,民進黨,指揮官,陳時中</t>
  </si>
  <si>
    <t>腹瀉,出現,張上淳,篩檢,確診個案.新冠肺炎</t>
  </si>
  <si>
    <t>民怨,三倍券,梁文傑,陳鳳馨,行政院</t>
  </si>
  <si>
    <t>取得,疫苗,肺炎,世衛,計畫</t>
  </si>
  <si>
    <t>新冠肺炎,延燒,副總統,陳建仁,流感</t>
  </si>
  <si>
    <t>疫苗,庫存量,緊繃,新冠肺炎,台灣</t>
  </si>
  <si>
    <t>內蒙,兩會,人大,青海,新冠肺炎</t>
  </si>
  <si>
    <t>酒駕,新冠肺炎,肺炎,新冠,警方</t>
  </si>
  <si>
    <t>特殊交友圈,新冠肺炎,台灣,桃園,確診</t>
  </si>
  <si>
    <t>新冠肺炎,台灣,施打,莫德納,盧秀燕</t>
  </si>
  <si>
    <t>病人,收治,攻擊,肺炎,病情</t>
  </si>
  <si>
    <t>美國,肺炎,國防授權法,軍事,國防部</t>
  </si>
  <si>
    <t>新冠肺炎,台灣,疫苗外交,75萬劑疫苗,軍機擾台</t>
  </si>
  <si>
    <t>鳳梨,屏東,日本,超市,外銷</t>
  </si>
  <si>
    <t>世界,國家,鍾南山,新冠肺炎,武漢肺炎</t>
  </si>
  <si>
    <t>陽性,回歸,北市,快篩,校正</t>
  </si>
  <si>
    <t>屏東,陳時中,Delta,群聚,新冠肺炎</t>
  </si>
  <si>
    <t>現金股利,肺炎,台灣高鐵,配發,疫情</t>
  </si>
  <si>
    <t>新冠肺炎,台灣,台中,京元電子,移工</t>
  </si>
  <si>
    <t>手機螢幕,新冠病毒,鈔票,28天,不鏽鋼</t>
  </si>
  <si>
    <t>防疫,紓困,蘇貞昌,陳時中,新冠肺炎</t>
  </si>
  <si>
    <t>企業,快篩,竹科,新冠肺炎,台灣</t>
  </si>
  <si>
    <t>陳時中,疫苗,長輩,年輕人,覆蓋率</t>
  </si>
  <si>
    <t>新冠肺炎,機師,航空業,確診,華航貨機</t>
  </si>
  <si>
    <t>新冠肺炎,武漢肺炎,新型冠狀病毒,台灣,疫情</t>
  </si>
  <si>
    <t>新冠肺炎,台灣,家數,實施,住宿及餐飲業</t>
  </si>
  <si>
    <t>全台大停電,新冠肺炎,台灣,指揮中心,陳時中</t>
  </si>
  <si>
    <t>北市,黑數,新冠肺炎,柯文哲,台灣</t>
  </si>
  <si>
    <t>和歌山縣,新冠肺炎,病例,鑽石公主號</t>
  </si>
  <si>
    <t>新冠肺炎,國民黨,疫情指揮中心,一級開設,蘇貞昌</t>
  </si>
  <si>
    <t>蘭展,肺炎,蘭花,得獎,疫情</t>
  </si>
  <si>
    <t>武漢肺炎,新冠肺炎,新型冠狀病毒,台灣,NCP離</t>
  </si>
  <si>
    <t>P4實驗室,生物安全,國防醫學院,新冠肺炎,預醫所</t>
  </si>
  <si>
    <t>中秋節,三級警戒,疫苗覆蓋率,新冠肺炎,台灣</t>
  </si>
  <si>
    <t>第三劑,莫德納,疫苗,四類人,優先</t>
  </si>
  <si>
    <t xml:space="preserve"> 新冠肺炎,台灣,防疫旅館,鄭文燦,防線</t>
  </si>
  <si>
    <t>報到,派出所,新冠肺炎,蘋果西打,求免</t>
  </si>
  <si>
    <t>空中巴士,復工,衛星,新冠肺炎</t>
  </si>
  <si>
    <t>免疫力,過敏,氣喘,新冠肺炎,氣喘</t>
  </si>
  <si>
    <t>新冠肺炎,台灣,新型冠狀病毒,NCP,新北市</t>
  </si>
  <si>
    <t>武漢肺炎,新型冠狀病毒,全球,美國,航母</t>
  </si>
  <si>
    <t>游盈隆,民進黨,支持者,BNT,高端疫苗</t>
  </si>
  <si>
    <t>健保署,中區,業務,健保卡,洽公</t>
  </si>
  <si>
    <t>原油,肺炎,價格,石油,飛機</t>
  </si>
  <si>
    <t>亞洲新媒體高峰會</t>
  </si>
  <si>
    <t>鎧勝,凱基,肺炎,喊買,富邦投顧</t>
  </si>
  <si>
    <t>幼兒園,北市,新北,老師,停課</t>
  </si>
  <si>
    <t>新冠肺炎,台灣,彰化,消毒,王惠美</t>
  </si>
  <si>
    <t>輕症患者,日本,患者,新冠肺炎,緊急</t>
  </si>
  <si>
    <t>新冠肺炎,武漢肺炎,新型冠狀病毒,台灣,休息</t>
  </si>
  <si>
    <t>加州,中國,美國,肺炎,Tommy</t>
  </si>
  <si>
    <t>施打,疫苗,安南醫院,流感,民眾</t>
  </si>
  <si>
    <t>中華職棒,新冠肺炎,中職,吳志揚,中職開幕戰</t>
  </si>
  <si>
    <t>長照機構,洗腎,新冠肺炎,新冠疫苗,台灣</t>
  </si>
  <si>
    <t>口罩,政府,價格,刑事局,廠商</t>
  </si>
  <si>
    <t>新冠肺炎,武漢肺炎,NCP,台灣,大陸</t>
  </si>
  <si>
    <t>新冠肺炎,武漢肺炎,新型冠狀病毒,台灣,義大利</t>
  </si>
  <si>
    <t>新冠肺炎,CONID-19,武漢肺炎,新型冠狀病毒,馬英九</t>
  </si>
  <si>
    <t>彰化縣,鄉鎮,傳播,幾歲,里長</t>
  </si>
  <si>
    <t>英國,遠距上班,在家工作,WFH,新冠肺炎</t>
  </si>
  <si>
    <t>趙少康,羅智強,新冠肺炎,武漢肺炎,新型冠狀病毒</t>
  </si>
  <si>
    <t>新冠肺炎,武漢肺炎,COVID-19,台灣,新型冠狀病毒</t>
  </si>
  <si>
    <t>陳時中,感染源,否認,社區,社區傳播</t>
  </si>
  <si>
    <t>施文儀,葉彥伯,陳時中,政風,調查</t>
  </si>
  <si>
    <t>WHO,志村健,類包機,連假,268例</t>
  </si>
  <si>
    <t>泰碩,上市櫃,世芯,肺炎,檔個股</t>
  </si>
  <si>
    <t>北市,中正區,萬華,確診,新冠肺炎</t>
  </si>
  <si>
    <t>三倍券,振興券,消費,鄭運鵬,買賣</t>
  </si>
  <si>
    <t>新冠肺炎,日本,台灣,武漢肺炎,新型冠狀病毒</t>
  </si>
  <si>
    <t>美國,台灣,中國大陸,川普,南海</t>
  </si>
  <si>
    <t>口罩,三重,台灣,武漢肺炎,新型冠狀病毒</t>
  </si>
  <si>
    <t>頎邦,營收,獲利,EPS,成長</t>
  </si>
  <si>
    <t>新冠肺炎,陳秀熙,台大公衛學院,彰化,萬人檢驗</t>
  </si>
  <si>
    <t>Garmin,新冠肺炎,鄭文燦,新北,台灣</t>
  </si>
  <si>
    <t>武漢,慶祝,新年,疫情,羡慕</t>
  </si>
  <si>
    <t>全球,新興亞股,周俊宏,疫情,遭外資</t>
  </si>
  <si>
    <t>聯盟,閉門比賽,NBA,球迷,球員</t>
  </si>
  <si>
    <t>劉樂妍,新冠肺炎,武漢肺炎,新型冠狀病毒,NCP</t>
  </si>
  <si>
    <t>游淑慧,陳時中,美國,高端,新冠肺炎</t>
  </si>
  <si>
    <t>救濟金,香港藝人,600人,失業,古天樂</t>
  </si>
  <si>
    <t>三聯,陳秀熙,持續,NPI,檢測</t>
  </si>
  <si>
    <t>試驗,疫苗,莫德納,陳時中,新冠肺炎</t>
  </si>
  <si>
    <t>患者,器官,神經,鐘南山,新冠肺炎</t>
  </si>
  <si>
    <t>湯姆漢克,影帝,新冠肺炎,確診,新冠肺炎</t>
  </si>
  <si>
    <t>趙少康,拍桌,黃宥嘉,眼科醫生,新冠肺炎</t>
  </si>
  <si>
    <t>新冠肺炎,台灣,洗腎,光田綜合醫院,看診</t>
  </si>
  <si>
    <t>新北,平台,資源,學習,閱讀</t>
  </si>
  <si>
    <t>教堂,野戰醫院,新型冠狀病毒,紐約</t>
  </si>
  <si>
    <t>新冠肺炎,疫苗,AZ,莫德納,林俊嘉</t>
  </si>
  <si>
    <t>蕭敬騰,疫苗,新冠肺炎,台灣</t>
  </si>
  <si>
    <t>印度,外交人員,美國,新冠肺炎,疫情</t>
  </si>
  <si>
    <t>疫苗接種,國藥,科興.黃卡,註記,陳時中</t>
  </si>
  <si>
    <t>張家界,大連,傳播鏈,新冠肺炎,大陸</t>
  </si>
  <si>
    <t>國民黨團,防疫層級,指揮官,總統府,台灣</t>
  </si>
  <si>
    <t>支出法案,新冠,新一輪,佩洛西,援助</t>
  </si>
  <si>
    <t>新冠肺炎,武漢肺炎,疫情,金門,綠色療癒力</t>
  </si>
  <si>
    <t>武漢肺炎,地圖,追蹤,疫情,工具</t>
  </si>
  <si>
    <t>扭虧為盈,衰退,肺炎,淨利潤,增長</t>
  </si>
  <si>
    <t>新冠肺炎,武漢肺炎,新型冠狀病毒,台灣,開放</t>
  </si>
  <si>
    <t>全國,東京,地區,病例,新增</t>
  </si>
  <si>
    <t>NBA,藥檢,禁賽,大麻,杜蘭特</t>
  </si>
  <si>
    <t>黃暐瀚,公祭,家祭,新冠肺炎,母親</t>
  </si>
  <si>
    <t>聯發科,新冠肺炎,鎖國,封城,華為</t>
  </si>
  <si>
    <t>新冠肺炎,台灣,萬華,老闆娘,居酒屋</t>
  </si>
  <si>
    <t>孫協志,台灣,新冠肺炎,確診,本土個案</t>
  </si>
  <si>
    <t>新冠肺炎,陳秀熙,防疫,篩檢,檢疫</t>
  </si>
  <si>
    <t>找不到感染源,陳時中,本土個案,案268,案322</t>
  </si>
  <si>
    <t>新冠肺炎,台灣,北市,疫苗,醫療量能</t>
  </si>
  <si>
    <t>紓困九箭,新冠肺炎,疫情,經發局,8折</t>
  </si>
  <si>
    <t>墾丁,紓壓,民眾,國外,幸運</t>
  </si>
  <si>
    <t>德國,關閉邊境,法國,奧地利,瑞士</t>
  </si>
  <si>
    <t>中草藥,呼吸系統,天華,生技,做好</t>
  </si>
  <si>
    <t>返鄉,端午,連假,台鐵,回家</t>
  </si>
  <si>
    <t>劉心語,最美魚販,阿澎,新冠肺炎,台灣</t>
  </si>
  <si>
    <t>新冠肺炎,流感,流感疫苗,施打,秋冬</t>
  </si>
  <si>
    <t>貧民,肺炎,援助,疫情,波索納洛</t>
  </si>
  <si>
    <t>典範,德國,傳染,疫情,新冠狀病毒</t>
  </si>
  <si>
    <t>林右昌,新冠肺炎,全國三級,台灣,警戒</t>
  </si>
  <si>
    <t>高雄巿議會,歲末,聯誼,新春團拜,曾麗燕</t>
  </si>
  <si>
    <t>採檢,居家隔離,肺炎,醫院,死亡</t>
  </si>
  <si>
    <t>俄羅斯,新冠肺炎,總理,武漢肺炎,新冠肺炎</t>
  </si>
  <si>
    <t>新冠肺炎,台灣,花蓮,症狀,篩檢</t>
  </si>
  <si>
    <t>居家檢疫,新冠肺炎,移民署,限制出境</t>
  </si>
  <si>
    <t>Delta,王任賢,新冠肺炎,屏東,疫苗</t>
  </si>
  <si>
    <t>三級警戒,幼兒園,新冠肺炎,台灣,幼兒園</t>
  </si>
  <si>
    <t>摩天,重返高雄,肺炎,科工館站,建商</t>
  </si>
  <si>
    <t>成長,新高,銷售額,增長,半導體設備</t>
  </si>
  <si>
    <t>疫苗,新冠肺炎,台灣,COVAX,宅神</t>
  </si>
  <si>
    <t>新冠肺炎,台灣, 加強版,60歲以上,血氧</t>
  </si>
  <si>
    <t>全球,新興市場,降息,美國,國家</t>
  </si>
  <si>
    <t>溪湖,篩檢,里長,確診,快篩站</t>
  </si>
  <si>
    <t>頂上魚翅,新冠肺炎,黑道,白道,武漢肺炎</t>
  </si>
  <si>
    <t>新冠肺炎,武漢肺炎,NCP,新型冠狀病毒,台灣</t>
  </si>
  <si>
    <t>新冠肺炎,台灣,侯友宜,中央,國產疫苗</t>
  </si>
  <si>
    <t>新冠肺炎,台灣,南投縣,疫苗接種,衛生局</t>
  </si>
  <si>
    <t>中元普渡,8月,陳宗彥,普渡,疫情</t>
  </si>
  <si>
    <t>新冠肺炎,台灣,新北,侯友宜,az</t>
  </si>
  <si>
    <t>陳時中,旅遊,肺炎,日韓,費用</t>
  </si>
  <si>
    <t>下游,肺炎,出貨,散熱,疫情</t>
  </si>
  <si>
    <t>新冠肺炎,公費疫苗,疫苗通知,AZ,莫德納</t>
  </si>
  <si>
    <t>陽性,隻老虎,飼育員,病毒,肺炎</t>
  </si>
  <si>
    <t>醫師,台灣,新冠,肺炎,新冠肺炎</t>
  </si>
  <si>
    <t>柯林斯,NBA,新冠肺炎,同性戀</t>
  </si>
  <si>
    <t>新冠肺炎,武漢肺炎, COVID-19,台灣,大陸</t>
  </si>
  <si>
    <t>藥師,口罩,陳時中,加倍,經費</t>
  </si>
  <si>
    <t>陳時中,PO,賴男,確診,新冠肺炎</t>
  </si>
  <si>
    <t>武漢,類包機,就醫,指揮中心,新冠肺炎</t>
  </si>
  <si>
    <t>大陸,政治,肺炎,兩岸,疫情</t>
  </si>
  <si>
    <t>蔡英文,賈永婕,新冠肺炎,台灣</t>
  </si>
  <si>
    <t>世新公廣,醫護人員,畢籌,溫暖,畢展</t>
  </si>
  <si>
    <t>公斤級,瑞德,肺炎,原料藥,台耀</t>
  </si>
  <si>
    <t>波蘭,新冠肺炎,確診數,英國變種病毒</t>
  </si>
  <si>
    <t>疫調,接觸者,酒店女公關,酒客,新冠肺炎</t>
  </si>
  <si>
    <t>歐陽靖,新醬,RK,新冠肺炎,譚艾珍</t>
  </si>
  <si>
    <t>新冠肺炎,武漢肺炎,台灣,機場,使用費</t>
  </si>
  <si>
    <t>新冠肺炎,台灣,疫情,高峰期,6月中旬</t>
  </si>
  <si>
    <t>新冠肺炎,新型冠狀病毒, COVID-19,美國,川普確診</t>
  </si>
  <si>
    <t>就業,防疫,勞工,勞工局,職缺</t>
  </si>
  <si>
    <t>新冠肺炎,台灣,南投縣,接種,疫苗</t>
  </si>
  <si>
    <t>1922,疫苗平台,混打疫苗,新冠疫苗,AZ</t>
  </si>
  <si>
    <t>AZ,疫苗,桃園機場,華航,台灣</t>
  </si>
  <si>
    <t>維格餅家,股價,分公司,新冠肺炎,虧損</t>
  </si>
  <si>
    <t>春節入境,檢疫,方案,防疫旅館,PCR</t>
  </si>
  <si>
    <t>自由,民主,世盟,呼籲,人權</t>
  </si>
  <si>
    <t>新冠肺炎,武漢肺炎,新型冠狀病毒,台灣,健康</t>
  </si>
  <si>
    <t>AY.4.2,亞變異株,Delta,科學家,傳播力</t>
  </si>
  <si>
    <t>新冠肺炎,大陸,確診,張家界,北京</t>
  </si>
  <si>
    <t>原油,台塑化,台塑,低油價,優勢</t>
  </si>
  <si>
    <t>員工,大連市,大連,北京,無症狀感染</t>
  </si>
  <si>
    <t>確診個案,返國,境外,指揮中心,條件</t>
  </si>
  <si>
    <t>新冠肺炎,武漢肺炎,COVID-19,台灣,弱勢</t>
  </si>
  <si>
    <t>佛州,卓奧特,天使,美國,大聯盟</t>
  </si>
  <si>
    <t>非農業就業報告,美國,肺炎,失業率,飆升</t>
  </si>
  <si>
    <t>高雄,韓國瑜,台灣,全球,大陸</t>
  </si>
  <si>
    <t>新冠肺炎,武漢肺炎, COVID-19,新型冠狀病毒,NCP</t>
  </si>
  <si>
    <t>新冠肺炎,德國,梅克爾,疫苗</t>
  </si>
  <si>
    <t>染疫,確診,中和分局,快篩,PCR</t>
  </si>
  <si>
    <t>劉和然,新北市,篩檢,新冠肺炎,確診</t>
  </si>
  <si>
    <t>台灣重症率,5%,莊人祥,呼吸器,新冠肺炎</t>
  </si>
  <si>
    <t>陳道輝,調職,磐石艦,艦長,張競</t>
  </si>
  <si>
    <t>新冠肺炎,武漢肺炎,新型冠狀病毒,COVID-19,何瑞恩</t>
  </si>
  <si>
    <t>美國,新冠病毒,COVID19,死亡病例,中國</t>
  </si>
  <si>
    <t>新冠肺炎,台灣,開學,確診,停課14天</t>
  </si>
  <si>
    <t>瑞基,專案,檢測試劑,肺炎,衛福部</t>
  </si>
  <si>
    <t>新冠肺炎,台灣,父親,確診,案號</t>
  </si>
  <si>
    <t>新冠肺炎,武漢肺炎,新型冠狀病毒,COVID-19,韓國</t>
  </si>
  <si>
    <t>汽車旅館,海軍,高雄市府,新冠肺炎,武漢肺炎</t>
  </si>
  <si>
    <t>行政院,蘇貞昌,新冠肺炎,疫情,全球</t>
  </si>
  <si>
    <t>大立光,肺炎,反彈,鏡頭,產能</t>
  </si>
  <si>
    <t>5566,退票,演唱會,新冠肺炎,大陸</t>
  </si>
  <si>
    <t>新冠肺炎,台灣,板橋,侯友宜,大眾運輸系統</t>
  </si>
  <si>
    <t>美國,NIH,高端疫苗,疫苗,人體臨床</t>
  </si>
  <si>
    <t>不畏,新冠疫情,七年級,火鍋店,拚轉機</t>
  </si>
  <si>
    <t>國光生,安特羅,新冠疫苗,國光,臨床試驗</t>
  </si>
  <si>
    <t>篩檢,快篩站,拜託,請大家,時間</t>
  </si>
  <si>
    <t>快篩,指揮中心,經濟部,新冠肺炎,台灣</t>
  </si>
  <si>
    <t>NBA,體育賽事,新冠肺炎,疫情,停賽</t>
  </si>
  <si>
    <t>雲品,營收,低點,新冠肺炎,疫情</t>
  </si>
  <si>
    <t>高端疫苗,突破性感染,台灣,新冠肺炎,BNT</t>
  </si>
  <si>
    <t>肺炎,一類,新科技,台股,股票</t>
  </si>
  <si>
    <t>口罩,中央,侯友宜,民眾,新冠肺炎</t>
  </si>
  <si>
    <t>世銀,新冠肺炎,疫苗,發展中國家,大流行</t>
  </si>
  <si>
    <t>#新冠肺炎#全球,美國,FDA,加強針,第3劑</t>
  </si>
  <si>
    <t>新冠肺炎,台灣,刑事局,詐騙,165</t>
  </si>
  <si>
    <t>疫苗,新冠肺炎,疫苗接種假,副作用,AZ</t>
  </si>
  <si>
    <t>停拍,阿凡達,駭客任務4,湯姆霍蘭德,蜘蛛人</t>
  </si>
  <si>
    <t>新冠肺炎,大陸,確診,樣本,浦東機場</t>
  </si>
  <si>
    <t>新冠肺炎,江啟臣,金門縣,苗栗縣</t>
  </si>
  <si>
    <t>K歌情人,美國,新冠,新冠肺炎</t>
  </si>
  <si>
    <t>千葉真一,千葉真一過世,風雲雄霸天下,新冠肺炎,日本</t>
  </si>
  <si>
    <t>台塑,PVC,新冠肺炎,歲修,開工率</t>
  </si>
  <si>
    <t>新冠肺炎,台灣,戴口罩,通報,衛生局</t>
  </si>
  <si>
    <t>網友,陳其邁,採購,行政院,新冠肺炎</t>
  </si>
  <si>
    <t>戰勝,取消,團隊,大正,疫情</t>
  </si>
  <si>
    <t>新冠肺炎,台灣,台南,高雄,疫苗</t>
  </si>
  <si>
    <t>金管會,國銀,銀行,中小企業,放款</t>
  </si>
  <si>
    <t>消毒,學校,都會,清潔,彭富源</t>
  </si>
  <si>
    <t>降級不解封,二級,陳時中,疫情,賭一把</t>
  </si>
  <si>
    <t>機動,篩檢站,侯友宜,防堵疫情,新冠肺炎</t>
  </si>
  <si>
    <t>日額,肺炎,負壓,費用,醫療險</t>
  </si>
  <si>
    <t>心肌炎,胸悶,胸痛,莫德納,輝瑞／BNT</t>
  </si>
  <si>
    <t>新冠肺炎,台灣,彰化縣,足跡,員林</t>
  </si>
  <si>
    <t>常春月刊,呼吸道融合病毒,新冠肺炎,疫情,氣喘</t>
  </si>
  <si>
    <t>新冠肺炎,台灣,廚餘,蘇貞昌,非洲豬瘟</t>
  </si>
  <si>
    <t>健太郎,東京,肺炎,岩田,篩檢</t>
  </si>
  <si>
    <t>台灣,民眾,大陸,民意,蔡英文</t>
  </si>
  <si>
    <t>新冠肺炎,武漢肺炎,台灣,西部,嘉義縣</t>
  </si>
  <si>
    <t>漢來美食,營收,毛利率,營益率,獲利</t>
  </si>
  <si>
    <t>世衛,新冠肺炎,武漢肺炎,新型冠狀病毒,NCP</t>
  </si>
  <si>
    <t>威脅,議員,郵件,秋葉,刀片</t>
  </si>
  <si>
    <t>武漢肺炎,日本,新冠肺炎,日職,藤浪晉太郎</t>
  </si>
  <si>
    <t>新應用,成長,穩得,提高,提升</t>
  </si>
  <si>
    <t>東奧,即時報導,日本,新冠肺炎,確診</t>
  </si>
  <si>
    <t>新冠肺炎,台灣,台中市,台中,嘉玲</t>
  </si>
  <si>
    <t>雲林,PCR,確診,無症狀,新冠肺炎</t>
  </si>
  <si>
    <t>消毒,設置,新港鄉,遶境,大甲媽祖遶境</t>
  </si>
  <si>
    <t>陸企,供應鏈,彈性,新冠肺炎,情況</t>
  </si>
  <si>
    <t>新冠肺炎,台灣,集中檢疫所,桃園,侯友宜</t>
  </si>
  <si>
    <t>NBA,賈霸,球員,黑人,新冠肺炎</t>
  </si>
  <si>
    <t>Omicron,春節7+7,邊境,傳染力,第三劑</t>
  </si>
  <si>
    <t>劉沛,美國,美根,新冠肺炎,台灣</t>
  </si>
  <si>
    <t>新冠肺炎,台灣,確診,新北,發病日</t>
  </si>
  <si>
    <t>變異病毒,澳門,新冠肺炎,越南,Delta</t>
  </si>
  <si>
    <t>陳偉殷,台灣,中職,水手,日職</t>
  </si>
  <si>
    <t xml:space="preserve">檢疫,疫情,歐洲,機場,指揮中心 </t>
  </si>
  <si>
    <t>手冊,肺炎,心智障礙,資訊,本周</t>
  </si>
  <si>
    <t>周漲幅,肺炎,治療,興櫃,漲幅</t>
  </si>
  <si>
    <t>新冠肺炎,台灣,飲食,場站,開放</t>
  </si>
  <si>
    <t>新冠疫苗,南韓,新冠肺炎,疫情</t>
  </si>
  <si>
    <t>鹿港地藏王廟,白牌車染疫司機,超渡法會,新冠肺炎</t>
  </si>
  <si>
    <t>痊癒,武漢,感謝,妻子,新冠肺炎</t>
  </si>
  <si>
    <t>花博,陳時中,接種站,疫苗,新冠肺炎</t>
  </si>
  <si>
    <t>包機,旅遊警示,新冠肺炎,武漢肺炎,台灣</t>
  </si>
  <si>
    <t>新冠肺炎,台灣,莫德納,施打,屏東</t>
  </si>
  <si>
    <t>新冠肺炎,台灣,接種,台灣,斯洛伐克</t>
  </si>
  <si>
    <t>東吳,超級馬拉松</t>
  </si>
  <si>
    <t>傢俱,防疫,白工,爆怨2公社,搬家</t>
  </si>
  <si>
    <t>勞工,諮詢,櫃台,失業,無薪假</t>
  </si>
  <si>
    <t>施打,縣府,長者,快篩,網路</t>
  </si>
  <si>
    <t>陳道輝,網路投票,調職,海軍,敦睦艦隊</t>
  </si>
  <si>
    <t>家戶感染,柯文哲,感染源,北市,7成</t>
  </si>
  <si>
    <t>新冠肺炎,疫情,元大期,招募</t>
  </si>
  <si>
    <t>新冠肺炎,武漢肺炎,台灣,確診,觀光客</t>
  </si>
  <si>
    <t>新冠肺炎,台灣,劉和然,專案,製造</t>
  </si>
  <si>
    <t>流水席,限制,辦桌,梅花座,隔板</t>
  </si>
  <si>
    <t>旅遊節目,正妹,主持人,比基尼,美女郊遊遊</t>
  </si>
  <si>
    <t>許書豪,33歲,海外婚禮,婚禮,新冠肺炎</t>
  </si>
  <si>
    <t>World Gym,解封,健身房,停業,境外移入</t>
  </si>
  <si>
    <t>陳時中,高達,防疫,滿意度,調查</t>
  </si>
  <si>
    <t>新冠肺炎,台灣,誘因,賴香伶,民眾黨團</t>
  </si>
  <si>
    <t>李秉穎,AZ,長者,疫苗,危險</t>
  </si>
  <si>
    <t>京元電子,快篩,移工,陽性,確診</t>
  </si>
  <si>
    <t>主播,許耀云,快篩,PCR,新冠肺炎</t>
  </si>
  <si>
    <t>回溫,肺炎,歐元兌美元期貨,強勢,留意</t>
  </si>
  <si>
    <t>父母,主義,美國,醫院,肺炎</t>
  </si>
  <si>
    <t>茂綸,新冠肺炎,高效能運算系統,HPC,資料中心</t>
  </si>
  <si>
    <t>社區,陳時中,本土病例,台灣,疫情</t>
  </si>
  <si>
    <t>防疫旅館,陳時中,隔離者,旅客,入住</t>
  </si>
  <si>
    <t>混打,新冠肺炎,台灣,零本土,確診個案</t>
  </si>
  <si>
    <t>喝咖啡,咖啡,肺炎,疫情指揮中心,互動</t>
  </si>
  <si>
    <t>新冠肺炎,第12輪,默德納,AZ,BNT</t>
  </si>
  <si>
    <t>海軍,衛生局,電話,艦隊,海軍</t>
  </si>
  <si>
    <t>日美股,蘋果,大陸,肺炎,下滑</t>
  </si>
  <si>
    <t>利機,FCCSP,SiP,eMMC,eMCP</t>
  </si>
  <si>
    <t>台南新廠,產能,有助,布局,陳本源</t>
  </si>
  <si>
    <t>新冠肺炎,武漢肺炎,全球,COVID-19,全光勳</t>
  </si>
  <si>
    <t>分行,肺炎,華南銀行,振興,協助</t>
  </si>
  <si>
    <t>長聖,特管法,6月營收,新冠重症</t>
  </si>
  <si>
    <t>快篩陽性,北市,專責計程車隊,快篩,陽性</t>
  </si>
  <si>
    <t>林彥汝,新冠病毒</t>
  </si>
  <si>
    <t>新冠肺炎,疫情,紓困振興,酷碰券,立法院</t>
  </si>
  <si>
    <t>中華奧會,國際,國家奧會,邀請,體育</t>
  </si>
  <si>
    <t>AZ,莫德納,疫苗,新冠肺炎,意願登記</t>
  </si>
  <si>
    <t>新冠肺炎,疫苗,WHO,譚德賽,發展中國家</t>
  </si>
  <si>
    <t>實驗結果顯示,被批,疫苗,肺炎,研發</t>
  </si>
  <si>
    <t>武漢,總領事館,美國,國務院,新冠病毒</t>
  </si>
  <si>
    <t>新冠肺炎,台灣,確診,疾管署,地圖</t>
  </si>
  <si>
    <t>限制,非農業就業人數,外界,顯示,美國經濟</t>
  </si>
  <si>
    <t>模式,台灣,陸美,兩岸,美國</t>
  </si>
  <si>
    <t>口服,南韓政府,新冠,全額,口服藥</t>
  </si>
  <si>
    <t>關懷,台新銀行公益慈善基金會,物資,台新,中斷</t>
  </si>
  <si>
    <t>#新冠肺炎#全球,美國,第3劑,追打疫苗,接種</t>
  </si>
  <si>
    <t>病毒,蝙蝠,人類,研究,症狀</t>
  </si>
  <si>
    <t>香港,確診個案,居家隔離,肺炎,檢疫</t>
  </si>
  <si>
    <t>新冠肺炎,台灣,接種,29,10日</t>
  </si>
  <si>
    <t>租金收入,租金,租戶,壽險,新壽</t>
  </si>
  <si>
    <t>材料,福建,肺炎,合作,研究院</t>
  </si>
  <si>
    <t>是方,Facebook,Amazon,Microsoft,Google</t>
  </si>
  <si>
    <t>黃山,遊客,景區,旅遊,風景區</t>
  </si>
  <si>
    <t>觀光,旅遊,藍心瑩,執行長,肺炎</t>
  </si>
  <si>
    <t>微邦,台微體,TLC,新冠肺炎,受試者</t>
  </si>
  <si>
    <t>侯友宜,柯文哲,新冠肺炎,台灣,陳時中</t>
  </si>
  <si>
    <t>付租金,租金,消息人士,肺炎,大型</t>
  </si>
  <si>
    <t>電動車,5G,工研院,台積電,華邦</t>
  </si>
  <si>
    <t>AZ,預約,莊人祥,BNT,接種</t>
  </si>
  <si>
    <t>多優,肺炎,美股,寬鬆,表現</t>
  </si>
  <si>
    <t>新冠肺炎,萬華,茶室,童仲彥</t>
  </si>
  <si>
    <t>昱厚生技,昱厚,臨床試驗,AD,過敏性鼻炎</t>
  </si>
  <si>
    <t>黑龍江,大陸,河北,上海,北京</t>
  </si>
  <si>
    <t>WHO,新冠肺炎,武漢肺炎, COVID-19,台灣</t>
  </si>
  <si>
    <t>新冠肺炎,台灣,嘉義市,無症狀,確診</t>
  </si>
  <si>
    <t>特別條例,傅崐萁,採購,新冠肺炎,300億</t>
  </si>
  <si>
    <t>解封,疫情,巴塞隆納,新冠肺炎,西班牙</t>
  </si>
  <si>
    <t>新冠肺炎,入境,7+7,黃珊珊,防疫</t>
  </si>
  <si>
    <t>調查團,中國,調查,調查團隊,肺炎</t>
  </si>
  <si>
    <t>醫護人員,10萬元,新冠肺炎,餐點,市公所</t>
  </si>
  <si>
    <t>蘇貞昌,賴清德,肺炎,蔡英文,組閣</t>
  </si>
  <si>
    <t>新冠肺炎,武漢肺炎,疫情,國民黨,金門縣議會</t>
  </si>
  <si>
    <t>特斯拉,美股,新冠肺炎,目標價</t>
  </si>
  <si>
    <t>成大,南部國立大學生確診,來一波守一波,防疫紀實,大學生確診</t>
  </si>
  <si>
    <t>巴生,手套,馬國,頂級,肺炎</t>
  </si>
  <si>
    <t>普生,全球,新冠肺炎,認證,PCR</t>
  </si>
  <si>
    <t>暴跌逾,降息,川普,美國,肺炎</t>
  </si>
  <si>
    <t>武漢肺炎,新冠肺炎,高嘉瑜,陸委會,立委</t>
  </si>
  <si>
    <t>新冠肺炎,台灣,高雄市教育局,校長,大岡山</t>
  </si>
  <si>
    <t>新冠肺炎,疫情,瑞基,檢測試劑,1月營數</t>
  </si>
  <si>
    <t>台灣,新冠肺炎,耶誕節,入境,民眾</t>
  </si>
  <si>
    <t>北市,個案,確診,社區感染,匡列</t>
  </si>
  <si>
    <t>普天間基地,新冠病毒,基地,沖繩美軍,有超過</t>
  </si>
  <si>
    <t>人員,威海,南韓,疫情,入境</t>
  </si>
  <si>
    <t>新冠肺炎,高雄,職場,健康,健檢</t>
  </si>
  <si>
    <t>工作,廖元豪,大陸,歧視,肺炎</t>
  </si>
  <si>
    <t>防疫,選手,參賽,單位,健康</t>
  </si>
  <si>
    <t>新冠肺炎,台灣,劉寶傑,蘇貞昌,吳子嘉</t>
  </si>
  <si>
    <t>柯文哲,公文,新冠肺炎,病毒,陳時中</t>
  </si>
  <si>
    <t>操作,肺炎,走揚,疫苗研發,全球經濟</t>
  </si>
  <si>
    <t>仿冒口罩,橋頭地檢署,高雄,台南,新冠肺炎</t>
  </si>
  <si>
    <t>IOC,奧會,奧運,英國,東京奧運</t>
  </si>
  <si>
    <t>疫情,防疫,經濟,新冠肺炎,國家</t>
  </si>
  <si>
    <t>新冠肺炎,台灣,攤商,仁愛市場,基隆</t>
  </si>
  <si>
    <t>新冠肺炎,新型冠狀病毒,NCP,台灣,大陸</t>
  </si>
  <si>
    <t>新冠肺炎,COVID-19,美國,中美,中國</t>
  </si>
  <si>
    <t>電影,放映,新冠肺炎,新型冠狀病毒,武漢肺炎</t>
  </si>
  <si>
    <t>新冠肺炎,大陸,發展中國家,抗疫,習近平</t>
  </si>
  <si>
    <t>莫德納,輝瑞,BNT,AZ,高端</t>
  </si>
  <si>
    <t>新冠肺炎,台灣,澎湖,快篩,離島</t>
  </si>
  <si>
    <t>陸美關係,旅遊警示,新冠肺炎</t>
  </si>
  <si>
    <t>賴清德,台灣經濟,快速,因應,崇越論文大賞</t>
  </si>
  <si>
    <t>日本,捐疫苗,出國玩,安全,蔡賢龍</t>
  </si>
  <si>
    <t>菲國,採檢,陳時中,肺炎,菲律賓</t>
  </si>
  <si>
    <t>WHO,林靜儀,台灣,IHR,新冠肺炎</t>
  </si>
  <si>
    <t>施打,外勤員警,疫苗,苗栗縣警局,新冠肺炎</t>
  </si>
  <si>
    <t>業績,四樓,智邦,百億關卡,投資</t>
  </si>
  <si>
    <t>防疫,停課,補償,家長,隔離</t>
  </si>
  <si>
    <t>支隊長,海軍,解放軍,回報,發燒</t>
  </si>
  <si>
    <t>沈榮津,新冠肺炎,重症呼氣器,口罩,立法院</t>
  </si>
  <si>
    <t>演唱會,JJ,實體,新加坡,疫情</t>
  </si>
  <si>
    <t>網友,客人,結帳,新冠肺炎,死亡之握</t>
  </si>
  <si>
    <t>員工,肺炎,大學,教授,英國</t>
  </si>
  <si>
    <t>陳時中,新冠肺炎,武漢肺炎, COVID-19,台灣</t>
  </si>
  <si>
    <t>國防部,三軍部隊,南韓,軍種,新冠肺炎</t>
  </si>
  <si>
    <t>新冠肺炎,武漢肺炎,新型冠狀病毒,COVID-19,口罩</t>
  </si>
  <si>
    <t>磐石艦,海軍,出訪,14,指揮中心</t>
  </si>
  <si>
    <t>疫苗,第七類,好心肝診所,BMI,施打順序</t>
  </si>
  <si>
    <t>雄獅,除息,參考價,股價,填息率</t>
  </si>
  <si>
    <t>八貫,新冠肺炎,TPU,高端醫療,機能布料</t>
  </si>
  <si>
    <t>創業家,台灣企業,重要性,周建宏,資誠</t>
  </si>
  <si>
    <t>聯發科,財測,毛利率,新冠肺炎,5G</t>
  </si>
  <si>
    <t>衛生,保健,志工,王惠美,新冠肺炎</t>
  </si>
  <si>
    <t>戈貝爾,黃奕傑,爵士,新冠肺炎,NBA</t>
  </si>
  <si>
    <t>新冠肺炎,台灣,PCR,檢測量能,長庚醫院</t>
  </si>
  <si>
    <t>台東,網紅,疫情,新冠,肺炎　新冠肺炎</t>
  </si>
  <si>
    <t>辣模,拍攝,裸拍,公園,歐洲</t>
  </si>
  <si>
    <t>口罩,價格,公平交易法,交易,公平交易</t>
  </si>
  <si>
    <t>幹細胞,新冠病毒,金昆林</t>
  </si>
  <si>
    <t>澳門,賭場,新冠肺炎,大跌</t>
  </si>
  <si>
    <t>新冠肺炎,大陸,11月,核酸檢測,確診病例</t>
  </si>
  <si>
    <t>大陸,中國,疫情防控,上海,輸入</t>
  </si>
  <si>
    <t>隋棠,動怒,荒唐,自私,新冠肺炎</t>
  </si>
  <si>
    <t>新冠肺炎,台灣,施打,疫苗,桃園機場</t>
  </si>
  <si>
    <t>紓困,補助,生活費,自營業者,勞動部</t>
  </si>
  <si>
    <t>台郡,天線,新冠肺炎,外資,5G手機</t>
  </si>
  <si>
    <t>唐從聖,NONO,新冠肺炎,武漢肺炎,新冠狀病毒</t>
  </si>
  <si>
    <t>國旅,新冠肺炎,高雄,花蓮,旅行社</t>
  </si>
  <si>
    <t>口罩,詹江村,村長,台灣,委內瑞拉</t>
  </si>
  <si>
    <t>川普,美國,天內,肺炎,重症患</t>
  </si>
  <si>
    <t>劉美芳,劉炳偉,公務人員,新北市,侯友宜</t>
  </si>
  <si>
    <t>陳凱倫,王芷蕾,陳銳,新冠肺炎,台灣</t>
  </si>
  <si>
    <t>病例,接觸,北京市,肺炎,機構</t>
  </si>
  <si>
    <t>美國,感染人數,疾管中心,新冠病毒</t>
  </si>
  <si>
    <t>BNT,接種,台灣,新冠肺炎,蘇貞昌</t>
  </si>
  <si>
    <t>防疫,鑽石公主號,新冠肺炎,感謝,船員</t>
  </si>
  <si>
    <t>新冠肺炎,台灣,殘劑,入校,BNT</t>
  </si>
  <si>
    <t>症狀,台灣,新冠肺炎,過敏,感冒</t>
  </si>
  <si>
    <t>砲台,肺炎,軍事,文化局,澎湖島</t>
  </si>
  <si>
    <t>大陸,幼兒園,新冠肺炎,面授,中小學</t>
  </si>
  <si>
    <t>高雄,長照機構,快篩,PCR,新冠肺炎</t>
  </si>
  <si>
    <t>新冠病毒,新冠肺炎,義大利,武漢,德國專家</t>
  </si>
  <si>
    <t>海軍,國軍,總統府,總統,蔡英文</t>
  </si>
  <si>
    <t>高市議會,社交距離,消毒,臨時會,新冠肺炎</t>
  </si>
  <si>
    <t>口罩,驕傲,驚喜,女大生,感動</t>
  </si>
  <si>
    <t>免疫,後遺症,臨床,人體,患者</t>
  </si>
  <si>
    <t>是方,雲端,新冠肺炎, 是方i健康APP,亞馬遜</t>
  </si>
  <si>
    <t>狀況,基隆,緊盯,肺炎,林右昌</t>
  </si>
  <si>
    <t>#新冠肺炎#全球,AZ,疫苗,60歲以上,停止</t>
  </si>
  <si>
    <t>本土感染源不明,結案,莊人祥,接觸者,酒店女公關</t>
  </si>
  <si>
    <t>社福團體,共好,公益,頂新和德文教基金會,捐款</t>
  </si>
  <si>
    <t>檢疫,警方,台南市,居家,失聯</t>
  </si>
  <si>
    <t>甲狀腺,鉀離子,肌無力,新冠肺炎</t>
  </si>
  <si>
    <t>新冠肺炎,疫苗,澳洲,中國,巴布亞紐幾內亞</t>
  </si>
  <si>
    <t>新疆,感染者,烏魯木齊市,症狀</t>
  </si>
  <si>
    <t>新冠肺炎,台灣,兩顆,桃子,背後</t>
  </si>
  <si>
    <t>請領失業救濟金,肺炎,經濟學家警告,申請,美國失業率</t>
  </si>
  <si>
    <t>新冠肺炎,台灣,強制實聯制,離島,金門</t>
  </si>
  <si>
    <t>侯友宜,蔡英文,新冠肺炎,台灣,民進黨</t>
  </si>
  <si>
    <t>新冠肺炎,新型冠狀病毒,武漢肺炎,covid-19,台灣</t>
  </si>
  <si>
    <t>全聯,疫苗,Omicron,診所,胡采蘋</t>
  </si>
  <si>
    <t xml:space="preserve"> 新冠肺炎,大陸,江蘇,核酸檢測,揚州</t>
  </si>
  <si>
    <t>新冠肺炎,台灣,劉美芳,防疫振興金,民眾</t>
  </si>
  <si>
    <t>系統,入境者,新冠肺炎,歐洲,指揮中心</t>
  </si>
  <si>
    <t>境外移入,疫苗,新冠肺炎,指揮中心,莊人祥</t>
  </si>
  <si>
    <t>瓦城,營收,毛利率,營益率,獲利</t>
  </si>
  <si>
    <t>新冠肺炎,北市,中央,買口罩,黃珊珊</t>
  </si>
  <si>
    <t>川普,拜登,敗選,新冠肺炎,美大選</t>
  </si>
  <si>
    <t>台灣,台灣防疫,住台灣很安全,外國人,全世界</t>
  </si>
  <si>
    <t>沙芬,俄羅斯,網球,陰謀論,新冠肺炎</t>
  </si>
  <si>
    <t>介文汲,印度,大陸,疫情,新冠肺炎</t>
  </si>
  <si>
    <t>鄉林,成都,青島,復工,新冠肺炎</t>
  </si>
  <si>
    <t>#新冠肺炎#全球,南韓,BNT,疫苗,猝死</t>
  </si>
  <si>
    <t>郵輪,鑽石公主號,杰水 輕喃,出海,新冠肺炎</t>
  </si>
  <si>
    <t>疫苗,保護力,打一劑,蘇一峰,AZ</t>
  </si>
  <si>
    <t>新冠肺炎,烏來老街,金山老街,新北市,侯友宜</t>
  </si>
  <si>
    <t>AZ,第七輪,加開,預約,台灣</t>
  </si>
  <si>
    <t>部份,狀況,美國,謹慎,新高</t>
  </si>
  <si>
    <t>Delta,莫德納,BNT,保護力,羅一鈞</t>
  </si>
  <si>
    <t>執行,肺炎,交通部,發包,辦理</t>
  </si>
  <si>
    <t>新冠肺炎,台灣,停課,延長,教育部</t>
  </si>
  <si>
    <t>#新冠肺炎#全球,疫苗,第3劑,加強針,科學家</t>
  </si>
  <si>
    <t>吳宜庭,回來,國泰,本季,WSBL</t>
  </si>
  <si>
    <t>華視內部信,華視總經理莊豐嘉,新冠肺炎,台灣</t>
  </si>
  <si>
    <t>格林,新冠肺炎,風險,邊緣,德維爾</t>
  </si>
  <si>
    <t>志村健,鄭弘儀,無恥,台灣,張武修</t>
  </si>
  <si>
    <t>莫彩曦,YouTuber,好市多,美國,衛生紙</t>
  </si>
  <si>
    <t>中小企業,新竹市,紓困,市府,疫情</t>
  </si>
  <si>
    <t>北京市,新型冠狀病毒肺炎,核酸檢測</t>
  </si>
  <si>
    <t>北市,確診,新冠肺炎,台灣,武漢肺炎</t>
  </si>
  <si>
    <t>曾雅蘭,侯昌明,好心肝,新冠肺炎,疫苗</t>
  </si>
  <si>
    <t>勞動部,新冠肺炎,衝擊,人力需求,生活</t>
  </si>
  <si>
    <t>新冠疫苗,疫苗混打,新冠疫苗,新冠肺炎,台灣</t>
  </si>
  <si>
    <t>新冠肺炎,武漢肺炎,台南,關廟,鳳梨好筍季</t>
  </si>
  <si>
    <t>新冠肺炎,武漢肺炎,新型冠狀病毒,臺灣,清明連假</t>
  </si>
  <si>
    <t>蘇貞昌,台商,口罩,肺炎,陸配子女</t>
  </si>
  <si>
    <t>口罩,藥師,指揮中心,中心,實名制</t>
  </si>
  <si>
    <t>免疫力,吳其穎,SARS,新冠肺炎,新型冠狀病毒</t>
  </si>
  <si>
    <t>華廣,華新,上銀,亞崴,協易</t>
  </si>
  <si>
    <t>新冠肺炎,福建,Delta,工廠,管控</t>
  </si>
  <si>
    <t>肺炎,合約,廣告支出,支出,電視廣告</t>
  </si>
  <si>
    <t>疫情中心,追劇,記者會,直播,阿中部長</t>
  </si>
  <si>
    <t>唐綺陽,國師,星座運勢,疫情變數,疫情高峰</t>
  </si>
  <si>
    <t>張惇涵,蔡英文,新冠肺炎,志工,台灣</t>
  </si>
  <si>
    <t>清零,沈政男,三級警戒,疫情,新冠肺炎</t>
  </si>
  <si>
    <t>伺服器,肺炎,筆電,出貨放量,擴大</t>
  </si>
  <si>
    <t>新冠肺炎,自體抗體,後遺症,嚴重,久</t>
  </si>
  <si>
    <t>新冠肺炎,台灣,恢復交易,疫情,控管</t>
  </si>
  <si>
    <t>陽性,中港,採檢,全船,離岸風電</t>
  </si>
  <si>
    <t>台北君悅酒店,員工,人力,調整,新冠肺炎</t>
  </si>
  <si>
    <t>爺爺,同事,幼兒園群聚,確診,職場</t>
  </si>
  <si>
    <t>1分鐘看世界,國際新聞,全球新聞,中時電子報,台灣</t>
  </si>
  <si>
    <t>新冠肺炎,台灣,機組員,喊卡,規劃</t>
  </si>
  <si>
    <t>新冠肺炎,台灣,台大醫院,隔離通知</t>
  </si>
  <si>
    <t>宋慧喬,韓國女星,韓國,女星,雜誌封面</t>
  </si>
  <si>
    <t>美國,川普,疫情,紐約,武漢肺炎</t>
  </si>
  <si>
    <t>上市櫃,肺炎,重點,顧立雄,表現</t>
  </si>
  <si>
    <t>陳時中,各部會,肺炎,提升,疫情指揮中心</t>
  </si>
  <si>
    <t>採檢,陳時中,社區感染,肺炎,社區</t>
  </si>
  <si>
    <t>廈門,新冠肺炎,大陸,汽車,線上教學</t>
  </si>
  <si>
    <t>大舅,確診,花蓮,萬華,新冠肺炎</t>
  </si>
  <si>
    <t>新冠肺炎,大智,公園,邱素真,陳雅惠</t>
  </si>
  <si>
    <t>普生,新冠肺炎,試劑,台灣TFDA,核酸檢測試劑</t>
  </si>
  <si>
    <t>全球,巧新,超跑,品牌車廠,輪圈</t>
  </si>
  <si>
    <t>Delta,印度變種病毒,基因定序,秘魯,祖孫</t>
  </si>
  <si>
    <t>門市,肺炎,暫停,adidas,關閉</t>
  </si>
  <si>
    <t>自由座,高鐵,新冠肺炎,台灣,疫情</t>
  </si>
  <si>
    <t>海軍官兵,確診,國軍,台灣,指揮中心</t>
  </si>
  <si>
    <t>新冠肺炎,台灣,9月,施打,75歲</t>
  </si>
  <si>
    <t>疫苗,朱立倫,楊志良,紓困,發現金</t>
  </si>
  <si>
    <t>討論,新冠肺炎疫苗,採購,調閱專案小組,運作</t>
  </si>
  <si>
    <t>上田晉也,東奧,即時報導,新冠肺炎,日本</t>
  </si>
  <si>
    <t>新冠肺炎,台灣,板橋,新北,侯友宜</t>
  </si>
  <si>
    <t>17,1月,24,確診病例,新增</t>
  </si>
  <si>
    <t>新冠肺炎,防疫,追劇,OTT,OVO</t>
  </si>
  <si>
    <t>新冠肺炎,武漢肺炎,新型冠狀病毒,台灣,接觸者</t>
  </si>
  <si>
    <t>新冠肺炎,台灣,谷關,停業,家飯店</t>
  </si>
  <si>
    <t>訊芯,訊芯-KY,營收,毛利率,營益率</t>
  </si>
  <si>
    <t>生產,新冠肺炎,產婦,檢查,出院</t>
  </si>
  <si>
    <t>回饋,信用卡,刷卡,新冠肺炎</t>
  </si>
  <si>
    <t>治愈,10,病例,死亡,貴州</t>
  </si>
  <si>
    <t>累計,確診,國內,新冠肺炎,解隔離</t>
  </si>
  <si>
    <t>新冠肺炎,口罩,實聯制,店員,萊爾富</t>
  </si>
  <si>
    <t>foodpanda,新冠肺炎,防疫,醫護,人員</t>
  </si>
  <si>
    <t>幼兒園,群聚,羅一鈞,幼童,Delta</t>
  </si>
  <si>
    <t>伺服器記憶體,TrendForce,記憶體儲存研究,DRAMeXchange,美國政府標案</t>
  </si>
  <si>
    <t>台灣,英國紀錄片,防疫,20年,準備</t>
  </si>
  <si>
    <t>紓困條例,蘇貞昌,游錫堃,防疫,行政院</t>
  </si>
  <si>
    <t>李來希,新北地檢署,口罩,新冠肺炎,新冠病毒</t>
  </si>
  <si>
    <t>BNT,輝瑞,AZ,混打,林氏璧</t>
  </si>
  <si>
    <t>新冠肺炎,台灣,西門町,1人,永和</t>
  </si>
  <si>
    <t>Fed,聯準會,首場,按兵不動,新冠疫情</t>
  </si>
  <si>
    <t>確診,單日死亡人數,新冠肺炎,伊朗</t>
  </si>
  <si>
    <t>三峽,新北,板橋,確診,感染源</t>
  </si>
  <si>
    <t>莫德納疫苗,輝瑞疫苗,新冠肺炎,冠狀病毒,疫苗接種</t>
  </si>
  <si>
    <t>疫苗加開,醫護,新冠肺炎,台灣,冷清</t>
  </si>
  <si>
    <t>全球,高端疫苗,現增,新冠疫苗,高端</t>
  </si>
  <si>
    <t>網球,法國網球公開賽,小祖維瑞夫,病毒檢驗,法網</t>
  </si>
  <si>
    <t>新冠肺炎,武漢肺炎,新型冠狀病毒,台灣,金門</t>
  </si>
  <si>
    <t>北極星藥業,DSMB,肺間皮癌,FDA</t>
  </si>
  <si>
    <t>以色列,納坦亞胡,新冠肺炎</t>
  </si>
  <si>
    <t>ITF台北國際旅展,中秋,肺炎,觀光業,羅瓊雅</t>
  </si>
  <si>
    <t>侯友宜,新北市,新冠肺炎,武漢肺炎, COVID-19</t>
  </si>
  <si>
    <t>中國大陸,新冠肺炎,疫情,裁員,新冠肺炎</t>
  </si>
  <si>
    <t>環南市場,北市,新北,篩檢,侯友宜</t>
  </si>
  <si>
    <t>BNT,民間團體,購買,抵台,效期</t>
  </si>
  <si>
    <t>新潤建設機構,新潤興業,防疫社區,氧生宅,買房</t>
  </si>
  <si>
    <t>基層診,肺炎,醫院,下降,精神科</t>
  </si>
  <si>
    <t>鄭弘儀,姚惠珍,新聞挖挖哇,疫苗,新冠肺炎</t>
  </si>
  <si>
    <t>疫苗,AZ,猝死,台灣,新冠肺炎</t>
  </si>
  <si>
    <t>分析,肺炎,病毒,疫情,台灣</t>
  </si>
  <si>
    <t>第12輪,新冠疫苗,AZ,輝瑞／BNT,新冠肺炎</t>
  </si>
  <si>
    <t>廣州市,荔灣區,新冠病毒,變異株,新冠肺炎</t>
  </si>
  <si>
    <t>新冠肺炎,全球,菲律賓,車禍,木乃伊</t>
  </si>
  <si>
    <t>新冠肺炎,台灣,外籍,萬華,快篩</t>
  </si>
  <si>
    <t>防疫旅館,侯友宜,新冠肺炎,新北,Delta</t>
  </si>
  <si>
    <t>新冠肺炎,武漢肺炎,新型冠狀病毒,COVID-19,國民黨</t>
  </si>
  <si>
    <t>川普,檢測,白宮,陰性,病毒</t>
  </si>
  <si>
    <t>新冠肺炎,武漢肺炎,新型冠狀病毒,COVID-19,歐洲</t>
  </si>
  <si>
    <t>蝙蝠,病毒,心肌炎,台灣,肺炎</t>
  </si>
  <si>
    <t>黑口罩,女網友,公車,包裝,衛生棉</t>
  </si>
  <si>
    <t>新冠肺炎,武漢肺炎,阿拉巴馬大學,開學,上千</t>
  </si>
  <si>
    <t>口罩,案件,垃圾,防疫,廢棄物</t>
  </si>
  <si>
    <t>防疫,優先,家屬,我們的,包機</t>
  </si>
  <si>
    <t>新冠肺炎,台灣,確診,足跡,台南</t>
  </si>
  <si>
    <t>伍豐,股利,配發率,殖息率,營收</t>
  </si>
  <si>
    <t>湖人,前鋒,杜德利,拉斯維加斯,NBA</t>
  </si>
  <si>
    <t>BNT,動物醫院,打電話,預約,接種</t>
  </si>
  <si>
    <t>新冠肺炎,東吳大學,布萊特狄恩,Brett Dean,停課</t>
  </si>
  <si>
    <t>疫苗,變種,嬌生,新冠肺炎病毒,CDC</t>
  </si>
  <si>
    <t>新冠病毒,症狀,SARS,眼結膜,感染</t>
  </si>
  <si>
    <t>新型冠狀病毒,新冠肺炎,NCP,大陸,黃曉明</t>
  </si>
  <si>
    <t>新冠肺炎,台灣,床位,模擬城市,報表</t>
  </si>
  <si>
    <t>新冠肺炎,台灣,暫停營業,5月,28日</t>
  </si>
  <si>
    <t>疫情,新冠肺炎,聲林之王,歌手,鄭可強</t>
  </si>
  <si>
    <t>潔哥,鄉民女神,新冠肺炎,台灣,爸媽</t>
  </si>
  <si>
    <t>肺炎,產業,特別,新冠,新冠肺炎</t>
  </si>
  <si>
    <t>新冠肺炎,828四大公投,台灣,疫情,郭正亮</t>
  </si>
  <si>
    <t>成長,法人,新高,水準,出貨</t>
  </si>
  <si>
    <t>苗栗,咖啡,居家檢疫,新冠肺炎,新型冠狀病毒</t>
  </si>
  <si>
    <t>板橋,保護管束,新冠肺炎,居家隔離,台灣</t>
  </si>
  <si>
    <t>Counterpoint,全球,智慧手機,銷量,新冠肺炎</t>
  </si>
  <si>
    <t>病人,病毒,肺炎,陽性反應,結膜</t>
  </si>
  <si>
    <t>AZ,莫德納,接受度,BNT,疫苗</t>
  </si>
  <si>
    <t>新冠肺炎,武漢肺炎,新型冠狀病毒,台灣,公升</t>
  </si>
  <si>
    <t>高端,預約接種,Q&amp;A,疫苗,副作用</t>
  </si>
  <si>
    <t>會面,員工,川普,美國,企業</t>
  </si>
  <si>
    <t>新冠肺炎,新型冠狀病毒,台灣,台灣健康空氣行動聯,中火</t>
  </si>
  <si>
    <t>肺炎,篩檢,輸出,菲律賓,旅客</t>
  </si>
  <si>
    <t>梅克爾,新冠病毒,德國,60,70</t>
  </si>
  <si>
    <t>新冠肺炎,中華航空,確診,篩檢,PCR採檢</t>
  </si>
  <si>
    <t>新冠病毒,疫情,確診,美國,印度</t>
  </si>
  <si>
    <t>BMW,獲利,成長,交車,準備金</t>
  </si>
  <si>
    <t>新冠肺炎,大陸,旅遊,黑龍江省,跨省</t>
  </si>
  <si>
    <t>混打,疫苗,二劑,一劑,接種</t>
  </si>
  <si>
    <t>層面,中國,資本,肺炎,投資</t>
  </si>
  <si>
    <t>新冠肺炎,武漢肺炎,新型冠狀病毒,NCP,奎寧</t>
  </si>
  <si>
    <t>川普,麥克羅伊,北愛爾蘭,防疫,球王</t>
  </si>
  <si>
    <t>新冠肺炎,台灣,疫情,手語老師,林珍羽</t>
  </si>
  <si>
    <t>拉丁美洲,巴西,新冠肺炎,武漢肺炎,確診</t>
  </si>
  <si>
    <t>捐贈,BNT,記者會,羅秉成,疫苗</t>
  </si>
  <si>
    <t>克里斯洛克,突破性感染,喜劇天王,新冠肺炎,全球</t>
  </si>
  <si>
    <t>新冠肺炎,台灣, 機構,市府,家屬</t>
  </si>
  <si>
    <t>肺炎,武漢肺炎,武漢,新冠肺炎,國民黨</t>
  </si>
  <si>
    <t>蔡英文,高端疫苗,賴清德,接種,台大醫學院體育館</t>
  </si>
  <si>
    <t>台灣,餐飲業,新冠肺炎,營運,衝擊</t>
  </si>
  <si>
    <t>防疫,新加坡,台灣,移工,新加坡人</t>
  </si>
  <si>
    <t>朱先生,馬來西亞,肺炎,病毒,傳染病</t>
  </si>
  <si>
    <t>NBA,麥格瑞迪,下季,輪休,球員</t>
  </si>
  <si>
    <t>愛紗,日本,疫苗,疫情,新冠肺炎</t>
  </si>
  <si>
    <t>新冠肺炎,社會,後新冠,時代,10大變化</t>
  </si>
  <si>
    <t>疫苗,台灣,新冠肺炎,Novavax,COVAX</t>
  </si>
  <si>
    <t>1分鐘看世界,新冠肺炎</t>
  </si>
  <si>
    <t>病友,類風濕性關節炎,活動,疾病,關節</t>
  </si>
  <si>
    <t>新冠肺炎,台灣,連江縣,快篩,劉增應</t>
  </si>
  <si>
    <t>開放內用,路易莎,星巴克,咖啡店,二級緊戒</t>
  </si>
  <si>
    <t>歐陽靖,譚艾珍,日本防疫,新冠肺炎,新冠狀病毒</t>
  </si>
  <si>
    <t>疫苗,鄭文燦,桃園,接種站,新冠肺炎</t>
  </si>
  <si>
    <t>口罩,大陸,肺炎,現任,身體不舒服</t>
  </si>
  <si>
    <t>新冠肺炎,武漢肺炎,台灣,COVID-19,新型冠狀病毒</t>
  </si>
  <si>
    <t>好萊塢,停拍,停止,拍攝,駭客任務</t>
  </si>
  <si>
    <t>藥用,酒精,高市,成藥,武漢肺炎</t>
  </si>
  <si>
    <t>莫德納,第一劑,第二劑,疫苗荒,到貨不足</t>
  </si>
  <si>
    <t>新冠肺炎,台灣,口罩,北科大,鄰里</t>
  </si>
  <si>
    <t>養護機構,致死率,住民,群聚,新冠肺炎</t>
  </si>
  <si>
    <t>新冠肺炎,武漢肺炎,新型冠狀病毒,台灣,消防</t>
  </si>
  <si>
    <t>新冠肺炎,印度神童,阿南德,星相,預言</t>
  </si>
  <si>
    <t>癌症,英國,新冠肺炎,療程,治療</t>
  </si>
  <si>
    <t>肺炎,疫情,升溫,檢察首長,上任延期</t>
  </si>
  <si>
    <t>新冠肺炎,台灣,學生,確診,大專院校</t>
  </si>
  <si>
    <t>疫情,新冠肺炎,台灣,侯友宜,新北市</t>
  </si>
  <si>
    <t>川普,確診,韓粉,新冠肺炎,拜登</t>
  </si>
  <si>
    <t>大陸,川普,肺炎,病毒,德塞</t>
  </si>
  <si>
    <t>鮑起靜,女兒,發燒,英國,自生自滅</t>
  </si>
  <si>
    <t>楊冪,疫區,捐贈物資,護目鏡,捐贈</t>
  </si>
  <si>
    <t>新冠肺炎,台灣,隔板,免用,校園</t>
  </si>
  <si>
    <t>狀態,哈維,多明哥,肺炎,透露</t>
  </si>
  <si>
    <t>杭州,新冠肺炎,武漢肺炎, COVID-19, 台灣</t>
  </si>
  <si>
    <t>新冠肺炎,台灣,新型冠狀病毒,NCP,台灣</t>
  </si>
  <si>
    <t>新冠肺炎,台灣,台大醫院</t>
  </si>
  <si>
    <t>抓姦,小三,夫妻,正宮,疫苗</t>
  </si>
  <si>
    <t>新冠肺炎,武漢肺炎,新型冠狀病毒,全球,台灣</t>
  </si>
  <si>
    <t>新冠肺炎,COVID-19,新型冠狀病毒,武漢肺炎,侯友宜</t>
  </si>
  <si>
    <t>敦睦艦隊,磐石艦,呂禮詩,艦長,海軍</t>
  </si>
  <si>
    <t>新冠肺炎,台灣,高鐵,空車</t>
  </si>
  <si>
    <t>95,3月,居家檢疫,女室友,發病</t>
  </si>
  <si>
    <t>時報出版,蘋果,菇類,綠茶,大蒜</t>
  </si>
  <si>
    <t>寒舍,營收,毛利率,營益率,獲利</t>
  </si>
  <si>
    <t>新冠肺炎,武漢肺炎,新型冠狀病毒,NCP,香港</t>
  </si>
  <si>
    <t>醫院,北市,下降,本土確診,校正</t>
  </si>
  <si>
    <t>大縣,新春,雲林,5大,活動</t>
  </si>
  <si>
    <t>陳珮騏,台劇女神,吳慷仁,金鐘視帝,新冠肺炎</t>
  </si>
  <si>
    <t>疫苗,柯文哲,PCR,新冠肺炎,台灣</t>
  </si>
  <si>
    <t>味覺,嗅覺,喪失,醫師,特別</t>
  </si>
  <si>
    <t>新冠肺炎,台灣,桃園,老翁,休克</t>
  </si>
  <si>
    <t>王品,營收,低點,新冠肺炎,疫情</t>
  </si>
  <si>
    <t>蔡政府,社交距離,新冠肺炎,新型冠狀病毒,NCP</t>
  </si>
  <si>
    <t>疫情,壓克力,民眾,肺炎,客人</t>
  </si>
  <si>
    <t>金管會,新冠肺炎,防疫,營運不中斷,異地辦公</t>
  </si>
  <si>
    <t>新冠肺炎,基因,疫苗,肺衰竭,免疫</t>
  </si>
  <si>
    <t>三輪,韓國政府,肺炎,韓國,金額</t>
  </si>
  <si>
    <t>首例,大陸,肺炎,死亡,建置</t>
  </si>
  <si>
    <t>境外移入,檢疫期滿確診,新冠肺炎,印尼</t>
  </si>
  <si>
    <t>新冠肺炎,中秋節,疫情,台灣,鬆綁措施</t>
  </si>
  <si>
    <t>疫苗,施打,施打疫苗,踴躍,楊文科</t>
  </si>
  <si>
    <t>Costco,好市多,恐慌,美國,棺材</t>
  </si>
  <si>
    <t>新冠肺炎,台灣,華航,長榮航,雙雄</t>
  </si>
  <si>
    <t>國家,冰島,荷蘭,旅遊疫情,科威特</t>
  </si>
  <si>
    <t>125,06,縣府,漁工,快篩</t>
  </si>
  <si>
    <t>封城,陳建仁,感染,WHO,武漢</t>
  </si>
  <si>
    <t>AZ,莫德納,疫苗,年紀,族群</t>
  </si>
  <si>
    <t>新冠肺炎,武漢肺炎,COVID-19,台灣,全球</t>
  </si>
  <si>
    <t>瑞昱,新冠肺炎,乙太網路,TWS,TV SoC</t>
  </si>
  <si>
    <t>戈貝爾,嗅覺,恢復,NBA,爵士</t>
  </si>
  <si>
    <t>張雅琴,陳時中,確診,境外移入,三級</t>
  </si>
  <si>
    <t>新冠肺炎,連鎖餐飲,疫情,振興紓困,抽銀根</t>
  </si>
  <si>
    <t>力成,營運,展望,DRAM,Flash</t>
  </si>
  <si>
    <t>新冠肺炎,台灣,重症,收治病人,侯友宜</t>
  </si>
  <si>
    <t>日本,小當家,做菜,煮飯,零用錢</t>
  </si>
  <si>
    <t>卡蒂B,中國,新冠肺炎,美國,川普</t>
  </si>
  <si>
    <t>中和里長,里長,李正皓,林綺芳,里民</t>
  </si>
  <si>
    <t>盧秀燕,施打,疫苗,台灣,新冠肺炎</t>
  </si>
  <si>
    <t>雙北,感染源,台北市,疫情,疫苗</t>
  </si>
  <si>
    <t>巴拉圭,新冠疫苗,人體試驗,疫苗,友邦</t>
  </si>
  <si>
    <t>新興,全球,三星,PCB,大陸</t>
  </si>
  <si>
    <t>藥華藥,PV藥證,新冠肺炎,孤兒藥</t>
  </si>
  <si>
    <t>新冠肺炎,台灣,賴清德,醫護人員,急診室</t>
  </si>
  <si>
    <t>新冠肺炎,孕婦,疫苗,指揮中心,公費接種</t>
  </si>
  <si>
    <t>統新,新型冠狀病毒,COVID-19,薄膜濾光片,5G</t>
  </si>
  <si>
    <t>健康醫療網,新冠肺炎,台灣,疫苗,口罩</t>
  </si>
  <si>
    <t>黃立民,肺炎鏈球菌,疫苗,肺炎,侵襲性肺炎鏈球菌</t>
  </si>
  <si>
    <t>威士特丹號,馬來西亞,郵輪,乘客,柬埔寨</t>
  </si>
  <si>
    <t>民進黨,新冠肺炎,黃暐瀚,認同,游盈隆</t>
  </si>
  <si>
    <t>吳鳳,新冠肺炎,土耳其,嘉義</t>
  </si>
  <si>
    <t>帛琉,採檢,肺炎,水泡,敦睦艦隊</t>
  </si>
  <si>
    <t>神壇,新冠肺炎,台灣,染疫,里長娘</t>
  </si>
  <si>
    <t>紅馬,紅馬-KY,股利,除息,填息</t>
  </si>
  <si>
    <t>紓困預算,民進黨,國民黨,蔣萬安,空白授權</t>
  </si>
  <si>
    <t>貨運,客運,華航,新冠肺炎,二月</t>
  </si>
  <si>
    <t>施景中,陳時中,子女，台大醫院,入境,新冠肺炎</t>
  </si>
  <si>
    <t>封鎖,肺炎,上季GDP,印度,經濟</t>
  </si>
  <si>
    <t>高端,疫苗,緩打潮,接種率,新冠肺炎</t>
  </si>
  <si>
    <t>田知學,醫師,布農,看診,咳嗽</t>
  </si>
  <si>
    <t>新冠肺炎,台灣, 台灣,外交部,展現</t>
  </si>
  <si>
    <t>新冠肺炎,台灣,BNT,校園,桃園</t>
  </si>
  <si>
    <t>境外移入,確診,新冠肺炎</t>
  </si>
  <si>
    <t>新冠肺炎,武漢肺炎,新型冠狀病毒,台灣,台女</t>
  </si>
  <si>
    <t>時段,採買,樓層,許淑華,分流</t>
  </si>
  <si>
    <t>新冠肺炎,台灣,美國,疫苗團</t>
  </si>
  <si>
    <t>萬華大鬧熱,萬華,新冠肺炎,老城區,台灣</t>
  </si>
  <si>
    <t>豐台區,批發市場,日新增,本土病例,新發</t>
  </si>
  <si>
    <t>新冠肺炎,武漢肺炎,新型冠狀病毒,台灣,次氯酸水</t>
  </si>
  <si>
    <t>喬治艾娃,大陸,肺炎,GDP增速,全球經濟</t>
  </si>
  <si>
    <t>監獄,獄警,隱瞞,旅遊史,1月</t>
  </si>
  <si>
    <t>方艙醫院,醫療,陳時中,新冠肺炎,台灣</t>
  </si>
  <si>
    <t>敦睦艦隊,磐石艦,海軍,艦隊,確診24人</t>
  </si>
  <si>
    <t>學生,接種疫苗,接種,五專,意願書</t>
  </si>
  <si>
    <t>羥氯喹,波索納洛,新冠病毒,川普</t>
  </si>
  <si>
    <t>防疫管制,二級警戒,新冠肺炎,台灣,指揮中心</t>
  </si>
  <si>
    <t>中秋連假,景點,遊玩,疫情破口,陳宗彥</t>
  </si>
  <si>
    <t>王祖賢,素顏,公益,加拿大,新冠肺炎</t>
  </si>
  <si>
    <t>麻生太郎,義大利,日本,副首相,新冠肺炎</t>
  </si>
  <si>
    <t>新冠肺炎,台灣, AZ,莫德納,差別</t>
  </si>
  <si>
    <t>嘉義,AZ,血栓,疫苗不良,新冠肺炎</t>
  </si>
  <si>
    <t>舊金山,勇士,新冠肺炎疫情</t>
  </si>
  <si>
    <t>新冠肺炎,酒精,烈酒稅,口罩,國家隊</t>
  </si>
  <si>
    <t>新冠肺炎,大陸,內蒙古,額濟納旗,遊客</t>
  </si>
  <si>
    <t>疾控中心,大陸,美國,肺炎,時間軸</t>
  </si>
  <si>
    <t>台中,情人節,燈會,浪漫,新冠肺炎</t>
  </si>
  <si>
    <t>新冠肺炎,心肌炎,輝瑞疫苗,以色列,佛光山</t>
  </si>
  <si>
    <t>綠島,新冠,肺炎,遊客,新冠肺炎</t>
  </si>
  <si>
    <t xml:space="preserve"> 新冠肺炎,台灣,員警,感謝,防疫工作</t>
  </si>
  <si>
    <t>新冠肺炎,台灣,實聯制,麥當勞</t>
  </si>
  <si>
    <t>蔡英文,新冠肺炎,武漢肺炎,口罩,藥物</t>
  </si>
  <si>
    <t>Delta,裝修工人,新北幼兒園,群聚,台灣</t>
  </si>
  <si>
    <t>BNT,未稀釋,恩主公醫院,林金結,新冠肺炎</t>
  </si>
  <si>
    <t>猝死,新冠肺炎,隱形缺氧,無症狀,輕症</t>
  </si>
  <si>
    <t>安心,幸福,勞工,新北市,有薪</t>
  </si>
  <si>
    <t>福原愛,江宏傑,婚變,離婚,專訪</t>
  </si>
  <si>
    <t>封鎖,莫迪,肺炎,禁足令,印度</t>
  </si>
  <si>
    <t>縣市政府,微型保險競賽,肺炎,績優獎,保險競賽</t>
  </si>
  <si>
    <t>瑞銀,肺炎,匯豐,台灣區研究部主管,台股</t>
  </si>
  <si>
    <t>服務,假日,新北,嚴格,新冠肺炎</t>
  </si>
  <si>
    <t>新冠肺炎,台灣,永利,市場,39</t>
  </si>
  <si>
    <t>新冠肺炎,台灣,病毒,帶回家,吳昌騰</t>
  </si>
  <si>
    <t>便當,台灣,餐廳,新冠肺炎,漢來美食</t>
  </si>
  <si>
    <t>封城,南澳,澳州.新冠肺炎,疫情</t>
  </si>
  <si>
    <t>新冠肺炎,武漢肺炎,新型冠狀病毒,台灣,暫停營業</t>
  </si>
  <si>
    <t>北市府,禾馨,自費,驗抗體,報備</t>
  </si>
  <si>
    <t>新冠肺炎,比爾蓋茲,陽謀,陰謀,疫苗接種</t>
  </si>
  <si>
    <t>AZ,接種站,疫苗,65歲以上,新冠肺炎</t>
  </si>
  <si>
    <t>投資人,新興市場債券,收益,資金,新興市場債券基金</t>
  </si>
  <si>
    <t>疫情,檢疫,日本,感染者,專家</t>
  </si>
  <si>
    <t>第12輪,公費疫苗,AZ,莫德納,輝瑞／BNT</t>
  </si>
  <si>
    <t>億豐,新冠肺炎,疫情,德州,百葉門</t>
  </si>
  <si>
    <t>入住,肺炎,檢疫,北市,衛生局</t>
  </si>
  <si>
    <t>高端疫苗,陳時中,打不完,捐贈,援外</t>
  </si>
  <si>
    <t>小明爸爸,廣告小妹,戶籍,陸配子女,新冠肺炎</t>
  </si>
  <si>
    <t>降息,央行,肺炎,RBA,澳洲央行</t>
  </si>
  <si>
    <t>新冠肺炎,台灣,接種,9800,00</t>
  </si>
  <si>
    <t>專案,合作,新北市教育局,學生,侯友宜</t>
  </si>
  <si>
    <t>美國國會,新冠病毒,支出,法案,通過</t>
  </si>
  <si>
    <t>新天地教會,教會,信徒,韓國,南韓</t>
  </si>
  <si>
    <t xml:space="preserve"> 新冠肺炎,台灣,柯文哲,跨年,台北</t>
  </si>
  <si>
    <t>新冠肺炎,台灣,染疫,偵查隊,警員</t>
  </si>
  <si>
    <t>武漢肺炎,新冠肺炎,新型冠狀病毒,全球,NCP</t>
  </si>
  <si>
    <t>莫德納,到貨,時間,陳時中,好消息</t>
  </si>
  <si>
    <t>羽球,世錦賽,羽球世錦賽,西班牙,延賽</t>
  </si>
  <si>
    <t>混打,重打,2劑,疫苗,出國</t>
  </si>
  <si>
    <t>小林直己,成員,確診,新冠肺炎,放浪兄弟</t>
  </si>
  <si>
    <t>韋禮安,韋禮安33歲生日,新冠肺炎,武漢肺炎,新冠狀病毒</t>
  </si>
  <si>
    <t>指數,激增,重挫,美股,新冠確診</t>
  </si>
  <si>
    <t>網球,法國,封城,法網,延賽</t>
  </si>
  <si>
    <t>婚紗業,紓困陳時中,龔明鑫,新冠肺炎,新冠病毒</t>
  </si>
  <si>
    <t>新冠肺炎,武漢肺炎,新型冠狀病毒,台灣,學生</t>
  </si>
  <si>
    <t>全球,宏碁,發表會,新品,next</t>
  </si>
  <si>
    <t>居家,侯友宜,責任,檢疫,新冠肺炎</t>
  </si>
  <si>
    <t>新冠肺炎,武漢肺炎,新型冠狀病毒,NCP,COVID-19</t>
  </si>
  <si>
    <t>里長,火化,彰化,新冠肺炎,台灣</t>
  </si>
  <si>
    <t>全國,數字,美國,時刻,新冠肺炎</t>
  </si>
  <si>
    <t>口罩,肺炎,傳播,李秉穎,戴口罩</t>
  </si>
  <si>
    <t>疫情,新冠肺炎,感動,肺炎,新冠</t>
  </si>
  <si>
    <t>帛琉,新冠肺炎,惠恕仁,旅遊,泡泡</t>
  </si>
  <si>
    <t>治療,理賠,染疫,視同,國壽</t>
  </si>
  <si>
    <t>菲國,移工,政府,菲律賓,看護</t>
  </si>
  <si>
    <t>公費疫苗,接種對象,台灣,新冠肺炎,胖子</t>
  </si>
  <si>
    <t>謝金河,新冠肺炎,武漢肺炎,新型冠狀病毒,NCP</t>
  </si>
  <si>
    <t>徵收,定額,口罩,滿載,研議</t>
  </si>
  <si>
    <t>MLB,大聯盟,總裁,停賽,復賽</t>
  </si>
  <si>
    <t>增長,輸入,北京,日新增,確診病例</t>
  </si>
  <si>
    <t>WHO,新冠肺炎,武漢肺炎,新型冠狀病毒,COVID-19</t>
  </si>
  <si>
    <t>大陸,高雄大學,肺炎,生意,美樂蒂</t>
  </si>
  <si>
    <t>病例,華盛頓州,華盛頓,武漢肺炎,武漢</t>
  </si>
  <si>
    <t>失聯移工,移民署,主動投案,新冠肺炎,出入國及移民法移民</t>
  </si>
  <si>
    <t>全域,望奎,東北,京冀,地區</t>
  </si>
  <si>
    <t>新冠肺炎,住宅處,管委會,防疫,指引</t>
  </si>
  <si>
    <t>典型症狀,採檢,音樂家,肺炎,流鼻水</t>
  </si>
  <si>
    <t>寇世勳,一家之主,新冠肺炎,台灣</t>
  </si>
  <si>
    <t>枋寮醫院,感染源,果農夫妻,Delta,篩檢</t>
  </si>
  <si>
    <t>新冠肺炎,疫情,電梯,吐口水,病毒</t>
  </si>
  <si>
    <t>新冠肺炎,台灣,給予,肺部浸潤,治療</t>
  </si>
  <si>
    <t>間房,境外生,開放時段,點半,旅館</t>
  </si>
  <si>
    <t>成長,新藥,病毒,創源,研究</t>
  </si>
  <si>
    <t>新冠肺炎,台灣,PCR,快篩,台南園區</t>
  </si>
  <si>
    <t>全球,美國,黃金,黃金價格,新冠肺炎</t>
  </si>
  <si>
    <t>新冠肺炎,台灣,委員,舉行,三級警戒</t>
  </si>
  <si>
    <t>封城,大陸,企業,肺炎,訊號</t>
  </si>
  <si>
    <t>台北捷運,確診,新冠肺炎˙,台灣</t>
  </si>
  <si>
    <t>蘇貞昌,內閣,萊豬,中天新聞台,土地</t>
  </si>
  <si>
    <t>李秉穎,染疫,病毒,新冠肺炎</t>
  </si>
  <si>
    <t>醫護人員,三友藥妝,三商美邦人壽,加護病房,醫療保險金</t>
  </si>
  <si>
    <t>嬌生,美商默沙東,訂價,疫苗,肺炎</t>
  </si>
  <si>
    <t>建言,口罩,肺炎,設備,產業</t>
  </si>
  <si>
    <t>新冠肺炎,防疫,微電影,台南市,正興街</t>
  </si>
  <si>
    <t>新冠肺炎,台灣,BNT,接種,校園</t>
  </si>
  <si>
    <t>川普,新冠肺炎,看選戰,美大選,隔離檢疫</t>
  </si>
  <si>
    <t>台灣,新冠,參與,新冠肺炎,WHO</t>
  </si>
  <si>
    <t>歐洲,義大利,F1,新冠肺炎</t>
  </si>
  <si>
    <t>日本,安倍,全國,緊急事態,延長</t>
  </si>
  <si>
    <t>韓國萬民中央教會,新冠肺炎,新型冠狀病毒, COVID-19,台灣</t>
  </si>
  <si>
    <t>立陶宛,疫苗,AZ,新冠肺炎,台灣</t>
  </si>
  <si>
    <t>義隆,聯詠,瑞昱,IC設計,居家辦公</t>
  </si>
  <si>
    <t>伊朗,囚犯,新冠肺炎,新型冠狀病毒, COVID-19</t>
  </si>
  <si>
    <t xml:space="preserve"> 新冠肺炎,大陸,11月,3日,確診病例</t>
  </si>
  <si>
    <t>新冠肺炎,台灣,里長,染疫,確診</t>
  </si>
  <si>
    <t>團隊,發燒,肺炎,層層,併發症</t>
  </si>
  <si>
    <t>施打,診所,接種,基層診所,醫護人員</t>
  </si>
  <si>
    <t>新冠肺炎,印度,BBC,疫情,氧氣</t>
  </si>
  <si>
    <t>新冠肺炎,義大利,確診</t>
  </si>
  <si>
    <t>武漢肺炎,新冠肺炎,新型冠狀病毒,台灣,NCP</t>
  </si>
  <si>
    <t>移工,口罩,外語,付款,新冠肺炎</t>
  </si>
  <si>
    <t>新冠肺炎,台灣,抗菌,布口罩,標準</t>
  </si>
  <si>
    <t>曹西平,跨年晚會,停辦,新冠肺炎,群聚感染</t>
  </si>
  <si>
    <t>新冠肺炎,台灣,屏基,仁愛國小,勤洗手</t>
  </si>
  <si>
    <t>基層診,肺炎,病毒,基層醫療,蔡明忠</t>
  </si>
  <si>
    <t>柯提斯,東京奧運,2020東京奧運,比賽,東奧</t>
  </si>
  <si>
    <t>美國,4百萬,確診,新冠肺炎,疫情</t>
  </si>
  <si>
    <t>金融海嘯,摩爾,投顧分析師,鐘崑禎,新冠肺炎</t>
  </si>
  <si>
    <t>美國,衛生部長,阿札爾,新冠肺炎</t>
  </si>
  <si>
    <t>AZ,疫苗,洗腎,猝死,台中</t>
  </si>
  <si>
    <t>疫苗,病毒,巴基斯坦,斯坦,反應</t>
  </si>
  <si>
    <t>血栓,昏倒,莊人祥,高端疫苗,指揮中心</t>
  </si>
  <si>
    <t>川普,假新聞,新冠肺炎,武漢肺炎,CNN</t>
  </si>
  <si>
    <t>雙鐵,防疫規範,鬆綁,佩戴口罩,新冠肺炎</t>
  </si>
  <si>
    <t>救治,患者,醫院,方案,陝西</t>
  </si>
  <si>
    <t>境外移入,指揮中心,移工,新冠肺炎</t>
  </si>
  <si>
    <t>新冠肺炎,中國大陸,Delta,隔離,封城</t>
  </si>
  <si>
    <t>抗體,肺炎,病毒,預防,藥廠</t>
  </si>
  <si>
    <t>指揮中心,境外移入,台灣,中央流行疫情指揮中心,新冠肺炎</t>
  </si>
  <si>
    <t>新冠肺炎,部長,布吉納法索,邦交國,貝瑞</t>
  </si>
  <si>
    <t>WHO,新冠肺炎,武漢肺炎,新冠病毒, COVID-19</t>
  </si>
  <si>
    <t>范雲,王鴻薇,新冠肺炎,台灣</t>
  </si>
  <si>
    <t>新冠肺炎,線上教學,停課不停學,平板電腦,捐贈</t>
  </si>
  <si>
    <t>利率,肺炎,投資,歐洲,疫情</t>
  </si>
  <si>
    <t>南電,肺炎,展旺,額溫槍,泰鼎</t>
  </si>
  <si>
    <t>無人機,黃偉哲,台南,防疫,社交距離</t>
  </si>
  <si>
    <t>外資,淨匯出,淨匯入,新冠肺炎,僑外資</t>
  </si>
  <si>
    <t>第3劑,施打,指揮中心,接種,疫苗</t>
  </si>
  <si>
    <t>陳時中,BNT,新冠肺炎,疫苗,台灣東洋</t>
  </si>
  <si>
    <t>混打,AZ,mRNA,疫苗,林氏璧</t>
  </si>
  <si>
    <t>台灣,新冠肺炎,志工,疫苗,肝病防治學術基金會</t>
  </si>
  <si>
    <t>新冠肺炎,大陸,鄭州,疫情,暴雨</t>
  </si>
  <si>
    <t>蓬佩奧,實驗室,證據顯示,新冠肺炎,中國大陸</t>
  </si>
  <si>
    <t>封鎖,肺炎,違反,懷疑,境內</t>
  </si>
  <si>
    <t>台灣,新冠肺炎,鎖國,陳時中,紐約時報</t>
  </si>
  <si>
    <t>居家檢疫,侯友宜,新北,新冠肺炎,武漢肺炎</t>
  </si>
  <si>
    <t>減薪,NBA,七六人</t>
  </si>
  <si>
    <t>全球股市,美股,千點,南韓,新冠肺炎</t>
  </si>
  <si>
    <t>桌球,跨欄,陳傑,鄭怡靜,新冠肺炎</t>
  </si>
  <si>
    <t>包機,兩岸,林奕華,磋商,新冠肺炎</t>
  </si>
  <si>
    <t>新冠肺炎,武漢肺炎,奇美醫,台南,探病</t>
  </si>
  <si>
    <t>系統,許多,新冠肺炎,社交疏離,不斷</t>
  </si>
  <si>
    <t>新冠肺炎,台灣,恆春,包棟,彰化</t>
  </si>
  <si>
    <t>貨櫃,醫院,人員,戶外,安全</t>
  </si>
  <si>
    <t>境外生,回台,世新大學,回家,蕭文</t>
  </si>
  <si>
    <t>室內農場,農場,高科技,種植,糧食</t>
  </si>
  <si>
    <t>新冠肺炎,台灣,侯友宜,網路,新北</t>
  </si>
  <si>
    <t>新冠肺炎,台灣, 公墓,南投縣,確診個案</t>
  </si>
  <si>
    <t>台商,檢疫措施,台灣,返家,新冠肺炎</t>
  </si>
  <si>
    <t>亞洲固定收益,收益,肺炎,全球主要央行,穩健</t>
  </si>
  <si>
    <t>咖啡,聲明,觀光局,發病,高官</t>
  </si>
  <si>
    <t>創新高,單日確診,岩手縣,零確診,東京</t>
  </si>
  <si>
    <t>爵士樂,大師,艾利斯馬沙利斯罹,新冠肺炎,武漢肺炎</t>
  </si>
  <si>
    <t>境外移入個案,召開,臨時記者會,說明,新增</t>
  </si>
  <si>
    <t>新冠肺炎,台灣,和平醫院,聯醫</t>
  </si>
  <si>
    <t>邊境管制,台日友好,台灣,日本,接種證明</t>
  </si>
  <si>
    <t>教育部,全國,學生,新冠肺炎,台灣</t>
  </si>
  <si>
    <t>廣州,肺炎,反彈,輸入,鍾南山</t>
  </si>
  <si>
    <t>香港,新冠肺炎,疫情,公立醫院,許樹昌</t>
  </si>
  <si>
    <t>新冠肺炎,武漢肺炎,新型冠狀病毒,台灣,詹啟賢</t>
  </si>
  <si>
    <t>WHO,黃明志,台灣,新冠肺炎,秘書長</t>
  </si>
  <si>
    <t>英國,新冠肺炎,痊癒,免疫,病毒</t>
  </si>
  <si>
    <t>北京,中國大陸,新冠肺炎,武漢肺炎,WHO</t>
  </si>
  <si>
    <t>確診個案,美國,疫苗,肺炎,南韓</t>
  </si>
  <si>
    <t>血清抗體,說明,北市府,研究,柯文哲</t>
  </si>
  <si>
    <t>新冠肺炎,紓困振興,酷碰券,抵用券,行政院</t>
  </si>
  <si>
    <t>伊朗,新冠肺炎,新型冠狀病毒, COVID-19,台灣</t>
  </si>
  <si>
    <t>榮剛,全球,疫情,來新高,新冠肺炎疫情</t>
  </si>
  <si>
    <t>新冠肺炎,美國,醫療體系,Delta,疫苗</t>
  </si>
  <si>
    <t>廣告,萬華運動中心,免費,不實,下架</t>
  </si>
  <si>
    <t>選手,觀眾,防疫,網球,口沫</t>
  </si>
  <si>
    <t>隔離,收容人,監所,發現,矯正機關</t>
  </si>
  <si>
    <t>新冠肺炎,台灣,確診者,本土</t>
  </si>
  <si>
    <t>大立光,鴻海,台積電,新冠肺炎,廣達</t>
  </si>
  <si>
    <t>新冠肺炎,武漢肺炎,新冠病毒,東京迪士尼,休園</t>
  </si>
  <si>
    <t>境外移入,新冠肺炎,指揮中心,確診,說明</t>
  </si>
  <si>
    <t>花季,飯店,民眾,  溫泉,花季</t>
  </si>
  <si>
    <t>新冠肺炎,武漢肺炎,NCP,新型冠狀病毒,全球</t>
  </si>
  <si>
    <t>新冠肺炎,台灣,金映,柯建銘,台灣</t>
  </si>
  <si>
    <t>口罩,肺炎,國防部,協助,嚴峻</t>
  </si>
  <si>
    <t>肺炎,民主黨,小企業,紓困,醫療體系</t>
  </si>
  <si>
    <t>新冠肺炎,COVID-19,武漢肺炎,新型冠狀病毒,NCP</t>
  </si>
  <si>
    <t>新冠肺炎,台灣,警衛,代班,台北富邦銀行</t>
  </si>
  <si>
    <t>新冠肺炎,台灣,公祭,三級警戒,延長</t>
  </si>
  <si>
    <t>新冠肺炎,台灣,混打,盧秀燕,民眾</t>
  </si>
  <si>
    <t>大陸,劉結一,台企,台灣,惠台11條</t>
  </si>
  <si>
    <t>馬維欣,開幕,代廠,肺炎,投資</t>
  </si>
  <si>
    <t>觀光,黃敏惠,雙城記,阿娥豆花,永和豆漿</t>
  </si>
  <si>
    <t>科爾,新冠肺炎,勇士,NBA,東京奧運</t>
  </si>
  <si>
    <t>新冠肺炎,台灣,侯友宜,長期抗戰</t>
  </si>
  <si>
    <t>新冠肺炎,感染,防疫</t>
  </si>
  <si>
    <t>光寶科,全球,合併營收,上半年,新冠肺炎疫情</t>
  </si>
  <si>
    <t>新冠肺炎,大陸,廣州市,10例,98</t>
  </si>
  <si>
    <t>台塑,台塑化,原油,新冠肺炎,煉油</t>
  </si>
  <si>
    <t>新冠肺炎,台灣,蔡英文,端午節,八卦版</t>
  </si>
  <si>
    <t>企業,廠商,招商,紓困,侯友宜</t>
  </si>
  <si>
    <t>壓力知覺,新冠肺炎,蔬果,免疫力,焦慮症</t>
  </si>
  <si>
    <t>科興疫苗,新冠肺炎,張維容,疫苗,施打</t>
  </si>
  <si>
    <t>新冠肺炎,台灣,死亡個案,潛藏疾病</t>
  </si>
  <si>
    <t>計程車,肺炎,新冠,口罩,新冠肺炎</t>
  </si>
  <si>
    <t>新冠肺炎,台灣, 台南,施打,台灣</t>
  </si>
  <si>
    <t>澳幣,美國,台幣對,降息,新台幣</t>
  </si>
  <si>
    <t>新冠肺炎,研究,病毒,大學,科技部</t>
  </si>
  <si>
    <t>林大鈞,譚德塞,種族歧視,新冠肺炎,武漢肺炎</t>
  </si>
  <si>
    <t>大甲媽祖,鎮瀾宮,遶境,新冠肺炎,顏清標</t>
  </si>
  <si>
    <t>香港,新冠肺炎,流感疫苗,新冠疫苗,何栢良</t>
  </si>
  <si>
    <t>直播,記者會,新冠肺炎,武漢肺炎,新型冠狀病毒</t>
  </si>
  <si>
    <t>仔仔,鼻腔腫瘤,動保處,新北,嗎啡</t>
  </si>
  <si>
    <t>新冠肺炎,新冠肺炎,NCP,台灣,澎湖</t>
  </si>
  <si>
    <t>新冠肺炎,細胞,感冒,新冠病毒,抗體</t>
  </si>
  <si>
    <t>鼻過敏,新冠肺炎,症狀,舌頭,舌苔</t>
  </si>
  <si>
    <t>新冠肺炎,台灣,研究員,匡列,陳潤秋</t>
  </si>
  <si>
    <t>NBA,詹姆斯,年薪,湖人,例行賽</t>
  </si>
  <si>
    <t>接種,疫苗,死亡,AZ,高端</t>
  </si>
  <si>
    <t>沈富雄,陳時中,疫苗護照,疫苗,蘇貞昌</t>
  </si>
  <si>
    <t>今健康,新冠肺炎,台灣,運動,口罩</t>
  </si>
  <si>
    <t>衛福部,陳時中,擴大紓困,困擾,新冠肺炎</t>
  </si>
  <si>
    <t>包正豪,高端,高端疫苗,新冠肺炎,台灣</t>
  </si>
  <si>
    <t>醫療量能,新冠肺炎,台灣,年長者,確診</t>
  </si>
  <si>
    <t>全家,鮮食,網購,新品,疫情</t>
  </si>
  <si>
    <t>數字,美國,染疫,死亡人數,新冠病毒</t>
  </si>
  <si>
    <t>蘋果,家門市,美國,肺炎,門市</t>
  </si>
  <si>
    <t>Delta,病毒,柯文哲,地球毀滅,檢視</t>
  </si>
  <si>
    <t>今年,肺炎,實驗,新冠肺炎,新冠</t>
  </si>
  <si>
    <t>口罩,網友,許多,實名制口罩,藥局</t>
  </si>
  <si>
    <t>快樂缺氧,新冠肺炎,症狀,隱形缺氧,確診</t>
  </si>
  <si>
    <t>法國,天體,暴發,新冠肺炎,新冠病毒</t>
  </si>
  <si>
    <t>AZ,最年輕死亡個案,接種,新冠疫苗,新冠肺炎</t>
  </si>
  <si>
    <t>長崎港,維修,船員,停泊,郵輪</t>
  </si>
  <si>
    <t>停課名單,Delta,新北,侯友宜,全校</t>
  </si>
  <si>
    <t>仲琦,新冠肺炎,網通產業,匯率</t>
  </si>
  <si>
    <t>確診,症狀,食慾不振,呼吸急促,冰雪奇緣2</t>
  </si>
  <si>
    <t>連江縣,案5774,馬祖,屏東,返台</t>
  </si>
  <si>
    <t>新冠肺炎,台灣,高雄,鳳山,陽性</t>
  </si>
  <si>
    <t>快篩,侯友宜,新莊區,新冠肺炎,板橋</t>
  </si>
  <si>
    <t>肺炎,納入資產配置,美國聯準會,投資,高收益債</t>
  </si>
  <si>
    <t>Delta,保護力,打疫苗,兩劑,台灣</t>
  </si>
  <si>
    <t>新冠肺炎,台灣,消防,基層,打火</t>
  </si>
  <si>
    <t>喉嚨痛,塞內加爾,確診,夫婦,空服員</t>
  </si>
  <si>
    <t>伊朗,川普,新型冠狀病毒</t>
  </si>
  <si>
    <t>抗體,疫苗,肺炎,病毒,增生</t>
  </si>
  <si>
    <t>新冠肺炎,台灣,日本,朱立倫,AZ疫苗</t>
  </si>
  <si>
    <t>新冠肺炎,台灣,新北,BNT,校園</t>
  </si>
  <si>
    <t>司機,祖孫,秘魯,屏東,關廟休息站</t>
  </si>
  <si>
    <t>新冠肺炎,武漢肺炎,covid-19,台灣,新型冠狀病毒</t>
  </si>
  <si>
    <t>申高恩,皇后的品格,結婚,尹鍾和,壞愛情</t>
  </si>
  <si>
    <t>新冠肺炎,台灣,拔管,病人,表達</t>
  </si>
  <si>
    <t xml:space="preserve">新冠肺炎,境外移入,確診,指揮中心,說明	</t>
  </si>
  <si>
    <t>大陸,醫院,輸入,無症狀感染,確診病例</t>
  </si>
  <si>
    <t>新冠肺炎,台灣,查詢,資格,開放</t>
  </si>
  <si>
    <t>大學,新冠肺炎,武漢肺炎,台南,台南大學</t>
  </si>
  <si>
    <t>採檢結果,俄羅斯,出爐,96,國人</t>
  </si>
  <si>
    <t>美股,交易,標準普爾,暴跌,新冠肺炎</t>
  </si>
  <si>
    <t>健康醫療網,新冠肺炎,台灣,中風,COVID19</t>
  </si>
  <si>
    <t>新冠疫苗,新冠肺炎,BNT,來台,總統府</t>
  </si>
  <si>
    <t>陳時中,疫苗,採購,生產線,新冠肺炎</t>
  </si>
  <si>
    <t>3級警戒,苗栗縣,標準,執行,外籍移工</t>
  </si>
  <si>
    <t>盛群,新冠肺炎,額溫槍,耳溫槍,滑鼠</t>
  </si>
  <si>
    <t>納瓦羅,武器化病毒,大陸,新冠病毒</t>
  </si>
  <si>
    <t>防疫,嘉義縣,機構,服務,人員</t>
  </si>
  <si>
    <t>陳道輝,敦睦艦隊,磐石艦,確診,新冠肺炎</t>
  </si>
  <si>
    <t>新低,日股,新冠肺炎,確診病例,經濟復甦</t>
  </si>
  <si>
    <t xml:space="preserve"> 新冠肺炎,台灣,陳宗彥,民眾,電子圍籬</t>
  </si>
  <si>
    <t>新冠肺炎,國際,封鎖,新南威爾斯州,延長</t>
  </si>
  <si>
    <t>智邦,量將,智邦科技,外籍員工,產量</t>
  </si>
  <si>
    <t>降級,潛水,游泳池,水肺,口罩</t>
  </si>
  <si>
    <t>輝瑞疫苗,新冠肺炎,冠狀病毒,莫德納疫苗,緊急授權</t>
  </si>
  <si>
    <t>口罩,戴口罩,口罩鬆綁,戶外,山林</t>
  </si>
  <si>
    <t>全球,安盛生,系統,抗原快篩,安必測</t>
  </si>
  <si>
    <t>爾俸爾祿,爆發,人民,肺炎,疾管署</t>
  </si>
  <si>
    <t>新冠肺炎,紓困4.0,申請紓困,紓困,補助</t>
  </si>
  <si>
    <t>預言家,2021,波蘭,黑暗年,新冠疫情</t>
  </si>
  <si>
    <t>陳時中,大陸,救援,外媒,生活</t>
  </si>
  <si>
    <t>杜特蒂,披索,約新台幣,薪水,自願</t>
  </si>
  <si>
    <t>陸委會,疫情,政府,新冠肺炎,武漢肺炎</t>
  </si>
  <si>
    <t>蘇貞昌,疫情,政府,條例,肺炎</t>
  </si>
  <si>
    <t>白思豪,第一階段,6月,紐約,新冠肺炎</t>
  </si>
  <si>
    <t>家戶傳播,新冠肺炎,台灣</t>
  </si>
  <si>
    <t>AZ,疫苗,到貨,59.55萬劑,效期</t>
  </si>
  <si>
    <t>新冠肺炎,高雄,高醫,護手霜,社會企業</t>
  </si>
  <si>
    <t>季度,收入,肺炎,淨虧損,愛奇藝</t>
  </si>
  <si>
    <t>原油,合約,肺炎,暴跌,疫情</t>
  </si>
  <si>
    <t>新冠肺炎,疫情,民進黨團,延後,補助</t>
  </si>
  <si>
    <t>新冠肺炎,CONID-19,武漢肺炎,新型冠狀病毒,台中</t>
  </si>
  <si>
    <t>聯發科,5G,華為,OPPO,vivo</t>
  </si>
  <si>
    <t>新冠肺炎,台灣,新北,通報,接種</t>
  </si>
  <si>
    <t>黃偉哲,蘇貞昌,台南,新冠肺炎,武漢肺炎</t>
  </si>
  <si>
    <t>病例,新疆,烏魯木齊,疫情,症狀</t>
  </si>
  <si>
    <t>學生,確診,校方,文大,大倫館</t>
  </si>
  <si>
    <t>下船,台籍旅客,飯店,預定,日本</t>
  </si>
  <si>
    <t>尹恩惠,確診,新冠肺炎,同居,南韓</t>
  </si>
  <si>
    <t>口罩,發燒,安置,肺炎,額溫槍</t>
  </si>
  <si>
    <t>新冠肺炎,武漢肺炎,新型冠狀病毒,台灣,就醫</t>
  </si>
  <si>
    <t>新冠肺炎,韓國瑜,高雄,高市府,青年</t>
  </si>
  <si>
    <t>大陸,政治,肺炎,經濟,台灣</t>
  </si>
  <si>
    <t>工作,調派,員工,運作,肺炎</t>
  </si>
  <si>
    <t>8日,林男,居家檢疫,大陸返台,新北市板橋區</t>
  </si>
  <si>
    <t>張雅琴,快篩,攝影,新冠肺炎,台灣</t>
  </si>
  <si>
    <t>信用利差,新興市場債券,新企債,降息,利差擴大</t>
  </si>
  <si>
    <t>台化,美中貿易,新冠肺炎,宏觀經濟,石化界</t>
  </si>
  <si>
    <t>施打,額滿,疫苗,門診,預約</t>
  </si>
  <si>
    <t>新冠肺炎,台灣,本土個案,確診地圖,雙北</t>
  </si>
  <si>
    <t>境外,匈牙利,北京市,報告,新冠</t>
  </si>
  <si>
    <t>新冠肺炎,台灣,內湖,電視台,廁所</t>
  </si>
  <si>
    <t>石正麗,新冠肺炎,武漢肺炎,病毒專家,中國大陸</t>
  </si>
  <si>
    <t>文件,病毒,肺炎,英國,檢測</t>
  </si>
  <si>
    <t>醫院,柯文哲,病床,新冠肺炎,台灣</t>
  </si>
  <si>
    <t>Dextromethorphan,止咳藥,新冠病毒,蘇一峰,複製</t>
  </si>
  <si>
    <t>朱學恒,自主管理,天網,新冠肺炎,居家檢疫</t>
  </si>
  <si>
    <t>磐石艦,陰性,雲林,新冠肺炎,敦睦艦隊</t>
  </si>
  <si>
    <t>新冠肺炎,武漢肺炎,金門,縣府,居家隔離、居家檢疫</t>
  </si>
  <si>
    <t>家屬,處理,三峽,肺炎,火化</t>
  </si>
  <si>
    <t>啟碁,5G,IoT,車用, WiFi 6</t>
  </si>
  <si>
    <t>新冠肺炎,台灣,北市,市場,柯文哲</t>
  </si>
  <si>
    <t>新冠肺炎,台灣,新北市,侯友宜,確診數</t>
  </si>
  <si>
    <t>母親,5月,留言,確診者,病歿</t>
  </si>
  <si>
    <t>地瓜,客人,超商,噁心,超商店員地瓜</t>
  </si>
  <si>
    <t>主動脈剝離,接種,關聯性,高端,疫苗</t>
  </si>
  <si>
    <t>新冠肺炎,台灣, 機動,篩檢站,板橋</t>
  </si>
  <si>
    <t>成長,肺炎,變數,正成長,設備製造商</t>
  </si>
  <si>
    <t>健康醫療網,新冠肺炎,台灣,插管,拔管</t>
  </si>
  <si>
    <t>普力生化科技,新冠病毒,國防醫學院,生技,產品</t>
  </si>
  <si>
    <t>阿湯哥,湯姆克魯斯,不可能的任務7,新冠肺炎,劇組人員</t>
  </si>
  <si>
    <t>學生,南護,防疫假,新冠肺炎,台灣</t>
  </si>
  <si>
    <t>施打,莫德納,第二劑,林右昌,基隆</t>
  </si>
  <si>
    <t>劉倩妏,隱形眼鏡,雷射,護目鏡,近視</t>
  </si>
  <si>
    <t>警察,肺炎,犯罪,發生,金融機構</t>
  </si>
  <si>
    <t>疫苗,何美鄉,台灣,新冠肺炎,三級警戒</t>
  </si>
  <si>
    <t>口罩,肺炎,基金會,協助,社區</t>
  </si>
  <si>
    <t>研究,藥物,國家,疫情,肺炎</t>
  </si>
  <si>
    <t>蓬佩奧,確診,新冠病毒,國務院,疫情</t>
  </si>
  <si>
    <t>醫護人員,品均,租金,肺炎,人員</t>
  </si>
  <si>
    <t>聯亞,EUA,T細胞,抗體效價,黃軒</t>
  </si>
  <si>
    <t>國產,安心,黑豆,新港,農會</t>
  </si>
  <si>
    <t>新冠肺炎,台灣,停課,新埔國小,劉美芳</t>
  </si>
  <si>
    <t>民眾,拚經濟,侯友宜,個體,發放</t>
  </si>
  <si>
    <t>新冠肺炎,台灣,傅崐萁,台灣,開放</t>
  </si>
  <si>
    <t>新冠肺炎,台灣,新北,劉和然,停課</t>
  </si>
  <si>
    <t xml:space="preserve">草莓姐姐,香蕉哥哥,萬華,新冠肺炎, </t>
  </si>
  <si>
    <t>陳時中,衛福部長,蔡英文,疫情指揮中心,新冠肺炎</t>
  </si>
  <si>
    <t>國發會,景氣燈號,新冠肺炎疫情</t>
  </si>
  <si>
    <t>新冠肺炎確診,確定,砍殺,護理師,羈押</t>
  </si>
  <si>
    <t>國家中,中西醫結合,中國,肺炎,中醫藥</t>
  </si>
  <si>
    <t>幼兒園,Delta變異株,Delta,裝修工人,埃及爸</t>
  </si>
  <si>
    <t>肺炎,專案,資金,關懷,借款</t>
  </si>
  <si>
    <t>劉品言,網購內衣,大胸女孩,新冠肺炎</t>
  </si>
  <si>
    <t>口罩,家長,肺炎,日,腸病毒</t>
  </si>
  <si>
    <t>氟伏沙明,老藥,新冠肺炎,台灣,血清素</t>
  </si>
  <si>
    <t>肺炎,出車,壓力,遊覽車業,都會</t>
  </si>
  <si>
    <t>護理人員,東京奧運,協助,應該,新冠肺炎</t>
  </si>
  <si>
    <t>南韓,世衛,新冠肺炎,大邱市</t>
  </si>
  <si>
    <t>陳時中,疫苗價格,新冠肺炎,台灣</t>
  </si>
  <si>
    <t>新冠肺炎,武漢肺炎,台南,關懷據點,社會局</t>
  </si>
  <si>
    <t>新冠肺炎,武漢肺炎,新型冠狀病毒,COVID-19,伊朗</t>
  </si>
  <si>
    <t>新冠肺炎,台灣,簡訊實聯制,郵局,疫情</t>
  </si>
  <si>
    <t>新冠肺炎,台灣,市場,疫調,攤商</t>
  </si>
  <si>
    <t>接種,新冠疫苗,大陸,廣東,新冠肺炎</t>
  </si>
  <si>
    <t>口罩,殷琦,生產,張仕育,新冠肺炎</t>
  </si>
  <si>
    <t>Delta,屏東,變異株,周百謙,人口密集</t>
  </si>
  <si>
    <t>大聯盟,年資,縮短,球員,選秀</t>
  </si>
  <si>
    <t>新冠肺炎,台灣,確診,足跡,自律</t>
  </si>
  <si>
    <t>大陸,摩洛哥,李佳,努力,滯留</t>
  </si>
  <si>
    <t>國家,烈士,新冠肺炎,武漢肺炎,新型冠狀病毒</t>
  </si>
  <si>
    <t>遠百,微風,美妝,SOGO,百貨</t>
  </si>
  <si>
    <t>出現,華盛頓州,該州,院內感染,新冠肺炎</t>
  </si>
  <si>
    <t>新冠肺炎,揚州,疫情,確診病例,暴發</t>
  </si>
  <si>
    <t>超微,資料中心,肺炎,台積電,雲端運算</t>
  </si>
  <si>
    <t>接種,BNT,學校,學生,加開</t>
  </si>
  <si>
    <t>大跌,川普,美國,肺炎,表現</t>
  </si>
  <si>
    <t>新冠肺炎,大陸,人員,嚴格,出京</t>
  </si>
  <si>
    <t>新冠肺炎,台灣,蘇貞昌,打疫苗,三爺溪</t>
  </si>
  <si>
    <t>新冠肺炎,武漢肺炎,新型冠狀病毒,台灣,口罩</t>
  </si>
  <si>
    <t>輝達,肺炎,費半指數,野村,美光</t>
  </si>
  <si>
    <t>歐洲,新車,銷售,歐盟,防疫</t>
  </si>
  <si>
    <t>經濟成長率,中國,肺炎,中國大陸,金融</t>
  </si>
  <si>
    <t>香港,新冠肺炎,武漢肺炎, COVID-19, 台灣</t>
  </si>
  <si>
    <t>復工,新冠肺炎,失業率,公衛專家,美國</t>
  </si>
  <si>
    <t>新冠肺炎,台灣,林飛帆,廚房,鄉民</t>
  </si>
  <si>
    <t>疫苗,大陸,疫情,將於,申報</t>
  </si>
  <si>
    <t>新冠肺炎,武漢肺炎,新型冠狀病毒,台灣,醫療院所</t>
  </si>
  <si>
    <t>新冠肺炎,敦睦艦隊,家樂福,潮州國中,潘孟安</t>
  </si>
  <si>
    <t>高雄市議會,臨時會,高雄市長,韓國瑜,海軍</t>
  </si>
  <si>
    <t>大陸,萬輛,大陸汽車,銷量,車市</t>
  </si>
  <si>
    <t>日本,鑽石公主號,鑽石,患者,厚生</t>
  </si>
  <si>
    <t>新興,要點,新創事業,國發基金,鄭貞茂</t>
  </si>
  <si>
    <t>美國,中國,肺炎,捐贈,價值觀</t>
  </si>
  <si>
    <t>施匡翹,港星,最壞榜樣,藥物治療,拖延</t>
  </si>
  <si>
    <t>交通部,觀光局,新冠肺炎,疫情,地方</t>
  </si>
  <si>
    <t>家樂福,太平洋百貨,12月,屏東火車站,疫苗施打</t>
  </si>
  <si>
    <t>新冠肺炎,台灣,確診地圖,疫情</t>
  </si>
  <si>
    <t>全國農業金庫,新冠肺炎疫情,紓困貸款,本國,農漁民</t>
  </si>
  <si>
    <t>全國,義大利,新冠狀病毒,新冠肺炎,全境</t>
  </si>
  <si>
    <t>國防部,韋安,國軍,口罩,敦睦艦隊</t>
  </si>
  <si>
    <t>男子,假冒,新冠肺炎,防疫員,登堂入室</t>
  </si>
  <si>
    <t>印度神童,阿南德,預言,疫情,解封</t>
  </si>
  <si>
    <t>延長,外籍人士,簽證,停留時間,新冠肺炎</t>
  </si>
  <si>
    <t>居家檢疫,侯友宜,新冠肺炎,新型冠狀病毒,NCP</t>
  </si>
  <si>
    <t>常春月刊,焦慮,情緒,復原力,疫情</t>
  </si>
  <si>
    <t>新冠肺炎,疫情,口罩,公車,乘客</t>
  </si>
  <si>
    <t>新冠肺炎,孟加拉,印尼,境外輸入</t>
  </si>
  <si>
    <t>1450,羅智強,丟盡,台灣人,新冠肺炎</t>
  </si>
  <si>
    <t>小孩,17,紐約州,母親,被感染</t>
  </si>
  <si>
    <t>疫情,大跌,台股,肺炎,新冠肺炎</t>
  </si>
  <si>
    <t>全新,巨城,遠東巨城購物中心,業績,香氛</t>
  </si>
  <si>
    <t>新冠肺炎,台灣,疫苗外交,AIT,口罩外交</t>
  </si>
  <si>
    <t>新冠肺炎,台灣, 快篩,工業區,市府</t>
  </si>
  <si>
    <t>林書豪,CBA,復賽,籃球,北京首港</t>
  </si>
  <si>
    <t>口罩,陳時中,高虹安,7600萬,蘇貞昌</t>
  </si>
  <si>
    <t>潛伏期,確診,時間,ICU,發病</t>
  </si>
  <si>
    <t>二次感染,新冠肺炎,央視,武漢肺炎,新型冠狀病毒</t>
  </si>
  <si>
    <t>聯亞,高端疫苗,EUA,聯亞受試者,高端疫苗保護力</t>
  </si>
  <si>
    <t>工作,導遊,華語導遊,洗碗工, 武漢肺炎</t>
  </si>
  <si>
    <t>細胞簡訊, 環南市場,採檢,警示簡訊,範圍</t>
  </si>
  <si>
    <t>新冠肺炎,台灣,板橋,陽性,篩檢站</t>
  </si>
  <si>
    <t>鈺太,PS5,新冠肺炎,MEMS,宅經濟</t>
  </si>
  <si>
    <t>新冠肺炎,武漢肺炎,台灣,探病,病房</t>
  </si>
  <si>
    <t>新冠肺炎,國泰金控,保一</t>
  </si>
  <si>
    <t>高通,半導體,新興,台積電,智慧機</t>
  </si>
  <si>
    <t>東森,全球,富邦媒,宅經濟,新冠肺炎疫情</t>
  </si>
  <si>
    <t>融程電,股東會,股利,營運,展望</t>
  </si>
  <si>
    <t>新冠肺炎,武漢肺炎,新型冠狀病毒,台灣,市場</t>
  </si>
  <si>
    <t>資本,占率,投資,壽險,億多</t>
  </si>
  <si>
    <t>檢驗,浙江台商,確認,陳時中,中央流行疫情指揮中心</t>
  </si>
  <si>
    <t>哥倫比亞變異株,Delta,變異株,疫苗,傳播力</t>
  </si>
  <si>
    <t>台商,抗體,後遺症,肺炎,肺部纖維化</t>
  </si>
  <si>
    <t>新冠肺炎,台灣,兒童,BNT,疫苗</t>
  </si>
  <si>
    <t>團隊,肺炎,專案,微軟,黑客松</t>
  </si>
  <si>
    <t>切斯基,旅遊,肺炎,訂房,IPO</t>
  </si>
  <si>
    <t>新冠肺炎,台灣,重症照護,確診,三級警戒</t>
  </si>
  <si>
    <t>新冠肺炎,台灣,本土疫情,確診數,社區感染</t>
  </si>
  <si>
    <t>10天,說明,0確診,零確診,指揮中心</t>
  </si>
  <si>
    <t>新冠肺炎,文化部,台灣,指揮中心,COVID-19</t>
  </si>
  <si>
    <t>歇業,新冠肺炎,疫情,勞工局,雇主</t>
  </si>
  <si>
    <t>新冠肺炎,台灣,衛生局,行政相驗,劍青檢改</t>
  </si>
  <si>
    <t>Scripps Research Institute,Nature Medicine,武漢肺炎,新冠肺炎,台灣</t>
  </si>
  <si>
    <t>旺旺,兩岸,疫情,旺旺集團,集團</t>
  </si>
  <si>
    <t>好萊塢,停止,肺炎,疫情,染疫</t>
  </si>
  <si>
    <t>境外移入,新冠肺炎,指揮中心</t>
  </si>
  <si>
    <t>指數,歐盟,疫苖,復甦基金,新冠</t>
  </si>
  <si>
    <t>新冠肺炎,台灣, 確診,1154,採檢</t>
  </si>
  <si>
    <t>性愛,防疫,性學專家,啪啪,高潮.新冠肺炎</t>
  </si>
  <si>
    <t>分發,洽談,陳時中,疫苗廠,美國</t>
  </si>
  <si>
    <t>醫護人員,鑽石公主號,員工,NHK,慰勞金</t>
  </si>
  <si>
    <t>新冠肺炎,COVID-19,武漢肺炎,新型冠狀病毒,居家隔離</t>
  </si>
  <si>
    <t>賴清德,立委,動作,新系,黨內</t>
  </si>
  <si>
    <t>武漢肺炎,新型冠狀病毒,全球,威士特丹號,柬埔寨</t>
  </si>
  <si>
    <t>新冠肺炎,台灣,延長,三級管制,適應</t>
  </si>
  <si>
    <t>個案,CT,檢驗,舊案,抗體</t>
  </si>
  <si>
    <t>全球,智慧型手機,億支,TrendForce,第二季</t>
  </si>
  <si>
    <t>新冠病毒,並存,言論,部長,無法</t>
  </si>
  <si>
    <t>蘋果,美國,肺炎,台積電,外資</t>
  </si>
  <si>
    <t>AZ,白打,兩劑,保護力,第三劑</t>
  </si>
  <si>
    <t>議員,彰化,新冠肺炎,定期會,暫停</t>
  </si>
  <si>
    <t>全方位,美股,新興市場基金,劉奕伶,疫情</t>
  </si>
  <si>
    <t>新冠肺炎,台灣,三立電視台,PCR,員工確診</t>
  </si>
  <si>
    <t>新冠肺炎,台灣,封城,加拿大,本土病例</t>
  </si>
  <si>
    <t>大陸,肺炎,美股,淨流出,經濟</t>
  </si>
  <si>
    <t>美國,拜登,美國民眾,民眾,人數</t>
  </si>
  <si>
    <t>Omicron,變異株,新冠肺炎,台灣,日本</t>
  </si>
  <si>
    <t>新冠肺炎,台灣,快篩,陳其邁,高市</t>
  </si>
  <si>
    <t>新冠肺炎,台灣,戴口罩,開車,莊人祥</t>
  </si>
  <si>
    <t>復業,KTV,從業人員,高市,允許</t>
  </si>
  <si>
    <t>肺炎,房貸,郊外,家庭,疫情</t>
  </si>
  <si>
    <t>特殊交友圈,居家隔離,桃園,新冠肺炎,台灣</t>
  </si>
  <si>
    <t>口罩,肺炎,陳秀熙,指數,SARS</t>
  </si>
  <si>
    <t>聯發科,新冠肺炎,5G,4G,新興市場</t>
  </si>
  <si>
    <t>南科管理局,照護,系統,新興,生醫</t>
  </si>
  <si>
    <t>徐國勇,取消,全國性,酒測,防酒駕團體</t>
  </si>
  <si>
    <t>普發,正職,打工,紓困,補助</t>
  </si>
  <si>
    <t>星展銀行,彈性福利金,防疫物品,林鑫川,新冠肺炎</t>
  </si>
  <si>
    <t>手環,防疫,居家,檢疫,平安</t>
  </si>
  <si>
    <t>松山區,補習班,北市,台灣,新冠肺炎</t>
  </si>
  <si>
    <t>實聯制,QR,Code,1922,詐騙</t>
  </si>
  <si>
    <t>日月潭旅遊,肺炎,度假,都會區,散客</t>
  </si>
  <si>
    <t xml:space="preserve"> 新冠肺炎,武漢肺炎,疫情,取消,金門迎城隍宗教文化季</t>
  </si>
  <si>
    <t>新冠肺炎,台灣,確診,張志豪,5人</t>
  </si>
  <si>
    <t>武漢肺炎症狀,南韓武漢肺炎,林口長庚,院內感染,新冠肺炎</t>
  </si>
  <si>
    <t>王鴻薇,民眾,韓國,台灣,吊車尾</t>
  </si>
  <si>
    <t>陳時中,王丰,中央流行疫情指揮中心,指揮官,台中</t>
  </si>
  <si>
    <t>新冠肺炎,俄羅斯,日航</t>
  </si>
  <si>
    <t>新冠肺炎,台灣,北市,疑似,死後確診</t>
  </si>
  <si>
    <t>嘉義,造謠,嘉基醫院,新冠肺炎肺炎,疫情</t>
  </si>
  <si>
    <t>專機,駐印度代表處,新德里,台商,5月</t>
  </si>
  <si>
    <t>實驗室,病毒,中研院,門把,桌面</t>
  </si>
  <si>
    <t>新冠肺炎,台灣,疫苗,基隆,長照</t>
  </si>
  <si>
    <t>武漢肺炎,新型冠狀病毒,大陸,新冠肺炎,NPC</t>
  </si>
  <si>
    <t>日月光投控,股價,營運,展望,外資</t>
  </si>
  <si>
    <t>發現,病毒,肺炎,世衛,檢測</t>
  </si>
  <si>
    <t>允浩,東方神起,非法酒店,陪酒,女服務生</t>
  </si>
  <si>
    <t>成長,強勢股,肺炎,技嘉,宇峻</t>
  </si>
  <si>
    <t>末日異戰,俄羅斯,冠軍,票房,新冠肺炎</t>
  </si>
  <si>
    <t>快篩,偽陽性,採檢,新冠肺炎,台灣</t>
  </si>
  <si>
    <t>死亡人數,新冠,大陸,34,一個</t>
  </si>
  <si>
    <t>確診,醫療專機,治療,印尼,台商</t>
  </si>
  <si>
    <t>新冠肺炎,台灣,Delta,變種病毒,Alpha</t>
  </si>
  <si>
    <t>新冠疫情,變種病毒,譚德塞,疫苗,世界衛生大會</t>
  </si>
  <si>
    <t>趙少康,疫苗,量產,高端疫苗,EUA</t>
  </si>
  <si>
    <t>義隆,Chromebook,NB,新冠肺炎,居家辦公</t>
  </si>
  <si>
    <t>新藥,取得,肺炎,臨床試驗,Health</t>
  </si>
  <si>
    <t>EXO,Xiumin,新冠肺炎,PCR檢測,SM娛樂</t>
  </si>
  <si>
    <t>疫情,新北,守住,新冠肺炎,台灣</t>
  </si>
  <si>
    <t>新冠肺炎,台灣,祕魯祖孫,通知,計程車司機</t>
  </si>
  <si>
    <t>新冠肺炎,台灣,快篩,攤商,北農</t>
  </si>
  <si>
    <t>週末,出去,台灣,人流,疫情</t>
  </si>
  <si>
    <t>網球,女網,哈麗普,WTA,賽事</t>
  </si>
  <si>
    <t>武漢肺炎,新形冠狀病毒,新冠肺炎,NCP,COVID-19</t>
  </si>
  <si>
    <t>事假,員工,疫情,放寬,肺炎</t>
  </si>
  <si>
    <t>新冠肺炎,台灣,WHA,WHO,邀請台灣</t>
  </si>
  <si>
    <t>帛琉,境外移入,指揮中心,新冠肺炎</t>
  </si>
  <si>
    <t>新冠肺炎,北京,北方工業大學,棒球指導,江仲豪</t>
  </si>
  <si>
    <t>侯友宜,新北市,11人,永和,感染源不明</t>
  </si>
  <si>
    <t>接種,新冠疫苗,BNT,新冠肺炎,台灣</t>
  </si>
  <si>
    <t>安特羅,國光生技,快篩試劑</t>
  </si>
  <si>
    <t>PCR,陳姓員警,萬華,新冠肺炎,台灣</t>
  </si>
  <si>
    <t>餐飲業,新冠肺炎,疫情,業績,來客數</t>
  </si>
  <si>
    <t>楊文科,新竹,新冠肺炎,台灣,確診者</t>
  </si>
  <si>
    <t>黃金,價格,高點,新冠肺炎,疫情</t>
  </si>
  <si>
    <t>李宗穎,疫苗,國家,鮮奶,老車</t>
  </si>
  <si>
    <t>10月,BNT,預約時間,接種,疫苗</t>
  </si>
  <si>
    <t>繞境,宜蘭縣,廟會,縣府,新冠肺炎</t>
  </si>
  <si>
    <t>心悅生醫,新冠新藥,EUA</t>
  </si>
  <si>
    <t>Delta變異株,祕魯祖孫,新冠肺炎,台灣,朱學恒</t>
  </si>
  <si>
    <t>海軍,確診,女友,敦睦艦隊,傳染</t>
  </si>
  <si>
    <t>交通部,觀光局,新冠肺炎,觀光產業,薪資</t>
  </si>
  <si>
    <t>林楚茵,NCC,新聞人,陳耀祥,名單</t>
  </si>
  <si>
    <t>新冠肺炎,台灣,宗教團體,新北市,捐贈</t>
  </si>
  <si>
    <t>高通,蘋果,Arm,5G,4G</t>
  </si>
  <si>
    <t>境外移入,新冠肺炎,指揮中心,記者會</t>
  </si>
  <si>
    <t>陳時中,採檢,入境普篩,PCR,新冠肺炎</t>
  </si>
  <si>
    <t>陳時中,蔣萬安,高端,安全性,混打</t>
  </si>
  <si>
    <t>康健雜誌,新冠肺炎,台灣,孕婦,產婦</t>
  </si>
  <si>
    <t>新冠肺炎,市府,紓困,商圈,牌照稅</t>
  </si>
  <si>
    <t>新冠肺炎,台灣,莫德納,第二劑,主動脈剝離</t>
  </si>
  <si>
    <t>新冠肺炎,肺炎,防疫,野味,市場</t>
  </si>
  <si>
    <t>陳一新,任務,幹部,中央政法委,建立</t>
  </si>
  <si>
    <t>新冠肺炎,疫情,確診,美國,CDC</t>
  </si>
  <si>
    <t>瑞麗,核酸檢測,雲南瑞麗,新冠肺炎,大陸</t>
  </si>
  <si>
    <t>張上淳,台灣,個案,復陽,陰陽</t>
  </si>
  <si>
    <t>Zoom,視訊會議,在家工作,WFH,疫情</t>
  </si>
  <si>
    <t>聚碩,勝品,羅昇,佳世達,創同期新高</t>
  </si>
  <si>
    <t>消毒,登革熱,北港朝天宮,新冠,香盛期</t>
  </si>
  <si>
    <t>女兒,川普,顧問,凱莉安．康威,新冠肺炎</t>
  </si>
  <si>
    <t>MLB,大聯盟,美國,2021年,新冠肺炎</t>
  </si>
  <si>
    <t>新冠肺炎,武漢肺炎,新型冠狀病毒,台灣,媽祖</t>
  </si>
  <si>
    <t>李治熏,李治訓,臉贊時代,文智允,花美男株式會社</t>
  </si>
  <si>
    <t>肺炎,出院,染疫,避免,自主健康管理</t>
  </si>
  <si>
    <t>新冠肺炎,武漢肺炎,新型冠狀病毒,COVID-19,義大利</t>
  </si>
  <si>
    <t>新冠肺炎,台灣,孕婦,採檢,新竹縣</t>
  </si>
  <si>
    <t>曝險金額,美國,新台幣,授信,金額</t>
  </si>
  <si>
    <t>茉蘭登諾維奇,美網,隔離,帕爾雷,WTA</t>
  </si>
  <si>
    <t>二級警戒,超商,茶葉蛋,酒店,游泳池</t>
  </si>
  <si>
    <t>新冠肺炎,疫情,搶購,統一,佳格</t>
  </si>
  <si>
    <t>高端疫苗,死亡個案,莊人祥,台中,新冠肺炎</t>
  </si>
  <si>
    <t>機構,疫苗,美國,肺炎,台灣</t>
  </si>
  <si>
    <t>現增,私募,普通股,獨董,億股</t>
  </si>
  <si>
    <t>大陸,疫苗,雲南,日新增,處置</t>
  </si>
  <si>
    <t>美國石油業,全球能源,肺炎,被迫,百座</t>
  </si>
  <si>
    <t>多生,保存,肺炎,PCR,高章</t>
  </si>
  <si>
    <t>BNT,疫苗,陳時中,時間,劑量</t>
  </si>
  <si>
    <t>泰產險,疫苗,下限,取消,投保年齡</t>
  </si>
  <si>
    <t>後續,中國,肺炎,內需,觀察</t>
  </si>
  <si>
    <t>BMI,英國研究,新冠肺炎,體重,重症患者</t>
  </si>
  <si>
    <t>新冠肺炎,武漢肺炎,新型冠狀病毒,台灣,採檢</t>
  </si>
  <si>
    <t>疫苗預約系統,新冠肺炎,台灣,漏洞,工程師</t>
  </si>
  <si>
    <t>本土個案,陳時中,跌了一跤,排除感染,疫情</t>
  </si>
  <si>
    <t>居家隔離,監控,立委,陳以信,國民黨</t>
  </si>
  <si>
    <t>新冠肺炎,綠媒,高中,媒體,學生</t>
  </si>
  <si>
    <t>校正回歸,侯友宜,確診者,作業,空窗期</t>
  </si>
  <si>
    <t>暢旺,肺炎,產能,筆電,大中</t>
  </si>
  <si>
    <t>新冠肺炎,娛樂業者,屏東縣,減稅</t>
  </si>
  <si>
    <t>台灣,網友,疫情,台灣人,隱匿</t>
  </si>
  <si>
    <t>新冠肺炎,大陸,香港,接種,學童</t>
  </si>
  <si>
    <t>吳淡如,染疫,王樂明,孕婦,醫護</t>
  </si>
  <si>
    <t>花蓮,新創基地,成為,徐榛蔚,青年</t>
  </si>
  <si>
    <t>新冠肺炎,武漢肺炎,疫情,金門,縣府</t>
  </si>
  <si>
    <t>北京,病毒,新冠肺炎,疫情,出現</t>
  </si>
  <si>
    <t>登革熱,新冠肺炎,危險因子,致死率,大爆發</t>
  </si>
  <si>
    <t>新冠肺炎,台灣,基隆,確診,匡列</t>
  </si>
  <si>
    <t>幸運女神,義大利,電影,新冠肺炎,佛森歐茲派克</t>
  </si>
  <si>
    <t>新冠病毒,新冠肺炎,武漢肺炎,COVID-19,川普</t>
  </si>
  <si>
    <t>利亞,保加利亞,總統,辦公室,總統辦公室</t>
  </si>
  <si>
    <t>高中生,返台,花蓮,蚵仔煎,留學生</t>
  </si>
  <si>
    <t>武漢肺炎,新型冠狀病毒,全球,川普,WHO</t>
  </si>
  <si>
    <t>新冠肺炎,武漢肺炎,新型冠狀病毒,COVID-19,川普</t>
  </si>
  <si>
    <t>居家檢疫,北市府,柯文哲,新冠肺炎,新型冠狀病毒</t>
  </si>
  <si>
    <t>1分鐘看世界,國際新聞,全球新聞,中時電子報,新冠肺炎</t>
  </si>
  <si>
    <t>新冠肺炎,武漢肺炎,新型冠狀病毒,COVID-19,返國</t>
  </si>
  <si>
    <t>衛生所,AZ,疫苗,竹北市,驕傲</t>
  </si>
  <si>
    <t>新冠肺炎,台灣,移工,苗栗縣,禁止外出</t>
  </si>
  <si>
    <t>新冠肺炎,高雄,飯店,福華,異地辦公</t>
  </si>
  <si>
    <t>愛爾蘭,新冠肺炎,疫情,馬丁</t>
  </si>
  <si>
    <t>1死,新冠肺炎,武漢肺炎,新型冠狀病毒,台灣</t>
  </si>
  <si>
    <t>高端,接種,不適,新冠肺炎,台灣</t>
  </si>
  <si>
    <t>歐盟,峰會,新冠肺炎,武漢肺炎,經濟刺激</t>
  </si>
  <si>
    <t>防疫,蘇貞昌,2024,總統大選,新冠肺炎</t>
  </si>
  <si>
    <t>校園,教育局,台中,新冠肺炎,開放</t>
  </si>
  <si>
    <t>世界,歐洲,亞洲,陳時中,新冠肺炎</t>
  </si>
  <si>
    <t>女嬰,新冠肺炎,院方,進行,CT</t>
  </si>
  <si>
    <t>新冠肺炎,台灣, 台東縣,饒慶鈴,抗疫</t>
  </si>
  <si>
    <t>防疫旅館,匡列,櫃檯,台灣,新冠肺炎</t>
  </si>
  <si>
    <t>戴口罩,外出不用戴口罩,疫苗,招名威,疫苗覆蓋率</t>
  </si>
  <si>
    <t>雙鐵解禁,飲食,指揮中心,戴口罩,新冠肺炎</t>
  </si>
  <si>
    <t>陰轉陽,丹麥,探親,案333,案336</t>
  </si>
  <si>
    <t>境外移入,確診,菲律賓,指揮中心,莊人祥</t>
  </si>
  <si>
    <t>新冠肺炎,確診者,護理師,河莉秀,治療</t>
  </si>
  <si>
    <t>抗體,輝瑞,疫苗,肺炎,毫克</t>
  </si>
  <si>
    <t>全球,美國,蘋果,聯準會,新一輪</t>
  </si>
  <si>
    <t>台灣,新冠肺炎澳門,Delta病毒,印度</t>
  </si>
  <si>
    <t>降級,全國,疫情,新冠肺炎,台灣</t>
  </si>
  <si>
    <t>法人,華為海思,肺炎,歷史新高,京元電</t>
  </si>
  <si>
    <t>員工,無薪假,肺炎,門市,因應</t>
  </si>
  <si>
    <t>新冠病毒,新冠肺炎,武漢肺炎,全球,NCP</t>
  </si>
  <si>
    <t>陳振,行為,出現,衛生紙,新加坡人</t>
  </si>
  <si>
    <t>肺炎,檔個股,強勢,提前,歷史新高</t>
  </si>
  <si>
    <t>新冠肺炎,呼吸器,美國,歐美,台灣</t>
  </si>
  <si>
    <t>全國,裁罰,疫情警戒,新冠肺炎,台灣</t>
  </si>
  <si>
    <t>韓國,奧運,IOC,南韓,足球</t>
  </si>
  <si>
    <t>台灣,進行,鎖國,認為,入境</t>
  </si>
  <si>
    <t>解封,台南市,順時中,逆時中,黃偉哲</t>
  </si>
  <si>
    <t>走在路上,歧視,肺炎,網站,生病</t>
  </si>
  <si>
    <t>狀況,工作,上工,侯友宜,首波</t>
  </si>
  <si>
    <t>新冠肺炎,動健康,新北市,侯友宜,銀髮族</t>
  </si>
  <si>
    <t>新冠肺炎,東大門,太魯閣,花蓮,武漢肺炎</t>
  </si>
  <si>
    <t xml:space="preserve"> 新冠肺炎,台灣,防疫,機組員,民航局</t>
  </si>
  <si>
    <t>高端,國產疫苗,高端疫苗,新冠疫苗,新冠肺炎</t>
  </si>
  <si>
    <t>新冠肺炎,台灣,賴士葆,疫苗,陳時中</t>
  </si>
  <si>
    <t>螢幕,法人,營運,教育,筆電</t>
  </si>
  <si>
    <t>登記,520,八德,新人,戶政</t>
  </si>
  <si>
    <t>新冠肺炎,武漢肺炎,全球,英國,川普</t>
  </si>
  <si>
    <t>新冠肺炎,台灣,邱臣遠,交通委員會,確診</t>
  </si>
  <si>
    <t>泰嘉,建案,呂金發,新冠肺炎,總銷約</t>
  </si>
  <si>
    <t>武漢肺炎,新型冠狀病毒,全球,美國,加州</t>
  </si>
  <si>
    <t>貨櫃航運,營運,新高,合約價,每TEU</t>
  </si>
  <si>
    <t>台灣,新冠肺炎,血液透析,院內感染,洗腎病患</t>
  </si>
  <si>
    <t>ICU醫,趴臥,壓迫肺部,新冠肺炎,台灣</t>
  </si>
  <si>
    <t>疫情,病毒,二級警戒,民眾,餐廳</t>
  </si>
  <si>
    <t>新冠肺炎,COVID-19,武漢肺炎,新型冠狀病毒,蘇貞昌</t>
  </si>
  <si>
    <t>新冠肺炎,台灣,建國,自助餐,關門</t>
  </si>
  <si>
    <t>巫師,肺炎,惡靈,部落,耆老</t>
  </si>
  <si>
    <t>停電,台電,新冠肺炎,台灣,亞東醫院</t>
  </si>
  <si>
    <t>超豐,新冠肺炎,京元電,確診移工,移工</t>
  </si>
  <si>
    <t>工作,肺炎,工作機會,經濟,數據</t>
  </si>
  <si>
    <t>台北市長,柯文哲,官兵,足跡,中央</t>
  </si>
  <si>
    <t>嬰兒,母乳,猝死,接種,AZ疫苗</t>
  </si>
  <si>
    <t>華南銀行,裕融企業,新臺幣,統籌主辦,主辦</t>
  </si>
  <si>
    <t>新冠肺炎,台灣,北市,防疫專責旅館,確診者</t>
  </si>
  <si>
    <t>新冠肺炎,台灣,女保險員,隔離,彰化縣</t>
  </si>
  <si>
    <t>蔡英文,國防部,國軍,嚴德發,磐石軍艦</t>
  </si>
  <si>
    <t>施景中,新冠肺炎,疫情,新冠病毒</t>
  </si>
  <si>
    <t>基隆廟口,攤販,謠傳,懸賞,新冠肺炎</t>
  </si>
  <si>
    <t>幼兒園,群聚,擴大,基因定序,新冠肺炎</t>
  </si>
  <si>
    <t>新冠肺炎,疫情,越南,胡志明市,棺材</t>
  </si>
  <si>
    <t>揚州,疫苗,肺炎,病毒,江蘇</t>
  </si>
  <si>
    <t>柯文哲,新冠肺炎,中央,台灣,疫苗</t>
  </si>
  <si>
    <t>新冠肺炎,大陸,張文宏,戴口罩,接種疫苗</t>
  </si>
  <si>
    <t>新冠肺炎,台灣,接種,意願書,新北</t>
  </si>
  <si>
    <t>石斑魚,市場,新冠肺炎,漁業署,滯銷</t>
  </si>
  <si>
    <t>新冠肺炎,台灣,宜蘭,確診,喜宴</t>
  </si>
  <si>
    <t>新冠肺炎,台灣,疫苗,心血管疾病,接種</t>
  </si>
  <si>
    <t>香港,肺炎,感覺,下水道,潘迎紫</t>
  </si>
  <si>
    <t>新冠肺炎,台灣,新竹,移工,確診</t>
  </si>
  <si>
    <t>新冠肺炎,台灣,苗栗,移工,快篩陽性</t>
  </si>
  <si>
    <t>新冠肺炎,台灣,   訊息,疫苗,台灣</t>
  </si>
  <si>
    <t>新冠肺炎,川普,WHO,美國確診,武漢肺炎</t>
  </si>
  <si>
    <t>新冠肺炎,台灣,北市,Delta,柯文哲</t>
  </si>
  <si>
    <t>謝立群,一次性,毛利率,客戶,排除</t>
  </si>
  <si>
    <t>口罩,陳時中,肺炎,實名制,座位</t>
  </si>
  <si>
    <t>美國空軍,任務執行率,戰備,F-35,F-22</t>
  </si>
  <si>
    <t>新冠肺炎,睡眠品質,睡眠不足,睡眠中斷,疲勞感</t>
  </si>
  <si>
    <t>口罩,下禮拜,人員,徵才,華新</t>
  </si>
  <si>
    <t>確診,指揮中心,境外移入,本土,破口</t>
  </si>
  <si>
    <t>AZ,疫苗,抵台,日本,捐贈</t>
  </si>
  <si>
    <t>起訴,東元,疫情,新竹,指揮</t>
  </si>
  <si>
    <t>林宥嘉,五月天,林宥嘉新專輯,完全娛樂</t>
  </si>
  <si>
    <t>台灣,鄰長夫妻,新冠肺炎,湖北</t>
  </si>
  <si>
    <t>肺炎,警政署,查察,司法機關,各警察機關</t>
  </si>
  <si>
    <t>精測,營收,成長,同期新高,展望</t>
  </si>
  <si>
    <t>新冠肺炎,武漢肺炎,新型冠狀病毒,COVID-19,2020年</t>
  </si>
  <si>
    <t>個案,採檢,高市府,IKEA,PCR</t>
  </si>
  <si>
    <t>新冠病毒,新冠肺炎,武漢肺炎,COVID-19,WHO</t>
  </si>
  <si>
    <t>有直,公園,旅遊,肺炎,病毒</t>
  </si>
  <si>
    <t>新冠肺炎,武漢肺炎,COVID-19,台灣,年輕人</t>
  </si>
  <si>
    <t>接種,死亡,AZ,莫德納,13</t>
  </si>
  <si>
    <t>新北市交通局,本月初,公車,得知,戴口罩</t>
  </si>
  <si>
    <t>1分鐘看世界,新冠肺炎,日本,新加坡</t>
  </si>
  <si>
    <t>外送員,傷害保險,保險,打造,WeMo Scooter</t>
  </si>
  <si>
    <t>UA,Under,Armour,股價,營收</t>
  </si>
  <si>
    <t>新冠肺炎,台灣,台中,中科,篩檢站</t>
  </si>
  <si>
    <t>Delta,枋山,解封,巿場,群聚</t>
  </si>
  <si>
    <t>新冠肺炎,台灣,台北地院,女職員,確診</t>
  </si>
  <si>
    <t>新冠肺炎,台灣,台中,梧棲區,藥師</t>
  </si>
  <si>
    <t>新冠肺炎,台灣,疫苗,蔡英文</t>
  </si>
  <si>
    <t>新冠肺炎,武漢肺炎,新型冠狀病毒,台灣,餐點</t>
  </si>
  <si>
    <t>新冠肺炎,台灣,接種,四維高中,花蓮</t>
  </si>
  <si>
    <t>新冠肺炎,COVID-19,武漢肺炎,全球,新型冠狀病毒</t>
  </si>
  <si>
    <t>蝗災,蝗蟲,20倍,非洲,新一輪</t>
  </si>
  <si>
    <t>新冠肺炎,新發地市場,美國,經濟,疫情</t>
  </si>
  <si>
    <t>新冠肺炎,大陸,遼寧省,全域,低風險</t>
  </si>
  <si>
    <t>口罩,國民黨,顏色,計時器,黨徽</t>
  </si>
  <si>
    <t>拓也哥,同志網紅,新冠肺炎,武漢肺炎,新型冠狀病毒</t>
  </si>
  <si>
    <t>川普,美國,確診,至尊公主號,總統，新冠肺炎</t>
  </si>
  <si>
    <t>新冠肺炎,台灣,蘇清泉,東港安泰醫院,慰問金</t>
  </si>
  <si>
    <t>強森,英國,疫情,新冠肺炎</t>
  </si>
  <si>
    <t>確診者,防疫假,幼兒園,新冠肺炎,台灣</t>
  </si>
  <si>
    <t>BNT,第10輪,疫苗,台灣,新冠肺炎</t>
  </si>
  <si>
    <t>新冠肺炎,大陸,重組,疫苗,新冠</t>
  </si>
  <si>
    <t>發病率,傳染力,肺炎,早期,傳播力</t>
  </si>
  <si>
    <t>自殺,病毒,黃瑽寧,肺炎,直言</t>
  </si>
  <si>
    <t>新冠肺炎,台灣,接種,疫苗,第2劑</t>
  </si>
  <si>
    <t>台積電,疫苗,新冠肺炎,疫情,永齡基金會</t>
  </si>
  <si>
    <t>美國,川普,新冠肺炎,疫情,高峰</t>
  </si>
  <si>
    <t>新冠肺炎,武漢肺炎,新型冠狀病毒,NCP,大陸</t>
  </si>
  <si>
    <t>新冠肺炎,死亡個案,最年長,確診,台灣</t>
  </si>
  <si>
    <t>現金,龔明鑫,行政院,消費券,新冠肺炎</t>
  </si>
  <si>
    <t>暫停開放,校園,肺炎,運動,疫情趨緩</t>
  </si>
  <si>
    <t>大減,社會局,無薪假,肺炎,家業</t>
  </si>
  <si>
    <t>全新,互動,全球,解密科技寶藏,台語</t>
  </si>
  <si>
    <t>里長,防疫,抗菌,肺炎,社區</t>
  </si>
  <si>
    <t>東研信超,戰略新板,申請上櫃,櫃買中心,家數</t>
  </si>
  <si>
    <t>陳時中,時尚雜誌,風衣,拍馬屁,眼鏡</t>
  </si>
  <si>
    <t>屋主,美國,肺炎,房貸,申請</t>
  </si>
  <si>
    <t>712,解封,夜市,餐飲,開放</t>
  </si>
  <si>
    <t>奧克蘭,紐西蘭,社區感染,源頭,新增</t>
  </si>
  <si>
    <t>新冠肺炎,台灣,疫苗,蔡其昌,BNT</t>
  </si>
  <si>
    <t>中央,武漢,台北市,柯文哲,新冠肺炎</t>
  </si>
  <si>
    <t xml:space="preserve"> 新冠肺炎,大陸,江蘇,報告,3例</t>
  </si>
  <si>
    <t>新冠肺炎,雷根號,疫情,印度,確診</t>
  </si>
  <si>
    <t>譚艾珍,歐陽靖,新冠肺炎,莫德納,疫苗</t>
  </si>
  <si>
    <t xml:space="preserve"> 新冠肺炎,台灣,第1劑,施打,施打疫苗</t>
  </si>
  <si>
    <t>賴士葆,蘇貞昌,疫苗,新冠肺炎,台灣</t>
  </si>
  <si>
    <t>全球,新興,強化,高收債,納入</t>
  </si>
  <si>
    <t>#新冠肺炎#全球,以色列,Omicron,疫苗,保護力</t>
  </si>
  <si>
    <t>身體,病毒,體質,中醫師,新冠症狀</t>
  </si>
  <si>
    <t>gdp,今年,大陸,影響,疫情</t>
  </si>
  <si>
    <t>行政院,蘇貞昌,新冠肺炎,紓困,經費</t>
  </si>
  <si>
    <t>接種,新冠肺炎,大陸,高風險,疫苗</t>
  </si>
  <si>
    <t>群聚,打牌,罰金,36萬,烤雞</t>
  </si>
  <si>
    <t>陽性,豐台區,新發地,北京市,北京</t>
  </si>
  <si>
    <t>杜蘭特,籃網,伊格,上場,確診</t>
  </si>
  <si>
    <t>張雅琴,羅友志,政大,陳時中,名嘴</t>
  </si>
  <si>
    <t>疫苗,賴士葆,台灣,施打疫苗,新冠肺炎</t>
  </si>
  <si>
    <t>延期,大甲媽,今年,董監事,監事會</t>
  </si>
  <si>
    <t>泰碩,原相,進度,法人,肺炎</t>
  </si>
  <si>
    <t>日額,肺炎,保單,死亡,保險金</t>
  </si>
  <si>
    <t>新冠肺炎,武漢肺炎,新型冠狀病毒,台灣,大陸</t>
  </si>
  <si>
    <t>社會,歧視,詹昭能,疫情,新冠肺炎</t>
  </si>
  <si>
    <t>范瑋琪,陳建州,賈永婕,救命神器,HFNC</t>
  </si>
  <si>
    <t>汙水,病毒,監測,莊人祥,傳染性</t>
  </si>
  <si>
    <t>新冠肺炎,疫情,防疫,勞工局,訪視</t>
  </si>
  <si>
    <t>國產疫苗,高端疫苗,高端,疾管署,新冠疫苗</t>
  </si>
  <si>
    <t>新冠肺炎,台灣,殘劑,北市,學生</t>
  </si>
  <si>
    <t>新冠肺炎,台灣,宜蘭,南澳鄉,碧候村</t>
  </si>
  <si>
    <t>消費,男客,確診,包廂,便服酒店</t>
  </si>
  <si>
    <t>贖回,國際板債券,提前贖回,新台幣,國際板</t>
  </si>
  <si>
    <t>社區,廣篩,新冠肺炎,台灣,陳時中</t>
  </si>
  <si>
    <t>保戶,新冠肺炎,理賠,申請,關懷</t>
  </si>
  <si>
    <t>新冠肺炎,武漢肺炎,新型冠狀病毒,NCP,日本</t>
  </si>
  <si>
    <t>新冠肺炎,社區感染,台南市,麻豆新樓醫院,探病</t>
  </si>
  <si>
    <t>連假,樂觀,本土案例,觀察,新冠肺炎</t>
  </si>
  <si>
    <t>蘇偉碩,鎖國,新冠肺炎,蔡英文,衛福部桃園醫院</t>
  </si>
  <si>
    <t>新冠肺炎,武漢肺炎,新型冠狀病毒,台灣,WHO</t>
  </si>
  <si>
    <t>大陸,病人,峰值,肺炎,病毒</t>
  </si>
  <si>
    <t>轉賣,日圓,口罩,高價,網購</t>
  </si>
  <si>
    <t>爆發,有社區,社區感染,肺炎,篩查</t>
  </si>
  <si>
    <t>疫情,防疫,電子圍籬,監控,入境</t>
  </si>
  <si>
    <t>#新冠肺炎#全球,AZ,阿斯特捷利康,疫苗,美國</t>
  </si>
  <si>
    <t>新冠肺炎疫情,武漢肺炎,基隆,活動延期,口罩</t>
  </si>
  <si>
    <t>萬公噸,肺炎,聯米企業,國人,米糧</t>
  </si>
  <si>
    <t>敦泰,IDC,平板電腦,AMOLED,觸控IC</t>
  </si>
  <si>
    <t>快篩,基隆,採檢,基隆市立醫院,新冠肺炎</t>
  </si>
  <si>
    <t>社區感染,台灣,檢疫,落實,新冠病毒</t>
  </si>
  <si>
    <t>有錢也聲不出口罩,口罩,財務大臣,日本,關鍵</t>
  </si>
  <si>
    <t xml:space="preserve">振興3倍券,大台中環保市集,振興券專屬頭家專案 ,金融海嘯 ,SARS </t>
  </si>
  <si>
    <t>app,室內設計,線上花店,疫情,南韓</t>
  </si>
  <si>
    <t>長輩,群組,領錢,LINE,家樂福</t>
  </si>
  <si>
    <t>TPU,八貫,疫苗,新冠肺炎</t>
  </si>
  <si>
    <t>有利,準主權,企業,新興高收債,肺炎</t>
  </si>
  <si>
    <t>新冠肺炎,台灣,法醫研究所,法醫,轉達</t>
  </si>
  <si>
    <t>賀卡,李孟諺,轉輪,新年,蘇揆</t>
  </si>
  <si>
    <t>新冠肺炎,高雄,國旅,觀光,海洋</t>
  </si>
  <si>
    <t>封城,台灣,楊志良,前衛生署長,磐石艦</t>
  </si>
  <si>
    <t>倒店,新冠肺炎,台中,武漢肺炎,COVID-19</t>
  </si>
  <si>
    <t>新冠肺炎,台灣,PCR,奇美醫學中心,受檢</t>
  </si>
  <si>
    <t>防疫旅館,打疫苗,陳時中,集中隔離,居家隔離</t>
  </si>
  <si>
    <t>520,總統府,就職典禮,新冠肺炎,武漢肺炎</t>
  </si>
  <si>
    <t>新冠肺炎,台灣,年輕族群,檢測,無法</t>
  </si>
  <si>
    <t>徐國勇,失聯移工,防疫破口,韓國政府,離境</t>
  </si>
  <si>
    <t>吳宇舒,三級警戒,Delta,新冠肺炎,台灣</t>
  </si>
  <si>
    <t>三級警戒,解封,微解封,三級解封,標準</t>
  </si>
  <si>
    <t>施打肺炎鏈球菌疫苗,疫苗,肺炎鏈球菌疫苗,肺炎,肺炎疫苗</t>
  </si>
  <si>
    <t>無薪假,減班勞工,勞動部,行政院,新冠肺炎</t>
  </si>
  <si>
    <t>環保局,倒垃圾,三級警戒,新冠肺炎,新北市</t>
  </si>
  <si>
    <t>官員,鄰長,施打,預約,造冊</t>
  </si>
  <si>
    <t>豐泰,每股純益，新冠肺炎,疫情,運動品牌,越南</t>
  </si>
  <si>
    <t>頂埔站,搭乘,老師,確診,新埔站</t>
  </si>
  <si>
    <t>參觀,消毒,寶寶,風格,管控</t>
  </si>
  <si>
    <t>50,參加,葬禮,維持,社交距離</t>
  </si>
  <si>
    <t>第三劑,加強針,副作用,新冠疫苗,保護力</t>
  </si>
  <si>
    <t>新冠肺炎,台灣,身體,婦人,7月</t>
  </si>
  <si>
    <t>新冠肺炎,武漢肺炎,新型冠狀病毒,台灣,紓困</t>
  </si>
  <si>
    <t>資策會,MIC,筆電,出貨,成長</t>
  </si>
  <si>
    <t>新冠病毒,武漢肺炎,新冠肺炎,COVID-19,室內</t>
  </si>
  <si>
    <t>楊冪,三生三世十里桃花,趙又廷,續集,迪麗熱巴</t>
  </si>
  <si>
    <t>林思銘,篩檢,新冠肺炎,台灣,快篩試劑</t>
  </si>
  <si>
    <t>新冠肺炎,台灣,台東,部落,豐年祭</t>
  </si>
  <si>
    <t>南投,防疫,夜市,新冠肺炎,台灣</t>
  </si>
  <si>
    <t>新冠肺炎,台灣,5月,症狀,25日</t>
  </si>
  <si>
    <t>同步,Peloton,概念股,運動休閒,肺炎</t>
  </si>
  <si>
    <t>浙江,台商,病毒,肺炎,進入台灣</t>
  </si>
  <si>
    <t>法人,元太,趨勢,智慧機,看好</t>
  </si>
  <si>
    <t>新冠肺炎,台灣,苗栗,京元電,超豐電</t>
  </si>
  <si>
    <t>新冠肺炎,台灣,屏東,長輩,免費接送</t>
  </si>
  <si>
    <t>宗教,媽祖遶境,肺炎,內政部,活動</t>
  </si>
  <si>
    <t>新冠肺炎,台灣,台中,接種,AZ</t>
  </si>
  <si>
    <t>侯友宜,本土病例,新北,耶誕城,新冠肺炎</t>
  </si>
  <si>
    <t xml:space="preserve"> 新冠肺炎,台灣,接種,施打,莫德納疫苗</t>
  </si>
  <si>
    <t>許靖韻,新冠肺炎,自主隔離,大陸,飯店</t>
  </si>
  <si>
    <t>飆升,美國,20,新增,數州</t>
  </si>
  <si>
    <t>新冠疫情,五星紅旗,印度媒體,病毒,Swarajya</t>
  </si>
  <si>
    <t>醫學期刊,發現,變種,病毒,缺氧</t>
  </si>
  <si>
    <t>猴硐,貓村,動保處,賞貓,新北</t>
  </si>
  <si>
    <t>戴口罩,英格蘭,英國,新冠肺炎</t>
  </si>
  <si>
    <t>口罩,李來希,新冠肺炎,新型冠狀病毒,NCP</t>
  </si>
  <si>
    <t>推廣,新港,嘉義,黑豆,各館</t>
  </si>
  <si>
    <t>明星賽,大聯盟,勇士,道奇,美國</t>
  </si>
  <si>
    <t>黑人,魔術強生,HIV,非裔美國人,戴口罩</t>
  </si>
  <si>
    <t>振興,酷碰券,1000元,蘇貞昌,上限</t>
  </si>
  <si>
    <t>疫苗,新北,AZ,施打,施打率</t>
  </si>
  <si>
    <t>黃安,WHO,新冠肺炎,武漢肺炎,新型冠狀病毒</t>
  </si>
  <si>
    <t>奔喪,相關,外出,放寬,居家隔離</t>
  </si>
  <si>
    <t>美國,美股期貨,原油期貨,新冠狀病毒,新冠肺炎</t>
  </si>
  <si>
    <t>停課,確診,光仁國小,美術老師,新冠肺炎</t>
  </si>
  <si>
    <t>謝淑薇,翁宜寧,N-95,杜拜,杜哈</t>
  </si>
  <si>
    <t>衰退,金融,恐慌情緒,EPS,疫情</t>
  </si>
  <si>
    <t>媽媽,美國,韓國,物資,袁詠琳</t>
  </si>
  <si>
    <t>新冠肺炎,死亡人數,2300萬,80萬人,報導</t>
  </si>
  <si>
    <t>隱形缺氧,新冠肺炎,確診,診所,AZ</t>
  </si>
  <si>
    <t>新冠肺炎,台灣, 西螺,傳染,40</t>
  </si>
  <si>
    <t>確診,東京都,封館,新冠肺炎,東京</t>
  </si>
  <si>
    <t>交通部,林佳龍,新冠肺炎,本土個案</t>
  </si>
  <si>
    <t>新光,週年慶,三越,新光三越,數位</t>
  </si>
  <si>
    <t>新冠肺炎,台灣,診所,發燒,醫師</t>
  </si>
  <si>
    <t>AZ疫苗,新冠肺炎,副作用,血栓,丹麥</t>
  </si>
  <si>
    <t>回台,肺炎,防治,陸配子女,兩岸</t>
  </si>
  <si>
    <t>徐若瑄,何如芸,新冠肺炎,疫情,新加坡</t>
  </si>
  <si>
    <t>病例數,樂觀,本錢,新冠肺炎,台灣</t>
  </si>
  <si>
    <t xml:space="preserve"> 振興五倍券,振興券,五倍券,相關新聞, 新冠肺炎</t>
  </si>
  <si>
    <t>抑制劑,謝忻,中研院,10倍,強效</t>
  </si>
  <si>
    <t>網球,ATP,麥維德夫,蒙地卡羅大師賽,男單</t>
  </si>
  <si>
    <t>內用,梅花座,陳時中,小小孩,視訊</t>
  </si>
  <si>
    <t>新冠肺炎,國際</t>
  </si>
  <si>
    <t>疫苗,重災區,許智傑,新冠肺炎,台灣</t>
  </si>
  <si>
    <t>防疫,小朋友,疫情,病毒,新冠</t>
  </si>
  <si>
    <t>紙箱,美國,歷史新高,瓦楞紙,基準</t>
  </si>
  <si>
    <t>艾倫狄珍妮,艾倫秀,雙面人,溫暖形象,形象</t>
  </si>
  <si>
    <t>香港,台灣,新加坡,入境,新冠肺炎</t>
  </si>
  <si>
    <t>漢神巨蛋,停業,櫃姐,感染源,新冠肺炎</t>
  </si>
  <si>
    <t>環南市場,聯合指揮所,前進指揮所,王必勝,篩檢</t>
  </si>
  <si>
    <t>手機應用,App,大陸,超過,肺炎</t>
  </si>
  <si>
    <t>新冠肺炎,美豬,陳時中</t>
  </si>
  <si>
    <t>社工,部長,王婉諭,陳時中,新聞</t>
  </si>
  <si>
    <t>台灣,混打,陳時中,高端疫苗,新冠肺炎</t>
  </si>
  <si>
    <t>禁內用,解禁,餐廳,開放,餐廳內用</t>
  </si>
  <si>
    <t>新冠肺炎,台灣,採檢,個案,北市</t>
  </si>
  <si>
    <t>接種,莫德納,高端,疫苗,空窗期</t>
  </si>
  <si>
    <t>聯亞生技,EUA,量產,交貨,解盲</t>
  </si>
  <si>
    <t>新冠肺炎,台灣,確診,足跡,南京公寓市場</t>
  </si>
  <si>
    <t>第十輪,疫苗,AZ,高端,新冠肺炎</t>
  </si>
  <si>
    <t>莫德納,殘劑,莫德納疫苗,張博揚小兒科診所,新冠肺炎</t>
  </si>
  <si>
    <t>陳添壽,肺炎,改派,台肥,嫻熟</t>
  </si>
  <si>
    <t>國光生技,抗體,疫苗,肺炎,合作</t>
  </si>
  <si>
    <t>雞隻,家禽,傳染性,支氣管炎,氣管炎</t>
  </si>
  <si>
    <t>勤業眾信,會計師事務所,投資管理,新冠肺炎,金融業</t>
  </si>
  <si>
    <t>新冠肺炎,大陸,確診病例,江蘇,報告</t>
  </si>
  <si>
    <t>病毒量,發病,無症狀,張上淳,發病前5天</t>
  </si>
  <si>
    <t>莫德納疫苗,新冠肺炎,莊人祥,台灣,自然耗損</t>
  </si>
  <si>
    <t>眼睛,武漢肺炎,新型冠狀病毒,新冠肺炎,台灣</t>
  </si>
  <si>
    <t>新冠肺炎,武漢肺炎,新型冠狀病毒,台灣,彰化縣</t>
  </si>
  <si>
    <t>瑞基,新冠肺炎,漲停,試劑,防疫商機</t>
  </si>
  <si>
    <t>解隔離,人數,現有,30,國內</t>
  </si>
  <si>
    <t>新冠肺炎,台股,美股,道瓊,武漢肺炎</t>
  </si>
  <si>
    <t>大陸,肺炎,感染,疫情,研究</t>
  </si>
  <si>
    <t>防疫,移工,肺炎,大學,新冠肺炎</t>
  </si>
  <si>
    <t>新冠肺炎,接種,免疫,大陸,王華慶</t>
  </si>
  <si>
    <t>最後生還者,PS4,對馬戰鬼,遊戲,科技</t>
  </si>
  <si>
    <t>聯發科,信驊,台積電,驅動設計IC,新冠肺炎</t>
  </si>
  <si>
    <t>渦扇,運-20,發動機,新冠肺炎,武漢肺炎</t>
  </si>
  <si>
    <t>回溫,手機銷量,版本,肺炎,神腦國際</t>
  </si>
  <si>
    <t>#新冠肺炎#全球,美國,研究,病例,2019年12月</t>
  </si>
  <si>
    <t>含羞草日記,草爺江治緯,鳳梨吳泓逸,群聚,新冠肺炎</t>
  </si>
  <si>
    <t>中國,美國,新冠肺炎,大陸</t>
  </si>
  <si>
    <t>劉真,靈堂,辛龍,龍巖,佛教</t>
  </si>
  <si>
    <t>新冠肺炎,NBA,尼克,尼利基納</t>
  </si>
  <si>
    <t>酒店女公關,親密接觸,親吻,指揮中心,新冠肺炎</t>
  </si>
  <si>
    <t>安全,社交距離,打噴嚏,戴口罩,研究</t>
  </si>
  <si>
    <t>島耕作,弘兼憲史,漫畫,讀者,新冠肺炎</t>
  </si>
  <si>
    <t>統振,營收,新冠肺炎,易付卡,移工</t>
  </si>
  <si>
    <t>長輩,機構,長照,口罩,新冠肺炎</t>
  </si>
  <si>
    <t>肺炎,社區照顧關懷據點,活動,關懷據點,社區</t>
  </si>
  <si>
    <t>採檢,肺炎,男子,多歲,症狀</t>
  </si>
  <si>
    <t>顏清標,新冠肺炎,新型冠狀病毒,NCP,台灣</t>
  </si>
  <si>
    <t>動員,市場,端午節,侯友宜,稽查</t>
  </si>
  <si>
    <t>新冠肺炎,武漢肺炎,解封,美國,中國大陸</t>
  </si>
  <si>
    <t>新冠肺炎,台灣,新竹科學園區,篩檢站,廠商</t>
  </si>
  <si>
    <t>新冠肺炎,無精症,男性</t>
  </si>
  <si>
    <t>政府,西班牙,泰隆尼亞,加泰隆尼亞,今天</t>
  </si>
  <si>
    <t>買賣移轉,台北,桃園,台中,台南</t>
  </si>
  <si>
    <t>武漢,返台,搭機,指揮中心,12名</t>
  </si>
  <si>
    <t>新冠肺炎,新型冠狀病毒,NCP,台灣,桃園</t>
  </si>
  <si>
    <t>新冠肺炎,台灣,防疫隔離假,居家隔離,勞動部</t>
  </si>
  <si>
    <t>周子瑜,TWICE,居家檢疫,新冠肺炎,南韓</t>
  </si>
  <si>
    <t>保護力,疫苗,病毒,肺炎,效力</t>
  </si>
  <si>
    <t>光頡,華新,徵才,職缺,園區</t>
  </si>
  <si>
    <t>雙魚,貴人,走旺,最旺,星座專家</t>
  </si>
  <si>
    <t>採檢,肺炎,提升,設立,篩檢</t>
  </si>
  <si>
    <t>新冠肺炎,台灣,慰問金,北市,跟進</t>
  </si>
  <si>
    <t>鎳生鐵,穩定,銷售,鏽鋼,投資</t>
  </si>
  <si>
    <t>當兵,香港人,陳柏惟,3Q哥,蘇貞昌</t>
  </si>
  <si>
    <t>口罩,肺炎,防疫物資,左營,醫用口罩</t>
  </si>
  <si>
    <t>籃網,NBA,威爾森錢德勒,杜蘭特,確診</t>
  </si>
  <si>
    <t>莫德納,AZ,混打,兩劑,疫苗保護力</t>
  </si>
  <si>
    <t>新冠肺炎,新型冠狀病毒,武漢肺炎,NCP,COVID-19</t>
  </si>
  <si>
    <t>預約,高端疫苗,加開,新冠肺炎,台灣</t>
  </si>
  <si>
    <t>新冠肺炎,疫情,高雄,旅行社,花蓮</t>
  </si>
  <si>
    <t>新冠肺炎,台灣,和碩,員工,染疫</t>
  </si>
  <si>
    <t>新冠肺炎,夏春湧,蔡政府,台灣,經濟</t>
  </si>
  <si>
    <t>經理,與世隔絕,陰屍路,新冠肺炎,小木屋</t>
  </si>
  <si>
    <t>新冠肺炎,武漢肺炎,新型冠狀病毒,台灣,COVID-19</t>
  </si>
  <si>
    <t>疫情,擴散,地區,新冠肺炎,大陸</t>
  </si>
  <si>
    <t>查封,居家檢疫,居家隔離,防疫,罰金</t>
  </si>
  <si>
    <t>資本,美國,中國,肺炎,機會</t>
  </si>
  <si>
    <t>口罩,8大類場所,秋冬防疫專案,罰鍰,新冠肺炎</t>
  </si>
  <si>
    <t>范德賴恩,自我隔離,歐盟,新冠肺炎,病例數</t>
  </si>
  <si>
    <t>新冠病毒,武漢肺炎,新型冠狀病毒,COVID-19,巴西</t>
  </si>
  <si>
    <t>消毒,計程車,遊覽車,肺炎,金門</t>
  </si>
  <si>
    <t>新冠肺炎,疫情,蘋果,生產,量產</t>
  </si>
  <si>
    <t>境外移入登革熱,工作,女性,肺炎,餘歲</t>
  </si>
  <si>
    <t>今健康,新冠病毒,黃軒醫師,新冠肺炎,後遺症</t>
  </si>
  <si>
    <t>金門,校園防疫,學校,新冠肺炎,台灣</t>
  </si>
  <si>
    <t>新冠肺炎,台灣,住民,例死亡個案,累計</t>
  </si>
  <si>
    <t>基金,肺炎,英國,億英鎊,規模</t>
  </si>
  <si>
    <t>美利達.瑪吉斯.單車</t>
  </si>
  <si>
    <t>停拍,肺炎,洛基,劇組,全數</t>
  </si>
  <si>
    <t>停課,台灣,新冠肺炎,武漢肺炎,新型冠狀病毒</t>
  </si>
  <si>
    <t>南韓,新型冠狀病毒,新冠肺炎,確診,死亡</t>
  </si>
  <si>
    <t>蛇精男,劉梓晨,毀容,新冠肺炎,進廠維修</t>
  </si>
  <si>
    <t>陳時中,蔡英文,辦公室,網友,指揮中心</t>
  </si>
  <si>
    <t>AZ,接種,極罕見不良反應,GBS,急性多發性神經炎</t>
  </si>
  <si>
    <t>台灣,新冠肺炎,陳時中,檢驗量能,擴大</t>
  </si>
  <si>
    <t>央行,降息,新台幣,對美元匯率,貨幣</t>
  </si>
  <si>
    <t>陳時中,莫德納,疫苗,新冠肺炎,台灣</t>
  </si>
  <si>
    <t>洋基,春訓,新冠肺炎,美國,延賽</t>
  </si>
  <si>
    <t>蘇揆,滿意度,武漢肺炎,說法,羅致政</t>
  </si>
  <si>
    <t>新冠肺炎,患者,陰性,住院,出院</t>
  </si>
  <si>
    <t>新冠,病毒,彰化,新冠肺炎,肺炎</t>
  </si>
  <si>
    <t>喪失嗅覺味覺,新冠肺炎,SARS,張裕泰,和平醫院</t>
  </si>
  <si>
    <t>洗手,美國,川普,肺炎,抱怨</t>
  </si>
  <si>
    <t>新冠肺炎,武漢肺炎,新型冠狀病毒,台灣,平鎮</t>
  </si>
  <si>
    <t>工藝,北港,藝坊,鼠年,新冠肺炎</t>
  </si>
  <si>
    <t>海軍,發燒感染,新冠肺炎,抗體檢測.抗體,國防部副部長</t>
  </si>
  <si>
    <t xml:space="preserve"> 新冠肺炎,新型冠狀病毒,台灣,大眾運輸系統,戴口罩</t>
  </si>
  <si>
    <t>肺炎,賠率,總分,中職,賽事</t>
  </si>
  <si>
    <t>日買超,缺口,肺炎,強者恆強,台積電</t>
  </si>
  <si>
    <t>新冠肺炎,武漢肺炎,新型冠狀病毒,COVID-19,加州</t>
  </si>
  <si>
    <t>零確診,指揮中心,台灣,新冠肺炎,武漢肺炎</t>
  </si>
  <si>
    <t>南韓,新冠肺炎,病例,確診,死亡</t>
  </si>
  <si>
    <t>白靈,金馬獎,墮胎師,隔離日記,新冠肺炎</t>
  </si>
  <si>
    <t>高端疫苗,疫苗預約,24萬,36歲,新冠肺炎</t>
  </si>
  <si>
    <t>佳世達,明泰,友訊,無線寬頻網路,仲琦</t>
  </si>
  <si>
    <t>休閒農場,農業局,新北市,業者,休閒農業</t>
  </si>
  <si>
    <t>楊志良,大陸,台灣,恢復,疫情</t>
  </si>
  <si>
    <t>王文彥,肺炎,天前,桃園醫院,小紅包</t>
  </si>
  <si>
    <t>疫苗,李富城,新冠肺炎,台灣</t>
  </si>
  <si>
    <t>大立光,合併營收,新冠肺炎疫情,拉貨,待觀察</t>
  </si>
  <si>
    <t>新冠肺炎,日本,海峽論壇,貪汙,虐童</t>
  </si>
  <si>
    <t>決策,陳時中,政治,肺炎,遶境</t>
  </si>
  <si>
    <t>疫苗,COVAX,新冠肺炎</t>
  </si>
  <si>
    <t>新冠肺炎,台灣,開放,活動,戴口罩</t>
  </si>
  <si>
    <t>肺炎,名導,拍攝,韓國,金基德</t>
  </si>
  <si>
    <t>斷鏈,中美,新冷戰,美國,成形</t>
  </si>
  <si>
    <t>楊鎮浯,金門機場,智慧清消門,台灣,新冠肺炎</t>
  </si>
  <si>
    <t>新冠肺炎,台灣,業者,營業,主管機關</t>
  </si>
  <si>
    <t>老人,年輕人,擋路,接種,疫苗</t>
  </si>
  <si>
    <t>無所畏,父親,唐心慧,決斷,選擇</t>
  </si>
  <si>
    <t>智利,跆拳道,新冠肺炎,東奧,即時報導</t>
  </si>
  <si>
    <t>新冠肺炎,台灣,醫護,賴清德,敵人</t>
  </si>
  <si>
    <t>北市,永和,例確診,新北,陳潤秋</t>
  </si>
  <si>
    <t>新冠肺炎,台灣, 解決,缺電,紓困</t>
  </si>
  <si>
    <t>新冠肺炎,台灣,大量,防疫,生策會</t>
  </si>
  <si>
    <t>共和黨參議員,參議院,三名,民主黨,新紓困案</t>
  </si>
  <si>
    <t>新店,賭客,警方,賭博,賭場</t>
  </si>
  <si>
    <t>香港,華銀,大陸,營運,肺炎</t>
  </si>
  <si>
    <t>美國,聯合航空,猝死,新冠病患,尿</t>
  </si>
  <si>
    <t>新冠肺炎,台灣,防疫,員警,警友站</t>
  </si>
  <si>
    <t>研究,病毒,醫學,台灣,吳清源</t>
  </si>
  <si>
    <t>新冠肺炎,林濁水,新冠疫苗,台灣,AZ</t>
  </si>
  <si>
    <t>第3劑,北市,蔡炳坤,疫苗,施打</t>
  </si>
  <si>
    <t>台灣,法國,法國人,路易,新冠肺炎</t>
  </si>
  <si>
    <t>陳時中,收治,醫院,侯友宜,社區</t>
  </si>
  <si>
    <t>肺炎,減稅,韓國,韓股,紓困</t>
  </si>
  <si>
    <t>檢疫,居家,澎湖,防疫,到站</t>
  </si>
  <si>
    <t>境外移入,指揮中心,最新說明,國內,新冠肺炎</t>
  </si>
  <si>
    <t>川普,香港,國安法,美國,中國大陸</t>
  </si>
  <si>
    <t>南韓,新冠肺炎,病例,確診</t>
  </si>
  <si>
    <t>五家,進帳,保單,人員,解編</t>
  </si>
  <si>
    <t>肺炎,下降,拐點,湖北,武漢肺炎</t>
  </si>
  <si>
    <t>打噴嚏,咳嗽,口罩,NG動作,清明連假</t>
  </si>
  <si>
    <t>新冠肺炎,台灣,防疫旅館,春節,業者</t>
  </si>
  <si>
    <t>疫苗,打疫苗,新冠肺炎,台灣,陳時中</t>
  </si>
  <si>
    <t>新冠肺炎,刑事局,詐騙,機房,話術</t>
  </si>
  <si>
    <t>台灣,確診,封攤,新冠肺炎,虎林街</t>
  </si>
  <si>
    <t>印度變異株,英國變異株,傳染力,莊人祥,新冠肺炎</t>
  </si>
  <si>
    <t>鴻海,股價,中國,新冠肺炎,疫情</t>
  </si>
  <si>
    <t>正隆,消毒水,竹北廠,免費,接觸</t>
  </si>
  <si>
    <t>新冠肺炎,台灣,確診個案,足跡,雲林</t>
  </si>
  <si>
    <t>高端,國產疫苗,高端疫苗,臨床試驗,新冠疫苗</t>
  </si>
  <si>
    <t>肺炎,新低,旅運量,黃正聰,觀光產業</t>
  </si>
  <si>
    <t>肺炎,患者,救治,新冠,武漢市</t>
  </si>
  <si>
    <t>收費站,名古屋,高速公路,收費員,新冠肺炎</t>
  </si>
  <si>
    <t>賴士葆,疫苗,Delta,採購疫苗,新冠肺炎</t>
  </si>
  <si>
    <t>肺炎,感染,疫苗,患者,病患</t>
  </si>
  <si>
    <t>高端疫苗,第六輪,預約時間,接種時間,符合資格者</t>
  </si>
  <si>
    <t>新冠肺炎,台灣,萬華,確診,PCR</t>
  </si>
  <si>
    <t>新冠肺炎,台灣,武漢肺炎,新型冠狀病毒,社區感染</t>
  </si>
  <si>
    <t>李燦元,確診者,新冠肺炎,COVID-19,篩檢</t>
  </si>
  <si>
    <t>蘇貞昌,政府,新冠肺炎,專案報告,台灣</t>
  </si>
  <si>
    <t>NBA,美國,球員,人員,名單</t>
  </si>
  <si>
    <t>肺炎,電梯,交談,傳播,做好</t>
  </si>
  <si>
    <t>丹納,十名,企業,網飛,肺炎</t>
  </si>
  <si>
    <t>智邦,安心,統一,篩檢,員工確診</t>
  </si>
  <si>
    <t>新冠肺炎,武漢肺炎,NCP,新型冠狀病毒,野生動物</t>
  </si>
  <si>
    <t>劣質口罩,義大利,台資,新冠肺炎,武漢肺炎</t>
  </si>
  <si>
    <t>口罩,蘇貞昌,產能,政府,防護衣</t>
  </si>
  <si>
    <t>九把刀,岳母,主動脈剝離,新冠肺炎,台灣</t>
  </si>
  <si>
    <t>工具,資源,數位工具,政策作法,作法</t>
  </si>
  <si>
    <t>陳建仁,疫苗,人體實驗,國產疫苗,高端</t>
  </si>
  <si>
    <t>克拉克,阿爾登,紐西蘭,新冠肺炎,疫情</t>
  </si>
  <si>
    <t>新冠肺炎,新型冠狀病毒,NCP,全球,大陸</t>
  </si>
  <si>
    <t>新冠肺炎,台灣,百貨,廣場,三峽</t>
  </si>
  <si>
    <t>紐西蘭,新冠,新冠肺炎,疫情,肺炎</t>
  </si>
  <si>
    <t>按摩師,確診,新冠肺炎,台灣,高雄</t>
  </si>
  <si>
    <t>BNT,校園接種,陳時中,新冠肺炎,台灣</t>
  </si>
  <si>
    <t>紓困特別條例修正案,行政院,蘇貞昌,龔明鑫,新冠肺炎</t>
  </si>
  <si>
    <t>新冠肺炎,台灣,陳時中,監測,柯文哲</t>
  </si>
  <si>
    <t>永康,公園,戴口罩,永康警分局,新冠肺炎</t>
  </si>
  <si>
    <t>英國王室,喬治王子,夏綠蒂公主,凱特王妃,新冠肺炎</t>
  </si>
  <si>
    <t>恆生指數,上午,現漲,收窄,來新高</t>
  </si>
  <si>
    <t>新冠肺炎,台灣,洪孟楷,自主管理,開會</t>
  </si>
  <si>
    <t>新冠肺炎,台灣,清消,天母,早餐店</t>
  </si>
  <si>
    <t>興達港,人潮,停業,群聚,新冠肺炎</t>
  </si>
  <si>
    <t>身體,肺炎,康復,山姆史密斯,羅琳</t>
  </si>
  <si>
    <t>新冠肺炎,陳其邁,唐鳳,口罩實名制2.0</t>
  </si>
  <si>
    <t>防疫,新北市,侯友宜,台北市,心結</t>
  </si>
  <si>
    <t>混打,AZ,mRNA,莫德納,輝瑞／BNT</t>
  </si>
  <si>
    <t>武漢肺炎症狀,南韓武漢肺炎,林口長庚,林口,張上淳</t>
  </si>
  <si>
    <t>新冠肺炎,台灣,海峽論壇,疫情,防疫</t>
  </si>
  <si>
    <t>國旅,肺炎,國人,便宜,超前部署</t>
  </si>
  <si>
    <t>新冠肺炎,武漢肺炎,確診,病例,大陸</t>
  </si>
  <si>
    <t>護理師,疫情,台灣,蔡英文,新冠肺炎</t>
  </si>
  <si>
    <t>詐騙,肺炎,詐欺案件,詐欺,疫情</t>
  </si>
  <si>
    <t>#新冠肺炎#全球,印度,疫苗,不夠,世界藥房</t>
  </si>
  <si>
    <t>譜瑞-KY,美金,趙捷,產能,居家辦公</t>
  </si>
  <si>
    <t>誤植,孕婦,高端,疫苗,3千筆</t>
  </si>
  <si>
    <t>專題報告,座談,病毒,肺炎,氣候變化</t>
  </si>
  <si>
    <t>新冠肺炎,確診病例,疑似病例,新增,確診</t>
  </si>
  <si>
    <t>養老院,聖誕老人,耶誕節,老人,新冠肺炎</t>
  </si>
  <si>
    <t>新冠肺炎,武漢肺炎, COVID-19, 台灣,大陸</t>
  </si>
  <si>
    <t>南韓,確診,新冠肺炎,重症,疫情</t>
  </si>
  <si>
    <t>趙寅成,電影,住院,治療,經紀公司</t>
  </si>
  <si>
    <t>智邦,獲利,交換器,邊緣運算,人工智慧</t>
  </si>
  <si>
    <t>新冠肺炎,台灣,視訊診療,健保署,門診</t>
  </si>
  <si>
    <t>彰化縣,陳時中,陳東豪,無症狀感染,衛生局</t>
  </si>
  <si>
    <t>郵局,台鐵,安慰獎,第7類,造冊</t>
  </si>
  <si>
    <t>康健雜誌,AZ,心血管疾病,新冠疫苗,台灣</t>
  </si>
  <si>
    <t>產出,印度,萎縮,製造業,新冠肺炎確診</t>
  </si>
  <si>
    <t>林淑芬,國土計畫法,民間業者,新冠肺炎,農田工廠</t>
  </si>
  <si>
    <t>鈺太,廣達,NB,第三季營收,Chromebook</t>
  </si>
  <si>
    <t>澳門,居民,新冠肺炎,武漢肺炎,新型冠狀病毒</t>
  </si>
  <si>
    <t>台商,房間,旅館,莊人祥,肺炎</t>
  </si>
  <si>
    <t>疫苗,肺炎,反彈,全球經濟,刺激</t>
  </si>
  <si>
    <t>新冠肺炎,台灣,申請,免洗餐具,新北市</t>
  </si>
  <si>
    <t>#新冠肺炎#全球,德國,衛生部長,命運,3</t>
  </si>
  <si>
    <t>戴手套,新冠肺炎,病菌,台灣,洗手</t>
  </si>
  <si>
    <t>大量,川普,中國,公佈,新冠肺炎</t>
  </si>
  <si>
    <t>塔圖,塞爾提克,武漢肺炎,新冠肺炎,NBA</t>
  </si>
  <si>
    <t>張上淳,許常德,兒子,出國,新冠肺炎</t>
  </si>
  <si>
    <t>解封,三級警戒,內用,陳時中,新冠肺炎</t>
  </si>
  <si>
    <t>吳鳳,搶購潮,新冠肺炎,武漢肺炎,新型冠狀病毒</t>
  </si>
  <si>
    <t>先嗇宮,學校,防疫,次氯酸,氯酸水</t>
  </si>
  <si>
    <t>新冠肺炎,台灣,死亡病例,招名威,年輕人</t>
  </si>
  <si>
    <t>戴口罩,標語,新冠肺炎,俄亥俄</t>
  </si>
  <si>
    <t>大陸,肺炎,牛津經濟研究院,經濟成長,經濟</t>
  </si>
  <si>
    <t>大陸,上市櫃,肺炎,會計師,張振山</t>
  </si>
  <si>
    <t>肺炎,銀行業,玉山,金融業帶來,準備</t>
  </si>
  <si>
    <t>觀光局,陳時中,案269,高官之子,染疫</t>
  </si>
  <si>
    <t>武漢肺炎,新型冠狀病毒,台灣,論文,醫學</t>
  </si>
  <si>
    <t>農委會,新冠肺炎,武漢肺炎,豬價,台灣</t>
  </si>
  <si>
    <t>外站,機場,機師,Delta,新冠肺炎</t>
  </si>
  <si>
    <t>接觸者,匡列,採檢結果,新冠肺炎,台灣</t>
  </si>
  <si>
    <t>核酸,人員,感染,疫情,本土</t>
  </si>
  <si>
    <t>新冠肺炎,台灣,確診者,隱匿</t>
  </si>
  <si>
    <t>台灣,館慶,新冠肺炎,台史博,市集</t>
  </si>
  <si>
    <t>攤商,確診,成功市場,6月3日,新冠肺炎</t>
  </si>
  <si>
    <t>Omicron,變種病毒,全球經濟,OECD,加劇</t>
  </si>
  <si>
    <t>習近平,菅義偉,預定,訪日,新冠肺炎</t>
  </si>
  <si>
    <t>新冠肺炎,武漢肺炎,NCP,新型冠狀病毒,COVlD-19</t>
  </si>
  <si>
    <t>法國,確診數,上周末,新增,單日確診</t>
  </si>
  <si>
    <t>義大利,酒窗,17世紀,透過,販售</t>
  </si>
  <si>
    <t>美中,政治,中國,川普,美國</t>
  </si>
  <si>
    <t>採檢,擴大,外國人,自費,自主健康管理</t>
  </si>
  <si>
    <t>陳時中,柯文哲,新冠肺炎,台灣</t>
  </si>
  <si>
    <t>費用,東京奧運,延期,承諾,東奧</t>
  </si>
  <si>
    <t>墾丁大街,擠爆,醫護,台人劣根性,清明連假</t>
  </si>
  <si>
    <t>新冠肺炎,台灣,治療,賴清德,收治</t>
  </si>
  <si>
    <t>旺旺集團,水神,蔡衍明,新冠肺炎</t>
  </si>
  <si>
    <t>幼兒園,裝修工人,確診,板橋,新冠肺炎</t>
  </si>
  <si>
    <t>新冠肺炎,武漢肺炎,新型冠狀病毒,台灣,婦女</t>
  </si>
  <si>
    <t>輝瑞／BNT,突破性感染,境外移入個案,新冠肺炎,新冠疫苗</t>
  </si>
  <si>
    <t>雅茗,雅茗-KY,營收,毛利率,營益率</t>
  </si>
  <si>
    <t>新冠肺炎,台灣,沒戴口罩,陽台,報警</t>
  </si>
  <si>
    <t>新冠肺炎,台灣,診所,莫德納,黃揚明</t>
  </si>
  <si>
    <t>肺炎,電子付款,PayPal,激增,交易</t>
  </si>
  <si>
    <t>發病日,疫情,涂醒哲,台灣,新冠肺炎</t>
  </si>
  <si>
    <t>負成長,美國,大蕭條,預算赤字,全球經濟</t>
  </si>
  <si>
    <t>座談,反思,肺炎,台灣,報告</t>
  </si>
  <si>
    <t>UFC,格鬥,MMA,綜合格鬥,摔角狂熱</t>
  </si>
  <si>
    <t>美國,新冠肺炎,新冠,肺炎,懷俄明州</t>
  </si>
  <si>
    <t>成長,超眾,肺炎,林志仁,熱板</t>
  </si>
  <si>
    <t>同欣電,營運,展望,股價,菲律賓</t>
  </si>
  <si>
    <t>紓困,農漁民,朱立倫,洪孟楷,富基漁港</t>
  </si>
  <si>
    <t>峰會,華盛頓,川普,肺炎,疫情</t>
  </si>
  <si>
    <t>特朗普,川普,新冠肺炎,胡錫進,拜登</t>
  </si>
  <si>
    <t>台灣,歐盟,AZ,疫苗,民進黨</t>
  </si>
  <si>
    <t>超商,小七,東石鄉,篩檢,PCR</t>
  </si>
  <si>
    <t>莫德納,接種,全聯禮券,台北車站,新冠肺炎</t>
  </si>
  <si>
    <t>帛琉,陳時中,敦睦艦隊,感染源,海軍</t>
  </si>
  <si>
    <t>中國,新冠肺炎,武漢肺炎, COVID-19,停工</t>
  </si>
  <si>
    <t>新冠肺炎,武漢肺炎,新型冠狀病毒,台灣,菲律賓</t>
  </si>
  <si>
    <t xml:space="preserve"> 新冠肺炎,武漢肺炎,防疫,不跑攤,郭信良</t>
  </si>
  <si>
    <t>國產高端,高端疫苗,高端,打高端,不良反應</t>
  </si>
  <si>
    <t>大陸,疫情,陳明璋,經濟,台灣</t>
  </si>
  <si>
    <t>神腦,IoT,物聯網,林保雍,智慧家庭</t>
  </si>
  <si>
    <t>金管會,信用卡,刷卡,簽帳金額,衰退</t>
  </si>
  <si>
    <t>新冠肺炎,鮑爾,併發症,第3劑,免疫低下</t>
  </si>
  <si>
    <t>阿南德,印度神童,疫情,新冠肺炎,極端氣候</t>
  </si>
  <si>
    <t>血漿,抗體,武田製藥,藥商,血漿療法</t>
  </si>
  <si>
    <t>靈鷲山,愛心,防疫包,防疫,新北</t>
  </si>
  <si>
    <t>詐騙,新興分局,金融機構,民眾,期間</t>
  </si>
  <si>
    <t>居家快篩,棉棒,藥師,1922,核可</t>
  </si>
  <si>
    <t>台商,經濟實質,BVI,肺炎,資誠</t>
  </si>
  <si>
    <t>新冠肺炎,台灣, 註記,鍾小平,指揮中心</t>
  </si>
  <si>
    <t>大陸,中國,形成,肺炎,人廢言</t>
  </si>
  <si>
    <t>宅配通,EPS,會更好,新冠肺炎,電商業務</t>
  </si>
  <si>
    <t>廠房,汽車產業,新冠肺炎,英國,歐美</t>
  </si>
  <si>
    <t>作秀,指揮中心,葉元之,新冠肺炎,蘇貞昌</t>
  </si>
  <si>
    <t>順德,2019年獲利,1月合併營收,復工,新冠肺炎</t>
  </si>
  <si>
    <t>譚德塞,丹妮婊姐,世界衛生組織,WHO,譚德塞</t>
  </si>
  <si>
    <t>安排,慢半拍,篩檢,量能,檢驗</t>
  </si>
  <si>
    <t>蘇晏霈,本土劇女神,新冠肺炎,疫苗,AZ</t>
  </si>
  <si>
    <t>新冠疫苗,高端,測試,榮總</t>
  </si>
  <si>
    <t>全球,牛津大學,疫苗,免疫反應,冠狀病毒</t>
  </si>
  <si>
    <t>口罩,川普,上帝,朱學恒,美國</t>
  </si>
  <si>
    <t>同住者,高雄,確診,友人,新冠肺炎</t>
  </si>
  <si>
    <t>新冠肺炎,台灣,家樂福桂林店,萬華,衛生局</t>
  </si>
  <si>
    <t>新冠肺炎,台灣,疫苗,混打,科學數據</t>
  </si>
  <si>
    <t>養生,健康,血漿療法,抗體,浙江台商</t>
  </si>
  <si>
    <t>新冠肺炎,台灣,  疫苗,侯友宜,刁難</t>
  </si>
  <si>
    <t>2020年度代表字,台灣,疫,疫情,新冠肺炎</t>
  </si>
  <si>
    <t>歐陽娜娜,歐陽妮妮,歐陽龍,傅娟,新冠肺炎</t>
  </si>
  <si>
    <t>家教,台中,疫調,新冠肺炎,台灣</t>
  </si>
  <si>
    <t>新冠肺炎,台灣,確診,醫護,護理師</t>
  </si>
  <si>
    <t>林夢萍</t>
  </si>
  <si>
    <t>新冠肺炎,印度變異株,Delta,祕魯嬤,確診</t>
  </si>
  <si>
    <t>大街,墾丁,口罩,新冠肺炎,武漢肺炎</t>
  </si>
  <si>
    <t>新冠肺炎,嘉明湖,向陽,住宿,體溫</t>
  </si>
  <si>
    <t>新冠肺炎,台灣,EUA,臨床,疫苗</t>
  </si>
  <si>
    <t>世界,新冠肺炎,蓋茨,疫苗,測試</t>
  </si>
  <si>
    <t>肺炎,大量,焦慮,感染,民眾</t>
  </si>
  <si>
    <t>侯友宜,工作,市長,國民黨,研討會</t>
  </si>
  <si>
    <t>大戰,肺炎,名字,林嘉欣,陳昊森</t>
  </si>
  <si>
    <t>新冠,新冠病毒,9小時,人類,風險</t>
  </si>
  <si>
    <t>新冠肺炎,全球,疫苗,過期,以色列</t>
  </si>
  <si>
    <t>新冠肺炎,疫情,瑞德西韋,臨床試驗,暫停</t>
  </si>
  <si>
    <t>張上淳,汙染,機會,新冠病毒,第二波</t>
  </si>
  <si>
    <t>投資人,境外基金,基金,新低,贖回</t>
  </si>
  <si>
    <t>川普,十月驚奇,美國,拜登,總統大選</t>
  </si>
  <si>
    <t>莫德納,BNT,疫苗,台灣,新冠肺炎</t>
  </si>
  <si>
    <t>拜登,來新高,日經指數,指數大漲,疫苖</t>
  </si>
  <si>
    <t>緊急事態宣言,知事,大阪府,全國,民眾</t>
  </si>
  <si>
    <t>防疫,徐國勇,替代役男,違和感,新冠肺炎</t>
  </si>
  <si>
    <t>香港,許樹昌,新冠肺炎,流感,與病毒共存</t>
  </si>
  <si>
    <t>中秋連假,林氏璧,出遊,14天,Delta</t>
  </si>
  <si>
    <t>新冠肺炎,蓋牌,陳時中,本土疫情</t>
  </si>
  <si>
    <t>IKEA,棺材,組裝,自組,瑞典</t>
  </si>
  <si>
    <t>新冠肺炎,疫情,金門,特產業,金正好購</t>
  </si>
  <si>
    <t>新冠肺炎,台灣, 花蓮,染疫,返鄉</t>
  </si>
  <si>
    <t>額滿,公告,首見,基金,投信</t>
  </si>
  <si>
    <t>義大利,孔蒂,實施,新冠肺炎,封鎖</t>
  </si>
  <si>
    <t>疫苗代工,台灣,陳時中,技術,新冠肺炎</t>
  </si>
  <si>
    <t>珍妮佛羅培茲,翹臀珍,新單曲,封面,全裸</t>
  </si>
  <si>
    <t>超微,半客製化,架構,微軟,運算</t>
  </si>
  <si>
    <t>免疫,感染,病患,肺炎,風濕科</t>
  </si>
  <si>
    <t>移工,勞動部,京元電子,指揮中心,新冠肺炎</t>
  </si>
  <si>
    <t>香港,新高,失業率,難扭轉,經濟疲弱</t>
  </si>
  <si>
    <t>約台幣,押金,新冠肺炎,美元,柬埔寨</t>
  </si>
  <si>
    <t>新冠肺炎,台灣,個案,採檢,北市</t>
  </si>
  <si>
    <t>基隆,男高中生,新冠肺炎,美香齋,媽媽</t>
  </si>
  <si>
    <t>新冠肺炎,台灣,疫苗,台灣,國務院</t>
  </si>
  <si>
    <t>南投縣同鄉總會,振興五倍券,振興券,五倍券,相關新聞</t>
  </si>
  <si>
    <t>群聚,廟壇,不戴口罩,染疫,員警</t>
  </si>
  <si>
    <t>衰退,方案,肺炎,日本經濟,支出</t>
  </si>
  <si>
    <t>鴻海,台積電,陳時中,輝瑞／BNT,疫苗</t>
  </si>
  <si>
    <t>新冠肺炎,台灣,快篩站,停電,北市</t>
  </si>
  <si>
    <t>新冠肺炎,謝明源,台灣,年輕族群,蔡英文</t>
  </si>
  <si>
    <t>蔡裕明</t>
  </si>
  <si>
    <t>王柏融,吳念庭,火腿隊,西武獅,新冠肺炎</t>
  </si>
  <si>
    <t>日清泡麵,杯麵,美食,生活巧思,銷魂吃法</t>
  </si>
  <si>
    <t>新冠病毒,篩檢,生物試劑,發光</t>
  </si>
  <si>
    <t>病毒,肺炎,一死,死亡,累計</t>
  </si>
  <si>
    <t>新冠肺炎,高醫大,防疫,同步線上授課</t>
  </si>
  <si>
    <t xml:space="preserve">水溝,排水溝,大排水溝,現場,消防局 </t>
  </si>
  <si>
    <t>台企銀,臺企銀,攤商,小規模,營業人</t>
  </si>
  <si>
    <t>新冠肺炎,台灣,居家辦公,公務員,律師</t>
  </si>
  <si>
    <t>新冠肺炎,獅子會,五股,會長</t>
  </si>
  <si>
    <t>艾倫秀,性騷擾,艾倫,新冠肺炎</t>
  </si>
  <si>
    <t>新冠肺炎,台灣,補習班,補教業者,補教業</t>
  </si>
  <si>
    <t>樂天市場,數位轉型,線上開店,統計,網購</t>
  </si>
  <si>
    <t>新冠肺炎,台灣,診所,民眾,納入</t>
  </si>
  <si>
    <t>新冠肺炎,武漢肺炎,美國,疫苗,佛奇</t>
  </si>
  <si>
    <t>境外移入個案,疫苗,累計,國際間,例境外移入</t>
  </si>
  <si>
    <t>新冠肺炎,台灣,護理師,AZ,804醫院</t>
  </si>
  <si>
    <t xml:space="preserve">指揮中心,新冠肺炎,境外移入,疫情	</t>
  </si>
  <si>
    <t>新增1死,40歲男,葉克膜,死亡病例,武漢肺炎</t>
  </si>
  <si>
    <t>專案報告,市政總質詢,新冠肺炎,紓困,議員</t>
  </si>
  <si>
    <t>第2劑,美國,疫苗接種,新冠肺炎,台灣</t>
  </si>
  <si>
    <t>懷斯曼,科爾,勇士,卓雷蒙格林,新冠肺炎</t>
  </si>
  <si>
    <t>王敏淳,檢場,李翊君,破洞,台灣</t>
  </si>
  <si>
    <t>輝瑞／BNT,副作用,新冠疫苗,國中生,新冠肺炎</t>
  </si>
  <si>
    <t>默克,莊人祥,輕症,隔離,新冠肺炎</t>
  </si>
  <si>
    <t>新加坡,新冠肺炎,疫情,武漢肺炎,豬肉</t>
  </si>
  <si>
    <t>新冠肺炎,12月,未公開,11月,文件</t>
  </si>
  <si>
    <t>陽明院區,群聚感染,急診,北市聯醫,新冠肺炎</t>
  </si>
  <si>
    <t>新冠肺炎,台灣,台中,居酒屋,群聚</t>
  </si>
  <si>
    <t>官兵,敦睦艦隊,一中商圈,軍方,商家</t>
  </si>
  <si>
    <t>懷特,黃耆,多醣,生技,新冠肺炎</t>
  </si>
  <si>
    <t>新冠肺炎,台灣,北市,運動,室內外</t>
  </si>
  <si>
    <t>康健雜誌,新冠肺炎,失智症,憂鬱症,躁鬱症</t>
  </si>
  <si>
    <t>林秉樞,莫德納,徐巧芯,陳時中,禾馨</t>
  </si>
  <si>
    <t>WHO,武漢肺炎,新冠肺炎,全球,遇襲</t>
  </si>
  <si>
    <t>瑞德西韋,吉利德,道瓊期,新冠肺炎,美期指</t>
  </si>
  <si>
    <t>無接觸,台中國家歌劇院,微解封,餐廳,限時</t>
  </si>
  <si>
    <t>新冠肺炎,台灣,基隆,北北基桃,林右昌</t>
  </si>
  <si>
    <t>雷神山醫院,婆婆,新冠肺炎,武漢肺炎, COVID-19</t>
  </si>
  <si>
    <t>新冠肺炎,台灣, 高雄,PCR,高市</t>
  </si>
  <si>
    <t>電鍋蒸口罩,外國人,陳時中,幫助歐美,蒸口罩</t>
  </si>
  <si>
    <t>預算,葉毓蘭,交通部,交通事故死亡人數,新冠肺炎</t>
  </si>
  <si>
    <t>家長,雇主,可罰,給假,新冠肺炎</t>
  </si>
  <si>
    <t>高文音,周百謙,新冠肺炎,武漢肺炎,新冠狀病毒</t>
  </si>
  <si>
    <t>名球員,肺炎,球員,位球員,球隊</t>
  </si>
  <si>
    <t>新冠肺炎,台灣,  南投縣埔里,啟動,快篩</t>
  </si>
  <si>
    <t>疫情,百貨,購物節,到府,業者</t>
  </si>
  <si>
    <t>女裝品牌,肺炎,有限,表現,宅經濟</t>
  </si>
  <si>
    <t>修昔底德,語言,詞彙,病毒,肺炎</t>
  </si>
  <si>
    <t>美股,智慧型手機,台積電,新冠肺炎,鴻海</t>
  </si>
  <si>
    <t>疫苗,郭台銘,鄭文燦,新冠肺炎,台灣</t>
  </si>
  <si>
    <t>分配,高雄市,接種,新北市,疫苗</t>
  </si>
  <si>
    <t>蔬菜,新北,農友,有機,新北市</t>
  </si>
  <si>
    <t>新冠肺炎,武漢肺炎,川普,疫苗,美國</t>
  </si>
  <si>
    <t>毅嘉,新冠肺炎,消費應電子,光通訊,穿戴裝置</t>
  </si>
  <si>
    <t>喬治亞州,肺炎,美股,輝達,亮麗</t>
  </si>
  <si>
    <t>新冠肺炎,台灣,北市,柯文哲,個案</t>
  </si>
  <si>
    <t>觀光局,張錫聰,駐外辦事處,全球,海外</t>
  </si>
  <si>
    <t>5GiPhone,2020iPhone,蘋果,美國銀行,預測</t>
  </si>
  <si>
    <t>新冠肺炎,台灣,陳時中,陳秀熙,停班</t>
  </si>
  <si>
    <t>疫苗,健康通行證,柯文哲,共餐,新冠肺炎</t>
  </si>
  <si>
    <t>員工,營運,肺炎,上班,台積電</t>
  </si>
  <si>
    <t>台中,黃文彬,黃國瑋,都發局長,新冠肺炎</t>
  </si>
  <si>
    <t>隔離,四川,肺炎,延吉市,檢測</t>
  </si>
  <si>
    <t>新冠肺炎,屏東, 長照,安養 屏東醫院,屏東基督教醫院</t>
  </si>
  <si>
    <t>外送員,新冠肺炎,疫情,送上樓,妨害自由</t>
  </si>
  <si>
    <t>口罩,診病,肺炎,病毒,考察組</t>
  </si>
  <si>
    <t>新冠肺炎,台灣,蔡英文,志工,篩檢</t>
  </si>
  <si>
    <t>大陸,冒進,宣誓就職,疫情,肺炎</t>
  </si>
  <si>
    <t>新冠肺炎,疫情,防疫,解封,副總統</t>
  </si>
  <si>
    <t>新冠肺炎,新冠疫情,美國,紐約,確診人數</t>
  </si>
  <si>
    <t>AV女優,東京,AV達人,一劍浣春秋,緊急狀態</t>
  </si>
  <si>
    <t>確診者,柯文哲,無症狀,新冠肺炎,台灣</t>
  </si>
  <si>
    <t>手冊,出版,肺炎,病毒,新型冠狀病毒</t>
  </si>
  <si>
    <t>#新冠肺炎#全球,印度,Delta,Delta+,進化</t>
  </si>
  <si>
    <t>新冠肺炎,二級警戒,跨年指引,台灣</t>
  </si>
  <si>
    <t>中信金,上海商銀,元大金,確診,新冠肺炎</t>
  </si>
  <si>
    <t>美國,美股,期貨,川普,新型冠狀病毒</t>
  </si>
  <si>
    <t>新冠肺炎,台灣,AZ疫苗,接種,85歲</t>
  </si>
  <si>
    <t>公費流感疫苗,更新,疾管署,資訊,資料</t>
  </si>
  <si>
    <t>Delta,說謊,疫苗覆蓋率,台灣,新冠肺炎</t>
  </si>
  <si>
    <t>湯姆漢克,奧斯卡,影帝,麗塔威爾遜,澳洲</t>
  </si>
  <si>
    <t>官員,口罩,攔截,3M口罩,新冠肺炎</t>
  </si>
  <si>
    <t>Junior,韓宜邦,新冠肺炎,台灣,運動</t>
  </si>
  <si>
    <t>高端疫苗,確效品,食藥署,疾管署,效期</t>
  </si>
  <si>
    <t>武漢肺炎,新型冠狀病毒,新冠肺炎,全球,COVID-19</t>
  </si>
  <si>
    <t>伺服器,標準型,肺炎,DRAM,模組</t>
  </si>
  <si>
    <t>新冠肺炎,全球,確診,死亡,病例</t>
  </si>
  <si>
    <t>新冠肺炎,旺旺友聯,隔離,疫苗,防疫保單</t>
  </si>
  <si>
    <t>細胞簡訊,新北,110萬,篩檢,擠爆人潮</t>
  </si>
  <si>
    <t>新冠肺炎,台灣,失聯,警察大隊,逃逸</t>
  </si>
  <si>
    <t>NOW健康,口罩,鬆綁,新冠肺炎,流感</t>
  </si>
  <si>
    <t>港都盃,田徑賽,新冠肺炎</t>
  </si>
  <si>
    <t>茂林-KY,科嘉-KY,全新,精元,鍵盤</t>
  </si>
  <si>
    <t>分離,變異毒株,Omicron,新冠肺炎,香港</t>
  </si>
  <si>
    <t>新冠肺炎,台灣,究責,柯文哲,擺出</t>
  </si>
  <si>
    <t>新冠肺炎,學校,確診,家長,北部</t>
  </si>
  <si>
    <t>指南宮,呂仙,肺炎,祈福消災,真經</t>
  </si>
  <si>
    <t>金管會,國銀,新冠肺炎,紓困振興,績優</t>
  </si>
  <si>
    <t>新冠肺炎,台灣,飯店,小姐,會死</t>
  </si>
  <si>
    <t>料理,電冰箱,食材,三大,保鮮科技</t>
  </si>
  <si>
    <t>輝瑞／BNT,高端,國產疫苗,新冠疫苗,新冠肺炎</t>
  </si>
  <si>
    <t>TWICE,請夏,Sana,新冠肺炎</t>
  </si>
  <si>
    <t>日本,製造業,PMI,指數,新低</t>
  </si>
  <si>
    <t>IOC,Scott Morrison,澳洲,AOC,東京奧運</t>
  </si>
  <si>
    <t>空服員,機師,確診,長榮,台中</t>
  </si>
  <si>
    <t>新冠肺炎,武漢肺炎,新型冠狀病毒,COVID-19,深圳</t>
  </si>
  <si>
    <t>新冠肺炎,警察,打卡,臉書,傳染病防治法</t>
  </si>
  <si>
    <t>年輕人,染疫,防疫鬆懈,台大妹,新冠肺炎</t>
  </si>
  <si>
    <t>劉樂妍,愛犬,上海,台灣,隔離</t>
  </si>
  <si>
    <t>汪明荃,新冠肺炎,羅家英,防疫期,亂象</t>
  </si>
  <si>
    <t>高端疫苗,國產疫苗,高端,暈針,陳時中</t>
  </si>
  <si>
    <t>傑西沃特斯,何猷君,新冠肺炎,武漢肺炎,新型冠狀病毒</t>
  </si>
  <si>
    <t>新冠肺炎,WHO,疫苗,Delta,大流行</t>
  </si>
  <si>
    <t>中壢,超級傳播者,王文彥,插管,旅宿</t>
  </si>
  <si>
    <t>新冠肺炎,確診,＋0,漢來,高雄</t>
  </si>
  <si>
    <t>力士,相撲,確診,病毒檢測,檢查</t>
  </si>
  <si>
    <t xml:space="preserve"> 新冠肺炎,台灣,北市,不明感染源,14天</t>
  </si>
  <si>
    <t>川普,新冠肺炎,武漢肺炎,中國大陸,美國</t>
  </si>
  <si>
    <t>意見,企業,應急,成都,建立</t>
  </si>
  <si>
    <t>#新冠肺炎#全球,美國,心肌炎,疫苗,CDC</t>
  </si>
  <si>
    <t>營運,肺炎,交通局,規畫,出國</t>
  </si>
  <si>
    <t>伺服器,降息,肺炎,好轉,夏季</t>
  </si>
  <si>
    <t>坎城影展,檢測,影展,蕾雅瑟杜,活動</t>
  </si>
  <si>
    <t>新冠肺炎,大陸,接種,大陸國家衛健委,新冠疫苗</t>
  </si>
  <si>
    <t>新冠肺炎,台灣,確診,新北,北市府</t>
  </si>
  <si>
    <t>新光金,開發金,大量,台灣大,新壽</t>
  </si>
  <si>
    <t>基亞,新冠病毒,核酸檢測試劑,廈門德必碁,高端疫苗</t>
  </si>
  <si>
    <t>WHA,參加,WHA,譚德塞,審議</t>
  </si>
  <si>
    <t>#新冠肺炎#全球,南非,兒童,住院,送醫</t>
  </si>
  <si>
    <t>武漢肺炎,新型冠狀病毒,新冠肺炎,NCP,檢疫所</t>
  </si>
  <si>
    <t xml:space="preserve"> 新冠肺炎,武漢肺炎,新型冠狀病毒,NCP,台灣</t>
  </si>
  <si>
    <t>喊話,肺炎,船艙,小琉球,清明連假</t>
  </si>
  <si>
    <t>災難,預言,預測,占星術,印度</t>
  </si>
  <si>
    <t>惠特莫,密西根,新冠肺炎,美國</t>
  </si>
  <si>
    <t>民眾,新營,蔡育輝,衛生所,施打</t>
  </si>
  <si>
    <t>新冠肺炎,台灣,三級警戒,指揮中心,陳時中</t>
  </si>
  <si>
    <t>新冠肺炎,CONID-19,武漢肺炎,新型冠狀病毒,鍾南山</t>
  </si>
  <si>
    <t>願意,桃園,學生,接種,BNT疫苗</t>
  </si>
  <si>
    <t>祭儀,原住民,人數,新冠肺炎,戶外</t>
  </si>
  <si>
    <t>戰疫,鐵人部長,陳時中,台灣,抗疫英雄</t>
  </si>
  <si>
    <t xml:space="preserve"> 新冠肺炎,台灣,接種,學生,BNT</t>
  </si>
  <si>
    <t>水泥股,新冠肺炎,疫情,嘉泥,環泥</t>
  </si>
  <si>
    <t>COMPUTEX 2020,台北國際電腦展,新冠肺炎疫情影響</t>
  </si>
  <si>
    <t>瑞智,合併營收,法說會,新冠肺炎疫情,大陸空調</t>
  </si>
  <si>
    <t>醫院,疫情,歇業,肺炎,影響</t>
  </si>
  <si>
    <t>全新,台灣運彩,投注,項目,獎金</t>
  </si>
  <si>
    <t>超市,黑人,衛生紙,貨架,推車</t>
  </si>
  <si>
    <t>指揮中心,診所,施打,新冠肺炎疫苗,接種</t>
  </si>
  <si>
    <t>名球員,NBA,肺炎,球員,溜馬</t>
  </si>
  <si>
    <t>輸在最後,漂浪島嶼munch,關鍵,生活,台灣</t>
  </si>
  <si>
    <t>陸委會,滯留湖北台灣人,邱垂正,新冠肺炎,新型冠狀病毒</t>
  </si>
  <si>
    <t>韓國瑜,遠距教學,異地上班,高雄市,新冠肺炎</t>
  </si>
  <si>
    <t>返鄉,端午,連假,病毒,開車</t>
  </si>
  <si>
    <t>口罩國家隊,加利,假MIT,假口罩,豪品</t>
  </si>
  <si>
    <t>洗手,新冠肺炎,NCP,生病,速食店</t>
  </si>
  <si>
    <t>台積電,鴻海,大立光,聯發科,長榮</t>
  </si>
  <si>
    <t>陳時中,台師大,師大,類包機,24小時</t>
  </si>
  <si>
    <t>新冠肺炎,台灣,衛生所,鄉鎮,台東縣</t>
  </si>
  <si>
    <t>新冠肺炎,立委, 考察,北區醫療院所,陳時中</t>
  </si>
  <si>
    <t>冷凍食品,進口,新冠病毒,武漢,起源</t>
  </si>
  <si>
    <t>開學,口罩,學校,家長,新冠肺炎</t>
  </si>
  <si>
    <t>張上淳,台灣,新冠肺炎,死亡,到院時間</t>
  </si>
  <si>
    <t>澳盛銀行,亞洲,經濟體,南韓,中國</t>
  </si>
  <si>
    <t>歐元期貨,回升,美國,紓解,肺炎</t>
  </si>
  <si>
    <t>恢復,張文宏,中國,國家,新冠肺炎</t>
  </si>
  <si>
    <t>新冠肺炎,台灣,職業災害,染疫,視同</t>
  </si>
  <si>
    <t>香港,新冠肺炎,疫情,方艙醫院</t>
  </si>
  <si>
    <t>清明節,連假,sars,黃軒,群聚感染</t>
  </si>
  <si>
    <t>羅東博愛醫院,發現,嬰幼兒,肺炎,輕化</t>
  </si>
  <si>
    <t>停課,台大,徐丞志,學校,機率</t>
  </si>
  <si>
    <t>新冠肺炎,台灣,Delta,實驗室,陳昶宇</t>
  </si>
  <si>
    <t>正新,建大,全國,長榮,敦泰</t>
  </si>
  <si>
    <t>新冠肺炎疫情,血友病,自主健康管理,武漢肺炎,新型冠狀病毒</t>
  </si>
  <si>
    <t>大聯盟,停賽,新冠肺炎,美國,疫情</t>
  </si>
  <si>
    <t xml:space="preserve">劉樂妍,河北省,新冠肺炎, </t>
  </si>
  <si>
    <t>新冠肺炎,非藥物干預,科學雜誌,年齡,接觸模式</t>
  </si>
  <si>
    <t>北農,群聚,疫苗,遊民,柯文哲</t>
  </si>
  <si>
    <t>新冠肺炎,台灣,  侯友宜,疫情,持續</t>
  </si>
  <si>
    <t>住院醫師,吳明賢,台大醫院,請假,無情</t>
  </si>
  <si>
    <t>新冠肺炎,武漢肺炎, COVID-19,刺胳針,大陸</t>
  </si>
  <si>
    <t>新冠肺炎,大陸,隔離觀察,出發,出現</t>
  </si>
  <si>
    <t>感染源,採檢,接觸者,翁章梁,超商</t>
  </si>
  <si>
    <t>旺旺志工演唱會,新北市,新北市政府,歌手,旺旺文教基金會</t>
  </si>
  <si>
    <t>成長,肺炎,投資,增長,支出</t>
  </si>
  <si>
    <t>新冠肺炎,台灣,母親,水果盤商,面對</t>
  </si>
  <si>
    <t>新冠疫苗,大陸,接種疫苗,補針,免疫</t>
  </si>
  <si>
    <t>江蘇省,無錫市,南通市,常州市,新冠肺炎</t>
  </si>
  <si>
    <t>台灣,政府,新冠肺炎,振興,投顧</t>
  </si>
  <si>
    <t>毅嘉,機構整合,軟板,車市,新冠肺炎</t>
  </si>
  <si>
    <t>美國,混打,250萬,莫德納,AZ</t>
  </si>
  <si>
    <t>斯洛伐克,捐贈,AZ疫苗,效期,新冠肺炎</t>
  </si>
  <si>
    <t>境外移入,本土,新冠肺炎</t>
  </si>
  <si>
    <t>罹患,旅遊,肺炎,被保險人,保險</t>
  </si>
  <si>
    <t>新冠肺炎,台灣,防疫物資,洗手液,吳瓊華</t>
  </si>
  <si>
    <t>東奧,即時報導,新冠肺炎,東京,游泳</t>
  </si>
  <si>
    <t>疫苗,覆蓋率,群體免疫,柯文哲,7成</t>
  </si>
  <si>
    <t>建議,安新建經,大型企業,建設,劉易昌</t>
  </si>
  <si>
    <t>溫網,溫布頓,新冠肺炎,新冠疫情,新冠病毒</t>
  </si>
  <si>
    <t>新冠肺炎,武漢肺炎,新型冠狀病毒,COVID-19檢測,確診</t>
  </si>
  <si>
    <t>聯發科,京元電子,京元電,停工,第二季</t>
  </si>
  <si>
    <t>肺炎,黑手黨,黑幫,警告,疫情</t>
  </si>
  <si>
    <t>機組員,機師,7＋7,變種病毒,班表</t>
  </si>
  <si>
    <t>口罩,藥局,今天,新制,自己</t>
  </si>
  <si>
    <t>新冠肺炎,武漢肺炎,新型冠狀病毒,大陸,武漢</t>
  </si>
  <si>
    <t>Delta病毒,枋寮,柯文哲,新冠肺炎,台灣</t>
  </si>
  <si>
    <t>突破性感染,AZ,嬌生,冰島研究,莊人祥</t>
  </si>
  <si>
    <t>王力宏,漸凍症,武漢,新冠肺炎,武漢肺炎</t>
  </si>
  <si>
    <t>新藥,OBP-301,基亞,製藥,Oncolys</t>
  </si>
  <si>
    <t>NBA,NHL,史坦普中心,新冠肺炎,湖人</t>
  </si>
  <si>
    <t>口罩,零確診,大爆發,清明連假,疫情</t>
  </si>
  <si>
    <t>疫苗採購,蘇貞昌,高虹安,新冠肺炎,台灣</t>
  </si>
  <si>
    <t>新冠肺炎,雲林縣,張麗善,縣務會議,視訊視訊</t>
  </si>
  <si>
    <t>疫情,本土,28天,陳時中,放寬</t>
  </si>
  <si>
    <t>醫護,醫院,院區,聯合醫院,匡列</t>
  </si>
  <si>
    <t>陳時中,薛瑞元,李德維,新冠肺炎</t>
  </si>
  <si>
    <t>新冠肺炎,大陸,武漢肺炎,新型冠狀病毒,緊急命令</t>
  </si>
  <si>
    <t>陳時中,檢疫,台商,楊志良,新冠肺炎</t>
  </si>
  <si>
    <t>翁立友,新專輯,母親,口罩,新冠肺炎</t>
  </si>
  <si>
    <t>BNT,陳時中,疫苗,採購,郭台銘</t>
  </si>
  <si>
    <t>張雅琴,安幼琪,人民日報,年代新聞,台商</t>
  </si>
  <si>
    <t>肺炎,防控,社區,武漢,新增病例</t>
  </si>
  <si>
    <t>板塊挪移,肺炎,陸美貿易戰,加速,高科技</t>
  </si>
  <si>
    <t>新冠肺炎,武漢肺炎,教育部,學習,學生</t>
  </si>
  <si>
    <t>新冠肺炎,武漢肺炎,新型冠狀病毒,COVID-19,刺胳針</t>
  </si>
  <si>
    <t>新冠肺炎,台灣,新竹縣,楊文科,長照機構</t>
  </si>
  <si>
    <t>黃立民,採檢,基隆,病毒,肺炎</t>
  </si>
  <si>
    <t>聯發科,高通,5G,天璣1000,天璣800</t>
  </si>
  <si>
    <t>新冠肺炎,全球,英國,Omicron,病例</t>
  </si>
  <si>
    <t>肺炎,病毒,篩檢,冰島,數據</t>
  </si>
  <si>
    <t>海軍,張上淳,磐石艦,我國,軍艦</t>
  </si>
  <si>
    <t>康健雜誌,新冠肺炎,老人,安養院,免疫</t>
  </si>
  <si>
    <t>阿翔,Grace,浩角翔起,謝忻,急性蕁麻疹</t>
  </si>
  <si>
    <t>新冠肺炎,台灣,台東,越南,假訊息</t>
  </si>
  <si>
    <t>指揮中心,變種病毒,莊人祥, 新冠肺炎,境外移入</t>
  </si>
  <si>
    <t>新冠肺炎,COVID-19,坎城,YouTube,We Are One： A Global Film Festiva</t>
  </si>
  <si>
    <t>血栓,AZ,多發性血栓,新冠肺炎,台灣</t>
  </si>
  <si>
    <t>#新冠肺炎#全球,護照,中國大陸,韓國,南韓</t>
  </si>
  <si>
    <t>安心,口罩,醫療用,肺炎,檢疫</t>
  </si>
  <si>
    <t>新冠肺炎,台灣,苗栗,5月,曾到</t>
  </si>
  <si>
    <t>台灣,戴口罩,川普,黃暐瀚,美國</t>
  </si>
  <si>
    <t>BNT,到貨,郭台銘,台灣,疫苗</t>
  </si>
  <si>
    <t>北捷,新冠肺炎,北捷龍山寺站,黃珊珊</t>
  </si>
  <si>
    <t>中美貿易戰,新冠肺炎,三能,內需,現金股利</t>
  </si>
  <si>
    <t>陳以信,新冠肺炎,台灣,國家賠償</t>
  </si>
  <si>
    <t>SBL,總冠軍賽,新冠肺炎,防疫</t>
  </si>
  <si>
    <t>喬柯維奇,美網,ATP,大滿貫,紐約</t>
  </si>
  <si>
    <t>國民黨,新冠肺炎,新冠病毒,台灣,大陸</t>
  </si>
  <si>
    <t>境外移入個案,2點,臨時記者會,新增,破功</t>
  </si>
  <si>
    <t>哈薩克,不明肺炎,大使館,遠高,新冠</t>
  </si>
  <si>
    <t>單寧酸,蛋白酶,新冠病毒,活性,中醫大</t>
  </si>
  <si>
    <t>新冠肺炎,台灣, 機票,接種,接種疫苗</t>
  </si>
  <si>
    <t>莫德納,疫苗,新冠肺炎,輝瑞,牛津</t>
  </si>
  <si>
    <t>簡訊,實聯制,柯文哲,採檢,疫苗</t>
  </si>
  <si>
    <t>簡訊,疫苗,40萬,AZ,賴清德</t>
  </si>
  <si>
    <t>新冠肺炎,高雄,文化局,舞筵自然,鳳山黃埔新村</t>
  </si>
  <si>
    <t>新冠肺炎,台灣,亞東醫院</t>
  </si>
  <si>
    <t>新冠肺炎,武漢肺炎,新型冠狀病毒,台灣,染疫</t>
  </si>
  <si>
    <t>新冠肺炎,武漢肺炎,新型冠狀病毒,COVID-19,研發</t>
  </si>
  <si>
    <t>湖北,武漢肺炎,新冠肺炎,新型冠狀病毒,大陸</t>
  </si>
  <si>
    <t>新冠肺炎,給薪,防疫,防疫照顧假,家長</t>
  </si>
  <si>
    <t>北韓,病例,武漢肺炎,新冠肺炎</t>
  </si>
  <si>
    <t>防疫措施,倫敦,示威,英國,新冠肺炎</t>
  </si>
  <si>
    <t>新冠肺炎,台灣,台東,饒慶鈴,確診</t>
  </si>
  <si>
    <t>獲授權,口服藥物,肺炎,最終,委員會</t>
  </si>
  <si>
    <t>炸豬排,旭川,日本,北海道,確診</t>
  </si>
  <si>
    <t>友達,會更好,暢旺,面板產業,補貼</t>
  </si>
  <si>
    <t>新冠肺炎,武漢肺炎,covid-19,死亡,疫情</t>
  </si>
  <si>
    <t>譚德塞,新冠肺炎,確診,境外輸入,世界衛生組織</t>
  </si>
  <si>
    <t>紐約市,楊安澤,民主黨,新冠肺炎,大流行</t>
  </si>
  <si>
    <t>台灣,外銷,萵苣,農產品,鳳梨</t>
  </si>
  <si>
    <t>英國,女兒,鮑起靜,發燒,黃安</t>
  </si>
  <si>
    <t>新冠肺炎,麥克,公斤,壯漢,美國</t>
  </si>
  <si>
    <t>接種,第3劑,民眾,金門,追加劑</t>
  </si>
  <si>
    <t>零症狀,癱軟無力,染病,女醫師,恍如隔世</t>
  </si>
  <si>
    <t>肺結核,新冠肺炎,傳染,產後護理之家,新北市衛生局</t>
  </si>
  <si>
    <t>苗栗,新冠肺炎,居家,大陸,返台檢疫</t>
  </si>
  <si>
    <t>KPMG,蘇嘉瑞,中國大陸,新冠肺炎,AR</t>
  </si>
  <si>
    <t>疫情,疫苗,運輸,肺炎,聯電</t>
  </si>
  <si>
    <t>新冠肺炎,台灣, 南紡,國巨,陽明</t>
  </si>
  <si>
    <t>北京,北京市,鮭魚,鱒魚,淡水魚</t>
  </si>
  <si>
    <t>武漢包機,包裹,飛沫,唐鳳,口罩實名制2.0</t>
  </si>
  <si>
    <t>新冠肺炎,疫情,疫情指揮中心,急診,醫護人員</t>
  </si>
  <si>
    <t>肺炎,比晚,嚴管,接好</t>
  </si>
  <si>
    <t>新冠疫情,台灣,高雄,陳其邁,陳致中</t>
  </si>
  <si>
    <t>新冠肺炎,台灣,獎勵金,申請,退票</t>
  </si>
  <si>
    <t>網路安全,駭客,資安,新興科技,中國大陸</t>
  </si>
  <si>
    <t>善化,台南市,警察節,捐血,血庫</t>
  </si>
  <si>
    <t>川普,拜登,首場辯論,美國大選,新冠肺炎</t>
  </si>
  <si>
    <t>疫情,鍾南山,新冠肺炎,武漢肺炎,新型冠狀病毒</t>
  </si>
  <si>
    <t>新冠肺炎,大陸,街道,確診病例,核酸檢測</t>
  </si>
  <si>
    <t>日本,加拿大,臺灣,WHO,新冠肺炎</t>
  </si>
  <si>
    <t>台灣山葉,售價,新款,助陣,優雅</t>
  </si>
  <si>
    <t>愛迪達,飛雅特,克萊斯勒,復產,新冠肺炎疫情</t>
  </si>
  <si>
    <t>衰退,美國,川普,肺炎,患難見真情</t>
  </si>
  <si>
    <t>封城,美國,檢疫,病毒,肺炎</t>
  </si>
  <si>
    <t>兩岸,防疫,大陸,台灣,副總統</t>
  </si>
  <si>
    <t>黃越綏,新冠肺炎,酸民,確診,三級警戒</t>
  </si>
  <si>
    <t>陳時中,社區感染,死亡人數,肺炎,衛福部</t>
  </si>
  <si>
    <t>新冠肺炎,外借,場地,教育局,高中職</t>
  </si>
  <si>
    <t>新冠肺炎,武漢肺炎,新型冠狀病毒,台灣,里長</t>
  </si>
  <si>
    <t>新冠肺炎,武漢肺炎,新型冠狀病毒,台灣,出國</t>
  </si>
  <si>
    <t>返台,9人,採檢,集中檢疫,14天</t>
  </si>
  <si>
    <t>新冠肺炎,台灣,義大利麵,廠商,發霉</t>
  </si>
  <si>
    <t>荷蘭,口罩,新冠肺炎,武漢肺炎,新型冠狀病毒</t>
  </si>
  <si>
    <t>唐綺陽,預測,新冠肺炎,武漢肺炎,COVID-19</t>
  </si>
  <si>
    <t>字頭,終場,買點,新台幣,高點</t>
  </si>
  <si>
    <t>新冠肺炎,台灣,宣導,防疫,市場</t>
  </si>
  <si>
    <t>蝙蝠俠,吸血鬼男,羅伯派丁森,暮光之城,新冠肺炎</t>
  </si>
  <si>
    <t>新冠肺炎,武漢肺炎,台灣,宗教,團體</t>
  </si>
  <si>
    <t>謝霆鋒,王菲,復合,新冠肺炎,疫苗</t>
  </si>
  <si>
    <t>血友病童,張雅琴,新冠肺炎,新型冠狀病毒,台灣</t>
  </si>
  <si>
    <t>LINE,公共服務,防疫,正確資訊,假消息</t>
  </si>
  <si>
    <t>台灣,情況,封城,陳時中,還很遠</t>
  </si>
  <si>
    <t>新冠肺炎,台灣,萬華,陽性率,篩檢</t>
  </si>
  <si>
    <t>馬來西亞,Amanda,大馬正妹,性感,防疫</t>
  </si>
  <si>
    <t>新冠肺炎,武漢肺炎,疫情,台灣,詹惟中</t>
  </si>
  <si>
    <t>川普,新冠肺炎,傳染風險,痊癒,病毒檢測</t>
  </si>
  <si>
    <t>新冠肺炎,台灣,黃珊珊,實驗室,老鼠咬傷</t>
  </si>
  <si>
    <t>友通,營收,成長,同期新高,併購</t>
  </si>
  <si>
    <t>新冠肺炎,疫情,房價,六都,波動</t>
  </si>
  <si>
    <t>研發,表現,肺炎疫苗,技術,通過</t>
  </si>
  <si>
    <t>AZ,第二劑,擴大接種,52歲以上,新冠肺炎</t>
  </si>
  <si>
    <t>康健雜誌,新冠肺炎,台灣,諾瓦瓦克斯,Novavax</t>
  </si>
  <si>
    <t>藥物,測試,WHO,武漢肺炎,新冠肺炎</t>
  </si>
  <si>
    <t>復賽,MMA,UFC,終極格鬥,綜合格鬥</t>
  </si>
  <si>
    <t>衛生所,打疫苗,女移工,接種疫苗,失聯</t>
  </si>
  <si>
    <t>新冠肺炎,台灣,居家快篩,社區,快篩</t>
  </si>
  <si>
    <t>申請,兩岸,航點,開放,指揮中心</t>
  </si>
  <si>
    <t>台灣,新冠肺炎,移工體檢</t>
  </si>
  <si>
    <t>台南,大億麗緻,新冠肺炎,國壽,停業</t>
  </si>
  <si>
    <t>新冠肺炎,COVID-19,武漢肺炎,新型冠狀病毒,柯文哲</t>
  </si>
  <si>
    <t>新冠肺炎,台灣,台北市,柯文哲,施打順序</t>
  </si>
  <si>
    <t>曾銘宗,陳時中,疫情,新冠肺炎,WHO</t>
  </si>
  <si>
    <t>參加,組團,新冠肺炎,拜登,蕭美琴</t>
  </si>
  <si>
    <t>高雄,第二波,紓困,新聞局,計劃</t>
  </si>
  <si>
    <t>PLG,洋將,沃倫,領航猿,離隊</t>
  </si>
  <si>
    <t>伊瑟儂,泰國,新冠肺炎,優霸盃,蘇迪曼盃</t>
  </si>
  <si>
    <t>衛生紙,48捲,羨慕,澳洲,買錯</t>
  </si>
  <si>
    <t>游盈隆,聲望,新冠肺炎,蔡英文總統,執政</t>
  </si>
  <si>
    <t>新冠肺炎,疫苗,南投,大陸</t>
  </si>
  <si>
    <t>吳思瑤,立委,好時機,口罩,民進黨</t>
  </si>
  <si>
    <t>新冠肺炎,田士廣,馬來西亞,彼岸之嫁</t>
  </si>
  <si>
    <t>去醫院,肺炎,叫救護車,醫院,消防員</t>
  </si>
  <si>
    <t>成長,新訂單,運作,新增安裝量,累計</t>
  </si>
  <si>
    <t>快篩站,設置,新冠肺炎,台灣,柯文哲</t>
  </si>
  <si>
    <t>新興,全球,台新投信,短期高收益債券基金,台新</t>
  </si>
  <si>
    <t>邊界,新型冠狀病毒,俄羅斯,波蘭,歐洲</t>
  </si>
  <si>
    <t>新冠肺炎,確診,境外移入,馬來西亞,疫情指揮中心</t>
  </si>
  <si>
    <t>新冠肺炎,台灣,陳時中,疫苗,竹科</t>
  </si>
  <si>
    <t>精材,營運,展望,陳家湘,台積電</t>
  </si>
  <si>
    <t>中國,外交部,移民,紀錄,行政院</t>
  </si>
  <si>
    <t>新冠肺炎,台灣,新冠疫苗,大里仁愛醫院,AZ</t>
  </si>
  <si>
    <t>檢查,病毒,日本,陰性,新冠肺炎</t>
  </si>
  <si>
    <t>朱立倫,彰化,中小企業,早餐會,台灣早安</t>
  </si>
  <si>
    <t>新冠肺炎,台灣,陳培哲,賴士葆,蔡英文</t>
  </si>
  <si>
    <t>快篩,PCR,疫苗,柯文哲,最後確認</t>
  </si>
  <si>
    <t>超紫光滅菌機器人,加護病房,新竹,消毒,台大分院</t>
  </si>
  <si>
    <t>新冠肺炎,台灣,張志豪,中和,衛生局</t>
  </si>
  <si>
    <t>李文亮,新冠病毒,言論自由,決議案,資訊</t>
  </si>
  <si>
    <t>吳京,韓寒,河南,湖北,負壓救護車</t>
  </si>
  <si>
    <t>新冠肺炎,台灣,林口三井,自主停業</t>
  </si>
  <si>
    <t>精確,全球,全新,車輛,損壞</t>
  </si>
  <si>
    <t>新冠肺炎,台灣, 智邦,全新,超豐</t>
  </si>
  <si>
    <t>新冠肺炎,武漢肺炎,新型冠狀病毒,台灣,韓國瑜</t>
  </si>
  <si>
    <t>台灣,電視台,法國,國家,TF1</t>
  </si>
  <si>
    <t>搭乘,公車,交通局,新冠肺炎,公車智慧型站牌</t>
  </si>
  <si>
    <t>新冠肺炎,台灣,AZ,出現,疫苗</t>
  </si>
  <si>
    <t>畢旅,鄭新輝,學校,台南,停辦</t>
  </si>
  <si>
    <t>疫苗,英國,醫療,國家,biontech</t>
  </si>
  <si>
    <t>投資人,美債ETF,肺炎,美債,避險型</t>
  </si>
  <si>
    <t>新冠肺炎,台灣,陳時中,採檢,健康存摺</t>
  </si>
  <si>
    <t>吸入,大會,海報,微脂體,氣霧劑</t>
  </si>
  <si>
    <t>新冠肺炎,石斑魚,永安,水產,韓國瑜</t>
  </si>
  <si>
    <t>新冠肺炎,新型冠狀病毒,台灣,大陸,全球</t>
  </si>
  <si>
    <t>PayPal,電子支付,營收,獲利,EPS</t>
  </si>
  <si>
    <t>武漢肺炎,新型冠狀病毒,新冠肺炎,台灣,郵輪</t>
  </si>
  <si>
    <t>部長,波蘭,肺炎,檢測,隔離</t>
  </si>
  <si>
    <t>新冠肺炎,武漢肺炎,新型冠狀病毒,台灣,航空業</t>
  </si>
  <si>
    <t>大陸,揚州,主城區,疫情,南京市</t>
  </si>
  <si>
    <t>大陸,武漢,新冠肺炎,新型冠狀病毒,NCP</t>
  </si>
  <si>
    <t>新冠肺炎,台灣,接種疫苗,洗腎,婦人</t>
  </si>
  <si>
    <t>口罩,雲林縣,肺炎,每人,學生</t>
  </si>
  <si>
    <t>捐血者,驗出,新冠病毒,義大利,進行</t>
  </si>
  <si>
    <t>新冠肺炎,台灣,廠區,員工,Garmin</t>
  </si>
  <si>
    <t>新冠肺炎,萬華,板橋,院內感染,馬偕</t>
  </si>
  <si>
    <t>媒體,謝謝,張上淳,民眾,抗疫百天</t>
  </si>
  <si>
    <t>澳洲,新冠肺炎,疫情,學校,關閉</t>
  </si>
  <si>
    <t>南韓,第一級,當地,社區傳播,旅遊疫情建議</t>
  </si>
  <si>
    <t>洪孟楷,普發現金,民意,民調,蔡政府</t>
  </si>
  <si>
    <t>新冠肺炎,台灣,陳宜民,圈選,接種</t>
  </si>
  <si>
    <t>台灣輸出,確診,60例,新冠肺炎</t>
  </si>
  <si>
    <t>新冠肺炎,大陸,接種,5歲,港澳台</t>
  </si>
  <si>
    <t>接種,朱鳳蓮,台胞,新冠疫苗,疫苗接種</t>
  </si>
  <si>
    <t>譚德塞,WHO,世界衛生組織,新冠肺炎,新型冠狀病毒</t>
  </si>
  <si>
    <t>境外移入,6確診,高中生確診,案59,案54</t>
  </si>
  <si>
    <t>臨時工,約新台幣,新冠肺炎,影響,澳幣</t>
  </si>
  <si>
    <t>流感疫苗,南投縣,新冠肺炎</t>
  </si>
  <si>
    <t>新冠肺炎,武漢,全球,德國,傳染</t>
  </si>
  <si>
    <t>Omicron,跨年,陳時中,大型活動,衝擊</t>
  </si>
  <si>
    <t>肺炎,警示燈號,感染,警示,疫情</t>
  </si>
  <si>
    <t>李培禎,新冠肺炎,隔離,運動,疫情</t>
  </si>
  <si>
    <t>新高,帶動,SEMI</t>
  </si>
  <si>
    <t>健康醫療網,新冠肺炎,台灣,灰質,大腦</t>
  </si>
  <si>
    <t>李萬熙,新天地教會,南韓,新冠肺炎,教主</t>
  </si>
  <si>
    <t>鄭麗文,蔡政府,新冠肺炎,高端疫苗,台灣</t>
  </si>
  <si>
    <t>MWC,華為,線上,直播,可折疊螢幕手機</t>
  </si>
  <si>
    <t>確診者,案156,接觸者,家樂福,桃園市</t>
  </si>
  <si>
    <t>新冠肺炎,確診,死亡,靈異,美國</t>
  </si>
  <si>
    <t>天津,中國首例,境外輸入,Omicron,陽性病例</t>
  </si>
  <si>
    <t>全球,廠辦,五股,新北,僑外資</t>
  </si>
  <si>
    <t>新冠肺炎,疫苗,covax</t>
  </si>
  <si>
    <t>大聯大,國巨,華碩,緯創,巧新</t>
  </si>
  <si>
    <t>新冠肺炎,台南大學,成大,南部國立大學,居家檢疫</t>
  </si>
  <si>
    <t>周玉蔻,開罰,新冠肺炎,網友投票</t>
  </si>
  <si>
    <t>北市,接種率,疫苗,40萬,柯文哲</t>
  </si>
  <si>
    <t>王大陸,王台慶,崔苔菁,柯震東,新冠肺炎</t>
  </si>
  <si>
    <t>特殊交友圈,確診,染疫,高雄,匡列</t>
  </si>
  <si>
    <t>墨西哥,新冠肺炎,總統,疫情,確診</t>
  </si>
  <si>
    <t>隔離,湖北,新冠肺炎,武漢肺炎,新型冠狀病毒</t>
  </si>
  <si>
    <t>二級警戒,鬆綁,陳時中,防疫,新冠肺炎</t>
  </si>
  <si>
    <t>16,北海道,札幌市,第三波,新增確診</t>
  </si>
  <si>
    <t>PixoTest,受測,肺炎,應用,快篩</t>
  </si>
  <si>
    <t>馬英九,楊志良,葉金川,新冠肺炎,武漢肺炎</t>
  </si>
  <si>
    <t>疫苗,AZ,混打,45,7萬劑</t>
  </si>
  <si>
    <t>張文宏,傳染病,感染科,醫生,疫苗</t>
  </si>
  <si>
    <t>新冠病毒,疫情,蓬佩奧,楊潔篪,陸美關係</t>
  </si>
  <si>
    <t>新冠肺炎,台灣,校正回歸,ptt</t>
  </si>
  <si>
    <t>一名,肺炎,病毒,呼吸衰竭,休克</t>
  </si>
  <si>
    <t>住院病人,奇美醫學中心,PCR,急診,新冠肺炎</t>
  </si>
  <si>
    <t>全球,上揚,指數,重挫,新冠肺炎</t>
  </si>
  <si>
    <t>房業涵,陽明山,主播,新冠肺炎,台灣</t>
  </si>
  <si>
    <t>李康生,山中森林,王子邱勝翊,謝承均,新冠肺炎</t>
  </si>
  <si>
    <t>花木蘭,上007生死交戰,丹尼爾克雷格,劉亦菲,新冠肺炎</t>
  </si>
  <si>
    <t>限制,超過,原油,肺炎,減產</t>
  </si>
  <si>
    <t>柯文哲,限制入境,中央流行疫情指揮中心,陳時中,新冠肺炎</t>
  </si>
  <si>
    <t>台灣,無奈,起跑點,一開始,民族性</t>
  </si>
  <si>
    <t>行政院,蘇貞昌,新冠肺炎,防疫,鬆綁</t>
  </si>
  <si>
    <t>Delta,CDC,疫苗,新冠肺炎,美國</t>
  </si>
  <si>
    <t>北韓,團體,光復節,建黨,排練</t>
  </si>
  <si>
    <t>熄燈一分鐘,江啟臣,新冠肺炎,台灣</t>
  </si>
  <si>
    <t>新冠肺炎 ,新加坡航空展,紀念品,口罩,搶手</t>
  </si>
  <si>
    <t>大陸,疫苗,衛健委,接種,目標</t>
  </si>
  <si>
    <t>混打,吳昌騰,AZ,疫苗,新冠肺炎</t>
  </si>
  <si>
    <t>新冠肺炎,武漢肺炎,新型冠狀病毒,COVID-19,佛奇</t>
  </si>
  <si>
    <t>新冠肺炎,台灣,攤商,簡訊實聯制,身分證字號</t>
  </si>
  <si>
    <t>BNT,疫苗,鴻海,台積電,永齡</t>
  </si>
  <si>
    <t>魔術,NBA,新冠肺炎,德沃斯,武切維奇</t>
  </si>
  <si>
    <t>新冠肺炎,台灣,簽約,台積電,鴻海</t>
  </si>
  <si>
    <t>新冠疫苗,霧化,吸入式,大陸,新冠肺炎</t>
  </si>
  <si>
    <t>醫療險 ,實支實付,日額,理賠,新冠肺炎疫情</t>
  </si>
  <si>
    <t>美國,疫情,就業市場,新冠肺炎</t>
  </si>
  <si>
    <t>新冠肺炎,台灣,BNT,血疹,血小板</t>
  </si>
  <si>
    <t>查爾斯王子,查爾斯王儲,卡蜜拉,黛安娜,黛安娜王妃</t>
  </si>
  <si>
    <t>瓦倫西亞,西甲聯賽,新冠肺炎,新冠疫情,亞特蘭大</t>
  </si>
  <si>
    <t>大陸,肺炎,敵意,返台,兩岸</t>
  </si>
  <si>
    <t>新冠肺炎,疫苗,全球,AZ,阿斯特捷利康</t>
  </si>
  <si>
    <t>高端疫苗,國產疫苗,新冠疫苗,EUA,緊急使用授權</t>
  </si>
  <si>
    <t>新冠肺炎,台灣,護理師,醫院,能夠</t>
  </si>
  <si>
    <t>理賠,班機,申請,以色列,遣返</t>
  </si>
  <si>
    <t>新冠肺炎,武漢,肺炎,工作,加班</t>
  </si>
  <si>
    <t>口罩,檢驗,抽查,新冠肺炎,邊境</t>
  </si>
  <si>
    <t>文化大學,同學,篩檢,陽性,13人</t>
  </si>
  <si>
    <t>牛津大學,新冠疫苗,新冠肺炎,70%,保護力</t>
  </si>
  <si>
    <t>國際油價,無鉛汽油,汽油,下周,新冠肺炎確診</t>
  </si>
  <si>
    <t>新冠肺炎,COVID-19,武漢肺炎,新型冠狀病毒,敏成</t>
  </si>
  <si>
    <t>糧食危機,古特雷斯,聯合國,新冠病毒</t>
  </si>
  <si>
    <t>新冠肺炎,高雄,韓國瑜,葉匡時,黃捷</t>
  </si>
  <si>
    <t>台灣輸出,新冠肺炎,確診</t>
  </si>
  <si>
    <t>駐法代表處,外交部,法國,武漢肺炎</t>
  </si>
  <si>
    <t>德國,義大利,死亡率,歐洲,國家</t>
  </si>
  <si>
    <t>羅琳,哈利波特,新冠肺炎,新冠病毒,台灣</t>
  </si>
  <si>
    <t>疫苗,新冠疫苗,台灣,烏克蘭,新冠肺炎</t>
  </si>
  <si>
    <t>新冠肺炎,台灣,關山,長輩,施打</t>
  </si>
  <si>
    <t>#新冠肺炎#全球,變種新冠,馬來西亞,陰性,病毒檢測</t>
  </si>
  <si>
    <t>安全,攻擊,肺炎,駭客,資料</t>
  </si>
  <si>
    <t>聯合,新冠肺炎疫苗,專利,大陸,軍事科學院</t>
  </si>
  <si>
    <t>趙少康,歧視,蔡英文,蘇貞昌,新冠肺炎</t>
  </si>
  <si>
    <t>新冠肺炎,CONID-19,武漢肺炎,新型冠狀病毒,黑天鵝</t>
  </si>
  <si>
    <t>指揮中心,國內,境外移入,暴增,新冠肺炎</t>
  </si>
  <si>
    <t>阿緯,AZ,疫苗,新冠肺炎,發燒</t>
  </si>
  <si>
    <t>台大,醫院,麻醉護師,員工,家人</t>
  </si>
  <si>
    <t>3+11,陳時中,新冠肺炎,破口</t>
  </si>
  <si>
    <t>美國,高爾夫,潘政琮,防疫,搭機</t>
  </si>
  <si>
    <t>遊客數,肺炎,拍攝,攝影,吊橋</t>
  </si>
  <si>
    <t>社區感染,肺炎,執著,武漢肺炎,新冠肺炎</t>
  </si>
  <si>
    <t>新冠肺炎,高雄市政府,韓國瑜,防疫,高雄</t>
  </si>
  <si>
    <t>武漢,解封,武漢肺炎,新冠肺炎,大陸</t>
  </si>
  <si>
    <t>經費,疫苗,陳時中,13,5億元</t>
  </si>
  <si>
    <t>強森,KTV,愷樂,川普,新冠肺炎</t>
  </si>
  <si>
    <t>萬金石馬拉松,新北市鐵道馬拉松接力賽,新北市觀旅局長張其強,新冠肺炎,新型冠狀病毒</t>
  </si>
  <si>
    <t>景點,盧秀燕,五一連假,管制,出遊</t>
  </si>
  <si>
    <t>台鐵,愛心,長輩,火車,肺炎</t>
  </si>
  <si>
    <t>新冠肺炎,台灣,嘉義,全聯,足跡</t>
  </si>
  <si>
    <t>張上淳,癥狀,出現,漱口水,喉嚨</t>
  </si>
  <si>
    <t>新北,侯友宜,KTV,復業,疫情</t>
  </si>
  <si>
    <t>高端,疫苗副作用,新冠肺炎,過敏性休克,猝死</t>
  </si>
  <si>
    <t>心冠肺炎,COVID-19,狗貓感染,專家,病源汙染</t>
  </si>
  <si>
    <t>新冠肺炎,台灣,求助,護理師,空氣</t>
  </si>
  <si>
    <t>澳門,陳時中,十四天,三月中,上課</t>
  </si>
  <si>
    <t>桃園,男子,猝死,發高燒,檢警</t>
  </si>
  <si>
    <t>幼兒園群聚,松山國中,爺爺,新冠肺炎,台灣</t>
  </si>
  <si>
    <t>Delta,停辦,課後留園,新北,幼兒園</t>
  </si>
  <si>
    <t>老闆娘,小吃店,小姑娘,確診,新冠肺炎</t>
  </si>
  <si>
    <t>新冠肺炎,AZ疫苗,陳時中,台灣,陳以信</t>
  </si>
  <si>
    <t>敦睦艦隊,航程,帛琉,新加坡,新冠肺炎</t>
  </si>
  <si>
    <t>新冠肺炎,武漢肺炎,新型冠狀病毒,NCP,以色列</t>
  </si>
  <si>
    <t>桃園,特殊交友圈,染疫,新冠肺炎,台灣</t>
  </si>
  <si>
    <t>新冠肺炎,台灣,新北,診所,衛生局</t>
  </si>
  <si>
    <t>基士德,EPS,現金股利,高殖利率,新冠肺炎</t>
  </si>
  <si>
    <t>新冠肺炎,武漢肺炎,新型冠狀病毒,台灣,陳時中</t>
  </si>
  <si>
    <t>全新,防詐,Gogolook,可疑,美玉</t>
  </si>
  <si>
    <t>李彥秀,亞裔,美國,新冠,仇恨</t>
  </si>
  <si>
    <t>大陸,政策作多,肺炎,滬深,疫情</t>
  </si>
  <si>
    <t>口罩,疫苗,侯友宜,新北,新冠肺炎</t>
  </si>
  <si>
    <t>新冠肺炎,武漢肺炎,新型冠狀病毒,台灣,記者</t>
  </si>
  <si>
    <t>豪宅,葛民輝,疫情,周星馳,新冠肺炎</t>
  </si>
  <si>
    <t>新冠肺炎,疫情,達爾膚,3月營收,首季營收</t>
  </si>
  <si>
    <t>生魚片,鮭魚,生鮭魚,寄生蟲,細菌感染</t>
  </si>
  <si>
    <t>新冠肺炎,台灣,停課,Delta,北市</t>
  </si>
  <si>
    <t>口罩,衛生所,民眾,兒童,肺炎</t>
  </si>
  <si>
    <t>口罩,排隊,隊伍,數量,實名制3.0</t>
  </si>
  <si>
    <t>李明依,疫苗,長者,死亡,新冠肺炎</t>
  </si>
  <si>
    <t>陳時中,阿中部長,笑了,新冠肺炎,台灣</t>
  </si>
  <si>
    <t>新冠肺炎,林韋地,疫苗,出國,民眾</t>
  </si>
  <si>
    <t>瑞典,佛系防疫,新冠肺炎,疫情,群體免疫</t>
  </si>
  <si>
    <t>探視,北市,開放,訪客,公文</t>
  </si>
  <si>
    <t>指揮中心,延長,疫情,開放,疫苗</t>
  </si>
  <si>
    <t>實聯制,疫情警戒,新冠肺炎,台灣</t>
  </si>
  <si>
    <t>防疫概念股,口罩,醫療用,美國,企業</t>
  </si>
  <si>
    <t>台積電,大立光,鴻海,聯發科,面板雙虎</t>
  </si>
  <si>
    <t>口罩,大邱,南韓,乾洗手, 新型冠狀病毒</t>
  </si>
  <si>
    <t>棕櫚油,馬來西亞,產量,豆油,新冠肺炎</t>
  </si>
  <si>
    <t>研究,病毒,蛋白酶,新冠,癌症</t>
  </si>
  <si>
    <t>陳時中,檢疫,韓國,武漢肺炎,新冠肺炎</t>
  </si>
  <si>
    <t>新冠肺炎,台灣,高雄,按摩師,麻將群聚</t>
  </si>
  <si>
    <t>接種,留學,觀光,打疫苗,藝人</t>
  </si>
  <si>
    <t>健檢,病情,洪子仁,新光,疫情</t>
  </si>
  <si>
    <t>透過,新冠肺炎,臨床,員榮醫院,蒙古</t>
  </si>
  <si>
    <t>新冠病毒,新冠肺炎,武漢肺炎,緊急狀態,西雅圖</t>
  </si>
  <si>
    <t>新冠肺炎,台灣,陳時中,新北,快篩</t>
  </si>
  <si>
    <t>疫情警戒,黃軒,降級,新冠肺炎,疫情</t>
  </si>
  <si>
    <t>中國,嚴防,肺炎,北京,輸入</t>
  </si>
  <si>
    <t>新冠肺炎,新冠疫情,新冠病毒,武漢肺炎,COVID-19</t>
  </si>
  <si>
    <t>脫線,肺炎,脫線老婆,新冠肺炎,武漢肺炎</t>
  </si>
  <si>
    <t>北京,機票,五一,新冠肺炎,武漢肺炎</t>
  </si>
  <si>
    <t>診所,衛生局,肺炎,網路,新冠肺炎</t>
  </si>
  <si>
    <t>富市台中,新好生活,8大核心價值,12大發展策略,台中</t>
  </si>
  <si>
    <t>WHO,武漢肺炎,新冠肺炎,新型冠狀病毒,COVID-19</t>
  </si>
  <si>
    <t>美國,川普,經濟,白宮,新冠肺炎</t>
  </si>
  <si>
    <t>黃秋生,台灣,新冠肺炎,疫情,隔離14天</t>
  </si>
  <si>
    <t>八貫,TPU,新冠肺炎,航太救生,熱可塑性聚氨酯彈性體</t>
  </si>
  <si>
    <t>肺炎,臺灣,生技,歐洲,疫情</t>
  </si>
  <si>
    <t>莫彩曦,YouTuber,支票,美國,新冠肺炎</t>
  </si>
  <si>
    <t>二級警戒,八大行業,酒店小姐,二級警戒指引,疫苗</t>
  </si>
  <si>
    <t>新冠肺炎,新型冠狀病毒,台灣,台中市,旅遊業</t>
  </si>
  <si>
    <t>病例,肺炎,增加,10,新冠</t>
  </si>
  <si>
    <t>中職,紐約時報,開打,新冠肺炎</t>
  </si>
  <si>
    <t>百事公司,北京,新冠肺炎,大陸,大興區磁魏路</t>
  </si>
  <si>
    <t>台北小巨蛋,新冠肺炎,台灣,足跡,台北市</t>
  </si>
  <si>
    <t>iPhone 12 Pro,爆料,EverythingAppplePro,120Hz,螢幕更新率</t>
  </si>
  <si>
    <t>陳時中,政風處,新冠肺炎,彰化縣,指揮中心</t>
  </si>
  <si>
    <t>歐陽靖,新冠肺炎,新冠狀病毒,武漢肺炎,日本</t>
  </si>
  <si>
    <t>旅館,破產,業績,富士見莊,新冠肺炎</t>
  </si>
  <si>
    <t>陳時中,夏春湧,台灣人,開玩笑,臉書</t>
  </si>
  <si>
    <t>台灣高鐵,新低,單季,新冠肺炎,月營收</t>
  </si>
  <si>
    <t>盤面上,美國,肺炎,內需,抗跌</t>
  </si>
  <si>
    <t>陳時中,延期,社會觀感,居家,陸配子女</t>
  </si>
  <si>
    <t>陸明君,老公,新冠肺炎,台灣,星級餐廳</t>
  </si>
  <si>
    <t>降級不解封,農委會,批發市場,場域,垂釣</t>
  </si>
  <si>
    <t>排水溝,環境,消毒,公園,水位</t>
  </si>
  <si>
    <t>國軍桃園總醫院,804醫院,看護,全院採檢,病患</t>
  </si>
  <si>
    <t>肺炎,比中央,祈福,天壇,台南</t>
  </si>
  <si>
    <t>武漢肺炎,新型冠狀病毒,全球,舊金山,加州</t>
  </si>
  <si>
    <t>溫和,美國,中國,美股,肺炎</t>
  </si>
  <si>
    <t>指揮中心,新冠肺炎,境外移入,疫情</t>
  </si>
  <si>
    <t>新冠肺炎,台灣,國產疫苗,疫苗,柯文哲</t>
  </si>
  <si>
    <t>洋桔梗,重挫,林惠振,價格,新港鄉</t>
  </si>
  <si>
    <t>惠普,全錄,HP,放棄,併購</t>
  </si>
  <si>
    <t>新冠肺炎,確診,快篩,解隔離,檢查</t>
  </si>
  <si>
    <t>關8,橫山裕,傑尼斯,新冠肺炎,紅白歌唱大賽</t>
  </si>
  <si>
    <t>Delta,基因定序,板橋,新北市,新冠肺炎</t>
  </si>
  <si>
    <t>瑄瑄,哈孝遠,剖腹產,新冠肺炎,台灣</t>
  </si>
  <si>
    <t>降息,肺炎,中國大陸,全球經濟,產業</t>
  </si>
  <si>
    <t>衛福部,新冠疫苗,臨床試驗,蔣萬安,薛瑞元</t>
  </si>
  <si>
    <t>唐鳳,楊涵婷,台灣,全球,大陸</t>
  </si>
  <si>
    <t>大陸,傳播,蒸發,新冠肺炎,股市</t>
  </si>
  <si>
    <t>封城,破百,雙北,陳時中,新冠肺炎</t>
  </si>
  <si>
    <t>場演出,肆虐,肺炎,延期,場演唱會</t>
  </si>
  <si>
    <t>新冠肺炎,台灣,施打疫苗,作業,疫苗接種</t>
  </si>
  <si>
    <t>#新冠肺炎#全球,澳洲,墨爾本,維多利亞州,戶外</t>
  </si>
  <si>
    <t>新冠肺炎,台灣,陳時中,疫苗,林濁水</t>
  </si>
  <si>
    <t>港澳,香港,新冠肺炎,武漢肺炎,新型冠狀病毒</t>
  </si>
  <si>
    <t>新冠疫情,廣州,感染者,清零,Delta</t>
  </si>
  <si>
    <t>非蘋陣營,重要,肺炎,風光,現階段</t>
  </si>
  <si>
    <t>無症狀,檢疫期滿,接觸者,入境,來台</t>
  </si>
  <si>
    <t>陳時中,疫苗,BNT,上海復興,新冠肺炎</t>
  </si>
  <si>
    <t>視訊,探視,機構,住宿式長照,肺炎</t>
  </si>
  <si>
    <t>大陸,肺炎,規模,疫情,尖點</t>
  </si>
  <si>
    <t>日發布,肺炎,多地,市民,歸零</t>
  </si>
  <si>
    <t>地區,美國,疫苗接種率,瓦倫斯基,確診</t>
  </si>
  <si>
    <t>新北市交通局,航運,日航,申請,協助</t>
  </si>
  <si>
    <t>BNT,張亞中,國民黨,黨主席選戰,莫德納</t>
  </si>
  <si>
    <t>何晶,封城,延長,6月1日,珍珠奶茶</t>
  </si>
  <si>
    <t>智慧產業,聯盟,大南方,計畫,陳其邁</t>
  </si>
  <si>
    <t>新冠肺炎,全球,日本,Delta,東京都</t>
  </si>
  <si>
    <t>確診,女公關,北市,酒店,症狀</t>
  </si>
  <si>
    <t>瑪麗,新冠肺炎,106,長壽秘訣,全脂牛奶</t>
  </si>
  <si>
    <t>新冠肺炎,死亡,美國,25萬人,1分鐘</t>
  </si>
  <si>
    <t>新聞早班車</t>
  </si>
  <si>
    <t>本土個案,確診,新冠肺炎,解封,台灣</t>
  </si>
  <si>
    <t>制裁,川普,實施,陸官,實施制裁</t>
  </si>
  <si>
    <t>生肖,疫苗孤兒,意願登記,AZ,莫德納</t>
  </si>
  <si>
    <t>抗體,美國,肺炎,印度,檢測</t>
  </si>
  <si>
    <t>南韓,江泳錡,楊煥,新冠肺炎,武漢肺炎</t>
  </si>
  <si>
    <t>新冠肺炎,台灣,疫苗,採購,難題</t>
  </si>
  <si>
    <t>東京奧運,新冠肺炎,協會,外國,特派員</t>
  </si>
  <si>
    <t>新冠病毒,人傳人,譚德塞,陳時中,新冠肺炎</t>
  </si>
  <si>
    <t>陳時中,分州,處理,旅遊警示,新冠肺炎</t>
  </si>
  <si>
    <t>蒙古,患者,國籍,接觸,武漢肺炎</t>
  </si>
  <si>
    <t>防疫,公司,洗手液,乾洗手,肺炎</t>
  </si>
  <si>
    <t>高鐵,確診,新冠肺炎</t>
  </si>
  <si>
    <t>新冠肺炎,新冠病毒,日本,台灣,全球</t>
  </si>
  <si>
    <t>新冠肺炎,台灣,疫苗護照,陳時中,WHO</t>
  </si>
  <si>
    <t>孔繁錦,蘇貞昌,聰明,醫師,兒子</t>
  </si>
  <si>
    <t>彰化縣,死亡案例,最年輕,開放,肝癌</t>
  </si>
  <si>
    <t>微星,程惠正,2020 iF,復工,供應鏈</t>
  </si>
  <si>
    <t>新冠肺炎,台灣,新型冠狀病毒,NCP,疫苗</t>
  </si>
  <si>
    <t>AZ,BNT,第13輪,接種,預約</t>
  </si>
  <si>
    <t>南韓,新冠肺炎,新增,確診,病例</t>
  </si>
  <si>
    <t>新冠肺炎,國產疫苗,台灣,解盲,高端</t>
  </si>
  <si>
    <t>新冠肺炎,台灣,學生確診</t>
  </si>
  <si>
    <t>疫情,印度,疫苗,病例,哈拉</t>
  </si>
  <si>
    <t>分廠,新發地,北京,工廠,疫情</t>
  </si>
  <si>
    <t>聯發科,蔡力行,蔡明介,5G, AI</t>
  </si>
  <si>
    <t>封城,四級警戒,社交距離,新冠肺炎,口罩</t>
  </si>
  <si>
    <t>公衛,蔡壁如,公共衛生,台灣,疫情</t>
  </si>
  <si>
    <t>大陸,中國,求職者,延後,台灣</t>
  </si>
  <si>
    <t>苗栗,徐耀昌,校園,開放,運動</t>
  </si>
  <si>
    <t>謝忻,小甜甜,金援,回應,新冠肺炎</t>
  </si>
  <si>
    <t>新冠肺炎,亞伯特,問題,病毒,肺部</t>
  </si>
  <si>
    <t>華航,機長,廣播,乘客,鑽石公主號</t>
  </si>
  <si>
    <t>賣場,泡麵,罐頭,衛生紙,屯糧</t>
  </si>
  <si>
    <t>代言,工作,肺炎,名車,音樂</t>
  </si>
  <si>
    <t>白牌車司機,口罩,PTT,時事,台灣</t>
  </si>
  <si>
    <t>萬金石,馬拉松,新冠肺炎,台灣,派出所</t>
  </si>
  <si>
    <t>國家,台灣,入境,越南,新冠肺炎</t>
  </si>
  <si>
    <t>王定宇,台灣人,新冠肺炎,武漢肺炎,新型冠狀病毒</t>
  </si>
  <si>
    <t>澳門,關閉,娛樂場所,新冠肺炎,場所</t>
  </si>
  <si>
    <t>本土,確診,發燒,感染源,新冠肺炎</t>
  </si>
  <si>
    <t>蘋果,肺炎,iPhone,野村,蘋果</t>
  </si>
  <si>
    <t>川普,新冠肺炎,疫苗,紐約,美國大選</t>
  </si>
  <si>
    <t>新適應症,受體,T細胞,病毒,挑戰前高</t>
  </si>
  <si>
    <t>金在中,韓國,東方神起,JYJ,解約</t>
  </si>
  <si>
    <t>邊境,鬆綁,林氏璧,隔離14天,疫苗覆蓋率</t>
  </si>
  <si>
    <t>消毒,區域,地下街,公共,周邊</t>
  </si>
  <si>
    <t>新冠病毒,新冠肺炎,武漢肺炎,全球,美股</t>
  </si>
  <si>
    <t>伊朗,死亡,囚犯,疫情,武漢肺炎</t>
  </si>
  <si>
    <t>新冠肺炎,台灣,接種,南投縣,疫情指揮中心</t>
  </si>
  <si>
    <t>台灣,新冠肺炎,利大於弊,疫苗,接種</t>
  </si>
  <si>
    <t>許淑華,網友,網路民調,蘇貞昌,5倍券</t>
  </si>
  <si>
    <t>拜登,感冒,演說,咳嗽,新冠肺炎</t>
  </si>
  <si>
    <t>莫德納,疫苗,AZ,到貨,台灣</t>
  </si>
  <si>
    <t>法會,疫情,平台,全球,直播</t>
  </si>
  <si>
    <t>AZ,恩主公,大里,仁愛醫院台中,疫苗</t>
  </si>
  <si>
    <t>新冠肺炎,武漢肺炎,疫情,金門,戰地</t>
  </si>
  <si>
    <t>印度神童,阿南德,好日子,回歸正常生活,經濟復甦</t>
  </si>
  <si>
    <t>中央,舞廳,酒店,新冠,新冠肺炎</t>
  </si>
  <si>
    <t>獨居,星展,獨居老人,老人,銀行</t>
  </si>
  <si>
    <t>新北市,林務局,新冠肺炎,拉拉山,台灣</t>
  </si>
  <si>
    <t>電梯,防疫,新冠肺炎,吳鳳科大</t>
  </si>
  <si>
    <t>新冠肺炎,台灣,不良反應,長者,緩打</t>
  </si>
  <si>
    <t>抗體,肺炎,血液,快篩,定量</t>
  </si>
  <si>
    <t>羅一鈞,到院前死亡,快樂缺氧,新冠肺炎,台灣</t>
  </si>
  <si>
    <t>經濟,產業,台南市,衝擊,中央</t>
  </si>
  <si>
    <t>WHO,陳時中,黃創夏,台灣,新冠肺炎</t>
  </si>
  <si>
    <t>新冠肺炎,全球,美國,社會動盪,槍械</t>
  </si>
  <si>
    <t>新冠肺炎,台灣,足跡,確診,足跡</t>
  </si>
  <si>
    <t>許淑華,跨年,疫情,台北市政府,新冠肺炎</t>
  </si>
  <si>
    <t>新冠肺炎,育嬰,留職停薪,津貼,勞保局</t>
  </si>
  <si>
    <t>新冠肺炎,敦睦艦隊,海軍,高雄,韓國瑜</t>
  </si>
  <si>
    <t>新冠肺炎,武漢肺炎,台南,新營麥當勞,敦睦艦隊</t>
  </si>
  <si>
    <t>防疫,王浩宇,柯文哲,選舉,新冠肺炎</t>
  </si>
  <si>
    <t>新冠肺炎,台灣,疫苗,護理師,急診室</t>
  </si>
  <si>
    <t>沈富雄,陳時中,新冠肺炎,疫苗,流感</t>
  </si>
  <si>
    <t>新冠肺炎,台灣,護理師,受傷,韌帶</t>
  </si>
  <si>
    <t>北京冬奧,中國大陸,歐盟,法國,外交抵制</t>
  </si>
  <si>
    <t>新冠肺炎,台灣,高雄,陳其邁,大寮</t>
  </si>
  <si>
    <t>安全,儲備量,血庫,社團,捐血中心</t>
  </si>
  <si>
    <t>勞動基金,單月獲利,新冠肺炎,投資績效</t>
  </si>
  <si>
    <t>現場,示範,乾蒸口罩,電鍋,陳時中</t>
  </si>
  <si>
    <t>新冠肺炎,就醫,累計,確診,發燒</t>
  </si>
  <si>
    <t>發布緊急命令,特別條例第,必要,肺炎,指揮官</t>
  </si>
  <si>
    <t>關曉彤,新冠肺炎,武漢肺炎,COVID-19</t>
  </si>
  <si>
    <t>信驊,晶圓,封測,半導體,BMC</t>
  </si>
  <si>
    <t>通風,二氧化碳,幼兒園,新冠肺炎,台灣</t>
  </si>
  <si>
    <t>法德藥,新冠肺炎,疫情,老藥新用,利巴韋林吸入劑</t>
  </si>
  <si>
    <t>排球,麥寮高中,國中部,新園國中,球員</t>
  </si>
  <si>
    <t>拜登,黃暐瀚,武漢肺炎,中國病毒,台灣</t>
  </si>
  <si>
    <t>羽球,賽娜,確診,泰國,羽球公開賽</t>
  </si>
  <si>
    <t>新冠肺炎,台灣,第3劑,施打,試驗</t>
  </si>
  <si>
    <t>美國,台灣,新時代,大陸,對抗</t>
  </si>
  <si>
    <t>疫苗處置費,健保署,疫苗,陳時中,新冠肺炎</t>
  </si>
  <si>
    <t>普拿疼,打疫苗,一天吃幾顆,許書華,黃金1小時</t>
  </si>
  <si>
    <t>肺炎,武漢肺炎,武漢,呼籲,陸委會</t>
  </si>
  <si>
    <t>蘋果,權證,川普,肺炎,暫停</t>
  </si>
  <si>
    <t>足跡,時間,彰化縣衛生局,接觸史,新冠肺炎</t>
  </si>
  <si>
    <t>長照機構,工作人員,新冠肺炎,台灣,林延鳳</t>
  </si>
  <si>
    <t>人潮,肺炎,中央疫情指揮中心,分流,疫情</t>
  </si>
  <si>
    <t>澳洲,新冠肺炎,肺炎,隔離,防疫</t>
  </si>
  <si>
    <t>確診,官員,兒子,觀光局,立法院</t>
  </si>
  <si>
    <t>上揚,美國,美股,那指,新冠肺炎</t>
  </si>
  <si>
    <t>香港,內蒙古,肺炎,高風險,確診病例</t>
  </si>
  <si>
    <t>立積,穩懋,宏捷科,台積電,高通</t>
  </si>
  <si>
    <t>台灣,馬英九,天主教,照顧,呂若瑟</t>
  </si>
  <si>
    <t>公頃,台開,新天堂,旅館,新天堂樂園</t>
  </si>
  <si>
    <t>旅美,30年,確診,返台,台灣</t>
  </si>
  <si>
    <t>肺炎,佳凌,調配,產線,訂單</t>
  </si>
  <si>
    <t>車內,開窗,空氣,戴口罩,循環</t>
  </si>
  <si>
    <t>蔡英文,高端疫苗,趙少康,新冠肺炎,抗體</t>
  </si>
  <si>
    <t>旺報社評,大陸,經濟,美國,新冠</t>
  </si>
  <si>
    <t>大陸,研發,滅活疫苗,大陸國資委,生物製品</t>
  </si>
  <si>
    <t>新冠肺炎,台灣,實聯制,超商</t>
  </si>
  <si>
    <t>愛心便當,熱心公益,劉尚謙,艋舺公園,新冠肺炎</t>
  </si>
  <si>
    <t>聯詠,新冠肺炎,智慧型手機,OLED驅動IC,TDDI</t>
  </si>
  <si>
    <t>消防局,SARS疫情,肺炎,徐松奕,負壓</t>
  </si>
  <si>
    <t>新冠肺炎,武漢肺炎,COVID-19,新型冠狀病毒,全球</t>
  </si>
  <si>
    <t>狄志為,美廉社,口罩,搶購,新冠肺炎</t>
  </si>
  <si>
    <t>義大利,歐洲,新冠肺炎,預防,管制中心</t>
  </si>
  <si>
    <t>微解封,強度,各縣市,標準,民怨</t>
  </si>
  <si>
    <t>公司,科技,合作,美國,肺炎</t>
  </si>
  <si>
    <t>高雄,仁武,家庭群聚,恩主公醫院,疫調</t>
  </si>
  <si>
    <t>調漲,肺炎,台電,新電價,每桶</t>
  </si>
  <si>
    <t>川普,新冠肺炎確診,肺受損,機率</t>
  </si>
  <si>
    <t>森林遊樂區,松雪樓,新冠肺炎,台灣,防疫</t>
  </si>
  <si>
    <t>鈺齊,首季,稅後淨利,EPS,新冠肺炎</t>
  </si>
  <si>
    <t>侯友宜,金山,家族群聚,快篩,新冠肺炎</t>
  </si>
  <si>
    <t>新冠肺炎,台灣,除菌,測溫,自動</t>
  </si>
  <si>
    <t>治療指引,進軍歐美,肺炎,輕症,陰性</t>
  </si>
  <si>
    <t>旅遊,肺炎,縮短,取消,理賠</t>
  </si>
  <si>
    <t>新冠肺炎,台灣,健身中心,消費者,消基會</t>
  </si>
  <si>
    <t>新冠肺炎,台灣,足跡,溪湖,彰化</t>
  </si>
  <si>
    <t>直播,一日農夫,邱于軒,開直播,肺炎</t>
  </si>
  <si>
    <t>新冠肺炎,台灣,王世堅,疫苗,蘇貞昌</t>
  </si>
  <si>
    <t>新冠肺炎,台灣,指揮中心,第3劑,適當時機</t>
  </si>
  <si>
    <t>新冠肺炎,台灣,移工,工廠,篩檢</t>
  </si>
  <si>
    <t>新冠肺炎,台灣, 疫調,5月,確診者</t>
  </si>
  <si>
    <t>NBA,停賽,薪水,季後賽,例行賽</t>
  </si>
  <si>
    <t>游盈隆,BNT,鴻海,民間企業,蔡政府</t>
  </si>
  <si>
    <t>新冠肺炎,台灣,疫苗,AZ,陳時中</t>
  </si>
  <si>
    <t>新冠肺炎,Francisco,Garcia,西班牙,21歲</t>
  </si>
  <si>
    <t>新冠肺炎,新型冠狀病毒,台灣,一級應變中心,黃珊珊</t>
  </si>
  <si>
    <t>鑽石公主號,岩田健太郎,推特,照片,橋本岳</t>
  </si>
  <si>
    <t>新冠肺炎,武漢肺炎,新型冠狀病毒,CDC,實際</t>
  </si>
  <si>
    <t>抽獎,開幕,肺炎,住房率,研議</t>
  </si>
  <si>
    <t>全聯,清消,新冠肺炎,台灣,消毒</t>
  </si>
  <si>
    <t>同店銷售,提高,瑞信,肺炎,獲利</t>
  </si>
  <si>
    <t>戴口罩,大眾運輸,高鐵,台鐵,口罩</t>
  </si>
  <si>
    <t>防疫,八二三砲戰,莊人祥,逆時中,彰化</t>
  </si>
  <si>
    <t>澳洲大學,留學生,裁員,1.1萬,新冠肺炎</t>
  </si>
  <si>
    <t>染疫,家人,後遺症,肺炎,確診</t>
  </si>
  <si>
    <t>牽引道,營運,水利局,新店,新店溪</t>
  </si>
  <si>
    <t>新冠肺炎,台灣,Omicron,AZ,流感化</t>
  </si>
  <si>
    <t>指標,調查,調查結果,健康,樂觀</t>
  </si>
  <si>
    <t>新冠肺炎,武漢肺炎,COVID-19,台灣,潘孟安</t>
  </si>
  <si>
    <t>肺炎,病毒,德塞,傳播,追蹤</t>
  </si>
  <si>
    <t>全國,自費檢驗,檢驗,醫院,約新台幣</t>
  </si>
  <si>
    <t>伊朗,伊斯蘭,革命衛隊,新冠肺炎,武漢肺炎</t>
  </si>
  <si>
    <t>系統,個案,資料,通報,死亡個案</t>
  </si>
  <si>
    <t>狀態,大增,疫情,數據,肺炎</t>
  </si>
  <si>
    <t>美國,美國總統,川普,總統大選,2020</t>
  </si>
  <si>
    <t>8大類場所,強制戴口罩,秋冬專案,中央流行疫情指揮中心,新冠肺炎</t>
  </si>
  <si>
    <t>疫情,川普,造勢,大屠殺,新冠肺炎</t>
  </si>
  <si>
    <t>採檢,重點,檢疫,鬆綁,返台</t>
  </si>
  <si>
    <t>新冠肺炎,大陸,獼猴桃,批次,排查</t>
  </si>
  <si>
    <t>新冠肺炎,台灣,施打,疫苗,郭信良</t>
  </si>
  <si>
    <t>中部知名,產業機械,大型齒輪,憑藉著,肺炎</t>
  </si>
  <si>
    <t>住院,默沙東,口服藥,新冠肺炎藥物,死亡率</t>
  </si>
  <si>
    <t>川普,美國,新冠肺炎,新冠狀病毒,禁足令</t>
  </si>
  <si>
    <t>病毒,我們,聯繫,衛生,新冠</t>
  </si>
  <si>
    <t>確診,病例,染疫,新冠肺炎,血栓</t>
  </si>
  <si>
    <t>疫情,餐飲,禁止內用,提早,解禁</t>
  </si>
  <si>
    <t>新冠病毒,鮭魚,砧板,受體,病毒</t>
  </si>
  <si>
    <t>吳釗燮,敦睦艦隊,口罩,立院,外交部</t>
  </si>
  <si>
    <t>成長,優於前,擴大營運動能,肺炎,山富</t>
  </si>
  <si>
    <t>李毓芬,沒穿,新冠肺炎,網友,防疫.裸體</t>
  </si>
  <si>
    <t>新冠肺炎,台灣,快篩陽性,PCR,匡列</t>
  </si>
  <si>
    <t>肺炎,產能,多管齊,三廠,崴立機電</t>
  </si>
  <si>
    <t>瑞德西韋,抗新冠肺炎,有效,美股,歐股</t>
  </si>
  <si>
    <t>湯淺,和歌山縣,故鄉納稅,新冠肺炎,確診</t>
  </si>
  <si>
    <t>商業圓桌會議,營運,執行長,肺炎,計畫</t>
  </si>
  <si>
    <t>新冠肺炎,台灣,車流量,周休二日,蘇花改</t>
  </si>
  <si>
    <t>防護力,瓦克斯,試驗,諾瓦,新變種病毒</t>
  </si>
  <si>
    <t>抹茶,草莓,成長,烘焙,愛買</t>
  </si>
  <si>
    <t>新冠肺炎,台灣,志工,確診,中和</t>
  </si>
  <si>
    <t>AZ,中和抗體,高端疫苗,中和抗體效價,新冠肺炎</t>
  </si>
  <si>
    <t>新北市,侯友宜,解封,畢業典禮,畢業旅行</t>
  </si>
  <si>
    <t>死亡人數,川普,美國,肺炎,死亡</t>
  </si>
  <si>
    <t>Delta,社區,幼兒園老師,張上淳,清空</t>
  </si>
  <si>
    <t>印尼,桃園,陳學聖,鄭文燦,新冠肺炎</t>
  </si>
  <si>
    <t>高雄85大樓,檢測陰性,陳屍套房,日租套房,新冠檢測</t>
  </si>
  <si>
    <t>華航,機師,確診,新冠肺炎,足跡</t>
  </si>
  <si>
    <t>日本,開放,觀光團,台灣,入境</t>
  </si>
  <si>
    <t>新冠肺炎,武漢肺炎,線上祈福,媽祖,保生大帝</t>
  </si>
  <si>
    <t>女鬼橋,直播,林哲熹,電影,新冠肺炎</t>
  </si>
  <si>
    <t>立委,KTV,停業,疫情,確診</t>
  </si>
  <si>
    <t>全球,普生,試劑,檢測試劑,新冠肺炎</t>
  </si>
  <si>
    <t>斷鏈,爆發,中國,肺炎,時刻</t>
  </si>
  <si>
    <t>信用利差,降息,新興市場主權債,水準,價值面</t>
  </si>
  <si>
    <t>三重客運,新冠肺炎</t>
  </si>
  <si>
    <t>莊人祥,指揮中心,外籍勞工,新冠肺炎,中部</t>
  </si>
  <si>
    <t>全球,全新,專利,藥物,授權</t>
  </si>
  <si>
    <t>紡拓會,董事長,王文淵,紡織業,發展</t>
  </si>
  <si>
    <t>新冠肺炎,優質龍頭企業,三種操作</t>
  </si>
  <si>
    <t>防疫,大數據,陳其邁,分析, 新冠肺炎</t>
  </si>
  <si>
    <t>美國,美網,ATP,新冠肺炎,佛州</t>
  </si>
  <si>
    <t>台股,盤中,美股,華為,台積電</t>
  </si>
  <si>
    <t>新冠肺炎,武漢肺炎,新型冠狀病毒,台灣,英國情侶</t>
  </si>
  <si>
    <t>肺炎,新冠肺炎,新冠,篩檢,沈榮津</t>
  </si>
  <si>
    <t>聯合聲明,疫苗,藥商,政治施壓,FDA</t>
  </si>
  <si>
    <t>企業,疫情防控,肺炎,中國大陸,湖北</t>
  </si>
  <si>
    <t>新冠肺炎,台灣,施打,疫苗,北市</t>
  </si>
  <si>
    <t>中和某國小,學童,PCR,陽性,停課</t>
  </si>
  <si>
    <t>高端,盧秀燕,台中,供過於求,疫苗</t>
  </si>
  <si>
    <t>新冠肺炎,武漢肺炎,新型冠狀病毒,台灣,防疫</t>
  </si>
  <si>
    <t>新冠肺炎,新型冠狀病毒,武漢肺 炎,NCP,台灣</t>
  </si>
  <si>
    <t>台灣,華泰名品城,北市,新冠肺炎,World Gym</t>
  </si>
  <si>
    <t>經濟部,新冠肺炎,解封,消費電子,數位轉型</t>
  </si>
  <si>
    <t>民眾黨,疫苗,肺炎,鎖國,柯文哲</t>
  </si>
  <si>
    <t>國產疫苗,陳時中,新冠肺炎,台灣,緩不濟急</t>
  </si>
  <si>
    <t>岡山秀傳醫院,田寮區,後防疫時期,新冠肺炎,高雄市衛生局</t>
  </si>
  <si>
    <t>廚工,消毒,泰安,確診,新冠肺炎</t>
  </si>
  <si>
    <t>嘉基,新北,親情,插管治療,確診</t>
  </si>
  <si>
    <t>人員,觀察,隔離,新冠肺炎,武漢肺炎</t>
  </si>
  <si>
    <t>大安區,防疫旅館,居家檢疫,新冠肺炎,台灣</t>
  </si>
  <si>
    <t>中醫,新冠解藥,清冠一號,蔡英文,台灣</t>
  </si>
  <si>
    <t>韋藍德,阿普頓,薪資,辣妻,捐錢</t>
  </si>
  <si>
    <t>阿斯特捷利康,簽訂,新冠肺炎疫苗,協議,澳洲</t>
  </si>
  <si>
    <t>新冠肺炎,大陸,揚州,主城區,足不出戶</t>
  </si>
  <si>
    <t>新冠肺炎,台灣,萬華,華西街,黑幫</t>
  </si>
  <si>
    <t>推特,新冠肺炎,疫情</t>
  </si>
  <si>
    <t>新冠肺炎,台灣,餐飲,內用,網美店</t>
  </si>
  <si>
    <t>新冠肺炎,台灣,   宜蘭縣,宜蘭,18人</t>
  </si>
  <si>
    <t>保戶,肺炎,新冠,新冠肺炎,人壽</t>
  </si>
  <si>
    <t>兒科,陳思,保護力,疫苗,病毒</t>
  </si>
  <si>
    <t>日新威秀影城</t>
  </si>
  <si>
    <t>復陽,防疫,新冠肺炎,指揮中心,開放</t>
  </si>
  <si>
    <t>新冠肺炎,輝瑞／BNT,疫苗,郭台銘,永齡基金會</t>
  </si>
  <si>
    <t>官員,賴士葆,打高端,高端疫苗,新冠肺炎</t>
  </si>
  <si>
    <t>花蓮,新冠肺炎,台灣,採檢,個案</t>
  </si>
  <si>
    <t>體重,熱量,肥胖,國民健康署,過重</t>
  </si>
  <si>
    <t>疫調,拒絕,疫情調查,高雄市,配合</t>
  </si>
  <si>
    <t>新冠肺炎,武漢肺炎,新型冠狀病毒,COVID-19,法國</t>
  </si>
  <si>
    <t>印尼,病例,患者,死亡,新冠肺炎</t>
  </si>
  <si>
    <t>新冠肺炎,台灣,本土個案,西部,確診地圖</t>
  </si>
  <si>
    <t>移工,住院醫療費用,COVID,19,健康保險</t>
  </si>
  <si>
    <t>新冠肺炎,大陸,台灣,武漢肺炎,新冠狀病毒</t>
  </si>
  <si>
    <t>機師,確診,長榮,染疫,進度</t>
  </si>
  <si>
    <t>國防部,網友,臉書,罷韓,海軍</t>
  </si>
  <si>
    <t>新冠肺炎,台灣,蔡英文,死亡率,林環牆</t>
  </si>
  <si>
    <t>莫德納,帛琉,10月,30劑,輝瑞</t>
  </si>
  <si>
    <t>鳳梨,陳吉仲,台灣鳳梨,蘇貞昌,新冠肺炎</t>
  </si>
  <si>
    <t>WHO,世衛組織,新冠肺炎,武漢肺炎,新型冠狀病毒</t>
  </si>
  <si>
    <t>開罰,通知書,高雄市衛生局,舉發單,15萬元</t>
  </si>
  <si>
    <t>企業,美國,新法規,最終版本,碳化物</t>
  </si>
  <si>
    <t>新冠肺炎,民航局,疫苗,飛特立航空,台灣</t>
  </si>
  <si>
    <t>演唱會,韋禮安,新加坡,林宥嘉,新冠肺炎</t>
  </si>
  <si>
    <t>肺炎,採收,加工,社區,疫情</t>
  </si>
  <si>
    <t>新冠肺炎,全球,封城,雪梨,Delta</t>
  </si>
  <si>
    <t>新藥,疫苗,肺炎,製藥,技術</t>
  </si>
  <si>
    <t>火化,死亡,吳世瑋,遺體,處理</t>
  </si>
  <si>
    <t>確診病例,現有,疑似病例,死亡病例,治愈出院</t>
  </si>
  <si>
    <t>疫苗,蘇貞昌,法律規定,大陸疫苗,新冠肺炎</t>
  </si>
  <si>
    <t>人員,興家,社區,7月,封控</t>
  </si>
  <si>
    <t>川普,中國大陸,美國,武漢肺炎,新冠肺炎</t>
  </si>
  <si>
    <t>萬華,確診,東海大學,沙鹿,潭子</t>
  </si>
  <si>
    <t>瑞士,錫永,新冠肺炎,新冠疫情,新冠病毒</t>
  </si>
  <si>
    <t>盧廣仲,新冠肺炎,武漢肺炎,新冠狀病毒,新冠肺炎疫情</t>
  </si>
  <si>
    <t>新冠肺炎,武漢肺炎,新型冠狀病毒,COVID-19,決議</t>
  </si>
  <si>
    <t>新冠肺炎,台灣,第3劑,Delta,BNT</t>
  </si>
  <si>
    <t>AZ,新冠肺炎,抵台,台灣,第一劑</t>
  </si>
  <si>
    <t>刑事局,偵查員,新冠肺炎,確診,足跡史</t>
  </si>
  <si>
    <t>新興,年增率,領航,億美,單月新高</t>
  </si>
  <si>
    <t>新冠肺炎,Novavax,英國,疫苗,試驗</t>
  </si>
  <si>
    <t>德拉蒙,小費,騎士,NBA,NFL</t>
  </si>
  <si>
    <t>新冠肺炎,NBA,停賽,損失,戈貝爾</t>
  </si>
  <si>
    <t>侯友宜,國民黨,新北市長,韓國瑜,盧秀燕</t>
  </si>
  <si>
    <t>新冠肺炎,新冠病毒,台灣,大陸,全球</t>
  </si>
  <si>
    <t>手扶梯,扶手,新冠病毒,Delta,確診者</t>
  </si>
  <si>
    <t>UEFA,肺炎,歐洲國家盃,億歐,取消</t>
  </si>
  <si>
    <t>新冠肺炎,台灣,高雄,足跡,確診</t>
  </si>
  <si>
    <t>林書豪,投籃,大陸,嗆聲,CBA</t>
  </si>
  <si>
    <t>新冠肺炎,台灣,擴大,防疫會議,三級警戒</t>
  </si>
  <si>
    <t>美國,美國暴動,非裔,黑人,佛洛伊德</t>
  </si>
  <si>
    <t>肺炎,亞太,經濟,大陸經濟,穆迪</t>
  </si>
  <si>
    <t>返台,韓國,蘇怡寧,居家檢疫,新冠肺炎</t>
  </si>
  <si>
    <t>市府,肺炎,疫情,呼籲,新竹市新冠肺炎</t>
  </si>
  <si>
    <t>嘉義市,工廠,耐斯百貨,家樂福,新冠肺炎</t>
  </si>
  <si>
    <t>新冠肺炎,台灣,確診,小吃店,基隆</t>
  </si>
  <si>
    <t>新冠肺炎,武漢肺炎,COVID-19,台灣,超前部署</t>
  </si>
  <si>
    <t>全球,數字,世界,新冠肺炎,大流行</t>
  </si>
  <si>
    <t>王文彥,口罩,衛生,肺炎,擔憂</t>
  </si>
  <si>
    <t>中職,6搶1,開幕戰,新冠肺炎,武漢肺炎</t>
  </si>
  <si>
    <t>李宗恩,清冠一號,新冠肺炎,台灣,確診</t>
  </si>
  <si>
    <t>新冠肺炎,台灣,新北,侯友宜,確診</t>
  </si>
  <si>
    <t>朱學恒,宅神,新冠肺炎,新冠病毒,台灣</t>
  </si>
  <si>
    <t>振興五倍券,振興券,五倍券,相關新聞,新冠肺炎</t>
  </si>
  <si>
    <t>新北,確診數,陳時中,吳秉叡,新冠肺炎</t>
  </si>
  <si>
    <t>台中,台灣,長榮機師,新冠肺炎,空姐</t>
  </si>
  <si>
    <t>美國,武漢肺炎,新冠肺炎,口罩,確診</t>
  </si>
  <si>
    <t>五專,開打,國中,新冠肺炎,台灣</t>
  </si>
  <si>
    <t>印尼,新冠肺炎,雅加達,防疫,口罩</t>
  </si>
  <si>
    <t>蒜頭,莿桐鄉,新冠肺炎,新冠,肺炎</t>
  </si>
  <si>
    <t>美國,中國,肺炎,病毒,世界</t>
  </si>
  <si>
    <t>黃安,台灣,高大成,大陸,新冠肺炎</t>
  </si>
  <si>
    <t>新冠肺炎,洪秀柱,吳斯懷,防疫,戰爭</t>
  </si>
  <si>
    <t>新冠肺炎,新冠病毒,武漢肺炎,COVID-19,疫情</t>
  </si>
  <si>
    <t>成長,法人,肺炎,額溫槍,松翰</t>
  </si>
  <si>
    <t>航班,浙江,青田,肺炎,乘坐</t>
  </si>
  <si>
    <t>藝苑,法會,肺炎,疫情,彰化</t>
  </si>
  <si>
    <t>新冠肺炎,台灣,   疫苗,立法委員,公開</t>
  </si>
  <si>
    <t>新型冠狀病毒,新冠肺炎,NCP,南韓,韓國</t>
  </si>
  <si>
    <t>縣府,確診,染疫,花蓮,新冠肺炎</t>
  </si>
  <si>
    <t>影響,租屋,學生,Sway,大樓</t>
  </si>
  <si>
    <t>康健雜誌,新冠肺炎,台灣,口罩,運動</t>
  </si>
  <si>
    <t>口罩,許可證,廠商,國家隊,口罩業</t>
  </si>
  <si>
    <t>第三劑,莫德納,新冠肺炎,三類人,接種</t>
  </si>
  <si>
    <t>新冠肺炎,台灣,捐贈,疫苗,AIT</t>
  </si>
  <si>
    <t>變種病毒,疫苗,新冠肺炎,英國,預防</t>
  </si>
  <si>
    <t>外交部, 新冠肺炎,駐外館處,異地遠距分組辦公,新冠肺炎</t>
  </si>
  <si>
    <t>採檢,捷運,肺炎,樹林,非法</t>
  </si>
  <si>
    <t>新冠肺炎,台灣,萬華,確診,指揮中心</t>
  </si>
  <si>
    <t>G7領袖,川普,肺炎,領袖,行動</t>
  </si>
  <si>
    <t>肺炎,少女,警方,新冠肺炎,傳染病防治法</t>
  </si>
  <si>
    <t>洗腎,AZ疫苗台灣,新冠肺炎,猝死</t>
  </si>
  <si>
    <t>AZ,第二劑,第8輪,施文儀,莊人祥</t>
  </si>
  <si>
    <t>新冠肺炎,古書,疫情,賴政憲</t>
  </si>
  <si>
    <t>救治,算法,死亡人數,醫院,治癒</t>
  </si>
  <si>
    <t>美國,川普,WHO,新冠肺炎,疫情</t>
  </si>
  <si>
    <t>高雄銀,淨收益,獲利,EPS,成長</t>
  </si>
  <si>
    <t>中租,中租-KY,營收,成長,同期新高</t>
  </si>
  <si>
    <t>侯友宜,新冠肺炎,台灣,民調,蔡英文</t>
  </si>
  <si>
    <t>李四川,川伯,台灣人,新冠肺炎,疫苗</t>
  </si>
  <si>
    <t>趨勢,疫情,時代,企業,共同</t>
  </si>
  <si>
    <t>突破性感染,mRNA,染疫,疫苗,台灣</t>
  </si>
  <si>
    <t>漁民,疫苗,停靠,台灣鮪延繩釣協會,船長</t>
  </si>
  <si>
    <t>委內瑞拉,疫苗,covid-19,covid,反對派</t>
  </si>
  <si>
    <t>美國,航母,艦長,海軍,復職</t>
  </si>
  <si>
    <t>米蘭時裝周,台灣,新冠肺炎,武漢肺炎,越南</t>
  </si>
  <si>
    <t>口罩之亂,口罩,新冠肺炎,新型冠狀病毒,黃士修</t>
  </si>
  <si>
    <t>接種,疫苗,Delta,病毒量,完整接種</t>
  </si>
  <si>
    <t>癌症,疫苗,新冠肺炎,和信治癌中心醫院</t>
  </si>
  <si>
    <t>新冠,美國,肺炎,新冠肺炎,死亡</t>
  </si>
  <si>
    <t>力道,肺炎,蘇益仁,概念,大數據</t>
  </si>
  <si>
    <t>日本,資本支出,新冠肺炎,經濟,衰退</t>
  </si>
  <si>
    <t>企業,肺炎,買點,美股,基本面優</t>
  </si>
  <si>
    <t>新冠肺炎,台灣,學生,開學,確診</t>
  </si>
  <si>
    <t>境外移入,指揮中心,莊人祥,新冠肺炎</t>
  </si>
  <si>
    <t>確診病例,新冠肺炎,境外輸入,疑似病例,新增</t>
  </si>
  <si>
    <t>史蒂芬妮,WNBA,新冠肺炎,醫療人員,芝加哥</t>
  </si>
  <si>
    <t>全球,防疫,數位科技,我國,新冠肺炎疫情</t>
  </si>
  <si>
    <t>雲林,工程公司,新冠肺炎,台灣,就醫</t>
  </si>
  <si>
    <t>決策,三階段,哈恩,疫苗,人體試驗</t>
  </si>
  <si>
    <t>傷寒論,中西醫結合,療效,收治,效果</t>
  </si>
  <si>
    <t>大陸廠,概念股,企業,國巨,電子大廠</t>
  </si>
  <si>
    <t>成長,衰退,美國,肺炎,華爾街</t>
  </si>
  <si>
    <t>確診,全台,桃園,3/22,最多</t>
  </si>
  <si>
    <t>新冠肺炎,武漢肺炎,新型冠狀病毒,台灣,社區</t>
  </si>
  <si>
    <t>賣超,大軍,肺炎,日拋,外資</t>
  </si>
  <si>
    <t>莫德納,疫苖,申請,美國,新冠</t>
  </si>
  <si>
    <t>衛生紙,丟進,紙漿,浴缸,18</t>
  </si>
  <si>
    <t>醫療,物資,新冠肺炎,王忠林,湖北</t>
  </si>
  <si>
    <t>蘋果,財報,上季,晶片,獲利</t>
  </si>
  <si>
    <t>新冠疫情,新冠患者,全球,病歿,新冠病毒</t>
  </si>
  <si>
    <t>連續,14天,林右昌,疫情,基隆</t>
  </si>
  <si>
    <t>新冠肺炎,漢他病毒,高雄,疫調,鹽埕</t>
  </si>
  <si>
    <t>新冠肺炎,武漢肺炎,口罩,藥局,配送</t>
  </si>
  <si>
    <t>紓困,龔明鑫,新北市,侯友宜,新冠肺炎</t>
  </si>
  <si>
    <t>新冠肺炎,暫停營業,World Gym,大安店,確診者</t>
  </si>
  <si>
    <t>廖人帥,疫苗,新冠肺炎,微解封,第二劑疫苗</t>
  </si>
  <si>
    <t>立積,譜瑞,肺炎,無畏,強勢</t>
  </si>
  <si>
    <t>古莫,護理之家,紐約州,大流行,新冠肺炎</t>
  </si>
  <si>
    <t>口罩,實驗室,美國,病毒,新力旺</t>
  </si>
  <si>
    <t>傳統市場,瑞芳警分局,採買,人潮,九份</t>
  </si>
  <si>
    <t>羅伯派汀森,新冠,蝙蝠俠,確診,報導</t>
  </si>
  <si>
    <t>新冠肺炎,台灣,確診,警察機關,派出所</t>
  </si>
  <si>
    <t>寵物,隔離,進行,上饒市,寵物主人</t>
  </si>
  <si>
    <t>湖人,詹姆斯,健康安全協議 ,國王,新冠肺炎</t>
  </si>
  <si>
    <t>南海,陸美貿易,科技,產業鏈,供應鏈</t>
  </si>
  <si>
    <t>新冠肺炎,大陸,報告,無症狀感染者,境外輸入</t>
  </si>
  <si>
    <t>新冠肺炎,台灣,無人,校園,泰山高中</t>
  </si>
  <si>
    <t>入境,台灣,規定,旅客,新加坡</t>
  </si>
  <si>
    <t>IKEA,馬來西亞,高雄,確診,採檢</t>
  </si>
  <si>
    <t>新冠肺炎,台灣,化學兵,捷運站,消毒</t>
  </si>
  <si>
    <t>出席,小朋友,肺炎,受難者及家屬,侯友宜</t>
  </si>
  <si>
    <t>黃百璐,德國,分居,新冠肺炎,孔友瀚</t>
  </si>
  <si>
    <t>全國人大會議,常委會,肺炎,次會議,委員長</t>
  </si>
  <si>
    <t>春假,大學生,包機,新冠肺炎,武漢肺炎</t>
  </si>
  <si>
    <t>武漢肺炎,新型冠狀病毒,全球,川普,美國</t>
  </si>
  <si>
    <t>台灣,甲魚,老饕,煮法,料理</t>
  </si>
  <si>
    <t>台北市,新冠肺炎,台灣,採檢,確診</t>
  </si>
  <si>
    <t>確診者,王文彥,新冠肺炎,台灣,桃園</t>
  </si>
  <si>
    <t>高端疫苗,印尼,焦糖哥哥,陳嘉行,入境</t>
  </si>
  <si>
    <t>尼泊爾,新冠肺炎,疫情</t>
  </si>
  <si>
    <t>奎寧,新冠肺炎,陳時中</t>
  </si>
  <si>
    <t>BNT,未稀釋,濃度,恩主宮醫院,AZ</t>
  </si>
  <si>
    <t>瑞典,佛系,防疫,新冠肺炎,武漢肺炎</t>
  </si>
  <si>
    <t>勤凱,被動元件,國巨,奇力新,台達電</t>
  </si>
  <si>
    <t>逆行者,應召女,不懼,新冠肺炎,開著</t>
  </si>
  <si>
    <t>新冠肺炎,武漢肺炎,新型冠狀病毒,台灣,國內</t>
  </si>
  <si>
    <t>全聯,清消,長江路,新北,高規格</t>
  </si>
  <si>
    <t>新冠肺炎,台股重挫,國安基金</t>
  </si>
  <si>
    <t>晶華,潘思亮,觀光業,新冠肺炎,疫情</t>
  </si>
  <si>
    <t>台灣大學,管中閔,畢業生,新冠肺炎,小心</t>
  </si>
  <si>
    <t>漢來美食,股東會,股利,營收,獲利</t>
  </si>
  <si>
    <t>新冠肺炎,台灣, 活動,關閉,自行車</t>
  </si>
  <si>
    <t>新冠病毒,新冠肺炎,武漢肺炎,COVID-19,NCP</t>
  </si>
  <si>
    <t>新冠肺炎,台灣,特教生,葉姓,體育課</t>
  </si>
  <si>
    <t>成長,調漲,矽晶圓出貨量,延續,矽晶圓</t>
  </si>
  <si>
    <t>新冠肺炎,司機,台鐵,出國,COVID-19</t>
  </si>
  <si>
    <t>高中生確診,確診,北市,停課,家長</t>
  </si>
  <si>
    <t>BNT,第八輪,接種,疫苗,342萬</t>
  </si>
  <si>
    <t>#新冠肺炎#全球,疫苗,第2劑,副作用,嚴重</t>
  </si>
  <si>
    <t>國際護師節,護士節,5天零確診,台灣,本土病例</t>
  </si>
  <si>
    <t>大陸新能源汽車,萬輛,車企,新能源車,大陸新能源車</t>
  </si>
  <si>
    <t>留學,英文,流鶯,留英,肺炎</t>
  </si>
  <si>
    <t>高爾夫,瓦尼,PGA,選手,比賽</t>
  </si>
  <si>
    <t>史瓦茲,華盛頓大學,醫學院,新冠肺炎</t>
  </si>
  <si>
    <t>戴口罩,罰錢,自律,防疫,台灣人</t>
  </si>
  <si>
    <t>市府,中心,感染,陳時中,社區感染</t>
  </si>
  <si>
    <t>義甲,停賽,英超,足球,閉門</t>
  </si>
  <si>
    <t>年輕人,兒童,美國,新增病例,新冠病毒</t>
  </si>
  <si>
    <t>外館,駐外館處,外交人員,外交部,病毒</t>
  </si>
  <si>
    <t>肺炎,珍惜,才知道,幸福,出院</t>
  </si>
  <si>
    <t>油價崩盤,奈及利亞,肺炎,因應,準備</t>
  </si>
  <si>
    <t>NOW健康,就醫王,就醫次數,頭痛,關節炎</t>
  </si>
  <si>
    <t>苦苓,排隊,杏仁哥,口罩,新冠肺炎</t>
  </si>
  <si>
    <t>稅前虧損,回升,肺炎,累計前,慧洋</t>
  </si>
  <si>
    <t>新冠肺炎,疫情,杏一,N95,口罩</t>
  </si>
  <si>
    <t>柯文哲,新冠肺炎,新冠病毒,COVID-19,海軍</t>
  </si>
  <si>
    <t>永捷,3月營收,首季營收,新冠肺炎,疫情</t>
  </si>
  <si>
    <t>寶格麗,抗菌洗手凝膠,義大利,新冠肺炎,COVID-19</t>
  </si>
  <si>
    <t>新冠肺炎,醫護人員,海巡署長室臉書,北部某醫院</t>
  </si>
  <si>
    <t>旅館,專責,防疫,新冠肺炎,台灣</t>
  </si>
  <si>
    <t>劉致榮,隔離,新冠肺炎,麥爾茲堡</t>
  </si>
  <si>
    <t>新冠肺炎,民眾,蔡英文,選手,李德維</t>
  </si>
  <si>
    <t>遶境,鄭銘坤,出發,大甲鎮瀾宮媽祖,復辦</t>
  </si>
  <si>
    <t>機組人員,香港,新冠肺炎,機師,染疫</t>
  </si>
  <si>
    <t>明達醫,配息,現金殖利率,新冠肺炎</t>
  </si>
  <si>
    <t>新冠肺炎,台灣,東方紅,確診,南投</t>
  </si>
  <si>
    <t>1分鐘看世界,新冠肺炎,日本,美股,土耳其</t>
  </si>
  <si>
    <t>中國,肺炎,神盾,三星,追單</t>
  </si>
  <si>
    <t>AZ,疫苗,失去意識,昏倒,發燒</t>
  </si>
  <si>
    <t>社交圈,發病,彰化縣,新冠肺炎,台灣</t>
  </si>
  <si>
    <t>新冠肺炎,台灣,疫調,璩大成,北市</t>
  </si>
  <si>
    <t>新興,全球,短高收,美國,最大跌幅</t>
  </si>
  <si>
    <t>新冠肺炎,巨城,消費者,防疫,體溫</t>
  </si>
  <si>
    <t>新冠肺炎,武漢肺炎,新型冠狀病毒,NCP,中國大陸</t>
  </si>
  <si>
    <t>檢測,試劑,90,病毒,靈敏度</t>
  </si>
  <si>
    <t>新冠肺炎,台灣,整個,疫苗,準備</t>
  </si>
  <si>
    <t>新冠肺炎,COVID-19,武漢肺炎,新型冠狀病毒,習近平</t>
  </si>
  <si>
    <t>防疫,車隊,小編,國師,武漢肺炎</t>
  </si>
  <si>
    <t>武漢封城,新冠病毒,武漢肺炎,新型冠狀病毒,大陸</t>
  </si>
  <si>
    <t>Delta,新冠肺炎,變種,佛奇,洛杉磯</t>
  </si>
  <si>
    <t>衛報,瑞德西韋,美國,川普政府,新冠肺炎</t>
  </si>
  <si>
    <t>肺炎,新高,台積電,創新高,合併營收創</t>
  </si>
  <si>
    <t>三星,Galaxy,Note 20,LTPO,120Hz</t>
  </si>
  <si>
    <t>新冠肺炎,武漢肺炎,新型冠狀病毒,台灣,疫調</t>
  </si>
  <si>
    <t>新冠肺炎,台灣,大陸,接種疫苗,台胞</t>
  </si>
  <si>
    <t>斯卡羅,曹瑞原,拍片,陳時中,金鐘獎</t>
  </si>
  <si>
    <t>恩主公醫院,護理師,染疫,病人,操弄</t>
  </si>
  <si>
    <t>伊拉客,街頭,跳跳,拉人,萬華</t>
  </si>
  <si>
    <t>出國,環島,台灣,新冠,疫情</t>
  </si>
  <si>
    <t>AZ,Delta,變種病毒,疫苗,BNT</t>
  </si>
  <si>
    <t>新冠肺炎,湖北,台商,陳時中,封城</t>
  </si>
  <si>
    <t>出現,新冠肺炎,死亡病例,神奈川縣,80歲</t>
  </si>
  <si>
    <t>賈永婕,HFNC,救命神器,新冠肺炎,台灣</t>
  </si>
  <si>
    <t>越南,鎖國,禁止入境,新型冠狀病毒</t>
  </si>
  <si>
    <t>永續獎,中華航空,長榮航空,新冠肺炎,航空業</t>
  </si>
  <si>
    <t>廣告,折價,防疫,行銷,古印體</t>
  </si>
  <si>
    <t>明天會更好,武漢肺炎,新冠肺炎,Youtuber,羅大佑</t>
  </si>
  <si>
    <t>NFL,美國,海鷹隊,例行賽,新冠肺炎</t>
  </si>
  <si>
    <t>侯友宜,阻絕於境外,疫情,戒慎,國外疫情</t>
  </si>
  <si>
    <t>唐玲,胃癌,醫院量能,新冠肺炎,台灣</t>
  </si>
  <si>
    <t>新冠肺炎,屏大,消毒,音樂系,取消社團</t>
  </si>
  <si>
    <t>確診,觀光局,新冠肺炎,桃園機場,旅客</t>
  </si>
  <si>
    <t>Omicron,莊人祥,接種,縮短,討論</t>
  </si>
  <si>
    <t>鈺太,NB,MEMS,TWS,智能TV</t>
  </si>
  <si>
    <t>捐款,疫情,年底,新冠肺炎,創世</t>
  </si>
  <si>
    <t>板橋,萬華,馬偕醫院,新冠肺炎,侯友宜</t>
  </si>
  <si>
    <t>新冠肺炎,台灣, 疫苗,到貨,立委</t>
  </si>
  <si>
    <t>螢幕,主打,升級版,系列,小米</t>
  </si>
  <si>
    <t>封城,肺炎,中國大陸,PCB,湖北</t>
  </si>
  <si>
    <t>營運,墨西哥,肺炎,封測廠,京元電</t>
  </si>
  <si>
    <t>新冠肺炎,台灣,植物人,創世,捐款</t>
  </si>
  <si>
    <t>1分鐘看世界,國際新聞,全球新聞,中時電子報,金正恩</t>
  </si>
  <si>
    <t>清明連假,確診,社交距離,社區感染,居家檢疫</t>
  </si>
  <si>
    <t>賈永婕,抗疫女神,愛心便當,救命神器,新冠肺炎</t>
  </si>
  <si>
    <t>案393,案384,確診,苦苓,旅美夫妻</t>
  </si>
  <si>
    <t>肺炎,美國通膨,上升,PCE,指數</t>
  </si>
  <si>
    <t>幼兒園,基金定序,病毒,裝修工,新冠肺炎</t>
  </si>
  <si>
    <t>与玥樓,印月創意東方宴,武漢肺炎,新形冠狀病毒,新冠肺炎</t>
  </si>
  <si>
    <t>病例,境外,死亡,觀察,醫學</t>
  </si>
  <si>
    <t>復賽,NBA,例行賽,季後賽,奧蘭多</t>
  </si>
  <si>
    <t>新冠肺炎,宏碁,國防醫學院,施振榮,AI先進疫苗技術平台</t>
  </si>
  <si>
    <t>保險,奧斯卡,新興,卓越獎,桂先農</t>
  </si>
  <si>
    <t>新冠肺炎,台灣,宜蘭,服務站,移民署</t>
  </si>
  <si>
    <t>投票,高雄市長,超過,肺炎,主委</t>
  </si>
  <si>
    <t>新冠肺炎,肺炎,移工,新加坡,控管</t>
  </si>
  <si>
    <t>台灣,考生,歐洲,解封,新冠肺炎</t>
  </si>
  <si>
    <t>肺炎鏈球菌,疫苗,亞東醫院,肺炎鏈球菌疫苗,接種</t>
  </si>
  <si>
    <t>口罩,鼻樑,壓條,中衛口罩,隔絕效果</t>
  </si>
  <si>
    <t>三重,動員,消毒,中心點,物資</t>
  </si>
  <si>
    <t>口罩,大眾,戴上口罩,新生活,感染</t>
  </si>
  <si>
    <t>警察工作,肺炎,考驗,思考,感染</t>
  </si>
  <si>
    <t>吃到飽,火鍋,可利亞,火烤兩吃,新冠肺炎</t>
  </si>
  <si>
    <t>服務,中心,諮詢,民眾,新北</t>
  </si>
  <si>
    <t>新冠肺炎,台灣,基層員警,甩鍋,染疫</t>
  </si>
  <si>
    <t>迴轉壽司,迴轉,群聚感染,日本,防病毒</t>
  </si>
  <si>
    <t>香港,天氣,新冠肺炎,武漢肺炎,新型冠狀病毒</t>
  </si>
  <si>
    <t>紐西蘭,央行,利率,QE,量化寬鬆</t>
  </si>
  <si>
    <t>戈貝爾,NBA,米契爾,爵士,新冠肺炎</t>
  </si>
  <si>
    <t>新冠肺炎,廈門,台商,問題,吳家瑩</t>
  </si>
  <si>
    <t>全球,近幾周,確診,死亡,新增</t>
  </si>
  <si>
    <t>羅斯福號,航母,新冠肺炎,艦長,海軍部長</t>
  </si>
  <si>
    <t>防疫,合作,新冠,新冠肺炎,肺炎</t>
  </si>
  <si>
    <t>成長,法人,中國大陸,肺炎,松翰</t>
  </si>
  <si>
    <t>總統,陳時中,高端疫苗,蔡英文,台灣</t>
  </si>
  <si>
    <t>本土確診,清零,沈政男,香港,經驗</t>
  </si>
  <si>
    <t>肺炎,財政部,稅收,依財政部統計,娛樂稅</t>
  </si>
  <si>
    <t>豆府,展店,進度,計畫,新冠肺炎</t>
  </si>
  <si>
    <t>BNT,恩主公醫院,疫苗,稀釋,新冠肺炎</t>
  </si>
  <si>
    <t>病例,研究,大陸,新冠,哈佛</t>
  </si>
  <si>
    <t>口罩,台灣,歐盟,Taiwan need help, Taiwan can help</t>
  </si>
  <si>
    <t>黃安,台商,新冠肺炎,大陸,疫苗</t>
  </si>
  <si>
    <t>新冠肺炎,武漢肺炎,新型冠狀病毒,台灣,屏東</t>
  </si>
  <si>
    <t>施打,接種率,侯友宜,踴躍,長者</t>
  </si>
  <si>
    <t>聲名大噪,英雄,彰化縣,肺炎,食安</t>
  </si>
  <si>
    <t>疫苗,楊植斗,新冠肺炎,台灣,冷卻倉儲</t>
  </si>
  <si>
    <t>院內感染,陳時中,新冠肺炎,變種病毒</t>
  </si>
  <si>
    <t>TPCA,PCB,新冠肺炎,5G基礎建設</t>
  </si>
  <si>
    <t>聚餐,餐飲內用,台灣,新冠肺炎,疫苗覆蓋率</t>
  </si>
  <si>
    <t>藥品,原廠藥,新藥,美國,名藥</t>
  </si>
  <si>
    <t>宏達電,智慧型手機,VR,VIVE,虛擬實境</t>
  </si>
  <si>
    <t>返國,英國,境外感染,解除隔離,匡列</t>
  </si>
  <si>
    <t>解封,大規模,7月,指揮中心,說明</t>
  </si>
  <si>
    <t>新冠肺炎,台灣,部立台北醫院</t>
  </si>
  <si>
    <t>彰化,確診,社交圈,收治,新冠肺炎</t>
  </si>
  <si>
    <t>大陸,冷凍食品,肺炎,病毒,衛福部</t>
  </si>
  <si>
    <t>工作,障害,肺炎,失能,永久</t>
  </si>
  <si>
    <t>磐石鑑,敦睦艦隊,陳時中,疫情過關,台灣</t>
  </si>
  <si>
    <t>新冠肺炎,倒店潮,英國</t>
  </si>
  <si>
    <t>身上,誤解,蝙蝠傳染,肺炎,蝙蝠</t>
  </si>
  <si>
    <t>遠東新,社會責任債券,櫃買中心,遠東新世紀,生產</t>
  </si>
  <si>
    <t>新冠肺炎,學生,留學,赴日,日本</t>
  </si>
  <si>
    <t>捷克,義大利,武漢肺炎,新冠肺炎,新型冠狀病毒</t>
  </si>
  <si>
    <t>香港,醫院,教會,韓國,新天地</t>
  </si>
  <si>
    <t>觀光局,導遊,領隊,隨行人員,新冠肺炎</t>
  </si>
  <si>
    <t>疫情,台灣,全球,大陸,新冠肺炎</t>
  </si>
  <si>
    <t>潤娥,少女時代,韓星,女星,韓國女星</t>
  </si>
  <si>
    <t>春節專案,方案,7+7,Omicron,黃珊珊</t>
  </si>
  <si>
    <t>大陸,高階人才,吸引,疫情,競爭</t>
  </si>
  <si>
    <t>新冠肺炎,新型冠狀病毒,NCP,台灣,防疫</t>
  </si>
  <si>
    <t>觀光局,台灣燈會,2020,台中,人潮</t>
  </si>
  <si>
    <t>太久沒,澳網,肺炎,膝傷,新規</t>
  </si>
  <si>
    <t>連假,疫情升溫,陳時中,判斷,入境者</t>
  </si>
  <si>
    <t>快樂缺氧,黃軒,肺臟,血液,猝死</t>
  </si>
  <si>
    <t>室內,落實,室外,社交,侯友宜</t>
  </si>
  <si>
    <t>今健康,新冠肺炎,台灣,飲食,蔬果</t>
  </si>
  <si>
    <t>新冠肺炎,台灣,麥當勞,禁內用</t>
  </si>
  <si>
    <t>預約,AZ,接種,莫德納,10月</t>
  </si>
  <si>
    <t>新冠肺炎,新型冠狀病毒,盧秀燕,台中一中,軍方</t>
  </si>
  <si>
    <t>封鎖區,美國,國民兵,新羅,紐約州</t>
  </si>
  <si>
    <t>新冠肺炎,台灣,辱罵,戴口罩,員警</t>
  </si>
  <si>
    <t>高端疫苗,EUA,緊急使用授權,羅友志,陳時中</t>
  </si>
  <si>
    <t>說法,軍方,官兵,敦睦,出訪</t>
  </si>
  <si>
    <t>混打,開打,莫德納,BNT,副作用</t>
  </si>
  <si>
    <t>入境,檢疫,健康聲明書,資料,系統</t>
  </si>
  <si>
    <t>柯文哲,新冠肺炎,疫情,台灣</t>
  </si>
  <si>
    <t>Nike,Under Armour,股價,運動,賽事</t>
  </si>
  <si>
    <t>勒瑪修,洋基,大聯盟,美國,MLB</t>
  </si>
  <si>
    <t>賴士葆,拜登,蔡英文,武漢肺炎,中國病毒</t>
  </si>
  <si>
    <t>謝宗學,台灣,4天,零確診,回不去</t>
  </si>
  <si>
    <t>全球,定期定額,新興股市,李宏,危機就是轉機</t>
  </si>
  <si>
    <t>肺炎,武漢,武漢肺炎,西班牙,感染</t>
  </si>
  <si>
    <t>新冠肺炎,台灣,台中,朝陽科大,夜唱團</t>
  </si>
  <si>
    <t>台股,出現,美股,指數,趨緩</t>
  </si>
  <si>
    <t>新冠肺炎,台灣,國教盟,遠距教學,地區</t>
  </si>
  <si>
    <t>新冠肺炎,經濟部,紓困</t>
  </si>
  <si>
    <t>BNT,施打,疫苗,子宮頸疫苗,流感疫苗</t>
  </si>
  <si>
    <t>拜登,川普,白宮,新冠肺炎病毒,就職</t>
  </si>
  <si>
    <t>紐元,紐西蘭央行,擴大購債,新冠肺炎,衝擊經濟</t>
  </si>
  <si>
    <t>陳時中,開放,防疫新生活運動,邊境,台灣</t>
  </si>
  <si>
    <t>新冠肺炎,台灣, 隊員,200,防疫消毒</t>
  </si>
  <si>
    <t>新冠肺炎,AZ,疫苗,美國,校方</t>
  </si>
  <si>
    <t>指揮中心,景點,人潮,應該,台南景點</t>
  </si>
  <si>
    <t>季節性流感,專家,檢測,病毒,武漢肺炎</t>
  </si>
  <si>
    <t>鄭照新,普篩,韓國瑜,高雄市,新冠肺炎</t>
  </si>
  <si>
    <t>服務,雲端運算,劉永信,新加坡政府,萬里雲</t>
  </si>
  <si>
    <t>工作,加州,美國,肺炎,篩檢</t>
  </si>
  <si>
    <t>新冠肺炎,境外移入,確診,指揮中心</t>
  </si>
  <si>
    <t>護理,治療,大陸,肺炎,醫療</t>
  </si>
  <si>
    <t>接種,心包膜炎,AZ,莫德納,BNT</t>
  </si>
  <si>
    <t>電視台,萬華,病毒,鄉民,PTT</t>
  </si>
  <si>
    <t>新冠肺炎,武漢肺炎,COVID-19,口罩2.0,預購</t>
  </si>
  <si>
    <t>萎縮,GDP,經濟,新冠肺炎.美國,疫情</t>
  </si>
  <si>
    <t>台北市,取得,肺炎,掌握,公開</t>
  </si>
  <si>
    <t>新冠肺炎,武漢肺炎,新型冠狀病毒,台灣,量測</t>
  </si>
  <si>
    <t>全國,omicron,韓國,社區感染,新冠</t>
  </si>
  <si>
    <t>新冠肺炎,台灣,10人,賭場,黃姓男</t>
  </si>
  <si>
    <t>新冠肺炎,台灣,本土,大型活動停辦,高雄</t>
  </si>
  <si>
    <t>1分鐘看世界,國際新聞,全球新聞,中時電子報,聯合國</t>
  </si>
  <si>
    <t>星宇,張國煒,星宇航空,小編,臉書</t>
  </si>
  <si>
    <t>李萬熙,記者會,道歉,留言,韓國</t>
  </si>
  <si>
    <t>新冠肺炎,台灣,蔡英文,施正鋒,端午節</t>
  </si>
  <si>
    <t>邊境,莫德納疫苗,接種,新冠肺炎,台灣</t>
  </si>
  <si>
    <t>新創事業,方案,國發基金,特別股,營運資金</t>
  </si>
  <si>
    <t>取締,勤務,員警,台南市,市警局</t>
  </si>
  <si>
    <t>陳時中,公園,遊樂設施,營養午餐,學校</t>
  </si>
  <si>
    <t>經濟部,新冠肺炎,國營事業,台電,中油</t>
  </si>
  <si>
    <t>賴香伶,民眾黨,防疫一條龍,防疫車隊,防疫旅館</t>
  </si>
  <si>
    <t>高端疫苗,國產疫苗,國劑疫苗,AZ,莫德納</t>
  </si>
  <si>
    <t>確診,新冠肺炎,神奈川縣,東京都,單日確診</t>
  </si>
  <si>
    <t>全新,外資報告,5G基礎建設,3D感測,去美化</t>
  </si>
  <si>
    <t>下船,碼頭,乘客,鑽石公主號,新冠肺炎</t>
  </si>
  <si>
    <t>孩童,家庭防疫補貼,領取,ATM,監護人</t>
  </si>
  <si>
    <t>紓困,勞工,勞動部,國民黨,新冠肺炎</t>
  </si>
  <si>
    <t>新冠肺炎,武漢肺炎,新型冠狀病毒,台灣,接觸</t>
  </si>
  <si>
    <t>口罩,武漢肺炎,台灣,彰化,新型冠狀病毒</t>
  </si>
  <si>
    <t xml:space="preserve"> 新冠肺炎,台灣,境外移入,指揮中心,中央流行疫情指揮中心</t>
  </si>
  <si>
    <t>新冠肺炎,肺炎,防疫,口罩,日本</t>
  </si>
  <si>
    <t>北京,消費券,消費,旅遊,景區</t>
  </si>
  <si>
    <t>產業,藝文,衝擊,文化部,疫情</t>
  </si>
  <si>
    <t>川普,武漢肺炎,新型冠狀病毒,全球,美國</t>
  </si>
  <si>
    <t>防疫財,網路,社團,買口罩,1000元</t>
  </si>
  <si>
    <t>新冠肺炎,台灣, 楊梅,桃園,5人</t>
  </si>
  <si>
    <t>藥華藥,治療,新冠肺炎,輕中症,已獲</t>
  </si>
  <si>
    <t>實聯制,5大亂象,超商店員,氣到吐血,疫苗</t>
  </si>
  <si>
    <t>心圓西苑,浦東機場,上海,新冠肺炎,大陸</t>
  </si>
  <si>
    <t>口罩,大陸,疫苗,張文,接種</t>
  </si>
  <si>
    <t>盧卡申科,白羅斯,新冠肺炎,疫情,提克韓諾芙絲卡亞</t>
  </si>
  <si>
    <t>經濟成長率,提高,執行,國發會,肺炎</t>
  </si>
  <si>
    <t>莫德納,新冠肺炎,國際</t>
  </si>
  <si>
    <t>北韓,疫情,防疫準則,緊急命令,北韓國慶</t>
  </si>
  <si>
    <t>拐拐,象神,春酒,內衣女神,美胸</t>
  </si>
  <si>
    <t>新冠肺炎,台灣,  大立光,玉晶光,確診</t>
  </si>
  <si>
    <t>俄國,代表處,同仁,人員,肺炎</t>
  </si>
  <si>
    <t>AZ疫苗,日本,捐贈,WHO,緊急使用名單</t>
  </si>
  <si>
    <t>家戶垃圾,防疫,環保署,新冠肺炎,居家隔離</t>
  </si>
  <si>
    <t>柯文哲,免費,疫苗,侯友宜,新冠肺炎</t>
  </si>
  <si>
    <t>青島,陳揮文,新冠肺炎,篩檢,陳時中</t>
  </si>
  <si>
    <t>蔡依林,MV,陳奕迅,醫護,公益歌曲</t>
  </si>
  <si>
    <t>疫苗覆蓋率,邊境鬆綁,莊人祥,機組員,新冠肺炎</t>
  </si>
  <si>
    <t>瑞昱,TWS,乙太車用網路,PC,網通</t>
  </si>
  <si>
    <t>三級警戒,延長,台灣,解封,新冠肺炎</t>
  </si>
  <si>
    <t>新鮮人,畢業,Zoom,面試,視訊面試</t>
  </si>
  <si>
    <t>英國情侶,吉娜兒,台灣,檢疫所,監獄</t>
  </si>
  <si>
    <t>新冠肺炎,流感疫苗,境外移入,指揮中心,台灣</t>
  </si>
  <si>
    <t>解封,太平山莊,出遊,三級警戒,新冠肺炎</t>
  </si>
  <si>
    <t>新冠肺炎,台灣,新竹縣,苗栗縣,電子廠</t>
  </si>
  <si>
    <t>保障缺口,肺炎,七彩,國泰人壽,保障</t>
  </si>
  <si>
    <t>雲品,股東會,股利,營運,展望</t>
  </si>
  <si>
    <t>張上淳,張上淳兒子,兒出國,張上淳兒,禁醫護出國</t>
  </si>
  <si>
    <t>去做,社區感染,蘇益仁,肺炎,直言</t>
  </si>
  <si>
    <t>奶奶,安厝,協助,家屬,爺爺</t>
  </si>
  <si>
    <t>民進黨政府,疫情,游盈隆,新冠肺炎,指揮中心</t>
  </si>
  <si>
    <t>封城,先前,肺炎,HDI,欣興</t>
  </si>
  <si>
    <t>肺炎,資遣,晶悅,飯店,餐飲業務</t>
  </si>
  <si>
    <t>方艙醫院,休艙,武漢,新冠肺炎,新型冠狀病毒</t>
  </si>
  <si>
    <t>COVID-19,高雄市政府,民政局,殯葬管理處,旗津生命紀念館</t>
  </si>
  <si>
    <t>美股,新冠肺炎,解封,蘇貞昌,蔡英文</t>
  </si>
  <si>
    <t>日本,停辦,全國,體育,高校</t>
  </si>
  <si>
    <t>新冠肺炎,確診,後遺症,失憶,病毒</t>
  </si>
  <si>
    <t>指揮中心,最新說明,0確診,新冠肺炎,武漢肺炎</t>
  </si>
  <si>
    <t>疫苗,美國,接種,確診,北巿</t>
  </si>
  <si>
    <t>新港,病毒,播放,寫詞,新港鄉</t>
  </si>
  <si>
    <t>解放軍報,新冠肺炎,疫情,蓬佩奧們,黑手</t>
  </si>
  <si>
    <t>社交距離,配戴口罩,擁擠,場所,民眾</t>
  </si>
  <si>
    <t>防疫,人員,金門,船員,小三通</t>
  </si>
  <si>
    <t>侯友宜,新冠肺炎,台灣,新北市,醫護人員</t>
  </si>
  <si>
    <t>邊境管制,解封,檢測,詹長權,追蹤</t>
  </si>
  <si>
    <t>新冠肺炎,新型冠狀病毒,武漢肺炎,COVID-19,醫院</t>
  </si>
  <si>
    <t>第七輪公費疫苗,疫苗預約,公費疫苗,AZ,新冠疫苗</t>
  </si>
  <si>
    <t>新冠肺炎,台灣,長者,台南市,高齡長者</t>
  </si>
  <si>
    <t>新冠肺炎,台灣,連線,電台,鄉親</t>
  </si>
  <si>
    <t>川普,檢測,陰性,新冠肺炎,恆述</t>
  </si>
  <si>
    <t>新冠肺炎,台灣,接種,BNT,心肌炎</t>
  </si>
  <si>
    <t>境外移入,陳時中,新冠肺炎,印尼,移工</t>
  </si>
  <si>
    <t>新冠肺炎,台灣,自購疫苗,市府,窒礙難行</t>
  </si>
  <si>
    <t>陳時中,疫情,新冠肺炎,疫苗,國產疫苗</t>
  </si>
  <si>
    <t>星聚點,歇業,退租,10年,停業</t>
  </si>
  <si>
    <t>檢測訂單,推進,成長,營運,宜特</t>
  </si>
  <si>
    <t>施匡翹,美腿,瑜珈,康復,風格</t>
  </si>
  <si>
    <t>內閣,鄭文燦,蘇貞昌,行政院,行政院長</t>
  </si>
  <si>
    <t>AZ,疫苗,新冠肺炎,年輕族群,王鴻薇</t>
  </si>
  <si>
    <t>新冠肺炎,義大利,神父,呂若瑟,防疫物資</t>
  </si>
  <si>
    <t>新冠肺炎,台灣,確診,機構,工作人員</t>
  </si>
  <si>
    <t>新冠病毒,新冠肺炎,COVID-19,疫情,大陸</t>
  </si>
  <si>
    <t>柯文哲,醫護,楊志良,染疫,新冠</t>
  </si>
  <si>
    <t>新冠病毒,散播,俄羅斯,賴岳謙,無色覺醒</t>
  </si>
  <si>
    <t>肺炎,沖繩,樂器,疫情,飯店</t>
  </si>
  <si>
    <t>肺炎,Computex,展覽,展覽日期,疫情</t>
  </si>
  <si>
    <t>巴菲特,投資者,應該,蘋果,決策</t>
  </si>
  <si>
    <t>新冠肺炎,台灣,龜山,確診,清潔隊</t>
  </si>
  <si>
    <t>新冠肺炎,台灣,和碩,台股,華碩</t>
  </si>
  <si>
    <t>稍早,行業,肺炎,銳減,銷量</t>
  </si>
  <si>
    <t>歧視,招名威,納粹法西斯,中原大學,文翔政論</t>
  </si>
  <si>
    <t>美國,賈斯汀,疫苗,新冠肺炎,台灣</t>
  </si>
  <si>
    <t>新北,疫情,海祭,國外,新冠</t>
  </si>
  <si>
    <t>新冠肺炎,武漢肺炎,新型冠狀病毒,台灣,試驗</t>
  </si>
  <si>
    <t>新冠肺炎,台灣,確診,死亡,陳時中</t>
  </si>
  <si>
    <t>台企,浙江省,台灣,全球,大陸</t>
  </si>
  <si>
    <t>宥勝,萬華,萬華人,新冠肺炎,宥勝道歉</t>
  </si>
  <si>
    <t>功能,大陸,中國,肺炎,必要改革</t>
  </si>
  <si>
    <t>新冠肺炎,武漢肺炎,COVID-19,新型冠狀病毒,南韓</t>
  </si>
  <si>
    <t>新冠肺炎,台灣,第2例,採檢,第1</t>
  </si>
  <si>
    <t>德國,新冠肺炎,疫情</t>
  </si>
  <si>
    <t>事故傷害,兒童,意外險,保費較,肺炎</t>
  </si>
  <si>
    <t>新冠肺炎,武漢肺炎,新型冠狀病毒,台灣,商務</t>
  </si>
  <si>
    <t>業者,消毒,薄多義,新冠肺炎,台灣</t>
  </si>
  <si>
    <t>確診,接觸者,陰性,新冠肺炎,採檢</t>
  </si>
  <si>
    <t>延長,發行,訂價,資本,特別股</t>
  </si>
  <si>
    <t>京鼎,快篩,新冠肺炎,台灣,苗栗</t>
  </si>
  <si>
    <t>墨比爾斯,牛市,第二波,新冠肺炎,疫情</t>
  </si>
  <si>
    <t>新冠肺炎,台灣,雲林,新型冠狀病毒,芭樂</t>
  </si>
  <si>
    <t>新冠肺炎,武漢肺炎,新型冠狀病毒,COVID-19,英國</t>
  </si>
  <si>
    <t>蘋果,營收,財測,新冠肺炎,疫情</t>
  </si>
  <si>
    <t>境外移入,突破性感染,新冠肺炎,台灣,指揮中心</t>
  </si>
  <si>
    <t>居家關懷包,居家隔離,武漢肺炎,新冠肺炎,14天</t>
  </si>
  <si>
    <t>洪榮宏,腳步慢慢,新專輯,新冠肺炎</t>
  </si>
  <si>
    <t>武漢肺炎,新型冠狀病毒,全球,鑽石公主號,黃金週</t>
  </si>
  <si>
    <t>新冠肺炎,導致,損失,48,出現</t>
  </si>
  <si>
    <t>選委會,投票,口罩,症狀,發燒</t>
  </si>
  <si>
    <t>中國,美國,肺炎,病毒,墨爾本</t>
  </si>
  <si>
    <t>新應用,成長,法人,宏捷科,強勁</t>
  </si>
  <si>
    <t xml:space="preserve"> 新冠肺炎,台灣,柯文哲,台灣,微解封</t>
  </si>
  <si>
    <t>新冠肺炎,CONID-19,武漢肺炎,新型冠狀病毒,振興抵用券</t>
  </si>
  <si>
    <t>海軍,磐石艦,敦睦艦隊,新冠肺炎,感染</t>
  </si>
  <si>
    <t>新冠肺炎,台灣,禁止內用,哈瑪星,商圈</t>
  </si>
  <si>
    <t>鮑爾,美國經濟,FED,新冠肺炎,疫情</t>
  </si>
  <si>
    <t>民進黨,確診,不排除,中國網軍,新冠肺炎</t>
  </si>
  <si>
    <t>民眾,地區,三級,居家檢疫,自主健康管理</t>
  </si>
  <si>
    <t>病例,越南,疑似病例,疾病,武漢</t>
  </si>
  <si>
    <t>莫德納,疫苗,疫苗第九類,AZ,混打</t>
  </si>
  <si>
    <t>團隊,肺炎,病毒,抗生素,冠狀病毒</t>
  </si>
  <si>
    <t>新冠肺炎,確診病例,新發地市場,疾控中心,流行病學</t>
  </si>
  <si>
    <t>突破性感染,莫德納,AZ,華航機師,諾富特</t>
  </si>
  <si>
    <t>年輕人,確診,張上淳,東京,3成</t>
  </si>
  <si>
    <t>中油,加油卡,補貼,肺炎,交通部</t>
  </si>
  <si>
    <t>防疫,新冠肺炎,武漢肺炎, COVID-19,新型冠狀病毒</t>
  </si>
  <si>
    <t>行為,美國,蓬佩奧,企圖,新冠病毒</t>
  </si>
  <si>
    <t>美國,確診人數,續升,萬大關,新冠肺炎疫情</t>
  </si>
  <si>
    <t>陳美鳳,泡澡,防疫,妙招,台灣</t>
  </si>
  <si>
    <t>口罩,蔡政府,洛杉基,國內,控管</t>
  </si>
  <si>
    <t>新冠肺炎,CONID-19,武漢肺炎,新型冠狀病毒,譚德賽</t>
  </si>
  <si>
    <t>接種,預約,快打站,市府,市民</t>
  </si>
  <si>
    <t>新冠肺炎,武漢肺炎,COVID-19,新冠病毒,伊維菌素</t>
  </si>
  <si>
    <t>侯友宜,居家隔離,新北市,陰轉陽,今天</t>
  </si>
  <si>
    <t>Omicron,變異株,症狀,黃軒,新冠病毒</t>
  </si>
  <si>
    <t>台中,個案,過世,通報,疫苗</t>
  </si>
  <si>
    <t>敦睦艦隊,陰性,澎湖,馬公,採檢</t>
  </si>
  <si>
    <t>保羅,NBA,紀錄片,休息室,爵士</t>
  </si>
  <si>
    <t>檢疫,移工,居家,規定,外籍</t>
  </si>
  <si>
    <t>安勤,營運,成長,動能,新冠肺炎</t>
  </si>
  <si>
    <t>疫苗外交,種姓制度,COVAX,新冠肺炎,大流行</t>
  </si>
  <si>
    <t>新冠肺炎,台灣,移動,停課,學生</t>
  </si>
  <si>
    <t>盧秀燕,入境,台灣,隔離,口罩</t>
  </si>
  <si>
    <t>混打,AZ,mRNA,輝瑞／BNT,莫德納</t>
  </si>
  <si>
    <t>德國,經濟,GDP,跌幅,衰退</t>
  </si>
  <si>
    <t>NBA,復賽,恩比德,新冠肺炎</t>
  </si>
  <si>
    <t>新冠肺炎,大陸,珠澳,8月,人員</t>
  </si>
  <si>
    <t>晶華,股利,殖息率,配發率,新冠肺炎</t>
  </si>
  <si>
    <t>暢旺,法人,新廠,車用電子,日月光</t>
  </si>
  <si>
    <t>女團,粉絲,握手會,新冠肺炎,日本</t>
  </si>
  <si>
    <t>專責病房,新北,徵用,清空,醫療量能</t>
  </si>
  <si>
    <t>新冠肺炎,武漢肺炎,新型冠狀病毒,台灣,陪練員</t>
  </si>
  <si>
    <t>紐約,確診,新冠肺炎,COVID-19,美國</t>
  </si>
  <si>
    <t>美國,封城,抗議活動,新冠病毒</t>
  </si>
  <si>
    <t>PCR,雲林縣,開學,新冠肺炎,台灣</t>
  </si>
  <si>
    <t xml:space="preserve"> 新冠肺炎,台灣,防疫照顧假,學生,勞動部</t>
  </si>
  <si>
    <t>台北,肺炎,徐浩源,北市,一天</t>
  </si>
  <si>
    <t>新冠肺炎,台灣,校正回歸,比喻,蕭彤雯</t>
  </si>
  <si>
    <t>新冠肺炎,武漢肺炎,醫護人員,便當,隔離所</t>
  </si>
  <si>
    <t>本季,NBA,復賽,詹姆斯,湖人</t>
  </si>
  <si>
    <t>新冠肺炎,台灣,全聯,北市,西門町</t>
  </si>
  <si>
    <t>新冠肺炎,台灣,東吳大學,考試,課程</t>
  </si>
  <si>
    <t>猝死,AZ,長者,施打率,疫苗</t>
  </si>
  <si>
    <t>遠傳,新冠肺炎,智慧餐飲,遠傳一指點,曾詩淵</t>
  </si>
  <si>
    <t>新冠肺炎,台灣,麻豆區,台南市,疫苗</t>
  </si>
  <si>
    <t>防疫旅館,疑似症狀,PCR,採檢,篩檢</t>
  </si>
  <si>
    <t>平安音樂會,大支,陳柏惟,新冠肺炎</t>
  </si>
  <si>
    <t>大陸,肺炎,病毒,公共衛生,疫情</t>
  </si>
  <si>
    <t>戈貝爾,Rudy Gobert,捐款,爵士,NBA</t>
  </si>
  <si>
    <t>#新冠肺炎#全球,日本,自爆,Delta,降溫</t>
  </si>
  <si>
    <t>瑞弗斯,魔術,七六人,新冠肺炎,NBA</t>
  </si>
  <si>
    <t>瑪丹娜,新冠肺炎,抗體,西洋,巴黎</t>
  </si>
  <si>
    <t>聯亞疫苗,體內抗體,ANA,中和抗體,楊志良</t>
  </si>
  <si>
    <t>萊鎂醫,達亞,新冠肺炎,引進,檢測套組</t>
  </si>
  <si>
    <t>國光疫苗,國光,國光生技,新冠肺炎</t>
  </si>
  <si>
    <t>全球,大量,亞馬遜,串流,新冠肺炎</t>
  </si>
  <si>
    <t>眼睛,醫師,眼科,新冠肺炎,武漢肺炎</t>
  </si>
  <si>
    <t>警方,新冠肺炎,台灣,查察,確診</t>
  </si>
  <si>
    <t>熱火,希洛,NBA,隔離,吉米巴特勒</t>
  </si>
  <si>
    <t>戴立綱,氣象,主播,新冠肺炎</t>
  </si>
  <si>
    <t>新冠肺炎,台灣,民眾,COVID,19</t>
  </si>
  <si>
    <t>新臺幣,企業,能源,主辦,華南銀行</t>
  </si>
  <si>
    <t>新冠肺炎,武漢肺炎, COVID-19,台灣,新北市</t>
  </si>
  <si>
    <t>牙醫,全副武裝,確診,看診,染疫</t>
  </si>
  <si>
    <t>新冠肺炎,武漢肺炎,COVID-19,台灣,補償金</t>
  </si>
  <si>
    <t>王任賢,方艙醫院,陳時中,新冠肺炎,集中檢疫所</t>
  </si>
  <si>
    <t>新冠肺炎,台灣,北農,桃園,篩</t>
  </si>
  <si>
    <t>新冠肺炎,台灣,陳亭妃,應該,說法</t>
  </si>
  <si>
    <t>新冠肺炎,台灣,桃園,新北,美容美髮</t>
  </si>
  <si>
    <t>家戶感染,幼童,有症狀,篩檢,新冠肺炎</t>
  </si>
  <si>
    <t>新冠肺炎,台灣, 疫苗,國人,蘇貞昌</t>
  </si>
  <si>
    <t>全新,恒生科技指數,香港,牟宗堯,資本市場</t>
  </si>
  <si>
    <t>新變異株,B.1.1.529,為Omicron,疫苗,調整</t>
  </si>
  <si>
    <t>新冠肺炎,通報,無新增,生活,台灣</t>
  </si>
  <si>
    <t>智冠,橘子,宅經濟,遊戲新幹線,宇峻</t>
  </si>
  <si>
    <t>5天,說明,疫情,零確診,指揮中心</t>
  </si>
  <si>
    <t>植牙,廣州,死因,暴斃,新冠肺炎</t>
  </si>
  <si>
    <t>李艷秋,第二劑,Delta病毒,新冠肺炎,台灣</t>
  </si>
  <si>
    <t>新冠肺炎,武漢肺炎,新型冠狀病毒,NCP,COVlD-19</t>
  </si>
  <si>
    <t>茶花女,賣淫,茶車,保險套,外送茶</t>
  </si>
  <si>
    <t>萬芳,萬芳30你的30,演唱會,新冠肺炎</t>
  </si>
  <si>
    <t>住院醫療保險金,肺炎,保險金,失能,身故</t>
  </si>
  <si>
    <t>新冠肺炎,解放軍,疫情,老鼠,中國大陸</t>
  </si>
  <si>
    <t>工作,口罩,肺炎,澳洲,物資</t>
  </si>
  <si>
    <t>爵士,NBA,新冠肺炎,穆迪埃</t>
  </si>
  <si>
    <t>籃網,杜蘭特,新冠肺炎</t>
  </si>
  <si>
    <t>康健雜誌,新冠肺炎,台灣,AZ,混打</t>
  </si>
  <si>
    <t>法國,財長,經濟,GDP,萎縮</t>
  </si>
  <si>
    <t>大聯盟,棒球經典賽,WBC,美國,2021</t>
  </si>
  <si>
    <t>轉機,班機,旅客,長榮,機場</t>
  </si>
  <si>
    <t>台北花園酒店,花園大酒店,營收,住房率,平均房價</t>
  </si>
  <si>
    <t>寇爾,洋基,大聯盟,投手,MLB</t>
  </si>
  <si>
    <t>生產線,口罩,上線,3月,生產</t>
  </si>
  <si>
    <t>中光電,肺炎,節能,淡季,背光模組廠</t>
  </si>
  <si>
    <t>疫苗,個資外洩,台南衛生局,接種,流感疫苗</t>
  </si>
  <si>
    <t>新冠肺炎,Delta,印度變種病毒株,邊境,台灣</t>
  </si>
  <si>
    <t>防疫,攤販,嘉義,新冠肺炎,夜市</t>
  </si>
  <si>
    <t>新冠肺炎,台灣,基隆,仁愛市場,成功市場</t>
  </si>
  <si>
    <t>新冠肺炎,全球,強生,英國,解封</t>
  </si>
  <si>
    <t>肺炎,投資,增長,買入,外賣</t>
  </si>
  <si>
    <t>聯合,統一,全球,新冠肺炎,藥物</t>
  </si>
  <si>
    <t>新冠肺炎,租金,漲幅,亞太區,台北市</t>
  </si>
  <si>
    <t>業績,手遊,如鈊象,肺炎,貨運</t>
  </si>
  <si>
    <t>烤肉,中秋活動,各縣市,中秋節,團聚</t>
  </si>
  <si>
    <t>高市,陳其邁,疫苗,施打,民眾</t>
  </si>
  <si>
    <t>接種,學生,BNT,校園,中秋連假</t>
  </si>
  <si>
    <t>績優,大陸,華通,營運,肺炎</t>
  </si>
  <si>
    <t>北農,黃郁芬,新冠肺炎,匡列,台灣</t>
  </si>
  <si>
    <t>新冠肺炎,疫情,直播,三星,Galaxy</t>
  </si>
  <si>
    <t>台股,公股,亞泥,南電,新光金</t>
  </si>
  <si>
    <t>新冠肺炎,台灣,創世基金會,發票,宅護理師</t>
  </si>
  <si>
    <t>採檢,調查,肺炎,莊人祥,社區</t>
  </si>
  <si>
    <t>酒店女公關,武漢肺炎,新形冠狀病毒,新冠肺炎,NCP</t>
  </si>
  <si>
    <t xml:space="preserve">關懷,健康,社區,活動,長輩 </t>
  </si>
  <si>
    <t>孕婦,莫德納,高端,第二劑疫苗,新冠肺炎</t>
  </si>
  <si>
    <t>新冠肺炎,台灣,快篩,大遠百,篩檢</t>
  </si>
  <si>
    <t>醫師確診,插管,鄭文燦,新冠肺炎</t>
  </si>
  <si>
    <t>李連杰,功夫皇帝,新冠肺炎,生日,Jada</t>
  </si>
  <si>
    <t>投資人,認購,牧德,國巨,萬股</t>
  </si>
  <si>
    <t>工地,居家隔離,營建,英國,新冠肺炎</t>
  </si>
  <si>
    <t>新冠肺炎,武漢肺炎,新型冠狀病毒,COVID-19,武漢</t>
  </si>
  <si>
    <t>紓困,政府,現金,經濟,台灣</t>
  </si>
  <si>
    <t>新型冠狀病毒, DRAM,NAND Flash,WHO,智慧型手機</t>
  </si>
  <si>
    <t>美國,營運,肺炎,計畫,建立</t>
  </si>
  <si>
    <t>國防部,國軍,王婉諭,隔板,新冠肺炎</t>
  </si>
  <si>
    <t>美國,川普,肺炎,疫情,新冠肺炎</t>
  </si>
  <si>
    <t>抽樣,社區,莊人祥,無症狀感染者,指揮中心</t>
  </si>
  <si>
    <t>林氏璧,東京,旅遊泡泡,確診數,日本</t>
  </si>
  <si>
    <t>華新科,世紀鋼,國巨,摩爾,投顧分析師</t>
  </si>
  <si>
    <t>武漢,新冠肺炎,新冠病毒,台灣,大陸</t>
  </si>
  <si>
    <t>停課,上學,新冠肺炎,新冠,肺炎</t>
  </si>
  <si>
    <t>BNT,洪孟楷,疫苗,開打,新冠肺炎</t>
  </si>
  <si>
    <t>新冠肺炎,簽證,外配,越南,移民署</t>
  </si>
  <si>
    <t>新冠肺炎,台灣,蔡總統,調動,邱顯智</t>
  </si>
  <si>
    <t>杏昌,生醫,銷售,陽壓呼吸器,高昌</t>
  </si>
  <si>
    <t>新冠肺炎,藉口,弗萊徹,川普,美國</t>
  </si>
  <si>
    <t>新冠肺炎,台灣,集中檢疫所,病患</t>
  </si>
  <si>
    <t>患者,治療,醫院,療法,血液</t>
  </si>
  <si>
    <t>新冠肺炎,疫苗,科興疫苗,林青霞,接種</t>
  </si>
  <si>
    <t>新冠肺炎,武漢肺炎,新型冠狀病毒,台灣,檢疫</t>
  </si>
  <si>
    <t>新冠肺炎,台灣,金芭黎舞廳,臨檢,高雄</t>
  </si>
  <si>
    <t>西園醫院,疫苗,萬華區,新冠肺炎,台灣</t>
  </si>
  <si>
    <t>疫苗,衛生局,中興醫院,新冠肺炎,台灣</t>
  </si>
  <si>
    <t>Hank,夫妻,肺炎,湯姆漢克,澳洲</t>
  </si>
  <si>
    <t>新冠肺炎,CONID-19,武漢肺炎,新型冠狀病毒,黃清龍</t>
  </si>
  <si>
    <t>通報,旅宿,汽車旅館,罰則,人與人連結</t>
  </si>
  <si>
    <t>新冠肺炎,台灣,北市警,督察,三線一星</t>
  </si>
  <si>
    <t>案269,官員,兒子,確診,染疫</t>
  </si>
  <si>
    <t>即時監測,工研院,新竹台大分院,訊號,整合平台</t>
  </si>
  <si>
    <t>推特,應材,業績,預測,撤回</t>
  </si>
  <si>
    <t>市場,北京,本土病例,關閉,確診</t>
  </si>
  <si>
    <t>長榮,空服員,班表,新冠肺炎,打工</t>
  </si>
  <si>
    <t>看護,違法,傳染病,病患,研究</t>
  </si>
  <si>
    <t>亞洲,肺炎,傳播,感染,社區</t>
  </si>
  <si>
    <t>小港,高市,母親節,高雄,新冠肺炎</t>
  </si>
  <si>
    <t>新冠肺炎,台灣,桃園,金沙酒店,匡列</t>
  </si>
  <si>
    <t>手上,塵埃落定,花旗環球證券,肺炎,台積電</t>
  </si>
  <si>
    <t>大陸,GDP,經貿,新冠肺炎疫情,經濟</t>
  </si>
  <si>
    <t>台北地下街,群聚,公廁,沈政男,新冠肺炎</t>
  </si>
  <si>
    <t>MWC,MWC2020,OPPO,FindX,手機</t>
  </si>
  <si>
    <t>快篩,六輕廠區,台塑,確診,新冠肺炎</t>
  </si>
  <si>
    <t>總質詢,立法院,蘇貞昌,沈榮津, 新冠肺炎</t>
  </si>
  <si>
    <t>新冠肺炎,社交安全距離,慢跑,口罩,飛沫傳染</t>
  </si>
  <si>
    <t>酷航,停飛,新冠肺炎,關閉,旅行</t>
  </si>
  <si>
    <t>新冠肺炎,台灣,非在籍,長者,施打</t>
  </si>
  <si>
    <t>策略,美股,肺炎,確定性,採取</t>
  </si>
  <si>
    <t>新冠肺炎,全球,重症,插管,Timothy Lau</t>
  </si>
  <si>
    <t>晶心科,聯發科,新冠肺炎, RISC-V,授權金</t>
  </si>
  <si>
    <t>五福,營收,毛利率,營益率,獲利</t>
  </si>
  <si>
    <t>新冠肺炎,台灣,檢驗量能,篩檢,有症狀</t>
  </si>
  <si>
    <t>武漢肺炎症狀,次氯酸水,酒精,洗手,乾洗手</t>
  </si>
  <si>
    <t>登船,新冠肺炎,台灣,高雄港,染疫</t>
  </si>
  <si>
    <t>新冠肺炎,BNT,疫苗,年輕人,李明賢</t>
  </si>
  <si>
    <t>機組員,檢疫期,機師,施打疫苗,班表</t>
  </si>
  <si>
    <t>新冠肺炎,武漢肺炎,新型冠狀病毒,COVID-19,瑞士</t>
  </si>
  <si>
    <t>東奧,新冠肺炎,東京,南非,COVID-19</t>
  </si>
  <si>
    <t>新冠肺炎,台灣,確診,聯合醫院,松德院區</t>
  </si>
  <si>
    <t>新田真劍佑,約會,新冠肺炎,沖繩縣</t>
  </si>
  <si>
    <t>新冠肺炎,台灣,補習班,規定,空間</t>
  </si>
  <si>
    <t>返台,WHO,新冠肺炎,武漢肺炎,新型冠狀病毒</t>
  </si>
  <si>
    <t>新冠肺炎,台灣,接種,民眾,花博</t>
  </si>
  <si>
    <t>川普,中國病毒,新冠肺炎,學霸,陳法拉</t>
  </si>
  <si>
    <t>舞廳,工會,八大,新冠肺炎,紓困</t>
  </si>
  <si>
    <t>美股,俄羅斯,OPEC,道瓊,美債</t>
  </si>
  <si>
    <t>新竹縣,新冠肺炎,台灣,機構,感染源不明</t>
  </si>
  <si>
    <t>新冠肺炎,武漢肺炎, COVID-19,南韓,孔劉</t>
  </si>
  <si>
    <t>鑽石公主號,魔術師,郵輪,陳日昇,新冠肺炎</t>
  </si>
  <si>
    <t>大陸,美國,西方,台灣,疫情</t>
  </si>
  <si>
    <t>VR,AR,圖形,線上,紛紛</t>
  </si>
  <si>
    <t>川普,民粹,林濁水,川粉,新冠肺炎</t>
  </si>
  <si>
    <t>桃園,小人國,Xpark水族館,天幕球場,新冠肺炎</t>
  </si>
  <si>
    <t>WNBA,奧運,休斯,教練,美國</t>
  </si>
  <si>
    <t>疫情,新冠疫情,新冠肺炎,武漢肺炎,COVID-19</t>
  </si>
  <si>
    <t>檢疫,計程車,消毒,交通處,居家</t>
  </si>
  <si>
    <t>老菸槍,病毒,出國,戒菸,董氏基金會</t>
  </si>
  <si>
    <t>資策會,MIC,產業情報研究所,美食外送,平台</t>
  </si>
  <si>
    <t>芒果,農委會,枋山,染疫,退訂</t>
  </si>
  <si>
    <t>苗栗縣,接種,死亡案例,65歲以上,新冠肺炎</t>
  </si>
  <si>
    <t>越南,抗疫,新冠肺炎</t>
  </si>
  <si>
    <t>疫苗,中藥,流感,新冠,病毒</t>
  </si>
  <si>
    <t>戈貝爾,伊巴卡,前鋒,NBA,美國</t>
  </si>
  <si>
    <t>台塑化,疫情,收益,獲利,跌價損失</t>
  </si>
  <si>
    <t>台灣,詹江村,防疫,村長,佛系防疫</t>
  </si>
  <si>
    <t>陽性,侯友宜,篩檢,新北市,社區篩檢站</t>
  </si>
  <si>
    <t>口罩,調查,肺炎,鄭功進,經發局</t>
  </si>
  <si>
    <t>新冠肺炎,Delta,印度變異株,症狀,基因定序</t>
  </si>
  <si>
    <t>健保署,戴口罩,北捷,員工,中央流行疫情指揮中心</t>
  </si>
  <si>
    <t>#新冠肺炎#全球,英國,Delta,變種病毒,疫苗</t>
  </si>
  <si>
    <t>黃子佼,吃飯,小甜甜,鍾欣凌,新冠肺炎</t>
  </si>
  <si>
    <t>電視台,播報,新聞,染疫,新冠肺炎</t>
  </si>
  <si>
    <t>街友,確診,台北車站,社會局,採檢</t>
  </si>
  <si>
    <t>機密,預算,新冠肺炎,李貴敏,疫苗採購</t>
  </si>
  <si>
    <t>確診者,社交距離App,接觸,台灣,新冠肺炎</t>
  </si>
  <si>
    <t>大量,上揚,壽險業,新台幣,外匯準備金</t>
  </si>
  <si>
    <t>肺癌,肺炎,Larry King,本月初,節目</t>
  </si>
  <si>
    <t>熱區,防疫中心,侯友宜,新店,永和</t>
  </si>
  <si>
    <t>新冠肺炎,台灣,非法日租套房,觀旅局,輔導</t>
  </si>
  <si>
    <t>新冠肺炎,南韓,Delta,口罩,飛沫</t>
  </si>
  <si>
    <t>八大行業,酒店,解禁,陪侍服務,酒店小姐</t>
  </si>
  <si>
    <t>餐廳,晚餐,觀光飯店,供應,自助餐廳</t>
  </si>
  <si>
    <t>COVAX,6月底,台灣,AZ,疫苗</t>
  </si>
  <si>
    <t>新冠肺炎,台灣,媽媽,中山附醫,寶寶</t>
  </si>
  <si>
    <t>新冠肺炎,集集,火車站,疫情</t>
  </si>
  <si>
    <t>新冠疫情,大陸,美國,葛林斯潘,經濟復甦</t>
  </si>
  <si>
    <t>一隻阿圓,潔哥,阿圓,篩檢,韓國</t>
  </si>
  <si>
    <t>柯文哲,北市,規劃,餓死,疫情</t>
  </si>
  <si>
    <t>廣州,羅斯,無症狀感染,感染,報告</t>
  </si>
  <si>
    <t>醫護人員,劉金枝,西班牙,溫玉霞,新冠肺炎</t>
  </si>
  <si>
    <t>新竹縣,公聽會,場地,焚化爐,蓮花</t>
  </si>
  <si>
    <t>萬華,蘆洲,台灣大哥大,暫停營業,遠傳電信</t>
  </si>
  <si>
    <t>FDI,外國直接投資,新興國家,GDP,經濟體</t>
  </si>
  <si>
    <t>囤糧,先屯個,國人,網友,新冠肺炎</t>
  </si>
  <si>
    <t>香港,旅遊業,假期,旅遊,五一假期</t>
  </si>
  <si>
    <t>隋棠,溫昇豪,新冠肺炎,武漢肺炎,新型冠狀病毒</t>
  </si>
  <si>
    <t>羅友志,李懷仁,中央疫情指揮中心,記者會,1922</t>
  </si>
  <si>
    <t>成長,網通,肺炎,訂單能見度,樂觀</t>
  </si>
  <si>
    <t>特力,新零售,全球,東南亞,貿易</t>
  </si>
  <si>
    <t>新冠肺炎,台灣,戶外篩檢站,臺北榮總,微風慈善基金會</t>
  </si>
  <si>
    <t>台鋁,MLD影城,秀泰影城,停業,新冠肺炎</t>
  </si>
  <si>
    <t>黃偉哲,台灣,新冠肺炎,疫情,零確診</t>
  </si>
  <si>
    <t>新零售,互動,淘帝-KY,童裝,TOPBI</t>
  </si>
  <si>
    <t>生產,口罩, 武漢肺炎,新冠肺炎,新型冠狀病毒</t>
  </si>
  <si>
    <t xml:space="preserve"> 新冠肺炎,台灣,陳時中,春節期間,12月</t>
  </si>
  <si>
    <t>新冠肺炎,台灣,潮州,確診,化學兵</t>
  </si>
  <si>
    <t>北韓,糧食短缺,新冠肺炎,貿易,天災</t>
  </si>
  <si>
    <t>幼兒園,負責人,自主健康管理,新冠肺炎,台灣</t>
  </si>
  <si>
    <t>新冠肺炎,台灣,北市,16,職場</t>
  </si>
  <si>
    <t>大立光,台積電,聯發科,盛群,松翰</t>
  </si>
  <si>
    <t>莫德納,陳時中,分配,10萬劑,新冠肺炎</t>
  </si>
  <si>
    <t>禾馨,疫苗,對話紀錄,衛生局,台北市</t>
  </si>
  <si>
    <t>新冠肺炎,台灣,矽格,快篩,防疫</t>
  </si>
  <si>
    <t>新冠肺炎,疫情,美國,紐西蘭,蘇格蘭</t>
  </si>
  <si>
    <t>新冠肺炎,台灣,  停課,李德維,高三生</t>
  </si>
  <si>
    <t>新冠肺炎,鹽田港,塞港,長賜輪</t>
  </si>
  <si>
    <t>大相撲,橫綱,白鵬,大關,橫綱</t>
  </si>
  <si>
    <t>新冠肺炎,台灣,駕駛,客運業,班車</t>
  </si>
  <si>
    <t>全球,大量,訊舟,康全電訊,康全</t>
  </si>
  <si>
    <t>案59,停課,北部高中生,eMask,家樂福</t>
  </si>
  <si>
    <t>新冠肺炎,台灣,隔板,小吃,5日</t>
  </si>
  <si>
    <t>台電大樓,群聚感染,陳時中,最新說明,新冠肺炎</t>
  </si>
  <si>
    <t>新冠肺炎,韓國瑜,封城秀急,封城,兵推演練</t>
  </si>
  <si>
    <t>新冠肺炎,武漢肺炎,新型冠狀病毒,台灣,據點</t>
  </si>
  <si>
    <t>河豚,安倍,業者,網友,日本</t>
  </si>
  <si>
    <t>美日印澳,四國會議,外交部長,中印衝突,新冠疫情</t>
  </si>
  <si>
    <t>新冠肺炎,確診,孟加拉,武漢肺炎,新型冠狀病毒</t>
  </si>
  <si>
    <t>新冠肺炎,全球,斯里蘭卡,線上授課,兒童</t>
  </si>
  <si>
    <t>疫苗,企業,造冊,新冠肺炎,台灣</t>
  </si>
  <si>
    <t>鈺太,廣達,NB,TWS,無線藍牙耳機</t>
  </si>
  <si>
    <t>高力國際,飯店業,亞太區,復甦,展望</t>
  </si>
  <si>
    <t>馬光,雲端問診,天津,新加坡,新冠肺炎</t>
  </si>
  <si>
    <t>檢測,湖人,庫克,球員,陰性</t>
  </si>
  <si>
    <t>新冠肺炎,台灣,全國,台電,異地辦公</t>
  </si>
  <si>
    <t>終結,疫苗,國家隊,肺炎,研發</t>
  </si>
  <si>
    <t>殯葬業,新冠肺炎,前立委,黃適卓,台灣</t>
  </si>
  <si>
    <t>美國,新冠肺炎,川普,20萬,死亡</t>
  </si>
  <si>
    <t>新冠肺炎,武漢肺炎,新型冠狀病毒,台灣,房型</t>
  </si>
  <si>
    <t>新冠肺炎,台灣,雲林,境外,疫苗</t>
  </si>
  <si>
    <t>壽險業,少了,債券,新台幣,減碼</t>
  </si>
  <si>
    <t>馬林魚,洋基,大都會,MLB,大聯盟</t>
  </si>
  <si>
    <t>確診,桃園,洗車場,足跡,郵局</t>
  </si>
  <si>
    <t>新冠肺炎,台灣,高雄,確診,疫情</t>
  </si>
  <si>
    <t>紅十字,紅十字會,中華民國,中華,民國</t>
  </si>
  <si>
    <t>新冠肺炎,台灣,莫德納,陳時中,高端疫苗</t>
  </si>
  <si>
    <t>滁州,線材廠,線材,大陸,增設</t>
  </si>
  <si>
    <t>#新冠肺炎#全球,日本,莫德納,疫苗,雜質</t>
  </si>
  <si>
    <t>陰性,進行,北科附工,PCR,桃園</t>
  </si>
  <si>
    <t>帛琉,旅遊泡泡,陳時中,新冠肺炎</t>
  </si>
  <si>
    <t>境外移入病例,指揮中心,1400,臨時記者會,新冠肺炎</t>
  </si>
  <si>
    <t>事欣科,營收,低點,恩德,總格</t>
  </si>
  <si>
    <t>新冠肺炎,新型冠狀病毒,武漢肺炎,NCP,台灣</t>
  </si>
  <si>
    <t>維多利亞省,新南威爾斯省,澳洲,關閉,死亡病例</t>
  </si>
  <si>
    <t>高端,混打,莫德納,心肌炎,新冠肺炎</t>
  </si>
  <si>
    <t>典範,世界,臺灣,大陸,新冠肺炎</t>
  </si>
  <si>
    <t>新冠肺炎,武漢肺炎,新型冠狀病毒,台灣,菜園</t>
  </si>
  <si>
    <t>防疫,機構,兵棋,新冠肺炎,疫情.新型冠狀病毒</t>
  </si>
  <si>
    <t>謝長廷,鑽石公主號,旅客,新冠肺炎,新型冠狀病毒</t>
  </si>
  <si>
    <t>比基尼,口罩,浪費,網友,越南</t>
  </si>
  <si>
    <t>新冠肺炎,台灣,南科,市府,調查</t>
  </si>
  <si>
    <t>新冠肺炎,台灣,大量,全國,訓練</t>
  </si>
  <si>
    <t>馬斯克,兩次,4次,新冠檢測,推文</t>
  </si>
  <si>
    <t>世衛,緊急事件,國際,關注,公共衛生</t>
  </si>
  <si>
    <t>蔡明興,富邦金,新冠肺炎,台灣,翁美慧</t>
  </si>
  <si>
    <t>防疫,醫師,民眾,雙手,新冠肺炎</t>
  </si>
  <si>
    <t>新冠肺炎,境外移入,指揮中心,疫情</t>
  </si>
  <si>
    <t>出院,兩名,駐日代表處,確診感染,採檢</t>
  </si>
  <si>
    <t>疾管家,陳其邁,LINE,疾管署,本尊</t>
  </si>
  <si>
    <t>小甜甜,開銷,20萬,月開銷,房貸</t>
  </si>
  <si>
    <t>湖北,黃石港區,新冠肺炎,大陸</t>
  </si>
  <si>
    <t>疫情,新冠肺炎,應召,賣淫,博弈</t>
  </si>
  <si>
    <t>拜登,川普,美國,肺炎,勝選</t>
  </si>
  <si>
    <t>六輕,確診,快篩,高雄,雲林</t>
  </si>
  <si>
    <t>陳時中,境外移入,社區傳播,宣布,防疫</t>
  </si>
  <si>
    <t>偵測,公共衛生,挑戰,疫苗,台灣</t>
  </si>
  <si>
    <t>東奧,新冠疫苗,AZ疫苗,即時報導,新冠肺炎</t>
  </si>
  <si>
    <t>人員,地區,健康監測,大陸,新冠肺炎</t>
  </si>
  <si>
    <t>弘光科大,內輪差,交通,宣導,新生</t>
  </si>
  <si>
    <t>半導體,12吋,晶圓,新冠肺炎,NB</t>
  </si>
  <si>
    <t>機組員,疫苗,第三劑,民航局,國籍航空</t>
  </si>
  <si>
    <t>兒童,家扶,家扶基金會,全球,基金會</t>
  </si>
  <si>
    <t>孟國夫婦,確診,生活,新冠肺炎,防護衣</t>
  </si>
  <si>
    <t>楊梅,NOVA,市場,全聯,愛買</t>
  </si>
  <si>
    <t>新冠肺炎,新型冠狀病毒,武漢肺炎,COVID-19.鐵腕,執法</t>
  </si>
  <si>
    <t>個案,香港,情況,停課,群組</t>
  </si>
  <si>
    <t>新冠肺炎,台灣,外籍移工,苗栗,確診</t>
  </si>
  <si>
    <t>餐廳,微解封,外帶,內用,台南市</t>
  </si>
  <si>
    <t>北市刑大,小隊長,林姓小隊長,新冠肺炎,台灣</t>
  </si>
  <si>
    <t>確診,死亡,張上淳,病理解剖,SARS</t>
  </si>
  <si>
    <t>新冠肺炎,居家檢疫,防疫,車隊</t>
  </si>
  <si>
    <t>點燈節,光明,緬甸,祈福,活動</t>
  </si>
  <si>
    <t>高端,AZ,混打,接種,2劑</t>
  </si>
  <si>
    <t>證交所,股東常會,延到,新冠肺炎,日召開董事會</t>
  </si>
  <si>
    <t>美國,川普,新冠肺炎,檢測量</t>
  </si>
  <si>
    <t>高端,混打,莫德納,BNT,新冠肺炎</t>
  </si>
  <si>
    <t>新冠肺炎,台灣,感冒,過敏,徐嘉賢</t>
  </si>
  <si>
    <t>新冠肺炎,疫情,解禁,出國,旅遊</t>
  </si>
  <si>
    <t>新冠肺炎,台灣,確診,探視,新竹市</t>
  </si>
  <si>
    <t>新冠肺炎,台灣,疫情,傳統市場,蔡英文</t>
  </si>
  <si>
    <t>新冠肺炎,武漢肺炎,RaTG13,武漢,病毒</t>
  </si>
  <si>
    <t xml:space="preserve">林彥汝,華視女主播一家三口確診,新冠肺炎,台灣, </t>
  </si>
  <si>
    <t>俄羅斯,氣象主播,茱可娃,透視裝,透視防護服</t>
  </si>
  <si>
    <t>紓困方案,新冠肺炎,冠狀病毒,聯邦準備理事會,經濟振興</t>
  </si>
  <si>
    <t>彰化,足跡,葡萄盤商,衛生局,匡列</t>
  </si>
  <si>
    <t>新冠肺炎,台灣,採檢,防疫旅館,黃珊珊</t>
  </si>
  <si>
    <t>超微,市占率,新高,架構,積電</t>
  </si>
  <si>
    <t>新冠肺炎,台灣,遠距,醫護人員,行動醫療</t>
  </si>
  <si>
    <t>新冠肺炎,台灣,  林思銘,疫苗,消防隊員</t>
  </si>
  <si>
    <t>解封,三級警戒,北捷,台北捷運,人潮</t>
  </si>
  <si>
    <t>美國,失業補助.新冠肺炎,疫情,就業市場</t>
  </si>
  <si>
    <t>全球,全台,全國,陳時中,指揮中心</t>
  </si>
  <si>
    <t>美國,肺炎,大學,國際學生,澳洲</t>
  </si>
  <si>
    <t>陳時中,出國旅遊,屏東,墾丁,武漢肺炎</t>
  </si>
  <si>
    <t>菲律賓,發燒,案476,返台,新冠肺炎</t>
  </si>
  <si>
    <t>連三天,說明,維持,+0,指揮中心</t>
  </si>
  <si>
    <t>新冠肺炎,武漢肺炎,新型冠狀病毒,台灣,職棒</t>
  </si>
  <si>
    <t>黃偉哲,新冠肺炎,武漢肺炎,COVID-19,新型冠狀病毒</t>
  </si>
  <si>
    <t>劉寶傑,陳時中,柯文哲,關鍵時刻,新冠肺炎</t>
  </si>
  <si>
    <t>肺炎,產能,分析師,三星,韓國</t>
  </si>
  <si>
    <t>捕手,蓋拉格,皇家,裴瑞茲,美國</t>
  </si>
  <si>
    <t>利差水準,鋒裕匯理,水準,正報酬機率,國家</t>
  </si>
  <si>
    <t>厚勞省,乘客,返家,外出,健康卡</t>
  </si>
  <si>
    <t>法國,駐外人員,證實,確診,4月</t>
  </si>
  <si>
    <t>解封,尾聲,不明感染源,疫情,微解封</t>
  </si>
  <si>
    <t>拔管,插管,重症,新冠肺炎,台灣</t>
  </si>
  <si>
    <t>王文淵,台塑,紡織展,新冠肺炎,美中貿易</t>
  </si>
  <si>
    <t>健保,彼岸,羨慕,肺炎,大馬</t>
  </si>
  <si>
    <t>新冠肺炎,疫情,優遊,台中學,防疫</t>
  </si>
  <si>
    <t xml:space="preserve"> 新冠肺炎,台灣,診所,醫療院所,台東縣</t>
  </si>
  <si>
    <t>新冠肺炎,柯文哲,武漢,台北市,CDC</t>
  </si>
  <si>
    <t>黃秋生,港星,台灣,特權,入境</t>
  </si>
  <si>
    <t>徐之強,央行,台灣經濟成長,美國,肺炎</t>
  </si>
  <si>
    <t>張麗善,新冠肺炎,台灣</t>
  </si>
  <si>
    <t>新冠肺炎,CONID-19,武漢肺炎,新型冠狀病毒,莊競程</t>
  </si>
  <si>
    <t>無知,蘇貞昌,葉元之,新冠肺炎,蔡英文</t>
  </si>
  <si>
    <t>研勤,新冠肺炎,行車紀錄器,人臉辨識,Face8台灣臉霸</t>
  </si>
  <si>
    <t>紓困,條文,條例,特別,特別條例</t>
  </si>
  <si>
    <t>Covaxin,臨床實驗,首款,印度,疫苗</t>
  </si>
  <si>
    <t>新冠肺炎,台灣,機師</t>
  </si>
  <si>
    <t>日本,公務員,加班,過勞,新冠肺炎</t>
  </si>
  <si>
    <t>疫情,場所,口罩,措施,管制</t>
  </si>
  <si>
    <t>101歲,這位,康復出院,醫院,荷蘭</t>
  </si>
  <si>
    <t>N95,口罩,蘇一峰,導致,負擔</t>
  </si>
  <si>
    <t>林右昌,基隆,新冠肺炎,台灣,施打</t>
  </si>
  <si>
    <t>振興券,三倍券,行政院,電商,紓困</t>
  </si>
  <si>
    <t>新冠肺炎,台灣,林秉樞,禾馨,護理師</t>
  </si>
  <si>
    <t>一批,拉警報,資金,壓力,新措施</t>
  </si>
  <si>
    <t>機師,檢疫,加嚴,Delta,機組員</t>
  </si>
  <si>
    <t>埼玉縣,確診,在家療養,患者,輕症</t>
  </si>
  <si>
    <t>腳趾,出現,新冠病毒,症狀,病變</t>
  </si>
  <si>
    <t>群組,肺炎,檢測,疫情,林建岳</t>
  </si>
  <si>
    <t>美食-KY,85度C,營收,低點,中國</t>
  </si>
  <si>
    <t>安心,全台,新安東京海上產險,住院,御守</t>
  </si>
  <si>
    <t>解封,義大利,新冠肺炎,疫情</t>
  </si>
  <si>
    <t>川普,美國,新冠肺炎,疫情</t>
  </si>
  <si>
    <t>#新冠肺炎#全球,佛奇,Omicron,變異株,美國</t>
  </si>
  <si>
    <t>藥品,瑞德,美國,肺炎,申請</t>
  </si>
  <si>
    <t>CBA,北京首鋼,大陸,賽區,北控</t>
  </si>
  <si>
    <t>夜市,擺攤,生意,老闆,三級警戒</t>
  </si>
  <si>
    <t>各部會,肺炎,指揮官,提升,一級</t>
  </si>
  <si>
    <t>科興,接種年齡,接種,兒童接種,1億</t>
  </si>
  <si>
    <t>新冠肺炎,台灣,居家隔離,清運,垃圾包</t>
  </si>
  <si>
    <t>新冠肺炎,台灣,確診,老年人,死亡</t>
  </si>
  <si>
    <t>羅智強,大陸,台灣,武漢肺炎,新冠肺炎</t>
  </si>
  <si>
    <t>案393,案384,旅美夫婦,腹瀉,指揮中心</t>
  </si>
  <si>
    <t>WHO,WHA,新冠肺炎,武漢肺炎,中國大陸</t>
  </si>
  <si>
    <t>美國,醫院,高中,新冠肺炎,教師</t>
  </si>
  <si>
    <t>阿南德,5件事,瑜珈,印度,神童</t>
  </si>
  <si>
    <t>施打,長者,新北市,新北,衛生局長</t>
  </si>
  <si>
    <t>薪資,減少,申請,生活補貼,1萬元</t>
  </si>
  <si>
    <t>武漢肺炎,新型冠狀病毒,新冠肺炎,日本,東京</t>
  </si>
  <si>
    <t>新冠肺炎,台灣,疫苗,保護力</t>
  </si>
  <si>
    <t>列管,新興毒品,死亡,控制,施用</t>
  </si>
  <si>
    <t>高端,混打,高端疫苗,輝瑞／BNT,新冠疫苗</t>
  </si>
  <si>
    <t>內用,1922,確診,Dcard,網友</t>
  </si>
  <si>
    <t>接種,香港,疫苗,新冠肺炎,打針</t>
  </si>
  <si>
    <t>機密,疫苗,肺炎,駭客,NCSC</t>
  </si>
  <si>
    <t>全台確診分布,六都,確診,新北市,桃園市</t>
  </si>
  <si>
    <t>外出旅遊,旅遊,美國,AAA,肺炎</t>
  </si>
  <si>
    <t>美國,白人,婦人,新冠肺炎,肺炎</t>
  </si>
  <si>
    <t>假訊息,特別,刑事局,假消息,嚴辦</t>
  </si>
  <si>
    <t>AZ疫苗,新冠肺炎,接種,副作用,懶人包</t>
  </si>
  <si>
    <t>新冠疫苗,莫德納,腫塊,腋下,乳癌</t>
  </si>
  <si>
    <t>新冠肺炎,機師,台女,本土,廣達</t>
  </si>
  <si>
    <t>唐鳳,新冠肺炎,武漢肺炎,新型冠狀病毒,NCP</t>
  </si>
  <si>
    <t>匡列,廚師,新冠肺炎,台灣,兄弟大飯店</t>
  </si>
  <si>
    <t>高端疫苗,預約截止,混打,效力,台灣</t>
  </si>
  <si>
    <t>新冠肺炎,日盛上選基金,美股,張亞瑋,供應鏈</t>
  </si>
  <si>
    <t>英國,新冠疫苗,新冠肺炎,死亡數,接種</t>
  </si>
  <si>
    <t>睽違,歡笑,兒童新樂園,有條件開放,降級</t>
  </si>
  <si>
    <t>公寓,開趴,狂歡,大白天,管制令</t>
  </si>
  <si>
    <t>川普,拜登,美國,大選,總統</t>
  </si>
  <si>
    <t>鈺齊,營運,傳產,肺炎,大股東</t>
  </si>
  <si>
    <t>心悅生醫,SND13,新藥,精神分裂症,肺炎</t>
  </si>
  <si>
    <t>馬克宏,確診新冠肺炎,法國總統馬克宏,辦公室,新冠肺炎檢測</t>
  </si>
  <si>
    <t>康復者,血清,張上淳,新冠肺炎,武漢肺炎</t>
  </si>
  <si>
    <t>新冠肺炎,台灣,24萬,抵台,陳宗彥</t>
  </si>
  <si>
    <t>台灣化學產業協會,TCIA,獲得,肺炎,分享</t>
  </si>
  <si>
    <t>瑞基,大陸,肺炎,開發,分鐘</t>
  </si>
  <si>
    <t>新冠肺炎,台灣,傳統市場,侯友宜,跟進</t>
  </si>
  <si>
    <t>補助,新冠肺炎,紓困4.0,陳明文,疫情</t>
  </si>
  <si>
    <t>酒店妹,酒客,O距離接觸,中央疫情防治中心,新冠肺炎</t>
  </si>
  <si>
    <t>境外生,潘文忠,疫情,境外,新冠肺炎</t>
  </si>
  <si>
    <t>台灣鋼鐵集團,扣件線材大廠,春日機械,春雨,新冠肺炎</t>
  </si>
  <si>
    <t>Google,搜尋,新冠肺炎,COVID-19,在地</t>
  </si>
  <si>
    <t>特效藥,新冠口服藥,默沙東,經濟日報,終結者</t>
  </si>
  <si>
    <t>烏克蘭,新冠肺炎,衛生部,庫辛</t>
  </si>
  <si>
    <t>新冠肺炎,武漢肺炎,新型冠狀病毒,大陸,牛奶</t>
  </si>
  <si>
    <t>復工,族群,疫情,產業趨勢,新冠肺炎</t>
  </si>
  <si>
    <t>系統,聯合,互動,新零售,勤業眾信</t>
  </si>
  <si>
    <t>安全,傳染性,疫苗,肺炎,張文</t>
  </si>
  <si>
    <t>台指期,電子期,金融期,疫苗,新冠肺炎</t>
  </si>
  <si>
    <t>五倍券,振興五倍券,數位券,紙本券,新冠肺炎</t>
  </si>
  <si>
    <t>新冠肺炎,台灣,居家隔離,徐國勇</t>
  </si>
  <si>
    <t>醫療,工作,人員,標準,醫護人員</t>
  </si>
  <si>
    <t>新冠肺炎,台灣,端午節,北高雄家扶中心,弱勢家庭</t>
  </si>
  <si>
    <t>行政院,蘇貞昌,新冠肺炎,防治,紓困</t>
  </si>
  <si>
    <t>呼吸器,張上淳,病例,脫離,新冠肺炎</t>
  </si>
  <si>
    <t>章子怡,國際巨星,汪峰,二胎,復工</t>
  </si>
  <si>
    <t>女研究人員,本土,確診,實驗室,Delta</t>
  </si>
  <si>
    <t>新冠肺炎,血氧機,監測,隱形缺氧,心跳</t>
  </si>
  <si>
    <t>新冠肺炎,武漢肺炎˙,COVID-19,台灣,新型冠狀病毒</t>
  </si>
  <si>
    <t>東京奧運,東京都,新冠肺炎,疫情</t>
  </si>
  <si>
    <t>台科大,學生確診,新冠肺炎,台灣</t>
  </si>
  <si>
    <t>甲魚,新冠肺炎,COVID-19,武漢肺炎,新型冠狀病毒</t>
  </si>
  <si>
    <t>等待期,保戶,醫療險,住院,新冠肺炎</t>
  </si>
  <si>
    <t>死亡案例,確診,張鴻仁,收治,感染者</t>
  </si>
  <si>
    <t>新冠肺炎,台灣,嘉義,5月,確診</t>
  </si>
  <si>
    <t>美國,新冠肺炎,疫情,失業,經濟</t>
  </si>
  <si>
    <t>米契爾,確診,新冠肺炎,隊友,隔離</t>
  </si>
  <si>
    <t>莫德納,7萬劑,到期.陳時中,接種,計畫</t>
  </si>
  <si>
    <t>大陸,新冠肺炎,全球,武漢肺炎,COVID-19</t>
  </si>
  <si>
    <t>教育部,停辦,競賽,家長,決賽</t>
  </si>
  <si>
    <t>美股,新冠肺炎,武漢肺炎,道瓊,CDC</t>
  </si>
  <si>
    <t>台股,新冠肺炎,富蘭克林華美,周書玄,重啟封城</t>
  </si>
  <si>
    <t>採檢,入住,鑽石公主號,檢疫,肺炎</t>
  </si>
  <si>
    <t>＃武漢肺炎 ＃新形冠狀病毒 ＃新冠肺炎,NCP,COVID-19,疾管署,台中市警局第三分局</t>
  </si>
  <si>
    <t>打疫苗,接種站,新冠疫苗,新冠肺炎,台灣</t>
  </si>
  <si>
    <t>壽山動物園,假日,疫情,消毒,新冠肺炎</t>
  </si>
  <si>
    <t>#新冠肺炎#全球,美國,新英格蘭,模範生,防疫</t>
  </si>
  <si>
    <t>改革創新,雲南,投資,省市,總投資</t>
  </si>
  <si>
    <t>新冠肺炎,台灣,篩檢,不斷,控制疫情</t>
  </si>
  <si>
    <t>新冠肺炎,台灣,郭正亮,陳時中,快篩</t>
  </si>
  <si>
    <t>兩黨,共和黨,美國,肺炎,參議院</t>
  </si>
  <si>
    <t>新冠肺炎,兩岸,發現,大規模,核酸檢測</t>
  </si>
  <si>
    <t>新冠肺炎,武漢肺炎,新型冠狀病毒,台灣,漂白水</t>
  </si>
  <si>
    <t>鄭麗文,陳時中,疫苗,BNT,新冠肺炎</t>
  </si>
  <si>
    <t>新冠肺炎,武漢肺炎,新型冠狀病毒,NCP,台商</t>
  </si>
  <si>
    <t>藝人,新天地,信徒,新天地教會,李東旭</t>
  </si>
  <si>
    <t>地板,掃拖,新品,米粉節,直降</t>
  </si>
  <si>
    <t>借閱,借書,市民,最愛,市圖</t>
  </si>
  <si>
    <t>血友病童,母子,隔離,生活,台灣</t>
  </si>
  <si>
    <t>美股,期貨,指數,新冠肺炎,疫苖</t>
  </si>
  <si>
    <t>北漂男,屏東奔喪,父親過世,正義魔人,新冠肺炎</t>
  </si>
  <si>
    <t>林東京,居家檢疫,新竹,重罰,身家</t>
  </si>
  <si>
    <t>BNT,陳時中,青少年,下波,年齡層</t>
  </si>
  <si>
    <t>環南市場,群聚,Delta,基因定序,PCR</t>
  </si>
  <si>
    <t>AZ疫苗,疑似嚴重過敏反應,不良反應,新冠肺炎</t>
  </si>
  <si>
    <t>8旬老婦,確診,染疫,本土,新冠肺炎</t>
  </si>
  <si>
    <t>新冠肺炎,屏東,確診,境外移入,負壓隔離病房</t>
  </si>
  <si>
    <t>防彈少年團,BTS,演唱會,粉絲,官方推特</t>
  </si>
  <si>
    <t>國際民航組織 #新冠肺炎 #全球 #日本 #疫情</t>
  </si>
  <si>
    <t>全台,葡萄王,營養品,能量飲料,新冠肺炎</t>
  </si>
  <si>
    <t>李心潔,馬來西亞,全國封鎖,無限期延長,新冠肺炎</t>
  </si>
  <si>
    <t>新冠肺炎,台灣,校正回歸,確診,苗栗縣</t>
  </si>
  <si>
    <t>今健康,黃軒,新冠疫苗,新冠肺炎,疫苗</t>
  </si>
  <si>
    <t>保單,施打,承保,將有,新冠肺炎疫苗</t>
  </si>
  <si>
    <t>施打,配發,疫苗,台灣,新冠肺炎</t>
  </si>
  <si>
    <t>董事長樂團,王斯禹,戴祖雄,洛客班,官靈芝</t>
  </si>
  <si>
    <t>巴西,央行,降息,新冠肺炎,疫情</t>
  </si>
  <si>
    <t>北市府,快篩,PCR,同仁,產發局</t>
  </si>
  <si>
    <t>金管會,集保,集保結算所,上市,上櫃</t>
  </si>
  <si>
    <t>美國,醫院,肺炎,紐約市,紐約</t>
  </si>
  <si>
    <t>春節,檢疫,放寬,10+4,7+7</t>
  </si>
  <si>
    <t>施打,AZ,疫苗,新冠肺炎,自費</t>
  </si>
  <si>
    <t>出國,火葬場,境外移入,新冠肺炎,武漢肺炎</t>
  </si>
  <si>
    <t>穩定,肺炎,阮清華,進場護盤,因應</t>
  </si>
  <si>
    <t>大陸,病毒,Delta,南京,新冠肺炎</t>
  </si>
  <si>
    <t>吳鳳,疫情,陽明山,車潮,新冠肺炎</t>
  </si>
  <si>
    <t>美國,零售業,員工,疫情,全美</t>
  </si>
  <si>
    <t>武漢肺炎,新冠肺炎,新型冠狀病毒,NCP,大陸</t>
  </si>
  <si>
    <t>肺炎,美股,韓國,跡象,疫情</t>
  </si>
  <si>
    <t>新冠肺炎,國家,疫苗,加強,持續</t>
  </si>
  <si>
    <t>新冠肺炎,新型冠狀病毒,台灣,日本,旅遊警示</t>
  </si>
  <si>
    <t>指揮中心,新冠肺炎,境外移入,確診</t>
  </si>
  <si>
    <t>新冠肺炎,確診,無症狀感染者,廣東,大陸</t>
  </si>
  <si>
    <t>新冠肺炎,武漢肺炎,COVID-19,新型冠狀病毒,柯文哲</t>
  </si>
  <si>
    <t>台灣,新冠肺炎,信義區,長輩,疫苗</t>
  </si>
  <si>
    <t>新冠肺炎,疫情,紓困,振興,新竹市</t>
  </si>
  <si>
    <t>自我保護,布口罩,鼓勵學生,肺炎,原訂</t>
  </si>
  <si>
    <t>新北市,護理之家,醫院,侯友宜,新冠肺炎</t>
  </si>
  <si>
    <t>清明連假,中央流行疫情指揮中心,11個國家級警報景點,蔡依林,虎頭埤</t>
  </si>
  <si>
    <t>新冠肺炎,台灣,學生,教育部,確診</t>
  </si>
  <si>
    <t>中輟生,桃園,線上教學,新冠肺炎,台灣</t>
  </si>
  <si>
    <t>黃少谷,疫情,林采薇,新冠肺炎,台灣</t>
  </si>
  <si>
    <t>新冠肺炎,台灣,說明會,疫情,新北</t>
  </si>
  <si>
    <t>武漢肺炎,新型冠狀病毒,全球,達美航空,夏威夷航空</t>
  </si>
  <si>
    <t>國防部,新冠肺炎,肺炎,群聚感染,敦睦艦隊</t>
  </si>
  <si>
    <t>美國,開學,學生,感染,新冠肺炎</t>
  </si>
  <si>
    <t>遠距,新經濟,美國,資金,技術</t>
  </si>
  <si>
    <t>新冠肺炎,防疫,超前部署,蔡正元,柯文哲</t>
  </si>
  <si>
    <t>新冠肺炎,武漢肺炎,新型冠狀病毒,台灣,司機</t>
  </si>
  <si>
    <t>新冠肺炎,個案,足跡,清消,錢都</t>
  </si>
  <si>
    <t>新冠肺炎,台灣,清水,確診,5人</t>
  </si>
  <si>
    <t>防疫,荷蘭,考慮,新冠肺炎,住院人數</t>
  </si>
  <si>
    <t>印度神童,阿南德,預言,新冠肺炎,台灣</t>
  </si>
  <si>
    <t>隆達,全球,LED,UVC,封裝</t>
  </si>
  <si>
    <t>病例,寧波市,感染,新冠肺炎,武漢肺炎</t>
  </si>
  <si>
    <t>混打,預約,莫德納,BNT,台灣</t>
  </si>
  <si>
    <t>金在中,假消息,愚人節,確診,有期徒刑</t>
  </si>
  <si>
    <t>新冠肺炎,大陸,篩查,茂盛,新冠</t>
  </si>
  <si>
    <t>三級警戒,降級,指標,方法,新冠肺炎</t>
  </si>
  <si>
    <t>澳洲,20,婚禮,35,確診，新冠肺炎，群聚感染</t>
  </si>
  <si>
    <t>新冠肺炎病毒,西班牙,巴塞隆那大學,廢水,巴西</t>
  </si>
  <si>
    <t>發炎,副作用,budesonide,病毒,呼吸</t>
  </si>
  <si>
    <t>慈濟大學,慈濟醫院,肺結核,肺炎,安排</t>
  </si>
  <si>
    <t>李愛綺,李愛綺健身房,紓困,新冠肺炎,三級警戒</t>
  </si>
  <si>
    <t>幼兒園,埃及爸,Delta變異株,疫調,江守山</t>
  </si>
  <si>
    <t>新冠肺炎,台灣,基隆,醫護人員,施打疫苗</t>
  </si>
  <si>
    <t>威潤,UV1,新冠肺炎,紫外線,敏盛醫院 高通</t>
  </si>
  <si>
    <t>採檢,醫院,篩檢,輕症,傳播</t>
  </si>
  <si>
    <t>降息,肺炎,美股,台股,暴跌</t>
  </si>
  <si>
    <t>實驗室,陳宜民,中研院,新冠肺炎,台灣</t>
  </si>
  <si>
    <t>學生,北市,台灣,BNT,新冠肺炎</t>
  </si>
  <si>
    <t>景氣,樂觀,指數,最大跌幅,受訪</t>
  </si>
  <si>
    <t>防疫,超模,Naomi,Campbell,新冠肺炎</t>
  </si>
  <si>
    <t>潔哥,口罩,疫情,新冠肺炎</t>
  </si>
  <si>
    <t>310人,新北市,確診,板橋,長照機構</t>
  </si>
  <si>
    <t>武漢肺炎,新冠肺炎,新型冠狀病毒,台灣,大陸</t>
  </si>
  <si>
    <t>台股,有望,被動元件族群,本周,肺炎</t>
  </si>
  <si>
    <t>接種,疫苗,死亡,台灣,新冠肺炎</t>
  </si>
  <si>
    <t>香港,肺炎,病毒,宿主,冠狀病毒</t>
  </si>
  <si>
    <t>獲得,肺炎,DRAM,中低價,華邦電</t>
  </si>
  <si>
    <t>仁惠醫院,隱匿,賭場,高市府,確診</t>
  </si>
  <si>
    <t>肺炎,美股,疫情,鮑爾,期貨</t>
  </si>
  <si>
    <t>救命神器,HFNC,陳時中,賈永婕,端午節</t>
  </si>
  <si>
    <t>新冠肺炎,防疫,病毒,學生,免疫力</t>
  </si>
  <si>
    <t>新冠肺炎,侯友宜,柯文哲,陳時中</t>
  </si>
  <si>
    <t>台灣輸出,莊人祥,新冠肺炎確診,台灣,大陸</t>
  </si>
  <si>
    <t>Maitre,兼任,執行長,開賣前,U20</t>
  </si>
  <si>
    <t>紅雀,雙重賽,7局,紅人,海盜</t>
  </si>
  <si>
    <t>肺炎,陳宏益,消毒,清潔隊,疫情</t>
  </si>
  <si>
    <t>新竹縣,案5299,楊文科,確診,足跡</t>
  </si>
  <si>
    <t>Omicron,評估,第3劑,高端疫苗,變異株</t>
  </si>
  <si>
    <t>新冠肺炎,新冠肺炎NCP,台灣,澎湖</t>
  </si>
  <si>
    <t>本錢,危機,台灣,新冠肺炎,武漢肺炎</t>
  </si>
  <si>
    <t xml:space="preserve">張鈞甯,新冠肺炎,台灣, </t>
  </si>
  <si>
    <t>聯詠,歷史新高,AMOLED,IC,第二季營收</t>
  </si>
  <si>
    <t>罷韓,韓國瑜,侯友宜,振興,新冠肺炎</t>
  </si>
  <si>
    <t>新冠肺炎,台灣,防疫假,影響,人數</t>
  </si>
  <si>
    <t>#新冠肺炎#全球,美國,莫德納,罕見血栓,首例</t>
  </si>
  <si>
    <t>武漢肺炎,新型冠狀病毒,全球,美國,確診</t>
  </si>
  <si>
    <t>教育部,宅神朱學恒,紓困,新冠肺炎,新冠病毒</t>
  </si>
  <si>
    <t>普生,全球,檢驗試劑,新冠肺炎,馬來西亞</t>
  </si>
  <si>
    <t>新冠肺炎,大陸,疫苗,生產,多個</t>
  </si>
  <si>
    <t>護理之家,住民,採檢,28日,確診</t>
  </si>
  <si>
    <t>人員,海淀區,確診病例,陽性,12月</t>
  </si>
  <si>
    <t xml:space="preserve">李英宏,李英宏女友,情人節, </t>
  </si>
  <si>
    <t>成長,老化,雍智,歷史新高,測試載板</t>
  </si>
  <si>
    <t>味覺,喪失,國內,返國,採檢</t>
  </si>
  <si>
    <t>台南市議會,國民黨團,新冠肺炎,武漢肺炎,防疫破口</t>
  </si>
  <si>
    <t>香港,大陸,外移,肺炎,全球經濟</t>
  </si>
  <si>
    <t>疫苗預約,第九類,第十類,公費對象,開打</t>
  </si>
  <si>
    <t>下周,降息,肺炎,中國證券報,資金</t>
  </si>
  <si>
    <t>楊培安,郭昱晴,陳時中,蔡政府,新冠肺炎</t>
  </si>
  <si>
    <t>新冠肺炎,台灣,內政部,健保,遷出</t>
  </si>
  <si>
    <t>新冠肺炎,台灣,成功市場,擺攤,確診</t>
  </si>
  <si>
    <t>新冠肺炎,台灣,確診,104,緊急</t>
  </si>
  <si>
    <t>新冠肺炎,台灣,AZ,長者,陳以信</t>
  </si>
  <si>
    <t>提存,衰退,肺炎,OBU,獲利</t>
  </si>
  <si>
    <t>指揮中心,境外移入,新冠肺炎</t>
  </si>
  <si>
    <t>偷打疫苗,疫苗,新冠肺炎,台灣,柯文哲</t>
  </si>
  <si>
    <t>新冠肺炎,台灣, 回歸,校正,數字</t>
  </si>
  <si>
    <t>防疫旅館,醫院,無症狀,柯文哲,新冠肺炎</t>
  </si>
  <si>
    <t>志村健,喜劇泰斗,搞笑,喜劇王,14億</t>
  </si>
  <si>
    <t>周玉蔻,獨家,疫苗,新冠肺炎,AZ</t>
  </si>
  <si>
    <t>大陸,澳洲,北京,閉門羹,新冠肺炎</t>
  </si>
  <si>
    <t>蘿莉塔,囤貨,新冠肺炎,搶購潮,疫情</t>
  </si>
  <si>
    <t>伺服器,網通,肺炎,工業電腦,PCB</t>
  </si>
  <si>
    <t>疫苗涵蓋率,陳時中,達標,疫苗,施打</t>
  </si>
  <si>
    <t>馮迪索,李安,血衛,新冠肺炎,武漢肺炎</t>
  </si>
  <si>
    <t>喬柯維奇,ATP,新冠肺炎,法網,溫布頓</t>
  </si>
  <si>
    <t>新冠肺炎,疫苗,恢復正常,接種,何時正常</t>
  </si>
  <si>
    <t>Lady Gaga,譚德塞,世衛,親善大使,女神卡卡</t>
  </si>
  <si>
    <t>非法移工,陳時中,勞動部,醫院,新冠肺炎</t>
  </si>
  <si>
    <t>莫德納,中風,癱瘓,健康,接種</t>
  </si>
  <si>
    <t>防疫,江宏傑,防疫新生活,桌球好手,樂活</t>
  </si>
  <si>
    <t>檢測碟片,柏勝生技,台灣,丹麥,新冠肺炎</t>
  </si>
  <si>
    <t>營養師,肺炎,醫院,實習,嘉藥</t>
  </si>
  <si>
    <t>AZ疫苗,接種,就醫,嚴重不良事件,門診</t>
  </si>
  <si>
    <t>護理師,雙和醫院,新冠肺炎,韌帶,神經</t>
  </si>
  <si>
    <t>起駕,陳柏惟,媽祖遶境,新冠肺炎,武漢肺炎</t>
  </si>
  <si>
    <t>補習班,防疫,中心,台中市,口罩</t>
  </si>
  <si>
    <t>直擊,兵馬俑,秦陵,考古工作者,新冠肺炎</t>
  </si>
  <si>
    <t>新冠肺炎,武漢肺炎,COVID-19,新型冠狀病毒,杜蕾斯</t>
  </si>
  <si>
    <t>台灣,防疫,鬆懈,崩潰,實況</t>
  </si>
  <si>
    <t>高中生確診,確診,案59,旅遊警示,希臘</t>
  </si>
  <si>
    <t>電子監控,居家隔離,肺炎,檢疫,傳染病</t>
  </si>
  <si>
    <t>Makiyo,新冠肺炎,社區,管理員,確診</t>
  </si>
  <si>
    <t>陰性,採檢,新竹縣,長照中心,匡列</t>
  </si>
  <si>
    <t>台灣,疫情,國際,發言人,肺炎</t>
  </si>
  <si>
    <t>新冠肺炎,武漢肺炎,新型冠狀病毒,台灣,武漢包機</t>
  </si>
  <si>
    <t>新冠肺炎,負面聲量,蔡英文,蘇貞昌,陳冠安</t>
  </si>
  <si>
    <t>黑寡婦,美國,延期,告示牌音樂獎,新冠肺炎</t>
  </si>
  <si>
    <t>星聚點,資遣費,爭議,勞動局,黃琪</t>
  </si>
  <si>
    <t>新冠肺炎</t>
  </si>
  <si>
    <t>防疫保單,千元,住院日額,法定傳染病,新冠肺炎</t>
  </si>
  <si>
    <t>新冠肺炎,疫情,境外移入,指揮中心</t>
  </si>
  <si>
    <t>肺炎,伊朗,庫姆,科威特,關閉</t>
  </si>
  <si>
    <t>新冠肺炎,江守山,感冒,相當,輕忽</t>
  </si>
  <si>
    <t>三重診所,新北,防疫旅館,諾富特,華航</t>
  </si>
  <si>
    <t>高端,入境美國,蔡英文,新冠肺炎,台灣</t>
  </si>
  <si>
    <t>林岱樺,口罩,邱議瑩,新冠肺炎,台灣</t>
  </si>
  <si>
    <t>通道,中國,李克強,湄公河,貿易</t>
  </si>
  <si>
    <t>足球,英超,進行,檢測,新冠肺炎</t>
  </si>
  <si>
    <t>全新,乾杯,乾杯集團,事業,牛肉</t>
  </si>
  <si>
    <t>陽性,確診,居家隔離,京元電子,楊文科</t>
  </si>
  <si>
    <t>員工,肺炎,三星,韓國,折疊機</t>
  </si>
  <si>
    <t>緊急狀態,日本,菅義偉,新冠疫情,確診</t>
  </si>
  <si>
    <t>投票,方案,肺炎,替代,眾議院</t>
  </si>
  <si>
    <t>新竹縣,護理之家,禁止探病</t>
  </si>
  <si>
    <t>觀光,適用,肺炎,經費,振興</t>
  </si>
  <si>
    <t>新冠肺炎,觀光,飯店,遊覽車,紓困</t>
  </si>
  <si>
    <t>中美,封城,美國,肺炎,澳門</t>
  </si>
  <si>
    <t>AIT,確診,油漆工,約翰紅茶,新冠肺炎</t>
  </si>
  <si>
    <t>嘉縣,男子,大林,泡茶,萬華</t>
  </si>
  <si>
    <t>崔碧珈,魔鬼身材,渾圓北半球,噴鼻血,IG</t>
  </si>
  <si>
    <t>封城,肺炎,英國,首相府,相信</t>
  </si>
  <si>
    <t>新冠肺炎,台灣,蘇貞昌,國內,台灣</t>
  </si>
  <si>
    <t>東洋,王鴻薇,陳時中,檢調,內線交易案</t>
  </si>
  <si>
    <t>WHO,川普,譚德塞,大流行,新冠肺炎</t>
  </si>
  <si>
    <t>新冠肺炎,CONID-19,武漢肺炎,新型冠狀病毒,宜蘭</t>
  </si>
  <si>
    <t>疫情,詐騙,行員,肺炎,員警</t>
  </si>
  <si>
    <t>單月歷史新高,自動駕駛,車輛決策控制平台,AMD伺服器</t>
  </si>
  <si>
    <t>新冠肺炎,台灣,連鎖店,7人,違反</t>
  </si>
  <si>
    <t>後續,美國,肺炎,有限,金融</t>
  </si>
  <si>
    <t>印度,莫迪,新冠肺炎,全國,封鎖</t>
  </si>
  <si>
    <t>莫德納,疫苗,新冠肺炎,台灣,接種順序</t>
  </si>
  <si>
    <t>羅蘭,男公關,粉絲,裸照,活著</t>
  </si>
  <si>
    <t>加強版,集中檢疫所,快篩陽性,無症狀,新冠肺炎</t>
  </si>
  <si>
    <t>武漢肺炎,新型冠狀病毒,全球,伊朗,萬人塚</t>
  </si>
  <si>
    <t>最安全國家,以色列,台灣,武漢解封,勞工紓困貸款</t>
  </si>
  <si>
    <t>搭配,瑞德,治療新,效果,肺炎</t>
  </si>
  <si>
    <t>特價,好市多,濕式衛生紙,武漢肺炎,新冠肺炎</t>
  </si>
  <si>
    <t>境外輸入,香港,新冠肺炎,新型冠狀病毒, COVID-19</t>
  </si>
  <si>
    <t>孩子,中心,消毒,早療,早療中心</t>
  </si>
  <si>
    <t>疫苗,輝瑞,BNT,50萬劑,COVAX</t>
  </si>
  <si>
    <t>肺炎,秋冬,快篩,接種,感染</t>
  </si>
  <si>
    <t>孟加拉,確診夫妻,防護衣,莊人祥,指揮中心</t>
  </si>
  <si>
    <t>疫苗,新冠肺炎,台灣,大陸,朱鳳蓮</t>
  </si>
  <si>
    <t>新纖,纖維,聚酯粒,3月,獎勵</t>
  </si>
  <si>
    <t>混打,AZ,接種,兩劑,陳昶宇</t>
  </si>
  <si>
    <t>新冠肺炎,預約,健保快易通,App,疫苗</t>
  </si>
  <si>
    <t>陳時中,鄭麗文,台灣,疫苗,新冠肺炎</t>
  </si>
  <si>
    <t>開放,盧秀燕,新冠肺炎,解封,防疫</t>
  </si>
  <si>
    <t>新冠肺炎,台灣,戶外工作,工人,外送員</t>
  </si>
  <si>
    <t>武漢肺炎,新型冠狀病毒,全球,美國,經濟</t>
  </si>
  <si>
    <t>病例,增加,人數,感染,大邱市</t>
  </si>
  <si>
    <t>法定傳染病,保戶,突發,傷病,新安東京海上產險</t>
  </si>
  <si>
    <t>義工,電視台,PTT,肩膀,香肩</t>
  </si>
  <si>
    <t>停課,傳播,學生,學校,社區</t>
  </si>
  <si>
    <t>黃越綏,館長口頭禪,瓦磘里里長,林綺芳,中和里里長</t>
  </si>
  <si>
    <t>崇越電,殖息率,新冠肺炎</t>
  </si>
  <si>
    <t>蘋果,大立光,玉晶光,台郡,新日興</t>
  </si>
  <si>
    <t>印度,智慧型手機,OPPO,vivo,小米</t>
  </si>
  <si>
    <t>美國,新估,成長率,報告,調高</t>
  </si>
  <si>
    <t>集保,股東會,電子投票,比率,新冠肺炎</t>
  </si>
  <si>
    <t>新冠肺炎,台灣,曹西平</t>
  </si>
  <si>
    <t>旅遊業,國際旅遊組織,新冠肺炎,疫情</t>
  </si>
  <si>
    <t>口罩地圖,號碼牌,口罩實名制,藥局,藥師</t>
  </si>
  <si>
    <t>板橋,清消,社區大樓,解隔離,社區居民</t>
  </si>
  <si>
    <t>搭乘大眾運輸工具,出門,提高,SK858,新光幫我保</t>
  </si>
  <si>
    <t>封城,狀態,新發地,北京,航班取消</t>
  </si>
  <si>
    <t>婦女,新冠肺炎,疫情,家暴,基金會</t>
  </si>
  <si>
    <t>酒測,徐國勇,內政部,蘇貞昌,行政院</t>
  </si>
  <si>
    <t>確診數,收跌,日股,全球新冠肺炎,指數</t>
  </si>
  <si>
    <t>陳薇院士,新冠肺炎疫苗,新冠肺炎,新型冠狀病毒, COVID-19</t>
  </si>
  <si>
    <t>抗體,檢測,感染,病毒,體內</t>
  </si>
  <si>
    <t>友人,確診,二採,陰性,隔離</t>
  </si>
  <si>
    <t>新冠肺炎,台灣,屏東,防疫人員,醫護人員</t>
  </si>
  <si>
    <t>經濟,疫情,消費,主計,主計總處</t>
  </si>
  <si>
    <t>新冠肺炎,防疫,馬文君,移工,開齋節</t>
  </si>
  <si>
    <t>犯罪,網路,肺炎,偵查,疫情</t>
  </si>
  <si>
    <t>食藥署,封緘,AZ疫苗,台灣,新冠肺炎</t>
  </si>
  <si>
    <t>新冠肺炎,台灣</t>
  </si>
  <si>
    <t>AZ,血栓,腦出血,BBC女主播,陳志金</t>
  </si>
  <si>
    <t>請夏,新冠肺炎,確診,治癒,康復</t>
  </si>
  <si>
    <t>集中檢疫所,指揮中心,莊人祥,春節,7+7</t>
  </si>
  <si>
    <t>新冠肺炎,武漢肺炎,新型冠狀病毒,台灣,敦睦艦隊</t>
  </si>
  <si>
    <t>康健雜誌,新冠肺炎,全球,Delta,以色列</t>
  </si>
  <si>
    <t>BNT,心肌炎,副作用,年輕人,老人</t>
  </si>
  <si>
    <t>光良,演唱會,新冠肺炎,武漢肺炎,新型冠狀病毒</t>
  </si>
  <si>
    <t>許珮榆,口罩,正妹,新冠肺炎,武漢肺炎</t>
  </si>
  <si>
    <t>新冠肺炎,台灣,群體免疫,反覆感染,地方性流行病毒</t>
  </si>
  <si>
    <t>新冠肺炎,台灣, 地方政府,採檢,民眾</t>
  </si>
  <si>
    <t>沈富雄,致死率,新冠肺炎,武漢肺炎,新型冠狀病毒</t>
  </si>
  <si>
    <t>吳宇森,新冠肺炎,武漢肺炎,新型冠狀病毒,NCP</t>
  </si>
  <si>
    <t>距離,醫護人員,患者,人員,肺炎</t>
  </si>
  <si>
    <t>新冠病毒,武漢肺炎,全球,義大利,封鎖</t>
  </si>
  <si>
    <t>新冠死亡人數,新冠肺炎,美國醫學會雜誌,WHO,全球新冠死亡</t>
  </si>
  <si>
    <t>研發,肺炎,黃文良,核准,臨床試驗</t>
  </si>
  <si>
    <t>青睞,肺炎,資產,陳建銘,現象</t>
  </si>
  <si>
    <t>東京都,帥哥,北海道,新冠肺炎,保健</t>
  </si>
  <si>
    <t>新冠肺炎,台灣,施打,第一線,執勤員警</t>
  </si>
  <si>
    <t>新冠肺炎,武漢肺炎,新型冠狀病毒,COVID-19,安倍</t>
  </si>
  <si>
    <t>基層醫護,新進老師,疫苗,陳時中,想辦法</t>
  </si>
  <si>
    <t>遠距教學,實體授課,開學,大學,中秋節</t>
  </si>
  <si>
    <t>屏東,新冠肺炎,確診,案號,台灣</t>
  </si>
  <si>
    <t>股市,全球,油價,重挫,新冠肺炎</t>
  </si>
  <si>
    <t>達邦,新單,產能,益生菌,達邦蛋白</t>
  </si>
  <si>
    <t>醫療,英國,服務,保健,醫療保健</t>
  </si>
  <si>
    <t>北市,預約,長者,75歲,接種</t>
  </si>
  <si>
    <t>全球,實施,計劃,疫苗,發展中國家</t>
  </si>
  <si>
    <t>新冠肺炎,大陸,6月,廣州,廣東省</t>
  </si>
  <si>
    <t>確診,接觸者,護理人員,驚悚,肺炎確診</t>
  </si>
  <si>
    <t>精測,營收,成長,同期新高,探針卡</t>
  </si>
  <si>
    <t>BNT,國高中生,12至15歲,意願書,打疫苗</t>
  </si>
  <si>
    <t>新冠肺炎,台灣,縣府,金門,楊鎮浯</t>
  </si>
  <si>
    <t>隔離衣,聚陽,2萬,燒毀,實業</t>
  </si>
  <si>
    <t>市場,13,12日,豐台區,新發</t>
  </si>
  <si>
    <t>新冠肺炎,台灣,長者,北市,AZ</t>
  </si>
  <si>
    <t>台泥,獲利,大陸水泥市場,水泥價,新冠肺炎</t>
  </si>
  <si>
    <t>曾母暗沙,淨土,確診,台灣,南海</t>
  </si>
  <si>
    <t>旅行,川普,美國,英國,武漢肺炎</t>
  </si>
  <si>
    <t>活躍用戶數,雲端,業績,大增,肺炎</t>
  </si>
  <si>
    <t>男大生,發燒,AZ,施打疫苗,新冠肺炎</t>
  </si>
  <si>
    <t>紓困4.0,補助,打工補助,申請,新冠肺炎</t>
  </si>
  <si>
    <t>侯友宜,新北市,確診,防疫車隊,清消</t>
  </si>
  <si>
    <t>入境,美國,出國旅行,完整接種疫苗,小孩</t>
  </si>
  <si>
    <t>口服藥,新冠肺炎,Delta,崔俊明,香港</t>
  </si>
  <si>
    <t>羅比威廉斯,隔離,新冠肺炎,英國,壞小子</t>
  </si>
  <si>
    <t>疫情,龜山,警分局,分局,人員</t>
  </si>
  <si>
    <t>採檢,疫苗,花蓮,感染,突破性</t>
  </si>
  <si>
    <t>好時機,吳思瑤,立委,民進黨立委,民進黨</t>
  </si>
  <si>
    <t>加州,美國,疫苗,肺炎,學區</t>
  </si>
  <si>
    <t>大陸,確診病例,疑似病例,死亡病例,新冠肺炎</t>
  </si>
  <si>
    <t>印尼,藥物,染疫,單日新高,累計</t>
  </si>
  <si>
    <t>輝瑞,疫苗,肺炎,研發,研發疫苗</t>
  </si>
  <si>
    <t>新冠肺炎,武漢肺炎,新型冠狀病毒,COVID-19艾瑞克,川普</t>
  </si>
  <si>
    <t>陳廣中,領域,車用,資料中心,併購</t>
  </si>
  <si>
    <t>亞太電,QRCode,Kono,新冠肺炎,618檔期</t>
  </si>
  <si>
    <t>崇友,新梯,堅尼西斯,公共工程</t>
  </si>
  <si>
    <t>大陸新能源汽車,新能源車企,企業,新能源車,新規</t>
  </si>
  <si>
    <t xml:space="preserve"> 新冠肺炎,台灣,防疫旅館,隔離者,陳麗娜</t>
  </si>
  <si>
    <t>桃園,醫院,疫情,肺炎,2月</t>
  </si>
  <si>
    <t>WHO,譚德塞,立委,世界衛生組織,台灣</t>
  </si>
  <si>
    <t>肺炎,疫情,校園,輔大,師生</t>
  </si>
  <si>
    <t>子瑜,周子瑜,韓國,台灣,TWICE</t>
  </si>
  <si>
    <t>新冠肺炎,思科,遠距上班,惡意軟體,勒索軟體</t>
  </si>
  <si>
    <t>疫苗接種,BNT,北市,北市衛生局,學校</t>
  </si>
  <si>
    <t>DNC,民主黨全國黨代表大會,密爾瓦基,威斯康辛,新冠肺炎</t>
  </si>
  <si>
    <t>雇主,勞動部,肺炎,保單,人險</t>
  </si>
  <si>
    <t>打疫苗,副作用,徐嘉賢,詭異,食慾大開</t>
  </si>
  <si>
    <t>新冠肺炎,台灣,疫苗護照,就會,北市</t>
  </si>
  <si>
    <t>新冠肺炎,疫苗,AZ,爽約,台灣</t>
  </si>
  <si>
    <t>武漢肺炎,新冠肺炎,大陸,確診,海外</t>
  </si>
  <si>
    <t>陳鎮川,張惠妹,新冠肺炎,武漢肺炎,新冠狀病毒</t>
  </si>
  <si>
    <t>新冠肺炎,COVID-19,武漢肺炎,新型冠狀病毒,王國材</t>
  </si>
  <si>
    <t>康健雜誌,蝦紅素,營養,護眼,心血管</t>
  </si>
  <si>
    <t>印尼,境外生,來台唸書,確診,境外移入</t>
  </si>
  <si>
    <t>新冠肺炎,台灣, 涼亭,公園,群聚</t>
  </si>
  <si>
    <t>蘋果,企業,肺炎,微軟,部門</t>
  </si>
  <si>
    <t>貝恩顧問,全球,精品,銷售,崩跌</t>
  </si>
  <si>
    <t>胡淽喬,美女廚神,武漢,新冠肺炎,武漢肺炎</t>
  </si>
  <si>
    <t>全球,印度,疫情,新冠肺炎,經濟命脈</t>
  </si>
  <si>
    <t>創夢市集,新創,網銀國際、橘子,華義,昱泉</t>
  </si>
  <si>
    <t>越南,台灣輸出,新冠肺炎,陳時中</t>
  </si>
  <si>
    <t>新冠肺炎,台灣,新型冠狀病毒,上市證明,原廠授權</t>
  </si>
  <si>
    <t>3萬元隔離費,南韓,驅逐出境,遣返,台人</t>
  </si>
  <si>
    <t>新冠肺炎,台灣, 何志偉,北農,苛責</t>
  </si>
  <si>
    <t>血液淨化,新冠肺炎,張上淳,治療,傷害</t>
  </si>
  <si>
    <t>美股,謝金河,股市,多頭,川普</t>
  </si>
  <si>
    <t>檢驗,病毒,工具組,美國,工具</t>
  </si>
  <si>
    <t>新冠肺炎,江啟臣,世界衛生組織,國際民主聯盟,IDU</t>
  </si>
  <si>
    <t>馬偕醫院,健保卡,入口處,上午7點,新冠肺炎疫</t>
  </si>
  <si>
    <t>神奈川,奈川縣,今天,神奈川縣,日本</t>
  </si>
  <si>
    <t>武漢肺炎,新型冠狀病毒,全球,鑽石公主號,日本</t>
  </si>
  <si>
    <t>商務筆電,搶進,系列,筆電,筆電事業</t>
  </si>
  <si>
    <t>新型冠狀病毒,新冠肺炎,NCP,台灣,SARS</t>
  </si>
  <si>
    <t>清零,天方夜譚,鄭運鵬,疫苗,柯文哲</t>
  </si>
  <si>
    <t>診所,AZ,金門,新冠肺炎,新冠疫苗</t>
  </si>
  <si>
    <t>掉髮,莫德納,副作用,新冠疫苗,新冠肺炎</t>
  </si>
  <si>
    <t>父母,肺炎,瑞夫,亞軍,致詞時</t>
  </si>
  <si>
    <t>李文亮廣場,付雪潔,美國,大陸,中美關係</t>
  </si>
  <si>
    <t>羅一鈞,PTT,WHO,指揮中心,WHO</t>
  </si>
  <si>
    <t>璟宣,房租,八點檔,新冠肺炎,疾管家</t>
  </si>
  <si>
    <t>案34,無症狀,院內群聚感染,人傳人,李秉穎</t>
  </si>
  <si>
    <t>公頃,地點,新化林場,新化,步道</t>
  </si>
  <si>
    <t>#新冠肺炎#全球,越南,狗,貓,撲殺</t>
  </si>
  <si>
    <t>新冠肺炎,台灣,盧秀燕,施打,接種</t>
  </si>
  <si>
    <t>肺炎,慢性病,眼睛,觀察,治療</t>
  </si>
  <si>
    <t>敦睦艦隊,磐石艦,確診海軍,第6波足跡,蓮池潭</t>
  </si>
  <si>
    <t>調查報告,出爐,莫德納,現場,高鐵員工</t>
  </si>
  <si>
    <t>新冠肺炎,台大公衛學院,陳秀熙,境外移入,社區感染</t>
  </si>
  <si>
    <t xml:space="preserve"> 新冠肺炎,台灣,南投,鼓勵,接種</t>
  </si>
  <si>
    <t>聯亞疫苗,審查,食藥署,知情人士,審查</t>
  </si>
  <si>
    <t>大陸,美國,中國,肺炎,歐盟</t>
  </si>
  <si>
    <t>新冠肺炎,台灣, 國產疫苗,柯文哲,國運</t>
  </si>
  <si>
    <t>安娜涅翠柯,新冠肺炎</t>
  </si>
  <si>
    <t>新冠肺炎,武漢肺炎,新型冠狀病毒,台灣,華航</t>
  </si>
  <si>
    <t>佛光山,嬌生,新冠肺炎,台灣,疫苗</t>
  </si>
  <si>
    <t>社區感染,病毒,肺炎,社區,感染</t>
  </si>
  <si>
    <t>新冠肺炎,武漢肺炎,新型冠狀病毒,台灣,沈政男</t>
  </si>
  <si>
    <t>鴻海,股東會,股利,營收,獲利</t>
  </si>
  <si>
    <t>虱目魚,價格慘跌,民進黨,邱志偉,漁業署</t>
  </si>
  <si>
    <t xml:space="preserve"> 新冠肺炎,台灣,書面報告,疫情,蘇貞昌</t>
  </si>
  <si>
    <t>台微體,全球,肺部疾病,TLC,每股虧損</t>
  </si>
  <si>
    <t>經濟成長率,肺炎,經濟景氣,信心,升高</t>
  </si>
  <si>
    <t>大陸,兆豐臺灣藍籌,肺炎,台股,一金投信</t>
  </si>
  <si>
    <t>微風,微風集團,裁員,百貨業,資遣</t>
  </si>
  <si>
    <t>武漢肺炎,新冠肺炎,北部大學,台灣,日本</t>
  </si>
  <si>
    <t>新冠病毒,新冠肺炎,武漢肺炎,COVID-19,中國病毒</t>
  </si>
  <si>
    <t>境外移入,新冠肺炎,印度</t>
  </si>
  <si>
    <t>疫苗,確診,柯文哲,新冠肺炎,指揮中心</t>
  </si>
  <si>
    <t>疫苗,美國,肺炎,日平均,接種</t>
  </si>
  <si>
    <t>Pokémon GO,寶可夢,社群日,凱西,延期</t>
  </si>
  <si>
    <t>新冠肺炎,禽流感,撲殺,屠宰場,H5N2</t>
  </si>
  <si>
    <t>王偉傑,病毒,肺炎,血漿,治療</t>
  </si>
  <si>
    <t>川普,新冠肺炎,肺浸潤,呼吸器,隱瞞病情</t>
  </si>
  <si>
    <t>楊蕙如,開庭,PTT,新冠肺炎,臉書</t>
  </si>
  <si>
    <t>新冠肺炎,台灣,家樂福板橋,搶購,鐵門</t>
  </si>
  <si>
    <t>NBA,球員,智慧,戒指,裝置</t>
  </si>
  <si>
    <t>拜登,100,百日,國會聯席會議,演說</t>
  </si>
  <si>
    <t>新冠肺炎,台灣,黃珊珊,疫苗,八大行業</t>
  </si>
  <si>
    <t>NBA,球迷,席爾佛,停賽,公開信</t>
  </si>
  <si>
    <t>國防部,國軍,口罩,敦睦艦隊,新冠肺炎</t>
  </si>
  <si>
    <t>家屬,肺炎,應回歸,DNR,醫界</t>
  </si>
  <si>
    <t>武漢,艾爾沃德,大陸,WHO,新冠肺炎</t>
  </si>
  <si>
    <t>蘇貞昌,新冠肺炎,新型冠狀病毒,NCP,台灣</t>
  </si>
  <si>
    <t>新冠肺炎,疫情,全球,景氣,經濟</t>
  </si>
  <si>
    <t>3+11,范雲,新冠肺炎</t>
  </si>
  <si>
    <t>統新,光濾波器,100G,400G,中磊</t>
  </si>
  <si>
    <t>催貨,蔡英文,莫德納,AZ疫苗,新冠肺炎</t>
  </si>
  <si>
    <t>利率,華銀,企業,簡易,申貸</t>
  </si>
  <si>
    <t>洪都拉斯,兒子,護理師,新冠肺炎,台灣</t>
  </si>
  <si>
    <t>荷蘭,養貂場,染疫,員工,新冠肺炎</t>
  </si>
  <si>
    <t>香港,處理,大陸,肺炎,故意</t>
  </si>
  <si>
    <t>口罩,地化,大陸,美國,肺炎</t>
  </si>
  <si>
    <t>酒店,解禁,盧秀燕,台中市,台灣</t>
  </si>
  <si>
    <t>出國,侯友宜,疫情,境外,新北</t>
  </si>
  <si>
    <t>陳虎門,天廚,停業,中餐廳,新冠肺炎</t>
  </si>
  <si>
    <t>兩岸,台灣,國台辦,疫情,游錫堃</t>
  </si>
  <si>
    <t>arm,科技部,肺炎,挹注,科技新創</t>
  </si>
  <si>
    <t>新冠肺炎,武漢肺炎,全球,疫情,新型冠狀病毒</t>
  </si>
  <si>
    <t>新冠肺炎,大量,全國,封鎖,Delta</t>
  </si>
  <si>
    <t>振興券,3000元,1000元,消費卷,行政院</t>
  </si>
  <si>
    <t>NBA,湖人,新冠肺炎</t>
  </si>
  <si>
    <t>新冠肺炎,台灣,實習生,分行,合庫</t>
  </si>
  <si>
    <t>醫護人員,普篩,張上淳,荷蘭,未來</t>
  </si>
  <si>
    <t>負成長,肺炎,禁足令,全球經濟,餐廳</t>
  </si>
  <si>
    <t>口罩,米奇,爆廢公社,生活奇聞,驚喜包</t>
  </si>
  <si>
    <t>新冠肺炎,確診,本土個案,警戒</t>
  </si>
  <si>
    <t>新冠肺炎,武漢肺炎,COVID-19,全球,封城</t>
  </si>
  <si>
    <t>專家,WHO,廣東,世衛,調查</t>
  </si>
  <si>
    <t>廣播,節目,廣播電視,總局,大陸</t>
  </si>
  <si>
    <t>群聯,SSD,NAND Flash,新冠肺炎,eMMC控制晶片</t>
  </si>
  <si>
    <t>醫院,肺炎,踢皮球,文章,確診病例</t>
  </si>
  <si>
    <t>新冠肺炎,武漢肺炎,新型冠狀病毒,台灣,酒駕</t>
  </si>
  <si>
    <t>新港,延期,八庄,元宵遶境,遶境</t>
  </si>
  <si>
    <t>境外移入,新冠肺炎,賽諾菲疫苗,不適症狀</t>
  </si>
  <si>
    <t>侯友宜,防疫,新北,六都,新冠肺炎</t>
  </si>
  <si>
    <t>新冠肺炎,解隔離,醫師,死亡原因,死亡</t>
  </si>
  <si>
    <t>大聯盟,停賽,曼佛雷德,馬林魚,費城人</t>
  </si>
  <si>
    <t>美托洛爾,肺部發炎,白血球,重症患者</t>
  </si>
  <si>
    <t>川普,小白球,美國,新冠肺炎,疫情</t>
  </si>
  <si>
    <t>新冠肺炎,CONID-19,武漢肺炎,新型冠狀病毒,基隆</t>
  </si>
  <si>
    <t>市長,肺炎,衛生局,韓國瑜,慰訪</t>
  </si>
  <si>
    <t>議會,莫迪,睽違,新冠肺炎,召開</t>
  </si>
  <si>
    <t>肺炎,仙俠,下降,網路劇,新劇</t>
  </si>
  <si>
    <t>張雅琴,遶境,張雅琴咳嗽,新冠肺炎,武漢肺炎</t>
  </si>
  <si>
    <t>新冠肺炎,台灣,打疫苗,注意事項</t>
  </si>
  <si>
    <t>新冠肺炎,美國,疫苗,蕭美琴</t>
  </si>
  <si>
    <t>群聚感染,1人,確診,國內,新冠肺炎</t>
  </si>
  <si>
    <t>肺炎,調查局,武漢,新北,傳染病防治法</t>
  </si>
  <si>
    <t>新冠肺炎,COVID-19,疫情,Facebook,F8</t>
  </si>
  <si>
    <t>日職,確診,新冠肺炎,陽性,日本</t>
  </si>
  <si>
    <t>新冠肺炎,冬季,新冠廢顏,A型流感,疫苗</t>
  </si>
  <si>
    <t>中研院,確診足跡,指揮中心,新冠肺炎,武漢肺炎</t>
  </si>
  <si>
    <t>蘇貞昌,新冠肺炎,台灣,延長,高中</t>
  </si>
  <si>
    <t>台灣好湯,溫泉,振興五倍券,振興券,五倍券</t>
  </si>
  <si>
    <t>大陸,中國,政治,拜登,肺炎</t>
  </si>
  <si>
    <t>TaiwanCanHelp,口罩,唐鳳,電鍋,乾蒸口罩</t>
  </si>
  <si>
    <t>大倉忠義,關8,傑尼斯,新冠肺炎,發燒</t>
  </si>
  <si>
    <t>美國,死亡病例,萬大關,新冠肺炎,疫病</t>
  </si>
  <si>
    <t>質疑,社區感染,肺炎,收回,學生</t>
  </si>
  <si>
    <t>衛生紙,大媽,排隊,好市多,賤招</t>
  </si>
  <si>
    <t>新南向,兆豐銀,仰光分行,緬甸,兆豐</t>
  </si>
  <si>
    <t>全球,美股,指數,停發,常態性</t>
  </si>
  <si>
    <t>敦睦艦隊,磐石軍艦,王定宇,海軍,新冠肺炎</t>
  </si>
  <si>
    <t>朱學恒,紓困,公務員,經濟部,新冠肺炎</t>
  </si>
  <si>
    <t>客人,聽到,餐廳,網友,新冠肺炎</t>
  </si>
  <si>
    <t>藥局,媳婦,口罩,男友,口罩荒</t>
  </si>
  <si>
    <t>南部,國立大學,成功大學,台南大學,女碩士</t>
  </si>
  <si>
    <t>擴散,肺炎,武漢肺炎,新冠肺炎,新型冠狀病毒</t>
  </si>
  <si>
    <t>活動,新冠肺炎,肺炎,防疫,空氣</t>
  </si>
  <si>
    <t>天花,SARS,歷史,人類,傳染病</t>
  </si>
  <si>
    <t>俄羅斯,疫苗,生產,衛生部,500萬</t>
  </si>
  <si>
    <t>內灣,足跡,湖口,前往,新竹縣</t>
  </si>
  <si>
    <t>案39,中東,移入,指揮中心,陳時中</t>
  </si>
  <si>
    <t>陳時中,國產疫苗,台灣,聯亞,新冠肺炎</t>
  </si>
  <si>
    <t>Delta,重症,幼兒園,群聚,張上淳</t>
  </si>
  <si>
    <t>旺報社評,大陸,經濟,全球,美國 國際</t>
  </si>
  <si>
    <t>船員,印度,指揮中心,新冠肺炎</t>
  </si>
  <si>
    <t>新冠肺炎,台灣,嘉義,採檢,中風</t>
  </si>
  <si>
    <t>新冠肺炎,疫苗,AZ,莫德納,混打</t>
  </si>
  <si>
    <t>緊急授權,疫苗,江啟臣,衛福部,新冠肺炎</t>
  </si>
  <si>
    <t>緩繳,肺炎,繳納,展延,紓困</t>
  </si>
  <si>
    <t>新冠肺炎,CONID-19,武漢肺炎,新型冠狀病毒,全球</t>
  </si>
  <si>
    <t>新冠肺炎,疫情,亞泥,山水水泥,亞泥中國</t>
  </si>
  <si>
    <t>高塔,高科技產業,色列,太陽能,水科技</t>
  </si>
  <si>
    <t>2020年,NBA,停賽,柯瑞,詹姆斯</t>
  </si>
  <si>
    <t>投資人,肺炎,亞洲,投資,網站</t>
  </si>
  <si>
    <t>打疫苗,疫苗,急診,症狀,病患</t>
  </si>
  <si>
    <t>火鍋,四川,散布謠言,新冠肺炎,大陸</t>
  </si>
  <si>
    <t>新疆,新疆旅遊,中國,文案,總領事館</t>
  </si>
  <si>
    <t>化學兵,新冠肺炎,台灣</t>
  </si>
  <si>
    <t>敦睦艦隊,帛琉,國防部,外交部,台灣</t>
  </si>
  <si>
    <t>疫苗,新冠肺炎,台灣,地方政府,許可</t>
  </si>
  <si>
    <t>新冠肺炎,台灣,酒店,停業,八大行業</t>
  </si>
  <si>
    <t>肺炎,台積電,魏哲家,資本支出,晶圓代工</t>
  </si>
  <si>
    <t>孫協志,許孟哲,王仁甫,小刀,5566</t>
  </si>
  <si>
    <t>邁可森,克羅埃西亞,鋼琴家,國家音樂廳,新冠肺炎</t>
  </si>
  <si>
    <t>陳時中,咳嗽,指揮中心,新冠肺炎,台灣</t>
  </si>
  <si>
    <t>中和,新冠肺炎,台灣,增設,快篩站</t>
  </si>
  <si>
    <t>疫苗採購進度,鴻海,台積電,藍營,Novavax</t>
  </si>
  <si>
    <t>疫情,東方衛視記者,侯友宜,新冠肺炎,武漢肺炎</t>
  </si>
  <si>
    <t>新冠肺炎,台灣,朝陽科大,學生,遠距上班</t>
  </si>
  <si>
    <t>指揮中心,全球治理,新冠肺炎,地方政府,防治</t>
  </si>
  <si>
    <t>新冠肺炎,Delta,印度變種病毒株,新冠病毒,台鐵</t>
  </si>
  <si>
    <t>降級指引,開放場所,戴口罩,指揮中心,台灣</t>
  </si>
  <si>
    <t>零確診,江守山,泡泡,醫師,新冠肺炎</t>
  </si>
  <si>
    <t>維生素,免疫細胞,細胞,足夠,幫助</t>
  </si>
  <si>
    <t>成長,瑞基,肺炎,畜產,EPS</t>
  </si>
  <si>
    <t>配合,停止,桃園,加強,新竹市</t>
  </si>
  <si>
    <t>新冠肺炎,高雄,觀光,旅館,飯店</t>
  </si>
  <si>
    <t>漫威,肺炎,拍攝,盛會,舉辦</t>
  </si>
  <si>
    <t>病人,肺炎,病毒,唾液,大量</t>
  </si>
  <si>
    <t>北區,肺炎,視察,解禁,舞廳</t>
  </si>
  <si>
    <t>新冠肺炎,台灣, 護理師,確診,桃園</t>
  </si>
  <si>
    <t>鴻海,PCR,陽性,員工,陰性</t>
  </si>
  <si>
    <t>武漢肺炎,新型冠狀病毒,全球,加州,洛杉磯</t>
  </si>
  <si>
    <t>新冠肺炎,新冠肺炎,大陸,NCP,解剖</t>
  </si>
  <si>
    <t>台灣大,蘋果,iPhone,iPhone SE,新冠肺炎</t>
  </si>
  <si>
    <t>復賽,開打,7月,馬克斯,版本</t>
  </si>
  <si>
    <t>澎湖,肺炎,旅遊,新冠肺炎,新冠</t>
  </si>
  <si>
    <t>肺炎,門市,股權,處分,燦坤集團</t>
  </si>
  <si>
    <t>PCR,系統,新冠,陳自諒,自動</t>
  </si>
  <si>
    <t>威潤,UVengers,新冠肺炎,旭化成集團,婦幼用品大展</t>
  </si>
  <si>
    <t>川普,羥氯奎寧,預防,新冠病毒,療效</t>
  </si>
  <si>
    <t>負責人,幼兒園,確診,新北,新冠肺炎</t>
  </si>
  <si>
    <t>簡森,道奇,MLB,大聯盟,美國</t>
  </si>
  <si>
    <t>陳時中,3+11,李秉穎,討論,台灣</t>
  </si>
  <si>
    <t>施打,同仁,優先,外勤,疫苗</t>
  </si>
  <si>
    <t>戶外,降級,全程戴口罩,二級警戒,指引</t>
  </si>
  <si>
    <t>1分鐘看世界,新冠肺炎,黑色星期四,股災</t>
  </si>
  <si>
    <t>泰銘,全球,鉛錠,童新,變動</t>
  </si>
  <si>
    <t>外送,平台,日曬,餐飲業,疫情</t>
  </si>
  <si>
    <t>電子圍籬,新化年貨大街,舉辦,管制</t>
  </si>
  <si>
    <t>菲律賓模式,居家檢疫,新冠肺炎,檢疫期滿,採檢</t>
  </si>
  <si>
    <t>環南市場,新北市,北農,侯友宜,採檢</t>
  </si>
  <si>
    <t>新冠肺炎,台灣,馬英九,羅智強,陳致曉</t>
  </si>
  <si>
    <t>康健雜誌,AZ疫苗,新冠肺炎,新冠病毒,疫苗</t>
  </si>
  <si>
    <t>新冠肺炎,確診,感染,北海道,愛知</t>
  </si>
  <si>
    <t>新冠肺炎,郝龍斌,國民黨,主席補選,防疫</t>
  </si>
  <si>
    <t>肺炎,死亡,日新增,鍾南山,疫情</t>
  </si>
  <si>
    <t>中華商場,肺炎,劇組,片場,觀眾</t>
  </si>
  <si>
    <t>#新冠肺炎#全球,日本,在家,死亡,77</t>
  </si>
  <si>
    <t>李翊君,檢場,女兒,新冠肺炎,美國</t>
  </si>
  <si>
    <t>急救措施,醫護人員,張麗善,肺炎,醫院</t>
  </si>
  <si>
    <t>境外移入,新冠肺炎,生活,台灣,健康</t>
  </si>
  <si>
    <t>容祖兒,倫敦,容祖兒演唱會,新冠肺炎,武漢肺炎</t>
  </si>
  <si>
    <t>常春月刊,新冠疫苗,新冠肺炎,台灣,波尿酸</t>
  </si>
  <si>
    <t>陳時中,疫苗,國家隊,肺炎,廠商</t>
  </si>
  <si>
    <t>採檢,輕生,肺炎,檢疫,死亡</t>
  </si>
  <si>
    <t>新冠肺炎,蘇聖峰,軟體,網路安全,FinTech</t>
  </si>
  <si>
    <t>新冠肺炎,苗栗,苗栗縣議會,苗栗縣政府衛生局,防疫</t>
  </si>
  <si>
    <t>新冠肺炎,台灣,市場,攤商,亂象</t>
  </si>
  <si>
    <t>疫情,習慣,戴口罩,照辦,新冠肺炎</t>
  </si>
  <si>
    <t>新冠肺炎,台灣,王任賢,民眾,戴好戴滿</t>
  </si>
  <si>
    <t>新冠肺炎,武漢肺炎,新型冠狀病毒,COVID-19,對華政策聯盟</t>
  </si>
  <si>
    <t>新冠肺炎,台灣, 宜蘭縣,匡列,延長</t>
  </si>
  <si>
    <t>今天,創新高,日本,報導,武漢</t>
  </si>
  <si>
    <t>心肌炎,第二劑,發生率,台灣,青少年</t>
  </si>
  <si>
    <t>縮手,家數,上市櫃,大陸,肺炎</t>
  </si>
  <si>
    <t>高雄,新冠肺炎,疫情,觀光,愛河</t>
  </si>
  <si>
    <t>盧秀燕,桃園,基隆,微疫調,新冠肺炎</t>
  </si>
  <si>
    <t>新婚,徐正文,政府,陸生,大陸</t>
  </si>
  <si>
    <t xml:space="preserve"> 老人,疫苗,死亡,猝死,症狀</t>
  </si>
  <si>
    <t>籃網,湯瑪斯,畢斯利,新冠肺炎,NBA</t>
  </si>
  <si>
    <t>新冠肺炎,台灣,Rt值,NPI,苗栗</t>
  </si>
  <si>
    <t>義大利,Diletta Leotta,女主播,新冠肺炎,COVID-19</t>
  </si>
  <si>
    <t>病人,大陸,美國,肺炎,病毒</t>
  </si>
  <si>
    <t>中央疫情指揮中心,宮廟,媽祖遶境,生活,台灣</t>
  </si>
  <si>
    <t>補習班,教育部,停課,新冠肺炎,武漢肺炎</t>
  </si>
  <si>
    <t>新冠病毒,新冠肺炎,武漢肺炎,確診,美國</t>
  </si>
  <si>
    <t>新冠肺炎,振興抵用券,行政院,特別條例,演唱會</t>
  </si>
  <si>
    <t>孫大千,衛福部桃園醫院,群聚感染,疫苗,新冠肺炎</t>
  </si>
  <si>
    <t>自主量體溫,體溫,黃珊珊,開學,防疫</t>
  </si>
  <si>
    <t>內湖好市多,停業,消毒,確診足跡,台灣</t>
  </si>
  <si>
    <t>病毒,蚊蟲,傳播,肺炎,網友</t>
  </si>
  <si>
    <t>鳳山大樓,染疫,確診,電梯,仁武家庭群聚</t>
  </si>
  <si>
    <t>德商,疫情,公司,調查,新冠肺炎</t>
  </si>
  <si>
    <t>黃敏惠,紓困,出國,嘉義市,紓困</t>
  </si>
  <si>
    <t>台北市,確診,足跡,南港,信義區</t>
  </si>
  <si>
    <t>確診,淡江,師生,新冠肺炎,台灣</t>
  </si>
  <si>
    <t>美國,企業,投資級債,肺炎,控制</t>
  </si>
  <si>
    <t>陰性,竹縣,新竹縣,採檢,同住家人</t>
  </si>
  <si>
    <t>輔大醫院,急件,新冠肺炎,檢驗,取件</t>
  </si>
  <si>
    <t>中央流行疫情指揮中心,莊人祥,COVID-19,新冠肺炎,尼泊爾</t>
  </si>
  <si>
    <t>蘋果,挑戰,疫情,企業,服務</t>
  </si>
  <si>
    <t>新冠肺炎,台灣, 快篩,入境,連江縣</t>
  </si>
  <si>
    <t>梅克爾,德國,疫情,新冠肺炎</t>
  </si>
  <si>
    <t>狗,新婚,婚戒,推特</t>
  </si>
  <si>
    <t>人傳人,病毒,新型冠狀病毒</t>
  </si>
  <si>
    <t>全球,國光生,安特羅,中和,新冠肺炎</t>
  </si>
  <si>
    <t>新冠肺炎,台灣,停業,關閉,進行</t>
  </si>
  <si>
    <t>京元電,新冠肺炎,苗栗,移工,疫情</t>
  </si>
  <si>
    <t>陳維祥,江蕙,新冠肺炎,台灣,確診</t>
  </si>
  <si>
    <t>高端,預約,登記,通知,網友</t>
  </si>
  <si>
    <t>美國疫情,新冠病毒,新冠肺炎,武漢肺炎,COVID-19</t>
  </si>
  <si>
    <t>非洲,疫苗,比爾,大陸,基金會</t>
  </si>
  <si>
    <t>本土,醫師,回家,女兒,新冠肺炎</t>
  </si>
  <si>
    <t>乾洗手,黃桂芳,捐贈,新冠肺炎,噴霧</t>
  </si>
  <si>
    <t>新冠肺炎,大陸,覆蓋,疫苗,全球首位</t>
  </si>
  <si>
    <t>預測,IEA,國際能源署,全球石油需求,比羅爾</t>
  </si>
  <si>
    <t>美股,大立光,鴻海,台積電,聯發科</t>
  </si>
  <si>
    <t>新冠肺炎,台灣,25,新竹縣,竹縣</t>
  </si>
  <si>
    <t>全國,獲得,新冠肺炎疫苗,南非,首批</t>
  </si>
  <si>
    <t>第12輪,輝瑞／BNT,新冠疫苗,1922,疫苗預約平台</t>
  </si>
  <si>
    <t>大邱,南韓,駐韓美軍,新冠肺炎,美軍基地</t>
  </si>
  <si>
    <t>NBA,戈貝爾,新冠肺炎</t>
  </si>
  <si>
    <t>族群,創新低,台股,留意,全球股市</t>
  </si>
  <si>
    <t>開學,三級警戒,6隱形炸彈,楊為傑,新冠肺炎</t>
  </si>
  <si>
    <t>疫情,焦慮症,新冠肺炎,新型冠狀病毒,武漢肺炎</t>
  </si>
  <si>
    <t>帛琉,侯友宜,採檢,確診個案,入境管理</t>
  </si>
  <si>
    <t>坐飛機,機位,搭機,座位,新冠肺炎</t>
  </si>
  <si>
    <t>計程車司機,賴清德,新冠肺炎,新型冠狀病毒, COVID-19</t>
  </si>
  <si>
    <t>疫苗,新冠肺炎,施打,明年第3季,6成</t>
  </si>
  <si>
    <t>簡訊,預約簡訊,莊人祥,誤發,第二劑</t>
  </si>
  <si>
    <t>清華大學,26名,師生,居家隔離,遠距上課</t>
  </si>
  <si>
    <t>危機意識,肺炎,防控,青海,感染</t>
  </si>
  <si>
    <t>台灣,確診,新冠肺炎,武漢肺炎,新型冠狀病毒</t>
  </si>
  <si>
    <t>釋出,彰化縣,肺炎,上工,知名</t>
  </si>
  <si>
    <t>新藥,默克,輝瑞,病毒,醫院</t>
  </si>
  <si>
    <t>英國,影響,現金,新冠肺炎,禁足令</t>
  </si>
  <si>
    <t>男客,實名制,養生館,新冠肺炎,台灣</t>
  </si>
  <si>
    <t>經濟,影響,imf,全球經濟,全球</t>
  </si>
  <si>
    <t>環保局,肺炎,分類,宣導,垃圾</t>
  </si>
  <si>
    <t>陰性,快篩,PCR,板橋警分局,新冠肺炎</t>
  </si>
  <si>
    <t>新冠肺炎,台灣,長者,接種,基隆</t>
  </si>
  <si>
    <t>CBA,外援,北京首鋼,林書豪,大陸</t>
  </si>
  <si>
    <t>報復性,核酸,防疫中心,新生活,台灣</t>
  </si>
  <si>
    <t>入場,飲水台,台北小巨蛋,新冠肺炎,武漢肺炎</t>
  </si>
  <si>
    <t>巴西,新冠肺炎疫苗,CoronaVac,實驗,聖保羅州</t>
  </si>
  <si>
    <t>新契約保費,投資型保單,傳統型保單,傳統保單,新台幣</t>
  </si>
  <si>
    <t>高雄,恩主公醫院,疫調,新北市衛生局,匡列</t>
  </si>
  <si>
    <t>沖繩,休業,沖繩縣,拜託,黃金周</t>
  </si>
  <si>
    <t>名單,外地人,返台,包機,兩岸</t>
  </si>
  <si>
    <t>社會局,親子館,全館,消毒,長青</t>
  </si>
  <si>
    <t>諮詢,就醫,厚勞省,新冠肺炎,發燒</t>
  </si>
  <si>
    <t>債務,新興市場國家,新興市場,克倫,已開發經濟體</t>
  </si>
  <si>
    <t>新冠肺炎,武漢肺炎,新型冠狀病毒,台灣,指揮中心</t>
  </si>
  <si>
    <t>#新冠肺炎#全球,南非,Omicron,重症率,症狀</t>
  </si>
  <si>
    <t>楚河漢街,武漢,新冠肺炎,武漢肺炎,新型冠狀病毒</t>
  </si>
  <si>
    <t>杜蘭特,籃網,NBA,新冠肺炎,武漢肺炎</t>
  </si>
  <si>
    <t>新冠肺炎,武漢肺炎,疫情,台灣,清明</t>
  </si>
  <si>
    <t>日會,採檢,陳時中,莊人祥,肺炎</t>
  </si>
  <si>
    <t>宗教,祈福,肺炎,宗教團體,活動</t>
  </si>
  <si>
    <t>delta病毒,新冠肺炎,機師,Delta,韋安</t>
  </si>
  <si>
    <t>韓國,境內,54,大南,不幸身亡</t>
  </si>
  <si>
    <t>阿斯特捷利康,BNT疫苗,輝瑞/BNT疫苗,新冠炎疫苗,銷量</t>
  </si>
  <si>
    <t>新冠肺炎,台灣,新北市,居家隔離,關懷中心</t>
  </si>
  <si>
    <t>新冠肺炎,教育部,授課方式,大專院校,教學</t>
  </si>
  <si>
    <t>拖板車,自動導引,恆智重機,客戶,電動拖板車</t>
  </si>
  <si>
    <t>網球,選手,澳網,澳洲網球公開賽,包機</t>
  </si>
  <si>
    <t>警員,施打,外勤,27日,台南市</t>
  </si>
  <si>
    <t>大陸,吉林,台灣,全球,大陸</t>
  </si>
  <si>
    <t>旅客,桃機,出境,入境,新冠肺炎</t>
  </si>
  <si>
    <t>主題,肺炎,生技,經濟,趨勢</t>
  </si>
  <si>
    <t>哈爾濱,確診病例,新冠肺炎,大陸,黑龍江</t>
  </si>
  <si>
    <t>新冠肺炎,台灣,苗栗,火炎山,個案</t>
  </si>
  <si>
    <t>懷特,新冠肺炎,預防,黃耆</t>
  </si>
  <si>
    <t>新冠肺炎,台灣,三色豆,防疫,吳崢</t>
  </si>
  <si>
    <t>新冠肺炎,武漢肺炎,新型冠狀病毒,台灣,張上淳</t>
  </si>
  <si>
    <t>磐石艦,敦睦艦隊,海軍,指揮中心,新冠肺炎</t>
  </si>
  <si>
    <t>房貸,新冠肺炎,房貸利率,保戶,降息</t>
  </si>
  <si>
    <t>綾瀨遙,新冠肺炎,康復,復出,露臉</t>
  </si>
  <si>
    <t>新冠肺炎,大鵬灣遊湖船,水上活動,遊覽車,紅樹林溼地公園</t>
  </si>
  <si>
    <t>香港,新冠肺炎,本土確診,許樹昌</t>
  </si>
  <si>
    <t>台灣,境外移入,台灣防疫,確診,新加坡</t>
  </si>
  <si>
    <t>專利,經濟部,新冠肺炎,台積電,宏碁</t>
  </si>
  <si>
    <t>聯準會,Fed,降息,新冠肺炎,美股</t>
  </si>
  <si>
    <t>新冠肺炎,武漢肺炎,COVID-19,台灣,勞工</t>
  </si>
  <si>
    <t>新冠肺炎,台灣,三級警戒,6月28日,解封</t>
  </si>
  <si>
    <t>方法,抗體,美國,嚴峻,治療</t>
  </si>
  <si>
    <t>武漢肺炎症狀,諾羅病毒,林口長庚,院內感染,新冠肺炎</t>
  </si>
  <si>
    <t>新冠肺炎,台灣,減租,主動,紓困</t>
  </si>
  <si>
    <t>新冠肺炎,文化大學,大倫館,快篩,確診</t>
  </si>
  <si>
    <t>總統,蔡英文,高端,自費驗抗體,中和抗體</t>
  </si>
  <si>
    <t>伊莉莎白赫莉,休葛蘭,新冠肺炎,清涼照,艷照</t>
  </si>
  <si>
    <t>新冠肺炎,台灣,新北,侯友宜,低度活動</t>
  </si>
  <si>
    <t>新冠肺炎,大陸,武漢肺炎,新型冠狀病毒,NCP</t>
  </si>
  <si>
    <t>巴西,疫苗,染疫,今天,疫情</t>
  </si>
  <si>
    <t>新冠肺炎,台灣,武漢肺炎,長輩,發生率</t>
  </si>
  <si>
    <t>數字,故宮,新冠肺炎,參觀,吳密察</t>
  </si>
  <si>
    <t>消防局,肺炎,鬆懈,專責,演練</t>
  </si>
  <si>
    <t>謝忻,馬東石,慢跑,新冠肺炎,台灣</t>
  </si>
  <si>
    <t>疑似病例,莊人祥,採檢,石牌,排除</t>
  </si>
  <si>
    <t>室內,北市,上限,社團活動,戴口罩</t>
  </si>
  <si>
    <t>台東縣,肺炎,傳染病,合作,花蓮慈濟醫院</t>
  </si>
  <si>
    <t>基因線上,AZ,新冠肺炎,全球,疫苗</t>
  </si>
  <si>
    <t>#新冠肺炎#全球,立陶宛,疫苗,AZ,台灣</t>
  </si>
  <si>
    <t>企業,IEAT,肺炎,跨境電商,公會</t>
  </si>
  <si>
    <t>瑞昱,SoC,系統單晶片,ANC,主動降噪音</t>
  </si>
  <si>
    <t>學生,成癮,領獎,外送平台,新冠肺炎</t>
  </si>
  <si>
    <t>新冠肺炎,統測,陳綢阿嬤</t>
  </si>
  <si>
    <t>新冠肺炎,公有,民有,攤商,口罩</t>
  </si>
  <si>
    <t>新冠肺炎,澳洲,披薩,連鎖店,封城</t>
  </si>
  <si>
    <t>新冠肺炎,台灣,台大,員工確診</t>
  </si>
  <si>
    <t>新冠肺炎,台灣,台北市,柯文哲,停課措施</t>
  </si>
  <si>
    <t>防疫安心上工計畫,安心即時上工計畫,台南市,黃偉哲,勞動部</t>
  </si>
  <si>
    <t>川普,新冠肺炎,死亡率,美大選,看選戰</t>
  </si>
  <si>
    <t>台灣,東洋,公司,新冠,患者</t>
  </si>
  <si>
    <t>肺炎,KPI,掛牌,季報,疫情</t>
  </si>
  <si>
    <t>新冠肺炎,境外移入,台南,確診,公告</t>
  </si>
  <si>
    <t>內蒙古,大陸,北京市,額濟納旗,北京</t>
  </si>
  <si>
    <t>本土,校園,預防性停課,教育部,學校</t>
  </si>
  <si>
    <t>開出,留存率,國人,新人,淨增加</t>
  </si>
  <si>
    <t>疫苗,林右昌,施打,國民健康,新冠肺炎</t>
  </si>
  <si>
    <t>單日,新增,出現,新增病例,生活</t>
  </si>
  <si>
    <t>新冠肺炎,台灣,砲車,消毒,150</t>
  </si>
  <si>
    <t>新冠肺炎,台灣, 匡列,7人,陰性</t>
  </si>
  <si>
    <t>社交距離,新冠肺炎,新型冠狀病毒,NCP,台灣</t>
  </si>
  <si>
    <t>防疫,潘孟安,人員,醫護人員,量產</t>
  </si>
  <si>
    <t>新冠肺炎,全球,日本,入境,商務旅客</t>
  </si>
  <si>
    <t>桃園,確診,新冠肺炎,台灣,烘焙坊</t>
  </si>
  <si>
    <t>抗體,SARS,病毒,新冠病毒</t>
  </si>
  <si>
    <t>新冠肺炎,台灣,停藥,接種疫苗,醫師</t>
  </si>
  <si>
    <t>新冠肺炎,疫情,易遊網,出遊,訂房</t>
  </si>
  <si>
    <t>非洲鼓,紓壓,學習,新北市消防局,快樂</t>
  </si>
  <si>
    <t>陽性,肺炎,新型冠狀病毒,檢驗,方法</t>
  </si>
  <si>
    <t>應廣,5G,PC,NB,網通</t>
  </si>
  <si>
    <t>熄燈,新冠肺炎,觀光協會,飯店,旅館</t>
  </si>
  <si>
    <t>新冠肺炎,確診者,蘿拉,泰勒,解藥</t>
  </si>
  <si>
    <t>新冠肺炎,台灣,旅行業,營運,補貼</t>
  </si>
  <si>
    <t>李蒨蓉,特權,打疫苗,疫情,新冠肺炎</t>
  </si>
  <si>
    <t>新冠肺炎,台灣,花蓮家族,確診,染疫</t>
  </si>
  <si>
    <t>聯新國際醫院,楊家俍,物資,雞排,忠智</t>
  </si>
  <si>
    <t>墾丁,景點,郭世倫,防疫破口,擺攤</t>
  </si>
  <si>
    <t>陳時中,肺炎,快速,出國,日確診</t>
  </si>
  <si>
    <t>新冠肺炎,武漢肺炎, COVID-19,新冠病毒,武漢</t>
  </si>
  <si>
    <t>眾達-KY,新型冠狀病毒,32G光收發模組,5G,100G</t>
  </si>
  <si>
    <t>88節,抗暖化,反空汙,氣候,緊急</t>
  </si>
  <si>
    <t>新冠肺炎,台灣,中原大學,線上教學,開學</t>
  </si>
  <si>
    <t>周杰倫,昆凌,圓山球館,包場,狗仔</t>
  </si>
  <si>
    <t>新冠肺炎,台灣,陳時中,好市多,疫苗</t>
  </si>
  <si>
    <t>篩檢,新冠肺炎,台灣,東石鄉,永屯村</t>
  </si>
  <si>
    <t>新冠肺炎,台灣,武漢肺炎,新型冠狀病毒,NCP</t>
  </si>
  <si>
    <t>陳時中,禁足令,連假出遊,國內旅遊,指揮中心</t>
  </si>
  <si>
    <t>果農,羅一鈞,太太,新冠肺炎,Delta變異株</t>
  </si>
  <si>
    <t>新冠肺炎,台灣,屏東,Delta,染疫</t>
  </si>
  <si>
    <t>公文,肺炎,臉書,帳號,新冠肺炎</t>
  </si>
  <si>
    <t>蔡英文,侯友宜,柯文哲,疫苗,新冠肺炎</t>
  </si>
  <si>
    <t>新冠肺炎,台灣,新冠肺炎NCP,計程車,高雄</t>
  </si>
  <si>
    <t>陰性,151,居家隔離,10,大溪漁港</t>
  </si>
  <si>
    <t>海曼,美國,新冠肺炎,華爾街,經濟學家</t>
  </si>
  <si>
    <t>杏輝,抗體,疫苗,肺炎,生技</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 x14ac:knownFonts="1">
    <font>
      <sz val="11"/>
      <color theme="1"/>
      <name val="新細明體"/>
      <family val="2"/>
      <scheme val="minor"/>
    </font>
    <font>
      <b/>
      <sz val="11"/>
      <color theme="1"/>
      <name val="新細明體"/>
      <family val="2"/>
      <scheme val="minor"/>
    </font>
    <font>
      <u/>
      <sz val="11"/>
      <color theme="10"/>
      <name val="Calibri"/>
      <family val="2"/>
    </font>
    <font>
      <sz val="9"/>
      <name val="新細明體"/>
      <family val="3"/>
      <charset val="136"/>
      <scheme val="minor"/>
    </font>
  </fonts>
  <fills count="2">
    <fill>
      <patternFill patternType="none"/>
    </fill>
    <fill>
      <patternFill patternType="gray125"/>
    </fill>
  </fills>
  <borders count="2">
    <border>
      <left/>
      <right/>
      <top/>
      <bottom/>
      <diagonal/>
    </border>
    <border>
      <left style="thin">
        <color auto="1"/>
      </left>
      <right style="thin">
        <color auto="1"/>
      </right>
      <top style="thin">
        <color auto="1"/>
      </top>
      <bottom style="thin">
        <color auto="1"/>
      </bottom>
      <diagonal/>
    </border>
  </borders>
  <cellStyleXfs count="2">
    <xf numFmtId="0" fontId="0" fillId="0" borderId="0"/>
    <xf numFmtId="0" fontId="2" fillId="0" borderId="0" applyNumberFormat="0" applyFill="0" applyBorder="0" applyAlignment="0" applyProtection="0">
      <alignment vertical="top"/>
      <protection locked="0"/>
    </xf>
  </cellStyleXfs>
  <cellXfs count="3">
    <xf numFmtId="0" fontId="0" fillId="0" borderId="0" xfId="0"/>
    <xf numFmtId="0" fontId="1" fillId="0" borderId="1" xfId="0" applyFont="1" applyBorder="1" applyAlignment="1">
      <alignment horizontal="center" vertical="top"/>
    </xf>
    <xf numFmtId="0" fontId="2" fillId="0" borderId="0" xfId="1" applyAlignment="1" applyProtection="1"/>
  </cellXfs>
  <cellStyles count="2">
    <cellStyle name="一般" xfId="0" builtinId="0"/>
    <cellStyle name="超連結" xfId="1" builtinId="8"/>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G5454"/>
  <sheetViews>
    <sheetView tabSelected="1" workbookViewId="0">
      <selection activeCell="K5" sqref="K5"/>
    </sheetView>
  </sheetViews>
  <sheetFormatPr defaultRowHeight="15.75" x14ac:dyDescent="0.25"/>
  <sheetData>
    <row r="1" spans="1:7" x14ac:dyDescent="0.25">
      <c r="B1" s="1" t="s">
        <v>0</v>
      </c>
      <c r="C1" s="1" t="s">
        <v>1</v>
      </c>
      <c r="D1" s="1" t="s">
        <v>2</v>
      </c>
      <c r="E1" s="1" t="s">
        <v>3</v>
      </c>
      <c r="F1" s="1"/>
      <c r="G1" s="1"/>
    </row>
    <row r="2" spans="1:7" x14ac:dyDescent="0.25">
      <c r="A2" s="1">
        <v>0</v>
      </c>
      <c r="B2" t="s">
        <v>4</v>
      </c>
      <c r="C2" t="s">
        <v>5455</v>
      </c>
      <c r="D2" t="s">
        <v>10901</v>
      </c>
      <c r="E2" t="s">
        <v>16337</v>
      </c>
      <c r="G2" s="2"/>
    </row>
    <row r="3" spans="1:7" x14ac:dyDescent="0.25">
      <c r="A3" s="1">
        <v>1</v>
      </c>
      <c r="B3" t="s">
        <v>5</v>
      </c>
      <c r="C3" t="s">
        <v>5456</v>
      </c>
      <c r="D3" t="s">
        <v>10902</v>
      </c>
      <c r="E3" t="s">
        <v>16338</v>
      </c>
      <c r="G3" s="2"/>
    </row>
    <row r="4" spans="1:7" x14ac:dyDescent="0.25">
      <c r="A4" s="1">
        <v>2</v>
      </c>
      <c r="B4" t="s">
        <v>6</v>
      </c>
      <c r="C4" t="s">
        <v>5457</v>
      </c>
      <c r="D4" t="s">
        <v>10903</v>
      </c>
      <c r="E4" t="s">
        <v>16339</v>
      </c>
      <c r="G4" s="2"/>
    </row>
    <row r="5" spans="1:7" x14ac:dyDescent="0.25">
      <c r="A5" s="1">
        <v>3</v>
      </c>
      <c r="B5" t="s">
        <v>7</v>
      </c>
      <c r="C5" t="s">
        <v>5458</v>
      </c>
      <c r="D5" t="s">
        <v>10904</v>
      </c>
      <c r="E5" t="s">
        <v>16340</v>
      </c>
      <c r="G5" s="2"/>
    </row>
    <row r="6" spans="1:7" x14ac:dyDescent="0.25">
      <c r="A6" s="1">
        <v>4</v>
      </c>
      <c r="B6" t="s">
        <v>8</v>
      </c>
      <c r="C6" t="s">
        <v>5459</v>
      </c>
      <c r="D6" t="s">
        <v>10905</v>
      </c>
      <c r="E6" t="s">
        <v>16341</v>
      </c>
      <c r="G6" s="2"/>
    </row>
    <row r="7" spans="1:7" x14ac:dyDescent="0.25">
      <c r="A7" s="1">
        <v>5</v>
      </c>
      <c r="B7" t="s">
        <v>9</v>
      </c>
      <c r="C7" t="s">
        <v>5460</v>
      </c>
      <c r="D7" t="s">
        <v>10906</v>
      </c>
      <c r="E7" t="s">
        <v>16342</v>
      </c>
      <c r="G7" s="2"/>
    </row>
    <row r="8" spans="1:7" x14ac:dyDescent="0.25">
      <c r="A8" s="1">
        <v>6</v>
      </c>
      <c r="B8" t="s">
        <v>10</v>
      </c>
      <c r="C8" t="s">
        <v>5461</v>
      </c>
      <c r="D8" t="s">
        <v>10907</v>
      </c>
      <c r="E8" t="s">
        <v>16343</v>
      </c>
      <c r="G8" s="2"/>
    </row>
    <row r="9" spans="1:7" x14ac:dyDescent="0.25">
      <c r="A9" s="1">
        <v>7</v>
      </c>
      <c r="B9" t="s">
        <v>11</v>
      </c>
      <c r="C9" t="s">
        <v>5462</v>
      </c>
      <c r="D9" t="s">
        <v>10908</v>
      </c>
      <c r="E9" t="s">
        <v>16344</v>
      </c>
      <c r="G9" s="2"/>
    </row>
    <row r="10" spans="1:7" x14ac:dyDescent="0.25">
      <c r="A10" s="1">
        <v>8</v>
      </c>
      <c r="B10" t="s">
        <v>12</v>
      </c>
      <c r="C10" t="s">
        <v>5463</v>
      </c>
      <c r="D10" t="s">
        <v>10909</v>
      </c>
      <c r="E10" t="s">
        <v>16345</v>
      </c>
      <c r="G10" s="2"/>
    </row>
    <row r="11" spans="1:7" x14ac:dyDescent="0.25">
      <c r="A11" s="1">
        <v>9</v>
      </c>
      <c r="B11" t="s">
        <v>13</v>
      </c>
      <c r="C11" t="s">
        <v>5464</v>
      </c>
      <c r="D11" t="s">
        <v>10910</v>
      </c>
      <c r="E11" t="s">
        <v>16346</v>
      </c>
      <c r="G11" s="2"/>
    </row>
    <row r="12" spans="1:7" x14ac:dyDescent="0.25">
      <c r="A12" s="1">
        <v>10</v>
      </c>
      <c r="B12" t="s">
        <v>14</v>
      </c>
      <c r="C12" t="s">
        <v>5465</v>
      </c>
      <c r="D12" t="s">
        <v>10911</v>
      </c>
      <c r="E12" t="s">
        <v>16347</v>
      </c>
      <c r="G12" s="2"/>
    </row>
    <row r="13" spans="1:7" x14ac:dyDescent="0.25">
      <c r="A13" s="1">
        <v>11</v>
      </c>
      <c r="B13" t="s">
        <v>15</v>
      </c>
      <c r="C13" t="s">
        <v>5466</v>
      </c>
      <c r="D13" t="s">
        <v>10912</v>
      </c>
      <c r="E13" t="s">
        <v>16348</v>
      </c>
      <c r="G13" s="2"/>
    </row>
    <row r="14" spans="1:7" x14ac:dyDescent="0.25">
      <c r="A14" s="1">
        <v>12</v>
      </c>
      <c r="B14" t="s">
        <v>16</v>
      </c>
      <c r="C14" t="s">
        <v>5467</v>
      </c>
      <c r="D14" t="s">
        <v>10913</v>
      </c>
      <c r="E14" t="s">
        <v>16349</v>
      </c>
      <c r="G14" s="2"/>
    </row>
    <row r="15" spans="1:7" x14ac:dyDescent="0.25">
      <c r="A15" s="1">
        <v>13</v>
      </c>
      <c r="B15" t="s">
        <v>17</v>
      </c>
      <c r="C15" t="s">
        <v>5468</v>
      </c>
      <c r="D15" t="s">
        <v>10914</v>
      </c>
      <c r="E15" t="s">
        <v>16350</v>
      </c>
      <c r="G15" s="2"/>
    </row>
    <row r="16" spans="1:7" x14ac:dyDescent="0.25">
      <c r="A16" s="1">
        <v>14</v>
      </c>
      <c r="B16" t="s">
        <v>18</v>
      </c>
      <c r="C16" t="s">
        <v>5469</v>
      </c>
      <c r="D16" t="s">
        <v>10915</v>
      </c>
      <c r="E16" t="s">
        <v>16351</v>
      </c>
      <c r="G16" s="2"/>
    </row>
    <row r="17" spans="1:7" x14ac:dyDescent="0.25">
      <c r="A17" s="1">
        <v>15</v>
      </c>
      <c r="B17" t="s">
        <v>19</v>
      </c>
      <c r="C17" t="s">
        <v>5470</v>
      </c>
      <c r="D17" t="s">
        <v>10916</v>
      </c>
      <c r="E17" t="s">
        <v>16352</v>
      </c>
      <c r="G17" s="2"/>
    </row>
    <row r="18" spans="1:7" x14ac:dyDescent="0.25">
      <c r="A18" s="1">
        <v>16</v>
      </c>
      <c r="B18" t="s">
        <v>20</v>
      </c>
      <c r="C18" t="s">
        <v>5471</v>
      </c>
      <c r="D18" t="s">
        <v>10917</v>
      </c>
      <c r="E18" t="s">
        <v>16353</v>
      </c>
      <c r="G18" s="2"/>
    </row>
    <row r="19" spans="1:7" x14ac:dyDescent="0.25">
      <c r="A19" s="1">
        <v>17</v>
      </c>
      <c r="B19" t="s">
        <v>21</v>
      </c>
      <c r="C19" t="s">
        <v>5472</v>
      </c>
      <c r="D19" t="s">
        <v>10918</v>
      </c>
      <c r="E19" t="s">
        <v>16354</v>
      </c>
      <c r="G19" s="2"/>
    </row>
    <row r="20" spans="1:7" x14ac:dyDescent="0.25">
      <c r="A20" s="1">
        <v>18</v>
      </c>
      <c r="B20" t="s">
        <v>22</v>
      </c>
      <c r="C20" t="s">
        <v>5473</v>
      </c>
      <c r="D20" t="s">
        <v>10919</v>
      </c>
      <c r="E20" t="s">
        <v>16355</v>
      </c>
      <c r="G20" s="2"/>
    </row>
    <row r="21" spans="1:7" x14ac:dyDescent="0.25">
      <c r="A21" s="1">
        <v>19</v>
      </c>
      <c r="B21" t="s">
        <v>23</v>
      </c>
      <c r="C21" t="s">
        <v>5474</v>
      </c>
      <c r="D21" t="s">
        <v>10920</v>
      </c>
      <c r="E21" t="s">
        <v>16356</v>
      </c>
      <c r="G21" s="2"/>
    </row>
    <row r="22" spans="1:7" x14ac:dyDescent="0.25">
      <c r="A22" s="1">
        <v>20</v>
      </c>
      <c r="B22" t="s">
        <v>24</v>
      </c>
      <c r="C22" t="s">
        <v>5475</v>
      </c>
      <c r="D22" t="s">
        <v>10921</v>
      </c>
      <c r="E22" t="s">
        <v>16357</v>
      </c>
      <c r="G22" s="2"/>
    </row>
    <row r="23" spans="1:7" x14ac:dyDescent="0.25">
      <c r="A23" s="1">
        <v>21</v>
      </c>
      <c r="B23" t="s">
        <v>25</v>
      </c>
      <c r="C23" t="s">
        <v>5476</v>
      </c>
      <c r="D23" t="s">
        <v>10922</v>
      </c>
      <c r="E23" t="s">
        <v>16358</v>
      </c>
      <c r="G23" s="2"/>
    </row>
    <row r="24" spans="1:7" x14ac:dyDescent="0.25">
      <c r="A24" s="1">
        <v>22</v>
      </c>
      <c r="B24" t="s">
        <v>26</v>
      </c>
      <c r="C24" t="s">
        <v>5477</v>
      </c>
      <c r="D24" t="s">
        <v>10923</v>
      </c>
      <c r="E24" t="s">
        <v>16359</v>
      </c>
      <c r="G24" s="2"/>
    </row>
    <row r="25" spans="1:7" x14ac:dyDescent="0.25">
      <c r="A25" s="1">
        <v>23</v>
      </c>
      <c r="B25" t="s">
        <v>27</v>
      </c>
      <c r="C25" t="s">
        <v>5478</v>
      </c>
      <c r="D25" t="s">
        <v>10924</v>
      </c>
      <c r="E25" t="s">
        <v>16360</v>
      </c>
      <c r="G25" s="2"/>
    </row>
    <row r="26" spans="1:7" x14ac:dyDescent="0.25">
      <c r="A26" s="1">
        <v>24</v>
      </c>
      <c r="B26" t="s">
        <v>28</v>
      </c>
      <c r="C26" t="s">
        <v>5479</v>
      </c>
      <c r="D26" t="s">
        <v>10925</v>
      </c>
      <c r="E26" t="s">
        <v>16361</v>
      </c>
      <c r="G26" s="2"/>
    </row>
    <row r="27" spans="1:7" x14ac:dyDescent="0.25">
      <c r="A27" s="1">
        <v>25</v>
      </c>
      <c r="B27" t="s">
        <v>29</v>
      </c>
      <c r="C27" t="s">
        <v>5480</v>
      </c>
      <c r="D27" t="s">
        <v>10926</v>
      </c>
      <c r="E27" t="s">
        <v>16362</v>
      </c>
      <c r="G27" s="2"/>
    </row>
    <row r="28" spans="1:7" x14ac:dyDescent="0.25">
      <c r="A28" s="1">
        <v>26</v>
      </c>
      <c r="B28" t="s">
        <v>30</v>
      </c>
      <c r="C28" t="s">
        <v>5481</v>
      </c>
      <c r="D28" t="s">
        <v>10927</v>
      </c>
      <c r="E28" t="s">
        <v>16363</v>
      </c>
      <c r="G28" s="2"/>
    </row>
    <row r="29" spans="1:7" x14ac:dyDescent="0.25">
      <c r="A29" s="1">
        <v>27</v>
      </c>
      <c r="B29" t="s">
        <v>31</v>
      </c>
      <c r="C29" t="s">
        <v>5482</v>
      </c>
      <c r="D29" t="s">
        <v>10928</v>
      </c>
      <c r="E29" t="s">
        <v>16364</v>
      </c>
      <c r="G29" s="2"/>
    </row>
    <row r="30" spans="1:7" x14ac:dyDescent="0.25">
      <c r="A30" s="1">
        <v>28</v>
      </c>
      <c r="B30" t="s">
        <v>32</v>
      </c>
      <c r="C30" t="s">
        <v>5483</v>
      </c>
      <c r="D30" t="s">
        <v>10929</v>
      </c>
      <c r="E30" t="s">
        <v>16365</v>
      </c>
      <c r="G30" s="2"/>
    </row>
    <row r="31" spans="1:7" x14ac:dyDescent="0.25">
      <c r="A31" s="1">
        <v>29</v>
      </c>
      <c r="B31" t="s">
        <v>33</v>
      </c>
      <c r="C31" t="s">
        <v>5484</v>
      </c>
      <c r="D31" t="s">
        <v>10930</v>
      </c>
      <c r="E31" t="s">
        <v>16366</v>
      </c>
      <c r="G31" s="2"/>
    </row>
    <row r="32" spans="1:7" x14ac:dyDescent="0.25">
      <c r="A32" s="1">
        <v>30</v>
      </c>
      <c r="B32" t="s">
        <v>34</v>
      </c>
      <c r="C32" t="s">
        <v>5485</v>
      </c>
      <c r="D32" t="s">
        <v>10931</v>
      </c>
      <c r="E32" t="s">
        <v>16367</v>
      </c>
      <c r="G32" s="2"/>
    </row>
    <row r="33" spans="1:7" x14ac:dyDescent="0.25">
      <c r="A33" s="1">
        <v>31</v>
      </c>
      <c r="B33" t="s">
        <v>35</v>
      </c>
      <c r="C33" t="s">
        <v>5486</v>
      </c>
      <c r="D33" t="s">
        <v>10932</v>
      </c>
      <c r="E33" t="s">
        <v>16368</v>
      </c>
      <c r="G33" s="2"/>
    </row>
    <row r="34" spans="1:7" x14ac:dyDescent="0.25">
      <c r="A34" s="1">
        <v>32</v>
      </c>
      <c r="B34" t="s">
        <v>36</v>
      </c>
      <c r="C34" t="s">
        <v>5487</v>
      </c>
      <c r="D34" t="s">
        <v>10933</v>
      </c>
      <c r="E34" t="s">
        <v>16369</v>
      </c>
      <c r="G34" s="2"/>
    </row>
    <row r="35" spans="1:7" x14ac:dyDescent="0.25">
      <c r="A35" s="1">
        <v>33</v>
      </c>
      <c r="B35" t="s">
        <v>37</v>
      </c>
      <c r="C35" t="s">
        <v>5488</v>
      </c>
      <c r="D35" t="s">
        <v>10934</v>
      </c>
      <c r="E35" t="s">
        <v>16370</v>
      </c>
      <c r="G35" s="2"/>
    </row>
    <row r="36" spans="1:7" x14ac:dyDescent="0.25">
      <c r="A36" s="1">
        <v>34</v>
      </c>
      <c r="B36" t="s">
        <v>38</v>
      </c>
      <c r="C36" t="s">
        <v>5489</v>
      </c>
      <c r="D36" t="s">
        <v>10935</v>
      </c>
      <c r="E36" t="s">
        <v>16371</v>
      </c>
      <c r="G36" s="2"/>
    </row>
    <row r="37" spans="1:7" x14ac:dyDescent="0.25">
      <c r="A37" s="1">
        <v>35</v>
      </c>
      <c r="B37" t="s">
        <v>39</v>
      </c>
      <c r="C37" t="s">
        <v>5490</v>
      </c>
      <c r="D37" t="s">
        <v>10936</v>
      </c>
      <c r="E37" t="s">
        <v>16372</v>
      </c>
      <c r="G37" s="2"/>
    </row>
    <row r="38" spans="1:7" x14ac:dyDescent="0.25">
      <c r="A38" s="1">
        <v>36</v>
      </c>
      <c r="B38" t="s">
        <v>40</v>
      </c>
      <c r="C38" t="s">
        <v>5491</v>
      </c>
      <c r="D38" t="s">
        <v>10937</v>
      </c>
      <c r="E38" t="s">
        <v>16373</v>
      </c>
      <c r="G38" s="2"/>
    </row>
    <row r="39" spans="1:7" x14ac:dyDescent="0.25">
      <c r="A39" s="1">
        <v>37</v>
      </c>
      <c r="B39" t="s">
        <v>41</v>
      </c>
      <c r="C39" t="s">
        <v>5492</v>
      </c>
      <c r="D39" t="s">
        <v>10938</v>
      </c>
      <c r="E39" t="s">
        <v>16374</v>
      </c>
      <c r="G39" s="2"/>
    </row>
    <row r="40" spans="1:7" x14ac:dyDescent="0.25">
      <c r="A40" s="1">
        <v>38</v>
      </c>
      <c r="B40" t="s">
        <v>42</v>
      </c>
      <c r="C40" t="s">
        <v>5493</v>
      </c>
      <c r="D40" t="s">
        <v>10939</v>
      </c>
      <c r="E40" t="s">
        <v>16375</v>
      </c>
      <c r="G40" s="2"/>
    </row>
    <row r="41" spans="1:7" x14ac:dyDescent="0.25">
      <c r="A41" s="1">
        <v>39</v>
      </c>
      <c r="B41" t="s">
        <v>43</v>
      </c>
      <c r="C41" t="s">
        <v>5494</v>
      </c>
      <c r="D41" t="s">
        <v>10940</v>
      </c>
      <c r="E41" t="s">
        <v>16376</v>
      </c>
      <c r="G41" s="2"/>
    </row>
    <row r="42" spans="1:7" x14ac:dyDescent="0.25">
      <c r="A42" s="1">
        <v>40</v>
      </c>
      <c r="B42" t="s">
        <v>44</v>
      </c>
      <c r="C42" t="s">
        <v>5495</v>
      </c>
      <c r="D42" t="s">
        <v>10941</v>
      </c>
      <c r="E42" t="s">
        <v>16377</v>
      </c>
      <c r="G42" s="2"/>
    </row>
    <row r="43" spans="1:7" x14ac:dyDescent="0.25">
      <c r="A43" s="1">
        <v>41</v>
      </c>
      <c r="B43" t="s">
        <v>45</v>
      </c>
      <c r="C43" t="s">
        <v>5496</v>
      </c>
      <c r="D43" t="s">
        <v>10942</v>
      </c>
      <c r="E43" t="s">
        <v>16378</v>
      </c>
      <c r="G43" s="2"/>
    </row>
    <row r="44" spans="1:7" x14ac:dyDescent="0.25">
      <c r="A44" s="1">
        <v>42</v>
      </c>
      <c r="B44" t="s">
        <v>46</v>
      </c>
      <c r="C44" t="s">
        <v>5497</v>
      </c>
      <c r="D44" t="s">
        <v>10943</v>
      </c>
      <c r="E44" t="s">
        <v>16379</v>
      </c>
      <c r="G44" s="2"/>
    </row>
    <row r="45" spans="1:7" x14ac:dyDescent="0.25">
      <c r="A45" s="1">
        <v>43</v>
      </c>
      <c r="B45" t="s">
        <v>47</v>
      </c>
      <c r="C45" t="s">
        <v>5498</v>
      </c>
      <c r="D45" t="s">
        <v>10944</v>
      </c>
      <c r="E45" t="s">
        <v>16380</v>
      </c>
      <c r="G45" s="2"/>
    </row>
    <row r="46" spans="1:7" x14ac:dyDescent="0.25">
      <c r="A46" s="1">
        <v>44</v>
      </c>
      <c r="B46" t="s">
        <v>48</v>
      </c>
      <c r="C46" t="s">
        <v>5499</v>
      </c>
      <c r="D46" t="s">
        <v>10945</v>
      </c>
      <c r="E46" t="s">
        <v>16381</v>
      </c>
      <c r="G46" s="2"/>
    </row>
    <row r="47" spans="1:7" x14ac:dyDescent="0.25">
      <c r="A47" s="1">
        <v>45</v>
      </c>
      <c r="B47" t="s">
        <v>49</v>
      </c>
      <c r="C47" t="s">
        <v>5500</v>
      </c>
      <c r="D47" t="s">
        <v>10946</v>
      </c>
      <c r="E47" t="s">
        <v>16382</v>
      </c>
      <c r="G47" s="2"/>
    </row>
    <row r="48" spans="1:7" x14ac:dyDescent="0.25">
      <c r="A48" s="1">
        <v>46</v>
      </c>
      <c r="B48" t="s">
        <v>50</v>
      </c>
      <c r="C48" t="s">
        <v>5501</v>
      </c>
      <c r="D48" t="s">
        <v>10947</v>
      </c>
      <c r="E48" t="s">
        <v>16383</v>
      </c>
      <c r="G48" s="2"/>
    </row>
    <row r="49" spans="1:7" x14ac:dyDescent="0.25">
      <c r="A49" s="1">
        <v>47</v>
      </c>
      <c r="B49" t="s">
        <v>51</v>
      </c>
      <c r="C49" t="s">
        <v>5502</v>
      </c>
      <c r="D49" t="s">
        <v>10948</v>
      </c>
      <c r="E49" t="s">
        <v>16384</v>
      </c>
      <c r="G49" s="2"/>
    </row>
    <row r="50" spans="1:7" x14ac:dyDescent="0.25">
      <c r="A50" s="1">
        <v>48</v>
      </c>
      <c r="B50" t="s">
        <v>52</v>
      </c>
      <c r="C50" t="s">
        <v>5503</v>
      </c>
      <c r="D50" t="s">
        <v>10949</v>
      </c>
      <c r="E50" t="s">
        <v>16385</v>
      </c>
      <c r="G50" s="2"/>
    </row>
    <row r="51" spans="1:7" x14ac:dyDescent="0.25">
      <c r="A51" s="1">
        <v>49</v>
      </c>
      <c r="B51" t="s">
        <v>53</v>
      </c>
      <c r="C51" t="s">
        <v>5504</v>
      </c>
      <c r="D51" t="s">
        <v>10950</v>
      </c>
      <c r="E51" t="s">
        <v>16386</v>
      </c>
      <c r="G51" s="2"/>
    </row>
    <row r="52" spans="1:7" x14ac:dyDescent="0.25">
      <c r="A52" s="1">
        <v>50</v>
      </c>
      <c r="B52" t="s">
        <v>54</v>
      </c>
      <c r="C52" t="s">
        <v>5505</v>
      </c>
      <c r="D52" t="s">
        <v>10951</v>
      </c>
      <c r="E52" t="s">
        <v>16387</v>
      </c>
      <c r="G52" s="2"/>
    </row>
    <row r="53" spans="1:7" x14ac:dyDescent="0.25">
      <c r="A53" s="1">
        <v>51</v>
      </c>
      <c r="B53" t="s">
        <v>55</v>
      </c>
      <c r="C53" t="s">
        <v>5506</v>
      </c>
      <c r="D53" t="s">
        <v>10952</v>
      </c>
      <c r="E53" t="s">
        <v>16388</v>
      </c>
      <c r="G53" s="2"/>
    </row>
    <row r="54" spans="1:7" x14ac:dyDescent="0.25">
      <c r="A54" s="1">
        <v>52</v>
      </c>
      <c r="B54" t="s">
        <v>56</v>
      </c>
      <c r="C54" t="s">
        <v>5507</v>
      </c>
      <c r="D54" t="s">
        <v>10953</v>
      </c>
      <c r="E54" t="s">
        <v>16347</v>
      </c>
      <c r="G54" s="2"/>
    </row>
    <row r="55" spans="1:7" x14ac:dyDescent="0.25">
      <c r="A55" s="1">
        <v>53</v>
      </c>
      <c r="B55" t="s">
        <v>57</v>
      </c>
      <c r="C55" t="s">
        <v>5508</v>
      </c>
      <c r="D55" t="s">
        <v>10954</v>
      </c>
      <c r="E55" t="s">
        <v>16389</v>
      </c>
      <c r="G55" s="2"/>
    </row>
    <row r="56" spans="1:7" x14ac:dyDescent="0.25">
      <c r="A56" s="1">
        <v>54</v>
      </c>
      <c r="B56" t="s">
        <v>58</v>
      </c>
      <c r="C56" t="s">
        <v>5509</v>
      </c>
      <c r="D56" t="s">
        <v>10955</v>
      </c>
      <c r="E56" t="s">
        <v>16390</v>
      </c>
      <c r="G56" s="2"/>
    </row>
    <row r="57" spans="1:7" x14ac:dyDescent="0.25">
      <c r="A57" s="1">
        <v>55</v>
      </c>
      <c r="B57" t="s">
        <v>59</v>
      </c>
      <c r="C57" t="s">
        <v>5510</v>
      </c>
      <c r="D57" t="s">
        <v>10956</v>
      </c>
      <c r="E57" t="s">
        <v>16391</v>
      </c>
      <c r="G57" s="2"/>
    </row>
    <row r="58" spans="1:7" x14ac:dyDescent="0.25">
      <c r="A58" s="1">
        <v>56</v>
      </c>
      <c r="B58" t="s">
        <v>60</v>
      </c>
      <c r="C58" t="s">
        <v>5511</v>
      </c>
      <c r="D58" t="s">
        <v>10957</v>
      </c>
      <c r="E58" t="s">
        <v>16392</v>
      </c>
      <c r="G58" s="2"/>
    </row>
    <row r="59" spans="1:7" x14ac:dyDescent="0.25">
      <c r="A59" s="1">
        <v>57</v>
      </c>
      <c r="B59" t="s">
        <v>61</v>
      </c>
      <c r="C59" t="s">
        <v>5512</v>
      </c>
      <c r="D59" t="s">
        <v>10958</v>
      </c>
      <c r="E59" t="s">
        <v>16393</v>
      </c>
      <c r="G59" s="2"/>
    </row>
    <row r="60" spans="1:7" x14ac:dyDescent="0.25">
      <c r="A60" s="1">
        <v>58</v>
      </c>
      <c r="B60" t="s">
        <v>62</v>
      </c>
      <c r="C60" t="s">
        <v>5513</v>
      </c>
      <c r="D60" t="s">
        <v>10959</v>
      </c>
      <c r="E60" t="s">
        <v>16394</v>
      </c>
      <c r="G60" s="2"/>
    </row>
    <row r="61" spans="1:7" x14ac:dyDescent="0.25">
      <c r="A61" s="1">
        <v>59</v>
      </c>
      <c r="B61" t="s">
        <v>63</v>
      </c>
      <c r="C61" t="s">
        <v>5514</v>
      </c>
      <c r="D61" t="s">
        <v>10960</v>
      </c>
      <c r="E61" t="s">
        <v>16395</v>
      </c>
      <c r="G61" s="2"/>
    </row>
    <row r="62" spans="1:7" x14ac:dyDescent="0.25">
      <c r="A62" s="1">
        <v>60</v>
      </c>
      <c r="B62" t="s">
        <v>64</v>
      </c>
      <c r="C62" t="s">
        <v>5515</v>
      </c>
      <c r="D62" t="s">
        <v>10961</v>
      </c>
      <c r="E62" t="s">
        <v>16396</v>
      </c>
      <c r="G62" s="2"/>
    </row>
    <row r="63" spans="1:7" x14ac:dyDescent="0.25">
      <c r="A63" s="1">
        <v>61</v>
      </c>
      <c r="B63" t="s">
        <v>65</v>
      </c>
      <c r="C63" t="s">
        <v>5516</v>
      </c>
      <c r="D63" t="s">
        <v>10962</v>
      </c>
      <c r="E63" t="s">
        <v>16397</v>
      </c>
      <c r="G63" s="2"/>
    </row>
    <row r="64" spans="1:7" x14ac:dyDescent="0.25">
      <c r="A64" s="1">
        <v>62</v>
      </c>
      <c r="B64" t="s">
        <v>66</v>
      </c>
      <c r="C64" t="s">
        <v>5517</v>
      </c>
      <c r="D64" t="s">
        <v>10963</v>
      </c>
      <c r="E64" t="s">
        <v>16398</v>
      </c>
      <c r="G64" s="2"/>
    </row>
    <row r="65" spans="1:7" x14ac:dyDescent="0.25">
      <c r="A65" s="1">
        <v>63</v>
      </c>
      <c r="B65" t="s">
        <v>67</v>
      </c>
      <c r="C65" t="s">
        <v>5518</v>
      </c>
      <c r="D65" t="s">
        <v>10964</v>
      </c>
      <c r="E65" t="s">
        <v>16399</v>
      </c>
      <c r="G65" s="2"/>
    </row>
    <row r="66" spans="1:7" x14ac:dyDescent="0.25">
      <c r="A66" s="1">
        <v>64</v>
      </c>
      <c r="B66" t="s">
        <v>68</v>
      </c>
      <c r="C66" t="s">
        <v>5519</v>
      </c>
      <c r="D66" t="s">
        <v>10965</v>
      </c>
      <c r="E66" t="s">
        <v>16400</v>
      </c>
      <c r="G66" s="2"/>
    </row>
    <row r="67" spans="1:7" x14ac:dyDescent="0.25">
      <c r="A67" s="1">
        <v>65</v>
      </c>
      <c r="B67" t="s">
        <v>69</v>
      </c>
      <c r="C67" t="s">
        <v>5520</v>
      </c>
      <c r="D67" t="s">
        <v>10966</v>
      </c>
      <c r="E67" t="s">
        <v>16401</v>
      </c>
      <c r="G67" s="2"/>
    </row>
    <row r="68" spans="1:7" x14ac:dyDescent="0.25">
      <c r="A68" s="1">
        <v>66</v>
      </c>
      <c r="B68" t="s">
        <v>70</v>
      </c>
      <c r="C68" t="s">
        <v>5521</v>
      </c>
      <c r="D68" t="s">
        <v>10967</v>
      </c>
      <c r="E68" t="s">
        <v>16402</v>
      </c>
      <c r="G68" s="2"/>
    </row>
    <row r="69" spans="1:7" x14ac:dyDescent="0.25">
      <c r="A69" s="1">
        <v>67</v>
      </c>
      <c r="B69" t="s">
        <v>71</v>
      </c>
      <c r="C69" t="s">
        <v>5522</v>
      </c>
      <c r="D69" t="s">
        <v>10968</v>
      </c>
      <c r="E69" t="s">
        <v>16403</v>
      </c>
      <c r="G69" s="2"/>
    </row>
    <row r="70" spans="1:7" x14ac:dyDescent="0.25">
      <c r="A70" s="1">
        <v>68</v>
      </c>
      <c r="B70" t="s">
        <v>72</v>
      </c>
      <c r="C70" t="s">
        <v>5523</v>
      </c>
      <c r="D70" t="s">
        <v>10969</v>
      </c>
      <c r="E70" t="s">
        <v>16404</v>
      </c>
      <c r="G70" s="2"/>
    </row>
    <row r="71" spans="1:7" x14ac:dyDescent="0.25">
      <c r="A71" s="1">
        <v>69</v>
      </c>
      <c r="B71" t="s">
        <v>73</v>
      </c>
      <c r="C71" t="s">
        <v>5524</v>
      </c>
      <c r="D71" t="s">
        <v>10970</v>
      </c>
      <c r="E71" t="s">
        <v>16405</v>
      </c>
      <c r="G71" s="2"/>
    </row>
    <row r="72" spans="1:7" x14ac:dyDescent="0.25">
      <c r="A72" s="1">
        <v>70</v>
      </c>
      <c r="B72" t="s">
        <v>74</v>
      </c>
      <c r="C72" t="s">
        <v>5525</v>
      </c>
      <c r="D72" t="s">
        <v>10971</v>
      </c>
      <c r="E72" t="s">
        <v>16406</v>
      </c>
      <c r="G72" s="2"/>
    </row>
    <row r="73" spans="1:7" x14ac:dyDescent="0.25">
      <c r="A73" s="1">
        <v>71</v>
      </c>
      <c r="B73" t="s">
        <v>75</v>
      </c>
      <c r="C73" t="s">
        <v>5526</v>
      </c>
      <c r="D73" t="s">
        <v>10972</v>
      </c>
      <c r="E73" t="s">
        <v>16407</v>
      </c>
      <c r="G73" s="2"/>
    </row>
    <row r="74" spans="1:7" x14ac:dyDescent="0.25">
      <c r="A74" s="1">
        <v>72</v>
      </c>
      <c r="B74" t="s">
        <v>76</v>
      </c>
      <c r="C74" t="s">
        <v>5527</v>
      </c>
      <c r="D74" t="s">
        <v>10973</v>
      </c>
      <c r="E74" t="s">
        <v>16408</v>
      </c>
      <c r="G74" s="2"/>
    </row>
    <row r="75" spans="1:7" x14ac:dyDescent="0.25">
      <c r="A75" s="1">
        <v>73</v>
      </c>
      <c r="B75" t="s">
        <v>77</v>
      </c>
      <c r="C75" t="s">
        <v>5528</v>
      </c>
      <c r="D75" t="s">
        <v>10974</v>
      </c>
      <c r="E75" t="s">
        <v>16409</v>
      </c>
      <c r="G75" s="2"/>
    </row>
    <row r="76" spans="1:7" x14ac:dyDescent="0.25">
      <c r="A76" s="1">
        <v>74</v>
      </c>
      <c r="B76" t="s">
        <v>78</v>
      </c>
      <c r="C76" t="s">
        <v>5529</v>
      </c>
      <c r="D76" t="s">
        <v>10975</v>
      </c>
      <c r="E76" t="s">
        <v>16410</v>
      </c>
      <c r="G76" s="2"/>
    </row>
    <row r="77" spans="1:7" x14ac:dyDescent="0.25">
      <c r="A77" s="1">
        <v>75</v>
      </c>
      <c r="B77" t="s">
        <v>79</v>
      </c>
      <c r="C77" t="s">
        <v>5530</v>
      </c>
      <c r="D77" t="s">
        <v>10976</v>
      </c>
      <c r="E77" t="s">
        <v>16411</v>
      </c>
      <c r="G77" s="2"/>
    </row>
    <row r="78" spans="1:7" x14ac:dyDescent="0.25">
      <c r="A78" s="1">
        <v>76</v>
      </c>
      <c r="B78" t="s">
        <v>80</v>
      </c>
      <c r="C78" t="s">
        <v>5531</v>
      </c>
      <c r="D78" t="s">
        <v>10977</v>
      </c>
      <c r="E78" t="s">
        <v>16412</v>
      </c>
      <c r="G78" s="2"/>
    </row>
    <row r="79" spans="1:7" x14ac:dyDescent="0.25">
      <c r="A79" s="1">
        <v>77</v>
      </c>
      <c r="B79" t="s">
        <v>81</v>
      </c>
      <c r="C79" t="s">
        <v>5532</v>
      </c>
      <c r="D79" t="s">
        <v>10978</v>
      </c>
      <c r="E79" t="s">
        <v>16413</v>
      </c>
      <c r="G79" s="2"/>
    </row>
    <row r="80" spans="1:7" x14ac:dyDescent="0.25">
      <c r="A80" s="1">
        <v>78</v>
      </c>
      <c r="B80" t="s">
        <v>82</v>
      </c>
      <c r="C80" t="s">
        <v>5533</v>
      </c>
      <c r="D80" t="s">
        <v>10979</v>
      </c>
      <c r="E80" t="s">
        <v>16414</v>
      </c>
      <c r="G80" s="2"/>
    </row>
    <row r="81" spans="1:7" x14ac:dyDescent="0.25">
      <c r="A81" s="1">
        <v>79</v>
      </c>
      <c r="B81" t="s">
        <v>83</v>
      </c>
      <c r="C81" t="s">
        <v>5534</v>
      </c>
      <c r="D81" t="s">
        <v>10980</v>
      </c>
      <c r="E81" t="s">
        <v>16415</v>
      </c>
      <c r="G81" s="2"/>
    </row>
    <row r="82" spans="1:7" x14ac:dyDescent="0.25">
      <c r="A82" s="1">
        <v>80</v>
      </c>
      <c r="B82" t="s">
        <v>84</v>
      </c>
      <c r="C82" t="s">
        <v>5535</v>
      </c>
      <c r="D82" t="s">
        <v>10981</v>
      </c>
      <c r="E82" t="s">
        <v>16416</v>
      </c>
      <c r="G82" s="2"/>
    </row>
    <row r="83" spans="1:7" x14ac:dyDescent="0.25">
      <c r="A83" s="1">
        <v>81</v>
      </c>
      <c r="B83" t="s">
        <v>85</v>
      </c>
      <c r="C83" t="s">
        <v>5536</v>
      </c>
      <c r="D83" t="s">
        <v>10982</v>
      </c>
      <c r="E83" t="s">
        <v>16417</v>
      </c>
      <c r="G83" s="2"/>
    </row>
    <row r="84" spans="1:7" x14ac:dyDescent="0.25">
      <c r="A84" s="1">
        <v>82</v>
      </c>
      <c r="B84" t="s">
        <v>86</v>
      </c>
      <c r="C84" t="s">
        <v>5537</v>
      </c>
      <c r="D84" t="s">
        <v>10983</v>
      </c>
      <c r="E84" t="s">
        <v>16418</v>
      </c>
      <c r="G84" s="2"/>
    </row>
    <row r="85" spans="1:7" x14ac:dyDescent="0.25">
      <c r="A85" s="1">
        <v>83</v>
      </c>
      <c r="B85" t="s">
        <v>87</v>
      </c>
      <c r="C85" t="s">
        <v>5538</v>
      </c>
      <c r="D85" t="s">
        <v>10984</v>
      </c>
      <c r="E85" t="s">
        <v>16419</v>
      </c>
      <c r="G85" s="2"/>
    </row>
    <row r="86" spans="1:7" x14ac:dyDescent="0.25">
      <c r="A86" s="1">
        <v>84</v>
      </c>
      <c r="B86" t="s">
        <v>88</v>
      </c>
      <c r="C86" t="s">
        <v>5539</v>
      </c>
      <c r="D86" t="s">
        <v>10985</v>
      </c>
      <c r="E86" t="s">
        <v>16420</v>
      </c>
      <c r="G86" s="2"/>
    </row>
    <row r="87" spans="1:7" x14ac:dyDescent="0.25">
      <c r="A87" s="1">
        <v>85</v>
      </c>
      <c r="B87" t="s">
        <v>89</v>
      </c>
      <c r="C87" t="s">
        <v>5540</v>
      </c>
      <c r="D87" t="s">
        <v>10986</v>
      </c>
      <c r="E87" t="s">
        <v>16421</v>
      </c>
      <c r="G87" s="2"/>
    </row>
    <row r="88" spans="1:7" x14ac:dyDescent="0.25">
      <c r="A88" s="1">
        <v>86</v>
      </c>
      <c r="B88" t="s">
        <v>90</v>
      </c>
      <c r="C88" t="s">
        <v>5541</v>
      </c>
      <c r="D88" t="s">
        <v>10987</v>
      </c>
      <c r="E88" t="s">
        <v>16422</v>
      </c>
      <c r="G88" s="2"/>
    </row>
    <row r="89" spans="1:7" x14ac:dyDescent="0.25">
      <c r="A89" s="1">
        <v>87</v>
      </c>
      <c r="B89" t="s">
        <v>91</v>
      </c>
      <c r="C89" t="s">
        <v>5542</v>
      </c>
      <c r="D89" t="s">
        <v>10988</v>
      </c>
      <c r="E89" t="s">
        <v>16423</v>
      </c>
      <c r="G89" s="2"/>
    </row>
    <row r="90" spans="1:7" x14ac:dyDescent="0.25">
      <c r="A90" s="1">
        <v>88</v>
      </c>
      <c r="B90" t="s">
        <v>92</v>
      </c>
      <c r="C90" t="s">
        <v>5543</v>
      </c>
      <c r="D90" t="s">
        <v>10989</v>
      </c>
      <c r="E90" t="s">
        <v>16424</v>
      </c>
      <c r="G90" s="2"/>
    </row>
    <row r="91" spans="1:7" x14ac:dyDescent="0.25">
      <c r="A91" s="1">
        <v>89</v>
      </c>
      <c r="B91" t="s">
        <v>93</v>
      </c>
      <c r="C91" t="s">
        <v>5544</v>
      </c>
      <c r="D91" t="s">
        <v>10990</v>
      </c>
      <c r="E91" t="s">
        <v>16425</v>
      </c>
      <c r="G91" s="2"/>
    </row>
    <row r="92" spans="1:7" x14ac:dyDescent="0.25">
      <c r="A92" s="1">
        <v>90</v>
      </c>
      <c r="B92" t="s">
        <v>94</v>
      </c>
      <c r="C92" t="s">
        <v>5545</v>
      </c>
      <c r="D92" t="s">
        <v>10991</v>
      </c>
      <c r="E92" t="s">
        <v>16426</v>
      </c>
      <c r="G92" s="2"/>
    </row>
    <row r="93" spans="1:7" x14ac:dyDescent="0.25">
      <c r="A93" s="1">
        <v>91</v>
      </c>
      <c r="B93" t="s">
        <v>95</v>
      </c>
      <c r="C93" t="s">
        <v>5546</v>
      </c>
      <c r="D93" t="s">
        <v>5546</v>
      </c>
      <c r="E93" t="s">
        <v>16427</v>
      </c>
      <c r="G93" s="2"/>
    </row>
    <row r="94" spans="1:7" x14ac:dyDescent="0.25">
      <c r="A94" s="1">
        <v>92</v>
      </c>
      <c r="B94" t="s">
        <v>96</v>
      </c>
      <c r="C94" t="s">
        <v>5547</v>
      </c>
      <c r="D94" t="s">
        <v>10992</v>
      </c>
      <c r="E94" t="s">
        <v>16428</v>
      </c>
      <c r="G94" s="2"/>
    </row>
    <row r="95" spans="1:7" x14ac:dyDescent="0.25">
      <c r="A95" s="1">
        <v>93</v>
      </c>
      <c r="B95" t="s">
        <v>97</v>
      </c>
      <c r="C95" t="s">
        <v>5548</v>
      </c>
      <c r="D95" t="s">
        <v>10993</v>
      </c>
      <c r="E95" t="s">
        <v>16429</v>
      </c>
      <c r="G95" s="2"/>
    </row>
    <row r="96" spans="1:7" x14ac:dyDescent="0.25">
      <c r="A96" s="1">
        <v>94</v>
      </c>
      <c r="B96" t="s">
        <v>98</v>
      </c>
      <c r="C96" t="s">
        <v>5549</v>
      </c>
      <c r="D96" t="s">
        <v>10994</v>
      </c>
      <c r="E96" t="s">
        <v>16430</v>
      </c>
      <c r="G96" s="2"/>
    </row>
    <row r="97" spans="1:7" x14ac:dyDescent="0.25">
      <c r="A97" s="1">
        <v>95</v>
      </c>
      <c r="B97" t="s">
        <v>99</v>
      </c>
      <c r="C97" t="s">
        <v>5550</v>
      </c>
      <c r="D97" t="s">
        <v>10995</v>
      </c>
      <c r="E97" t="s">
        <v>16431</v>
      </c>
      <c r="G97" s="2"/>
    </row>
    <row r="98" spans="1:7" x14ac:dyDescent="0.25">
      <c r="A98" s="1">
        <v>96</v>
      </c>
      <c r="B98" t="s">
        <v>100</v>
      </c>
      <c r="C98" t="s">
        <v>5551</v>
      </c>
      <c r="D98" t="s">
        <v>10996</v>
      </c>
      <c r="E98" t="s">
        <v>16432</v>
      </c>
      <c r="G98" s="2"/>
    </row>
    <row r="99" spans="1:7" x14ac:dyDescent="0.25">
      <c r="A99" s="1">
        <v>97</v>
      </c>
      <c r="B99" t="s">
        <v>101</v>
      </c>
      <c r="C99" t="s">
        <v>5552</v>
      </c>
      <c r="D99" t="s">
        <v>10997</v>
      </c>
      <c r="E99" t="s">
        <v>16433</v>
      </c>
      <c r="G99" s="2"/>
    </row>
    <row r="100" spans="1:7" x14ac:dyDescent="0.25">
      <c r="A100" s="1">
        <v>98</v>
      </c>
      <c r="B100" t="s">
        <v>102</v>
      </c>
      <c r="C100" t="s">
        <v>5553</v>
      </c>
      <c r="D100" t="s">
        <v>10998</v>
      </c>
      <c r="E100" t="s">
        <v>16434</v>
      </c>
      <c r="G100" s="2"/>
    </row>
    <row r="101" spans="1:7" x14ac:dyDescent="0.25">
      <c r="A101" s="1">
        <v>99</v>
      </c>
      <c r="B101" t="s">
        <v>103</v>
      </c>
      <c r="C101" t="s">
        <v>5554</v>
      </c>
      <c r="D101" t="s">
        <v>10999</v>
      </c>
      <c r="E101" t="s">
        <v>16435</v>
      </c>
      <c r="G101" s="2"/>
    </row>
    <row r="102" spans="1:7" x14ac:dyDescent="0.25">
      <c r="A102" s="1">
        <v>100</v>
      </c>
      <c r="B102" t="s">
        <v>104</v>
      </c>
      <c r="C102" t="s">
        <v>5555</v>
      </c>
      <c r="D102" t="s">
        <v>11000</v>
      </c>
      <c r="E102" t="s">
        <v>16436</v>
      </c>
      <c r="G102" s="2"/>
    </row>
    <row r="103" spans="1:7" x14ac:dyDescent="0.25">
      <c r="A103" s="1">
        <v>101</v>
      </c>
      <c r="B103" t="s">
        <v>105</v>
      </c>
      <c r="C103" t="s">
        <v>5556</v>
      </c>
      <c r="D103" t="s">
        <v>11001</v>
      </c>
      <c r="E103" t="s">
        <v>16437</v>
      </c>
      <c r="G103" s="2"/>
    </row>
    <row r="104" spans="1:7" x14ac:dyDescent="0.25">
      <c r="A104" s="1">
        <v>102</v>
      </c>
      <c r="B104" t="s">
        <v>106</v>
      </c>
      <c r="C104" t="s">
        <v>5557</v>
      </c>
      <c r="D104" t="s">
        <v>11002</v>
      </c>
      <c r="E104" t="s">
        <v>16438</v>
      </c>
      <c r="G104" s="2"/>
    </row>
    <row r="105" spans="1:7" x14ac:dyDescent="0.25">
      <c r="A105" s="1">
        <v>103</v>
      </c>
      <c r="B105" t="s">
        <v>107</v>
      </c>
      <c r="C105" t="s">
        <v>5558</v>
      </c>
      <c r="D105" t="s">
        <v>11003</v>
      </c>
      <c r="E105" t="s">
        <v>16439</v>
      </c>
      <c r="G105" s="2"/>
    </row>
    <row r="106" spans="1:7" x14ac:dyDescent="0.25">
      <c r="A106" s="1">
        <v>104</v>
      </c>
      <c r="B106" t="s">
        <v>108</v>
      </c>
      <c r="C106" t="s">
        <v>5559</v>
      </c>
      <c r="D106" t="s">
        <v>11004</v>
      </c>
      <c r="E106" t="s">
        <v>16440</v>
      </c>
      <c r="G106" s="2"/>
    </row>
    <row r="107" spans="1:7" x14ac:dyDescent="0.25">
      <c r="A107" s="1">
        <v>105</v>
      </c>
      <c r="B107" t="s">
        <v>109</v>
      </c>
      <c r="C107" t="s">
        <v>5560</v>
      </c>
      <c r="D107" t="s">
        <v>11005</v>
      </c>
      <c r="E107" t="s">
        <v>16441</v>
      </c>
      <c r="G107" s="2"/>
    </row>
    <row r="108" spans="1:7" x14ac:dyDescent="0.25">
      <c r="A108" s="1">
        <v>106</v>
      </c>
      <c r="B108" t="s">
        <v>110</v>
      </c>
      <c r="C108" t="s">
        <v>5561</v>
      </c>
      <c r="D108" t="s">
        <v>11006</v>
      </c>
      <c r="E108" t="s">
        <v>16442</v>
      </c>
      <c r="G108" s="2"/>
    </row>
    <row r="109" spans="1:7" x14ac:dyDescent="0.25">
      <c r="A109" s="1">
        <v>107</v>
      </c>
      <c r="B109" t="s">
        <v>111</v>
      </c>
      <c r="C109" t="s">
        <v>5562</v>
      </c>
      <c r="D109" t="s">
        <v>11007</v>
      </c>
      <c r="E109" t="s">
        <v>16443</v>
      </c>
      <c r="G109" s="2"/>
    </row>
    <row r="110" spans="1:7" x14ac:dyDescent="0.25">
      <c r="A110" s="1">
        <v>108</v>
      </c>
      <c r="B110" t="s">
        <v>112</v>
      </c>
      <c r="C110" t="s">
        <v>5563</v>
      </c>
      <c r="D110" t="s">
        <v>11008</v>
      </c>
      <c r="E110" t="s">
        <v>16444</v>
      </c>
      <c r="G110" s="2"/>
    </row>
    <row r="111" spans="1:7" x14ac:dyDescent="0.25">
      <c r="A111" s="1">
        <v>109</v>
      </c>
      <c r="B111" t="s">
        <v>113</v>
      </c>
      <c r="C111" t="s">
        <v>5564</v>
      </c>
      <c r="D111" t="s">
        <v>11009</v>
      </c>
      <c r="E111" t="s">
        <v>16445</v>
      </c>
      <c r="G111" s="2"/>
    </row>
    <row r="112" spans="1:7" x14ac:dyDescent="0.25">
      <c r="A112" s="1">
        <v>110</v>
      </c>
      <c r="B112" t="s">
        <v>114</v>
      </c>
      <c r="C112" t="s">
        <v>5565</v>
      </c>
      <c r="D112" t="s">
        <v>11010</v>
      </c>
      <c r="E112" t="s">
        <v>16446</v>
      </c>
      <c r="G112" s="2"/>
    </row>
    <row r="113" spans="1:7" x14ac:dyDescent="0.25">
      <c r="A113" s="1">
        <v>111</v>
      </c>
      <c r="B113" t="s">
        <v>115</v>
      </c>
      <c r="C113" t="s">
        <v>5566</v>
      </c>
      <c r="D113" t="s">
        <v>11011</v>
      </c>
      <c r="E113" t="s">
        <v>16447</v>
      </c>
      <c r="G113" s="2"/>
    </row>
    <row r="114" spans="1:7" x14ac:dyDescent="0.25">
      <c r="A114" s="1">
        <v>112</v>
      </c>
      <c r="B114" t="s">
        <v>116</v>
      </c>
      <c r="C114" t="s">
        <v>5567</v>
      </c>
      <c r="D114" t="s">
        <v>11012</v>
      </c>
      <c r="E114" t="s">
        <v>16448</v>
      </c>
      <c r="G114" s="2"/>
    </row>
    <row r="115" spans="1:7" x14ac:dyDescent="0.25">
      <c r="A115" s="1">
        <v>113</v>
      </c>
      <c r="B115" t="s">
        <v>117</v>
      </c>
      <c r="C115" t="s">
        <v>5568</v>
      </c>
      <c r="D115" t="s">
        <v>11013</v>
      </c>
      <c r="E115" t="s">
        <v>16449</v>
      </c>
      <c r="G115" s="2"/>
    </row>
    <row r="116" spans="1:7" x14ac:dyDescent="0.25">
      <c r="A116" s="1">
        <v>114</v>
      </c>
      <c r="B116" t="s">
        <v>118</v>
      </c>
      <c r="C116" t="s">
        <v>5569</v>
      </c>
      <c r="D116" t="s">
        <v>11014</v>
      </c>
      <c r="E116" t="s">
        <v>16450</v>
      </c>
      <c r="G116" s="2"/>
    </row>
    <row r="117" spans="1:7" x14ac:dyDescent="0.25">
      <c r="A117" s="1">
        <v>115</v>
      </c>
      <c r="B117" t="s">
        <v>119</v>
      </c>
      <c r="C117" t="s">
        <v>5570</v>
      </c>
      <c r="D117" t="s">
        <v>11015</v>
      </c>
      <c r="E117" t="s">
        <v>16451</v>
      </c>
      <c r="G117" s="2"/>
    </row>
    <row r="118" spans="1:7" x14ac:dyDescent="0.25">
      <c r="A118" s="1">
        <v>116</v>
      </c>
      <c r="B118" t="s">
        <v>120</v>
      </c>
      <c r="C118" t="s">
        <v>5571</v>
      </c>
      <c r="D118" t="s">
        <v>11016</v>
      </c>
      <c r="E118" t="s">
        <v>16452</v>
      </c>
      <c r="G118" s="2"/>
    </row>
    <row r="119" spans="1:7" x14ac:dyDescent="0.25">
      <c r="A119" s="1">
        <v>117</v>
      </c>
      <c r="B119" t="s">
        <v>121</v>
      </c>
      <c r="C119" t="s">
        <v>5572</v>
      </c>
      <c r="D119" t="s">
        <v>11017</v>
      </c>
      <c r="E119" t="s">
        <v>16453</v>
      </c>
      <c r="G119" s="2"/>
    </row>
    <row r="120" spans="1:7" x14ac:dyDescent="0.25">
      <c r="A120" s="1">
        <v>118</v>
      </c>
      <c r="B120" t="s">
        <v>122</v>
      </c>
      <c r="C120" t="s">
        <v>5573</v>
      </c>
      <c r="D120" t="s">
        <v>11018</v>
      </c>
      <c r="E120" t="s">
        <v>16347</v>
      </c>
      <c r="G120" s="2"/>
    </row>
    <row r="121" spans="1:7" x14ac:dyDescent="0.25">
      <c r="A121" s="1">
        <v>119</v>
      </c>
      <c r="B121" t="s">
        <v>123</v>
      </c>
      <c r="C121" t="s">
        <v>5574</v>
      </c>
      <c r="D121" t="s">
        <v>11019</v>
      </c>
      <c r="E121" t="s">
        <v>16454</v>
      </c>
      <c r="G121" s="2"/>
    </row>
    <row r="122" spans="1:7" x14ac:dyDescent="0.25">
      <c r="A122" s="1">
        <v>120</v>
      </c>
      <c r="B122" t="s">
        <v>124</v>
      </c>
      <c r="C122" t="s">
        <v>5575</v>
      </c>
      <c r="D122" t="s">
        <v>11020</v>
      </c>
      <c r="E122" t="s">
        <v>16455</v>
      </c>
      <c r="G122" s="2"/>
    </row>
    <row r="123" spans="1:7" x14ac:dyDescent="0.25">
      <c r="A123" s="1">
        <v>121</v>
      </c>
      <c r="B123" t="s">
        <v>125</v>
      </c>
      <c r="C123" t="s">
        <v>5576</v>
      </c>
      <c r="D123" t="s">
        <v>11021</v>
      </c>
      <c r="E123" t="s">
        <v>16456</v>
      </c>
      <c r="G123" s="2"/>
    </row>
    <row r="124" spans="1:7" x14ac:dyDescent="0.25">
      <c r="A124" s="1">
        <v>122</v>
      </c>
      <c r="B124" t="s">
        <v>126</v>
      </c>
      <c r="C124" t="s">
        <v>5577</v>
      </c>
      <c r="D124" t="s">
        <v>11022</v>
      </c>
      <c r="E124" t="s">
        <v>16457</v>
      </c>
      <c r="G124" s="2"/>
    </row>
    <row r="125" spans="1:7" x14ac:dyDescent="0.25">
      <c r="A125" s="1">
        <v>123</v>
      </c>
      <c r="B125" t="s">
        <v>127</v>
      </c>
      <c r="C125" t="s">
        <v>5578</v>
      </c>
      <c r="D125" t="s">
        <v>11023</v>
      </c>
      <c r="E125" t="s">
        <v>16458</v>
      </c>
      <c r="G125" s="2"/>
    </row>
    <row r="126" spans="1:7" x14ac:dyDescent="0.25">
      <c r="A126" s="1">
        <v>124</v>
      </c>
      <c r="B126" t="s">
        <v>128</v>
      </c>
      <c r="C126" t="s">
        <v>5579</v>
      </c>
      <c r="D126" t="s">
        <v>11024</v>
      </c>
      <c r="E126" t="s">
        <v>16459</v>
      </c>
      <c r="G126" s="2"/>
    </row>
    <row r="127" spans="1:7" x14ac:dyDescent="0.25">
      <c r="A127" s="1">
        <v>125</v>
      </c>
      <c r="B127" t="s">
        <v>129</v>
      </c>
      <c r="C127" t="s">
        <v>5580</v>
      </c>
      <c r="D127" t="s">
        <v>11025</v>
      </c>
      <c r="E127" t="s">
        <v>16460</v>
      </c>
      <c r="G127" s="2"/>
    </row>
    <row r="128" spans="1:7" x14ac:dyDescent="0.25">
      <c r="A128" s="1">
        <v>126</v>
      </c>
      <c r="B128" t="s">
        <v>130</v>
      </c>
      <c r="C128" t="s">
        <v>5581</v>
      </c>
      <c r="D128" t="s">
        <v>11026</v>
      </c>
      <c r="E128" t="s">
        <v>16461</v>
      </c>
      <c r="G128" s="2"/>
    </row>
    <row r="129" spans="1:7" x14ac:dyDescent="0.25">
      <c r="A129" s="1">
        <v>127</v>
      </c>
      <c r="B129" t="s">
        <v>131</v>
      </c>
      <c r="C129" t="s">
        <v>5582</v>
      </c>
      <c r="D129" t="s">
        <v>11027</v>
      </c>
      <c r="E129" t="s">
        <v>16462</v>
      </c>
      <c r="G129" s="2"/>
    </row>
    <row r="130" spans="1:7" x14ac:dyDescent="0.25">
      <c r="A130" s="1">
        <v>128</v>
      </c>
      <c r="B130" t="s">
        <v>132</v>
      </c>
      <c r="C130" t="s">
        <v>5583</v>
      </c>
      <c r="D130" t="s">
        <v>11028</v>
      </c>
      <c r="E130" t="s">
        <v>16463</v>
      </c>
      <c r="G130" s="2"/>
    </row>
    <row r="131" spans="1:7" x14ac:dyDescent="0.25">
      <c r="A131" s="1">
        <v>129</v>
      </c>
      <c r="B131" t="s">
        <v>133</v>
      </c>
      <c r="C131" t="s">
        <v>5584</v>
      </c>
      <c r="D131" t="s">
        <v>11029</v>
      </c>
      <c r="E131" t="s">
        <v>16464</v>
      </c>
      <c r="G131" s="2"/>
    </row>
    <row r="132" spans="1:7" x14ac:dyDescent="0.25">
      <c r="A132" s="1">
        <v>130</v>
      </c>
      <c r="B132" t="s">
        <v>134</v>
      </c>
      <c r="C132" t="s">
        <v>5585</v>
      </c>
      <c r="D132" t="s">
        <v>11030</v>
      </c>
      <c r="E132" t="s">
        <v>16465</v>
      </c>
      <c r="G132" s="2"/>
    </row>
    <row r="133" spans="1:7" x14ac:dyDescent="0.25">
      <c r="A133" s="1">
        <v>131</v>
      </c>
      <c r="B133" t="s">
        <v>135</v>
      </c>
      <c r="C133" t="s">
        <v>5586</v>
      </c>
      <c r="D133" t="s">
        <v>11031</v>
      </c>
      <c r="E133" t="s">
        <v>16466</v>
      </c>
      <c r="G133" s="2"/>
    </row>
    <row r="134" spans="1:7" x14ac:dyDescent="0.25">
      <c r="A134" s="1">
        <v>132</v>
      </c>
      <c r="B134" t="s">
        <v>136</v>
      </c>
      <c r="C134" t="s">
        <v>5587</v>
      </c>
      <c r="D134" t="s">
        <v>11032</v>
      </c>
      <c r="E134" t="s">
        <v>16467</v>
      </c>
      <c r="G134" s="2"/>
    </row>
    <row r="135" spans="1:7" x14ac:dyDescent="0.25">
      <c r="A135" s="1">
        <v>133</v>
      </c>
      <c r="B135" t="s">
        <v>137</v>
      </c>
      <c r="C135" t="s">
        <v>5588</v>
      </c>
      <c r="D135" t="s">
        <v>11033</v>
      </c>
      <c r="E135" t="s">
        <v>16468</v>
      </c>
      <c r="G135" s="2"/>
    </row>
    <row r="136" spans="1:7" x14ac:dyDescent="0.25">
      <c r="A136" s="1">
        <v>134</v>
      </c>
      <c r="B136" t="s">
        <v>138</v>
      </c>
      <c r="C136" t="s">
        <v>5589</v>
      </c>
      <c r="D136" t="s">
        <v>11034</v>
      </c>
      <c r="E136" t="s">
        <v>16469</v>
      </c>
      <c r="G136" s="2"/>
    </row>
    <row r="137" spans="1:7" x14ac:dyDescent="0.25">
      <c r="A137" s="1">
        <v>135</v>
      </c>
      <c r="B137" t="s">
        <v>139</v>
      </c>
      <c r="C137" t="s">
        <v>5590</v>
      </c>
      <c r="D137" t="s">
        <v>11035</v>
      </c>
      <c r="E137" t="s">
        <v>16470</v>
      </c>
      <c r="G137" s="2"/>
    </row>
    <row r="138" spans="1:7" x14ac:dyDescent="0.25">
      <c r="A138" s="1">
        <v>136</v>
      </c>
      <c r="B138" t="s">
        <v>140</v>
      </c>
      <c r="C138" t="s">
        <v>5591</v>
      </c>
      <c r="D138" t="s">
        <v>11036</v>
      </c>
      <c r="E138" t="s">
        <v>16471</v>
      </c>
      <c r="G138" s="2"/>
    </row>
    <row r="139" spans="1:7" x14ac:dyDescent="0.25">
      <c r="A139" s="1">
        <v>137</v>
      </c>
      <c r="B139" t="s">
        <v>141</v>
      </c>
      <c r="C139" t="s">
        <v>5592</v>
      </c>
      <c r="D139" t="s">
        <v>11037</v>
      </c>
      <c r="E139" t="s">
        <v>16472</v>
      </c>
      <c r="G139" s="2"/>
    </row>
    <row r="140" spans="1:7" x14ac:dyDescent="0.25">
      <c r="A140" s="1">
        <v>138</v>
      </c>
      <c r="B140" t="s">
        <v>142</v>
      </c>
      <c r="C140" t="s">
        <v>5593</v>
      </c>
      <c r="D140" t="s">
        <v>11038</v>
      </c>
      <c r="E140" t="s">
        <v>16473</v>
      </c>
      <c r="G140" s="2"/>
    </row>
    <row r="141" spans="1:7" x14ac:dyDescent="0.25">
      <c r="A141" s="1">
        <v>139</v>
      </c>
      <c r="B141" t="s">
        <v>143</v>
      </c>
      <c r="C141" t="s">
        <v>5594</v>
      </c>
      <c r="D141" t="s">
        <v>11039</v>
      </c>
      <c r="E141" t="s">
        <v>16474</v>
      </c>
      <c r="G141" s="2"/>
    </row>
    <row r="142" spans="1:7" x14ac:dyDescent="0.25">
      <c r="A142" s="1">
        <v>140</v>
      </c>
      <c r="B142" t="s">
        <v>144</v>
      </c>
      <c r="C142" t="s">
        <v>5595</v>
      </c>
      <c r="D142" t="s">
        <v>5595</v>
      </c>
      <c r="E142" t="s">
        <v>16475</v>
      </c>
      <c r="G142" s="2"/>
    </row>
    <row r="143" spans="1:7" x14ac:dyDescent="0.25">
      <c r="A143" s="1">
        <v>141</v>
      </c>
      <c r="B143" t="s">
        <v>145</v>
      </c>
      <c r="C143" t="s">
        <v>5596</v>
      </c>
      <c r="D143" t="s">
        <v>11040</v>
      </c>
      <c r="E143" t="s">
        <v>16476</v>
      </c>
      <c r="G143" s="2"/>
    </row>
    <row r="144" spans="1:7" x14ac:dyDescent="0.25">
      <c r="A144" s="1">
        <v>142</v>
      </c>
      <c r="B144" t="s">
        <v>146</v>
      </c>
      <c r="C144" t="s">
        <v>5597</v>
      </c>
      <c r="D144" t="s">
        <v>11041</v>
      </c>
      <c r="E144" t="s">
        <v>16477</v>
      </c>
      <c r="G144" s="2"/>
    </row>
    <row r="145" spans="1:7" x14ac:dyDescent="0.25">
      <c r="A145" s="1">
        <v>143</v>
      </c>
      <c r="B145" t="s">
        <v>147</v>
      </c>
      <c r="C145" t="s">
        <v>5598</v>
      </c>
      <c r="D145" t="s">
        <v>11042</v>
      </c>
      <c r="E145" t="s">
        <v>16478</v>
      </c>
      <c r="G145" s="2"/>
    </row>
    <row r="146" spans="1:7" x14ac:dyDescent="0.25">
      <c r="A146" s="1">
        <v>144</v>
      </c>
      <c r="B146" t="s">
        <v>148</v>
      </c>
      <c r="C146" t="s">
        <v>5599</v>
      </c>
      <c r="D146" t="s">
        <v>11043</v>
      </c>
      <c r="E146" t="s">
        <v>16479</v>
      </c>
      <c r="G146" s="2"/>
    </row>
    <row r="147" spans="1:7" x14ac:dyDescent="0.25">
      <c r="A147" s="1">
        <v>145</v>
      </c>
      <c r="B147" t="s">
        <v>149</v>
      </c>
      <c r="C147" t="s">
        <v>5600</v>
      </c>
      <c r="D147" t="s">
        <v>11044</v>
      </c>
      <c r="E147" t="s">
        <v>16480</v>
      </c>
      <c r="G147" s="2"/>
    </row>
    <row r="148" spans="1:7" x14ac:dyDescent="0.25">
      <c r="A148" s="1">
        <v>146</v>
      </c>
      <c r="B148" t="s">
        <v>150</v>
      </c>
      <c r="C148" t="s">
        <v>5601</v>
      </c>
      <c r="D148" t="s">
        <v>11045</v>
      </c>
      <c r="E148" t="s">
        <v>16481</v>
      </c>
      <c r="G148" s="2"/>
    </row>
    <row r="149" spans="1:7" x14ac:dyDescent="0.25">
      <c r="A149" s="1">
        <v>147</v>
      </c>
      <c r="B149" t="s">
        <v>151</v>
      </c>
      <c r="C149" t="s">
        <v>5602</v>
      </c>
      <c r="D149" t="s">
        <v>11046</v>
      </c>
      <c r="E149" t="s">
        <v>16482</v>
      </c>
      <c r="G149" s="2"/>
    </row>
    <row r="150" spans="1:7" x14ac:dyDescent="0.25">
      <c r="A150" s="1">
        <v>148</v>
      </c>
      <c r="B150" t="s">
        <v>152</v>
      </c>
      <c r="C150" t="s">
        <v>5603</v>
      </c>
      <c r="D150" t="s">
        <v>11047</v>
      </c>
      <c r="E150" t="s">
        <v>16483</v>
      </c>
      <c r="G150" s="2"/>
    </row>
    <row r="151" spans="1:7" x14ac:dyDescent="0.25">
      <c r="A151" s="1">
        <v>149</v>
      </c>
      <c r="B151" t="s">
        <v>153</v>
      </c>
      <c r="C151" t="s">
        <v>5604</v>
      </c>
      <c r="D151" t="s">
        <v>11048</v>
      </c>
      <c r="E151" t="s">
        <v>16484</v>
      </c>
      <c r="G151" s="2"/>
    </row>
    <row r="152" spans="1:7" x14ac:dyDescent="0.25">
      <c r="A152" s="1">
        <v>150</v>
      </c>
      <c r="B152" t="s">
        <v>154</v>
      </c>
      <c r="C152" t="s">
        <v>5605</v>
      </c>
      <c r="D152" t="s">
        <v>11049</v>
      </c>
      <c r="E152" t="s">
        <v>16485</v>
      </c>
      <c r="G152" s="2"/>
    </row>
    <row r="153" spans="1:7" x14ac:dyDescent="0.25">
      <c r="A153" s="1">
        <v>151</v>
      </c>
      <c r="B153" t="s">
        <v>155</v>
      </c>
      <c r="C153" t="s">
        <v>5606</v>
      </c>
      <c r="D153" t="s">
        <v>11050</v>
      </c>
      <c r="E153" t="s">
        <v>16486</v>
      </c>
      <c r="G153" s="2"/>
    </row>
    <row r="154" spans="1:7" x14ac:dyDescent="0.25">
      <c r="A154" s="1">
        <v>152</v>
      </c>
      <c r="B154" t="s">
        <v>156</v>
      </c>
      <c r="C154" t="s">
        <v>5607</v>
      </c>
      <c r="D154" t="s">
        <v>11051</v>
      </c>
      <c r="E154" t="s">
        <v>16487</v>
      </c>
      <c r="G154" s="2"/>
    </row>
    <row r="155" spans="1:7" x14ac:dyDescent="0.25">
      <c r="A155" s="1">
        <v>153</v>
      </c>
      <c r="B155" t="s">
        <v>157</v>
      </c>
      <c r="C155" t="s">
        <v>5608</v>
      </c>
      <c r="D155" t="s">
        <v>11052</v>
      </c>
      <c r="E155" t="s">
        <v>16488</v>
      </c>
      <c r="G155" s="2"/>
    </row>
    <row r="156" spans="1:7" x14ac:dyDescent="0.25">
      <c r="A156" s="1">
        <v>154</v>
      </c>
      <c r="B156" t="s">
        <v>158</v>
      </c>
      <c r="C156" t="s">
        <v>5609</v>
      </c>
      <c r="D156" t="s">
        <v>11053</v>
      </c>
      <c r="E156" t="s">
        <v>16489</v>
      </c>
      <c r="G156" s="2"/>
    </row>
    <row r="157" spans="1:7" x14ac:dyDescent="0.25">
      <c r="A157" s="1">
        <v>155</v>
      </c>
      <c r="B157" t="s">
        <v>159</v>
      </c>
      <c r="C157" t="s">
        <v>5610</v>
      </c>
      <c r="D157" t="s">
        <v>11054</v>
      </c>
      <c r="E157" t="s">
        <v>16490</v>
      </c>
      <c r="G157" s="2"/>
    </row>
    <row r="158" spans="1:7" x14ac:dyDescent="0.25">
      <c r="A158" s="1">
        <v>156</v>
      </c>
      <c r="B158" t="s">
        <v>160</v>
      </c>
      <c r="C158" t="s">
        <v>5611</v>
      </c>
      <c r="D158" t="s">
        <v>11055</v>
      </c>
      <c r="E158" t="s">
        <v>16491</v>
      </c>
      <c r="G158" s="2"/>
    </row>
    <row r="159" spans="1:7" x14ac:dyDescent="0.25">
      <c r="A159" s="1">
        <v>157</v>
      </c>
      <c r="B159" t="s">
        <v>161</v>
      </c>
      <c r="C159" t="s">
        <v>5612</v>
      </c>
      <c r="D159" t="s">
        <v>11056</v>
      </c>
      <c r="E159" t="s">
        <v>16492</v>
      </c>
      <c r="G159" s="2"/>
    </row>
    <row r="160" spans="1:7" x14ac:dyDescent="0.25">
      <c r="A160" s="1">
        <v>158</v>
      </c>
      <c r="B160" t="s">
        <v>162</v>
      </c>
      <c r="C160" t="s">
        <v>5613</v>
      </c>
      <c r="D160" t="s">
        <v>11057</v>
      </c>
      <c r="E160" t="s">
        <v>16493</v>
      </c>
      <c r="G160" s="2"/>
    </row>
    <row r="161" spans="1:7" x14ac:dyDescent="0.25">
      <c r="A161" s="1">
        <v>159</v>
      </c>
      <c r="B161" t="s">
        <v>163</v>
      </c>
      <c r="C161" t="s">
        <v>5614</v>
      </c>
      <c r="D161" t="s">
        <v>11058</v>
      </c>
      <c r="E161" t="s">
        <v>16494</v>
      </c>
      <c r="G161" s="2"/>
    </row>
    <row r="162" spans="1:7" x14ac:dyDescent="0.25">
      <c r="A162" s="1">
        <v>160</v>
      </c>
      <c r="B162" t="s">
        <v>164</v>
      </c>
      <c r="C162" t="s">
        <v>5615</v>
      </c>
      <c r="D162" t="s">
        <v>11059</v>
      </c>
      <c r="E162" t="s">
        <v>16495</v>
      </c>
      <c r="G162" s="2"/>
    </row>
    <row r="163" spans="1:7" x14ac:dyDescent="0.25">
      <c r="A163" s="1">
        <v>161</v>
      </c>
      <c r="B163" t="s">
        <v>165</v>
      </c>
      <c r="C163" t="s">
        <v>5616</v>
      </c>
      <c r="D163" t="s">
        <v>11060</v>
      </c>
      <c r="E163" t="s">
        <v>16496</v>
      </c>
      <c r="G163" s="2"/>
    </row>
    <row r="164" spans="1:7" x14ac:dyDescent="0.25">
      <c r="A164" s="1">
        <v>162</v>
      </c>
      <c r="B164" t="s">
        <v>166</v>
      </c>
      <c r="C164" t="s">
        <v>5617</v>
      </c>
      <c r="D164" t="s">
        <v>11061</v>
      </c>
      <c r="E164" t="s">
        <v>16497</v>
      </c>
      <c r="G164" s="2"/>
    </row>
    <row r="165" spans="1:7" x14ac:dyDescent="0.25">
      <c r="A165" s="1">
        <v>163</v>
      </c>
      <c r="B165" t="s">
        <v>167</v>
      </c>
      <c r="C165" t="s">
        <v>5618</v>
      </c>
      <c r="D165" t="s">
        <v>11062</v>
      </c>
      <c r="E165" t="s">
        <v>16498</v>
      </c>
      <c r="G165" s="2"/>
    </row>
    <row r="166" spans="1:7" x14ac:dyDescent="0.25">
      <c r="A166" s="1">
        <v>164</v>
      </c>
      <c r="B166" t="s">
        <v>168</v>
      </c>
      <c r="C166" t="s">
        <v>5619</v>
      </c>
      <c r="D166" t="s">
        <v>11063</v>
      </c>
      <c r="E166" t="s">
        <v>16499</v>
      </c>
      <c r="G166" s="2"/>
    </row>
    <row r="167" spans="1:7" x14ac:dyDescent="0.25">
      <c r="A167" s="1">
        <v>165</v>
      </c>
      <c r="B167" t="s">
        <v>169</v>
      </c>
      <c r="C167" t="s">
        <v>5620</v>
      </c>
      <c r="D167" t="s">
        <v>11064</v>
      </c>
      <c r="E167" t="s">
        <v>16500</v>
      </c>
      <c r="G167" s="2"/>
    </row>
    <row r="168" spans="1:7" x14ac:dyDescent="0.25">
      <c r="A168" s="1">
        <v>166</v>
      </c>
      <c r="B168" t="s">
        <v>170</v>
      </c>
      <c r="C168" t="s">
        <v>5621</v>
      </c>
      <c r="D168" t="s">
        <v>11065</v>
      </c>
      <c r="E168" t="s">
        <v>16501</v>
      </c>
      <c r="G168" s="2"/>
    </row>
    <row r="169" spans="1:7" x14ac:dyDescent="0.25">
      <c r="A169" s="1">
        <v>167</v>
      </c>
      <c r="B169" t="s">
        <v>171</v>
      </c>
      <c r="C169" t="s">
        <v>5622</v>
      </c>
      <c r="D169" t="s">
        <v>11066</v>
      </c>
      <c r="E169" t="s">
        <v>16502</v>
      </c>
      <c r="G169" s="2"/>
    </row>
    <row r="170" spans="1:7" x14ac:dyDescent="0.25">
      <c r="A170" s="1">
        <v>168</v>
      </c>
      <c r="B170" t="s">
        <v>172</v>
      </c>
      <c r="C170" t="s">
        <v>5623</v>
      </c>
      <c r="D170" t="s">
        <v>11067</v>
      </c>
      <c r="E170" t="s">
        <v>16503</v>
      </c>
      <c r="G170" s="2"/>
    </row>
    <row r="171" spans="1:7" x14ac:dyDescent="0.25">
      <c r="A171" s="1">
        <v>169</v>
      </c>
      <c r="B171" t="s">
        <v>173</v>
      </c>
      <c r="C171" t="s">
        <v>5624</v>
      </c>
      <c r="D171" t="s">
        <v>11068</v>
      </c>
      <c r="E171" t="s">
        <v>16504</v>
      </c>
      <c r="G171" s="2"/>
    </row>
    <row r="172" spans="1:7" x14ac:dyDescent="0.25">
      <c r="A172" s="1">
        <v>170</v>
      </c>
      <c r="B172" t="s">
        <v>174</v>
      </c>
      <c r="C172" t="s">
        <v>5625</v>
      </c>
      <c r="D172" t="s">
        <v>11069</v>
      </c>
      <c r="E172" t="s">
        <v>16505</v>
      </c>
      <c r="G172" s="2"/>
    </row>
    <row r="173" spans="1:7" x14ac:dyDescent="0.25">
      <c r="A173" s="1">
        <v>171</v>
      </c>
      <c r="B173" t="s">
        <v>175</v>
      </c>
      <c r="C173" t="s">
        <v>5626</v>
      </c>
      <c r="D173" t="s">
        <v>11070</v>
      </c>
      <c r="E173" t="s">
        <v>16506</v>
      </c>
      <c r="G173" s="2"/>
    </row>
    <row r="174" spans="1:7" x14ac:dyDescent="0.25">
      <c r="A174" s="1">
        <v>172</v>
      </c>
      <c r="B174" t="s">
        <v>176</v>
      </c>
      <c r="C174" t="s">
        <v>5627</v>
      </c>
      <c r="D174" t="s">
        <v>11071</v>
      </c>
      <c r="E174" t="s">
        <v>16507</v>
      </c>
      <c r="G174" s="2"/>
    </row>
    <row r="175" spans="1:7" x14ac:dyDescent="0.25">
      <c r="A175" s="1">
        <v>173</v>
      </c>
      <c r="B175" t="s">
        <v>177</v>
      </c>
      <c r="C175" t="s">
        <v>5628</v>
      </c>
      <c r="D175" t="s">
        <v>11072</v>
      </c>
      <c r="E175" t="s">
        <v>16508</v>
      </c>
      <c r="G175" s="2"/>
    </row>
    <row r="176" spans="1:7" x14ac:dyDescent="0.25">
      <c r="A176" s="1">
        <v>174</v>
      </c>
      <c r="B176" t="s">
        <v>178</v>
      </c>
      <c r="C176" t="s">
        <v>5629</v>
      </c>
      <c r="D176" t="s">
        <v>11073</v>
      </c>
      <c r="E176" t="s">
        <v>16509</v>
      </c>
      <c r="G176" s="2"/>
    </row>
    <row r="177" spans="1:7" x14ac:dyDescent="0.25">
      <c r="A177" s="1">
        <v>175</v>
      </c>
      <c r="B177" t="s">
        <v>179</v>
      </c>
      <c r="C177" t="s">
        <v>5630</v>
      </c>
      <c r="D177" t="s">
        <v>11074</v>
      </c>
      <c r="E177" t="s">
        <v>16510</v>
      </c>
      <c r="G177" s="2"/>
    </row>
    <row r="178" spans="1:7" x14ac:dyDescent="0.25">
      <c r="A178" s="1">
        <v>176</v>
      </c>
      <c r="B178" t="s">
        <v>180</v>
      </c>
      <c r="C178" t="s">
        <v>5631</v>
      </c>
      <c r="D178" t="s">
        <v>11075</v>
      </c>
      <c r="E178" t="s">
        <v>16511</v>
      </c>
      <c r="G178" s="2"/>
    </row>
    <row r="179" spans="1:7" x14ac:dyDescent="0.25">
      <c r="A179" s="1">
        <v>177</v>
      </c>
      <c r="B179" t="s">
        <v>181</v>
      </c>
      <c r="C179" t="s">
        <v>5632</v>
      </c>
      <c r="D179" t="s">
        <v>11076</v>
      </c>
      <c r="E179" t="s">
        <v>16512</v>
      </c>
      <c r="G179" s="2"/>
    </row>
    <row r="180" spans="1:7" x14ac:dyDescent="0.25">
      <c r="A180" s="1">
        <v>178</v>
      </c>
      <c r="B180" t="s">
        <v>182</v>
      </c>
      <c r="C180" t="s">
        <v>5633</v>
      </c>
      <c r="D180" t="s">
        <v>11077</v>
      </c>
      <c r="E180" t="s">
        <v>16513</v>
      </c>
      <c r="G180" s="2"/>
    </row>
    <row r="181" spans="1:7" x14ac:dyDescent="0.25">
      <c r="A181" s="1">
        <v>179</v>
      </c>
      <c r="B181" t="s">
        <v>183</v>
      </c>
      <c r="C181" t="s">
        <v>5634</v>
      </c>
      <c r="D181" t="s">
        <v>11078</v>
      </c>
      <c r="E181" t="s">
        <v>16514</v>
      </c>
      <c r="G181" s="2"/>
    </row>
    <row r="182" spans="1:7" x14ac:dyDescent="0.25">
      <c r="A182" s="1">
        <v>180</v>
      </c>
      <c r="B182" t="s">
        <v>184</v>
      </c>
      <c r="C182" t="s">
        <v>5635</v>
      </c>
      <c r="D182" t="s">
        <v>11079</v>
      </c>
      <c r="E182" t="s">
        <v>16515</v>
      </c>
      <c r="G182" s="2"/>
    </row>
    <row r="183" spans="1:7" x14ac:dyDescent="0.25">
      <c r="A183" s="1">
        <v>181</v>
      </c>
      <c r="B183" t="s">
        <v>185</v>
      </c>
      <c r="C183" t="s">
        <v>5636</v>
      </c>
      <c r="D183" t="s">
        <v>11080</v>
      </c>
      <c r="E183" t="s">
        <v>16516</v>
      </c>
      <c r="G183" s="2"/>
    </row>
    <row r="184" spans="1:7" x14ac:dyDescent="0.25">
      <c r="A184" s="1">
        <v>182</v>
      </c>
      <c r="B184" t="s">
        <v>186</v>
      </c>
      <c r="C184" t="s">
        <v>5637</v>
      </c>
      <c r="D184" t="s">
        <v>11081</v>
      </c>
      <c r="E184" t="s">
        <v>16517</v>
      </c>
      <c r="G184" s="2"/>
    </row>
    <row r="185" spans="1:7" x14ac:dyDescent="0.25">
      <c r="A185" s="1">
        <v>183</v>
      </c>
      <c r="B185" t="s">
        <v>187</v>
      </c>
      <c r="C185" t="s">
        <v>5638</v>
      </c>
      <c r="D185" t="s">
        <v>11082</v>
      </c>
      <c r="E185" t="s">
        <v>16518</v>
      </c>
      <c r="G185" s="2"/>
    </row>
    <row r="186" spans="1:7" x14ac:dyDescent="0.25">
      <c r="A186" s="1">
        <v>184</v>
      </c>
      <c r="B186" t="s">
        <v>188</v>
      </c>
      <c r="C186" t="s">
        <v>5639</v>
      </c>
      <c r="D186" t="s">
        <v>11083</v>
      </c>
      <c r="E186" t="s">
        <v>16519</v>
      </c>
      <c r="G186" s="2"/>
    </row>
    <row r="187" spans="1:7" x14ac:dyDescent="0.25">
      <c r="A187" s="1">
        <v>185</v>
      </c>
      <c r="B187" t="s">
        <v>189</v>
      </c>
      <c r="C187" t="s">
        <v>5640</v>
      </c>
      <c r="D187" t="s">
        <v>11084</v>
      </c>
      <c r="E187" t="s">
        <v>16520</v>
      </c>
      <c r="G187" s="2"/>
    </row>
    <row r="188" spans="1:7" x14ac:dyDescent="0.25">
      <c r="A188" s="1">
        <v>186</v>
      </c>
      <c r="B188" t="s">
        <v>190</v>
      </c>
      <c r="C188" t="s">
        <v>5641</v>
      </c>
      <c r="D188" t="s">
        <v>11085</v>
      </c>
      <c r="E188" t="s">
        <v>16521</v>
      </c>
      <c r="G188" s="2"/>
    </row>
    <row r="189" spans="1:7" x14ac:dyDescent="0.25">
      <c r="A189" s="1">
        <v>187</v>
      </c>
      <c r="B189" t="s">
        <v>191</v>
      </c>
      <c r="C189" t="s">
        <v>5642</v>
      </c>
      <c r="D189" t="s">
        <v>11086</v>
      </c>
      <c r="E189" t="s">
        <v>16522</v>
      </c>
      <c r="G189" s="2"/>
    </row>
    <row r="190" spans="1:7" x14ac:dyDescent="0.25">
      <c r="A190" s="1">
        <v>188</v>
      </c>
      <c r="B190" t="s">
        <v>192</v>
      </c>
      <c r="C190" t="s">
        <v>5643</v>
      </c>
      <c r="D190" t="s">
        <v>11087</v>
      </c>
      <c r="E190" t="s">
        <v>16523</v>
      </c>
      <c r="G190" s="2"/>
    </row>
    <row r="191" spans="1:7" x14ac:dyDescent="0.25">
      <c r="A191" s="1">
        <v>189</v>
      </c>
      <c r="B191" t="s">
        <v>193</v>
      </c>
      <c r="C191" t="s">
        <v>5644</v>
      </c>
      <c r="D191" t="s">
        <v>11088</v>
      </c>
      <c r="E191" t="s">
        <v>16524</v>
      </c>
      <c r="G191" s="2"/>
    </row>
    <row r="192" spans="1:7" x14ac:dyDescent="0.25">
      <c r="A192" s="1">
        <v>190</v>
      </c>
      <c r="B192" t="s">
        <v>194</v>
      </c>
      <c r="C192" t="s">
        <v>5645</v>
      </c>
      <c r="D192" t="s">
        <v>11089</v>
      </c>
      <c r="E192" t="s">
        <v>16525</v>
      </c>
      <c r="G192" s="2"/>
    </row>
    <row r="193" spans="1:7" x14ac:dyDescent="0.25">
      <c r="A193" s="1">
        <v>191</v>
      </c>
      <c r="B193" t="s">
        <v>195</v>
      </c>
      <c r="C193" t="s">
        <v>5646</v>
      </c>
      <c r="D193" t="s">
        <v>11090</v>
      </c>
      <c r="E193" t="s">
        <v>16526</v>
      </c>
      <c r="G193" s="2"/>
    </row>
    <row r="194" spans="1:7" x14ac:dyDescent="0.25">
      <c r="A194" s="1">
        <v>192</v>
      </c>
      <c r="B194" t="s">
        <v>196</v>
      </c>
      <c r="C194" t="s">
        <v>5647</v>
      </c>
      <c r="D194" t="s">
        <v>11091</v>
      </c>
      <c r="E194" t="s">
        <v>16527</v>
      </c>
      <c r="G194" s="2"/>
    </row>
    <row r="195" spans="1:7" x14ac:dyDescent="0.25">
      <c r="A195" s="1">
        <v>193</v>
      </c>
      <c r="B195" t="s">
        <v>197</v>
      </c>
      <c r="C195" t="s">
        <v>5648</v>
      </c>
      <c r="D195" t="s">
        <v>11092</v>
      </c>
      <c r="E195" t="s">
        <v>16528</v>
      </c>
      <c r="G195" s="2"/>
    </row>
    <row r="196" spans="1:7" x14ac:dyDescent="0.25">
      <c r="A196" s="1">
        <v>194</v>
      </c>
      <c r="B196" t="s">
        <v>198</v>
      </c>
      <c r="C196" t="s">
        <v>5649</v>
      </c>
      <c r="D196" t="s">
        <v>11093</v>
      </c>
      <c r="E196" t="s">
        <v>16529</v>
      </c>
      <c r="G196" s="2"/>
    </row>
    <row r="197" spans="1:7" x14ac:dyDescent="0.25">
      <c r="A197" s="1">
        <v>195</v>
      </c>
      <c r="B197" t="s">
        <v>199</v>
      </c>
      <c r="C197" t="s">
        <v>5650</v>
      </c>
      <c r="D197" t="s">
        <v>11094</v>
      </c>
      <c r="E197" t="s">
        <v>16530</v>
      </c>
      <c r="G197" s="2"/>
    </row>
    <row r="198" spans="1:7" x14ac:dyDescent="0.25">
      <c r="A198" s="1">
        <v>196</v>
      </c>
      <c r="B198" t="s">
        <v>200</v>
      </c>
      <c r="C198" t="s">
        <v>5651</v>
      </c>
      <c r="D198" t="s">
        <v>11095</v>
      </c>
      <c r="E198" t="s">
        <v>16531</v>
      </c>
      <c r="G198" s="2"/>
    </row>
    <row r="199" spans="1:7" x14ac:dyDescent="0.25">
      <c r="A199" s="1">
        <v>197</v>
      </c>
      <c r="B199" t="s">
        <v>201</v>
      </c>
      <c r="C199" t="s">
        <v>5652</v>
      </c>
      <c r="D199" t="s">
        <v>11096</v>
      </c>
      <c r="E199" t="s">
        <v>16532</v>
      </c>
      <c r="G199" s="2"/>
    </row>
    <row r="200" spans="1:7" x14ac:dyDescent="0.25">
      <c r="A200" s="1">
        <v>198</v>
      </c>
      <c r="B200" t="s">
        <v>202</v>
      </c>
      <c r="C200" t="s">
        <v>5653</v>
      </c>
      <c r="D200" t="s">
        <v>11097</v>
      </c>
      <c r="E200" t="s">
        <v>16533</v>
      </c>
      <c r="G200" s="2"/>
    </row>
    <row r="201" spans="1:7" x14ac:dyDescent="0.25">
      <c r="A201" s="1">
        <v>199</v>
      </c>
      <c r="B201" t="s">
        <v>203</v>
      </c>
      <c r="C201" t="s">
        <v>5654</v>
      </c>
      <c r="D201" t="s">
        <v>11098</v>
      </c>
      <c r="E201" t="s">
        <v>16534</v>
      </c>
      <c r="G201" s="2"/>
    </row>
    <row r="202" spans="1:7" x14ac:dyDescent="0.25">
      <c r="A202" s="1">
        <v>200</v>
      </c>
      <c r="B202" t="s">
        <v>204</v>
      </c>
      <c r="C202" t="s">
        <v>5655</v>
      </c>
      <c r="D202" t="s">
        <v>11099</v>
      </c>
      <c r="E202" t="s">
        <v>16535</v>
      </c>
      <c r="G202" s="2"/>
    </row>
    <row r="203" spans="1:7" x14ac:dyDescent="0.25">
      <c r="A203" s="1">
        <v>201</v>
      </c>
      <c r="B203" t="s">
        <v>205</v>
      </c>
      <c r="C203" t="s">
        <v>5656</v>
      </c>
      <c r="D203" t="s">
        <v>11100</v>
      </c>
      <c r="E203" t="s">
        <v>16536</v>
      </c>
      <c r="G203" s="2"/>
    </row>
    <row r="204" spans="1:7" x14ac:dyDescent="0.25">
      <c r="A204" s="1">
        <v>202</v>
      </c>
      <c r="B204" t="s">
        <v>206</v>
      </c>
      <c r="C204" t="s">
        <v>5657</v>
      </c>
      <c r="D204" t="s">
        <v>11101</v>
      </c>
      <c r="E204" t="s">
        <v>16537</v>
      </c>
      <c r="G204" s="2"/>
    </row>
    <row r="205" spans="1:7" x14ac:dyDescent="0.25">
      <c r="A205" s="1">
        <v>203</v>
      </c>
      <c r="B205" t="s">
        <v>207</v>
      </c>
      <c r="C205" t="s">
        <v>5658</v>
      </c>
      <c r="D205" t="s">
        <v>11102</v>
      </c>
      <c r="E205" t="s">
        <v>16538</v>
      </c>
      <c r="G205" s="2"/>
    </row>
    <row r="206" spans="1:7" x14ac:dyDescent="0.25">
      <c r="A206" s="1">
        <v>204</v>
      </c>
      <c r="B206" t="s">
        <v>208</v>
      </c>
      <c r="C206" t="s">
        <v>5659</v>
      </c>
      <c r="D206" t="s">
        <v>11103</v>
      </c>
      <c r="E206" t="s">
        <v>16539</v>
      </c>
      <c r="G206" s="2"/>
    </row>
    <row r="207" spans="1:7" x14ac:dyDescent="0.25">
      <c r="A207" s="1">
        <v>205</v>
      </c>
      <c r="B207" t="s">
        <v>209</v>
      </c>
      <c r="C207" t="s">
        <v>5660</v>
      </c>
      <c r="D207" t="s">
        <v>11104</v>
      </c>
      <c r="E207" t="s">
        <v>16540</v>
      </c>
      <c r="G207" s="2"/>
    </row>
    <row r="208" spans="1:7" x14ac:dyDescent="0.25">
      <c r="A208" s="1">
        <v>206</v>
      </c>
      <c r="B208" t="s">
        <v>210</v>
      </c>
      <c r="C208" t="s">
        <v>5661</v>
      </c>
      <c r="D208" t="s">
        <v>11105</v>
      </c>
      <c r="E208" t="s">
        <v>16541</v>
      </c>
      <c r="G208" s="2"/>
    </row>
    <row r="209" spans="1:7" x14ac:dyDescent="0.25">
      <c r="A209" s="1">
        <v>207</v>
      </c>
      <c r="B209" t="s">
        <v>211</v>
      </c>
      <c r="C209" t="s">
        <v>5662</v>
      </c>
      <c r="D209" t="s">
        <v>11106</v>
      </c>
      <c r="E209" t="s">
        <v>16542</v>
      </c>
      <c r="G209" s="2"/>
    </row>
    <row r="210" spans="1:7" x14ac:dyDescent="0.25">
      <c r="A210" s="1">
        <v>208</v>
      </c>
      <c r="B210" t="s">
        <v>212</v>
      </c>
      <c r="C210" t="s">
        <v>5663</v>
      </c>
      <c r="D210" t="s">
        <v>11107</v>
      </c>
      <c r="E210" t="s">
        <v>16543</v>
      </c>
      <c r="G210" s="2"/>
    </row>
    <row r="211" spans="1:7" x14ac:dyDescent="0.25">
      <c r="A211" s="1">
        <v>209</v>
      </c>
      <c r="B211" t="s">
        <v>213</v>
      </c>
      <c r="C211" t="s">
        <v>5664</v>
      </c>
      <c r="D211" t="s">
        <v>11108</v>
      </c>
      <c r="E211" t="s">
        <v>16544</v>
      </c>
      <c r="G211" s="2"/>
    </row>
    <row r="212" spans="1:7" x14ac:dyDescent="0.25">
      <c r="A212" s="1">
        <v>210</v>
      </c>
      <c r="B212" t="s">
        <v>214</v>
      </c>
      <c r="C212" t="s">
        <v>5665</v>
      </c>
      <c r="D212" t="s">
        <v>11109</v>
      </c>
      <c r="E212" t="s">
        <v>16545</v>
      </c>
      <c r="G212" s="2"/>
    </row>
    <row r="213" spans="1:7" x14ac:dyDescent="0.25">
      <c r="A213" s="1">
        <v>211</v>
      </c>
      <c r="B213" t="s">
        <v>215</v>
      </c>
      <c r="C213" t="s">
        <v>5666</v>
      </c>
      <c r="D213" t="s">
        <v>11110</v>
      </c>
      <c r="E213" t="s">
        <v>16546</v>
      </c>
      <c r="G213" s="2"/>
    </row>
    <row r="214" spans="1:7" x14ac:dyDescent="0.25">
      <c r="A214" s="1">
        <v>212</v>
      </c>
      <c r="B214" t="s">
        <v>216</v>
      </c>
      <c r="C214" t="s">
        <v>5667</v>
      </c>
      <c r="D214" t="s">
        <v>11111</v>
      </c>
      <c r="E214" t="s">
        <v>16547</v>
      </c>
      <c r="G214" s="2"/>
    </row>
    <row r="215" spans="1:7" x14ac:dyDescent="0.25">
      <c r="A215" s="1">
        <v>213</v>
      </c>
      <c r="B215" t="s">
        <v>217</v>
      </c>
      <c r="C215" t="s">
        <v>5668</v>
      </c>
      <c r="D215" t="s">
        <v>11112</v>
      </c>
      <c r="E215" t="s">
        <v>16548</v>
      </c>
      <c r="G215" s="2"/>
    </row>
    <row r="216" spans="1:7" x14ac:dyDescent="0.25">
      <c r="A216" s="1">
        <v>214</v>
      </c>
      <c r="B216" t="s">
        <v>218</v>
      </c>
      <c r="C216" t="s">
        <v>5669</v>
      </c>
      <c r="D216" t="s">
        <v>11113</v>
      </c>
      <c r="E216" t="s">
        <v>16549</v>
      </c>
      <c r="G216" s="2"/>
    </row>
    <row r="217" spans="1:7" x14ac:dyDescent="0.25">
      <c r="A217" s="1">
        <v>215</v>
      </c>
      <c r="B217" t="s">
        <v>219</v>
      </c>
      <c r="C217" t="s">
        <v>5670</v>
      </c>
      <c r="D217" t="s">
        <v>11114</v>
      </c>
      <c r="E217" t="s">
        <v>16550</v>
      </c>
      <c r="G217" s="2"/>
    </row>
    <row r="218" spans="1:7" x14ac:dyDescent="0.25">
      <c r="A218" s="1">
        <v>216</v>
      </c>
      <c r="B218" t="s">
        <v>220</v>
      </c>
      <c r="C218" t="s">
        <v>5671</v>
      </c>
      <c r="D218" t="s">
        <v>11115</v>
      </c>
      <c r="E218" t="s">
        <v>16551</v>
      </c>
      <c r="G218" s="2"/>
    </row>
    <row r="219" spans="1:7" x14ac:dyDescent="0.25">
      <c r="A219" s="1">
        <v>217</v>
      </c>
      <c r="B219" t="s">
        <v>221</v>
      </c>
      <c r="C219" t="s">
        <v>5672</v>
      </c>
      <c r="D219" t="s">
        <v>11116</v>
      </c>
      <c r="E219" t="s">
        <v>16552</v>
      </c>
      <c r="G219" s="2"/>
    </row>
    <row r="220" spans="1:7" x14ac:dyDescent="0.25">
      <c r="A220" s="1">
        <v>218</v>
      </c>
      <c r="B220" t="s">
        <v>222</v>
      </c>
      <c r="C220" t="s">
        <v>5673</v>
      </c>
      <c r="D220" t="s">
        <v>11117</v>
      </c>
      <c r="E220" t="s">
        <v>16553</v>
      </c>
      <c r="G220" s="2"/>
    </row>
    <row r="221" spans="1:7" x14ac:dyDescent="0.25">
      <c r="A221" s="1">
        <v>219</v>
      </c>
      <c r="B221" t="s">
        <v>223</v>
      </c>
      <c r="C221" t="s">
        <v>5674</v>
      </c>
      <c r="D221" t="s">
        <v>11118</v>
      </c>
      <c r="E221" t="s">
        <v>16554</v>
      </c>
      <c r="G221" s="2"/>
    </row>
    <row r="222" spans="1:7" x14ac:dyDescent="0.25">
      <c r="A222" s="1">
        <v>220</v>
      </c>
      <c r="B222" t="s">
        <v>224</v>
      </c>
      <c r="C222" t="s">
        <v>5675</v>
      </c>
      <c r="D222" t="s">
        <v>11119</v>
      </c>
      <c r="E222" t="s">
        <v>16555</v>
      </c>
      <c r="G222" s="2"/>
    </row>
    <row r="223" spans="1:7" x14ac:dyDescent="0.25">
      <c r="A223" s="1">
        <v>221</v>
      </c>
      <c r="B223" t="s">
        <v>225</v>
      </c>
      <c r="C223" t="s">
        <v>5676</v>
      </c>
      <c r="D223" t="s">
        <v>11120</v>
      </c>
      <c r="E223" t="s">
        <v>16556</v>
      </c>
      <c r="G223" s="2"/>
    </row>
    <row r="224" spans="1:7" x14ac:dyDescent="0.25">
      <c r="A224" s="1">
        <v>222</v>
      </c>
      <c r="B224" t="s">
        <v>226</v>
      </c>
      <c r="C224" t="s">
        <v>5677</v>
      </c>
      <c r="D224" t="s">
        <v>11121</v>
      </c>
      <c r="E224" t="s">
        <v>16557</v>
      </c>
      <c r="G224" s="2"/>
    </row>
    <row r="225" spans="1:7" x14ac:dyDescent="0.25">
      <c r="A225" s="1">
        <v>223</v>
      </c>
      <c r="B225" t="s">
        <v>227</v>
      </c>
      <c r="C225" t="s">
        <v>5678</v>
      </c>
      <c r="D225" t="s">
        <v>11122</v>
      </c>
      <c r="E225" t="s">
        <v>16558</v>
      </c>
      <c r="G225" s="2"/>
    </row>
    <row r="226" spans="1:7" x14ac:dyDescent="0.25">
      <c r="A226" s="1">
        <v>224</v>
      </c>
      <c r="B226" t="s">
        <v>228</v>
      </c>
      <c r="C226" t="s">
        <v>5679</v>
      </c>
      <c r="D226" t="s">
        <v>11123</v>
      </c>
      <c r="E226" t="s">
        <v>16559</v>
      </c>
      <c r="G226" s="2"/>
    </row>
    <row r="227" spans="1:7" x14ac:dyDescent="0.25">
      <c r="A227" s="1">
        <v>225</v>
      </c>
      <c r="B227" t="s">
        <v>229</v>
      </c>
      <c r="C227" t="s">
        <v>5680</v>
      </c>
      <c r="D227" t="s">
        <v>11124</v>
      </c>
      <c r="E227" t="s">
        <v>16560</v>
      </c>
      <c r="G227" s="2"/>
    </row>
    <row r="228" spans="1:7" x14ac:dyDescent="0.25">
      <c r="A228" s="1">
        <v>226</v>
      </c>
      <c r="B228" t="s">
        <v>230</v>
      </c>
      <c r="C228" t="s">
        <v>5681</v>
      </c>
      <c r="D228" t="s">
        <v>11125</v>
      </c>
      <c r="E228" t="s">
        <v>16561</v>
      </c>
      <c r="G228" s="2"/>
    </row>
    <row r="229" spans="1:7" x14ac:dyDescent="0.25">
      <c r="A229" s="1">
        <v>227</v>
      </c>
      <c r="B229" t="s">
        <v>231</v>
      </c>
      <c r="C229" t="s">
        <v>5682</v>
      </c>
      <c r="D229" t="s">
        <v>11126</v>
      </c>
      <c r="E229" t="s">
        <v>16562</v>
      </c>
      <c r="G229" s="2"/>
    </row>
    <row r="230" spans="1:7" x14ac:dyDescent="0.25">
      <c r="A230" s="1">
        <v>228</v>
      </c>
      <c r="B230" t="s">
        <v>232</v>
      </c>
      <c r="C230" t="s">
        <v>5683</v>
      </c>
      <c r="D230" t="s">
        <v>11127</v>
      </c>
      <c r="E230" t="s">
        <v>16563</v>
      </c>
      <c r="G230" s="2"/>
    </row>
    <row r="231" spans="1:7" x14ac:dyDescent="0.25">
      <c r="A231" s="1">
        <v>229</v>
      </c>
      <c r="B231" t="s">
        <v>233</v>
      </c>
      <c r="C231" t="s">
        <v>5684</v>
      </c>
      <c r="D231" t="s">
        <v>11128</v>
      </c>
      <c r="E231" t="s">
        <v>16564</v>
      </c>
      <c r="G231" s="2"/>
    </row>
    <row r="232" spans="1:7" x14ac:dyDescent="0.25">
      <c r="A232" s="1">
        <v>230</v>
      </c>
      <c r="B232" t="s">
        <v>234</v>
      </c>
      <c r="C232" t="s">
        <v>5685</v>
      </c>
      <c r="D232" t="s">
        <v>11129</v>
      </c>
      <c r="E232" t="s">
        <v>16565</v>
      </c>
      <c r="G232" s="2"/>
    </row>
    <row r="233" spans="1:7" x14ac:dyDescent="0.25">
      <c r="A233" s="1">
        <v>231</v>
      </c>
      <c r="B233" t="s">
        <v>235</v>
      </c>
      <c r="C233" t="s">
        <v>5686</v>
      </c>
      <c r="D233" t="s">
        <v>11130</v>
      </c>
      <c r="E233" t="s">
        <v>16566</v>
      </c>
      <c r="G233" s="2"/>
    </row>
    <row r="234" spans="1:7" x14ac:dyDescent="0.25">
      <c r="A234" s="1">
        <v>232</v>
      </c>
      <c r="B234" t="s">
        <v>236</v>
      </c>
      <c r="C234" t="s">
        <v>5687</v>
      </c>
      <c r="D234" t="s">
        <v>11131</v>
      </c>
      <c r="E234" t="s">
        <v>16567</v>
      </c>
      <c r="G234" s="2"/>
    </row>
    <row r="235" spans="1:7" x14ac:dyDescent="0.25">
      <c r="A235" s="1">
        <v>233</v>
      </c>
      <c r="B235" t="s">
        <v>237</v>
      </c>
      <c r="C235" t="s">
        <v>5688</v>
      </c>
      <c r="D235" t="s">
        <v>11132</v>
      </c>
      <c r="E235" t="s">
        <v>16568</v>
      </c>
      <c r="G235" s="2"/>
    </row>
    <row r="236" spans="1:7" x14ac:dyDescent="0.25">
      <c r="A236" s="1">
        <v>234</v>
      </c>
      <c r="B236" t="s">
        <v>238</v>
      </c>
      <c r="C236" t="s">
        <v>5689</v>
      </c>
      <c r="D236" t="s">
        <v>11133</v>
      </c>
      <c r="E236" t="s">
        <v>16569</v>
      </c>
      <c r="G236" s="2"/>
    </row>
    <row r="237" spans="1:7" x14ac:dyDescent="0.25">
      <c r="A237" s="1">
        <v>235</v>
      </c>
      <c r="B237" t="s">
        <v>239</v>
      </c>
      <c r="C237" t="s">
        <v>5690</v>
      </c>
      <c r="D237" t="s">
        <v>11134</v>
      </c>
      <c r="E237" t="s">
        <v>16570</v>
      </c>
      <c r="G237" s="2"/>
    </row>
    <row r="238" spans="1:7" x14ac:dyDescent="0.25">
      <c r="A238" s="1">
        <v>236</v>
      </c>
      <c r="B238" t="s">
        <v>240</v>
      </c>
      <c r="C238" t="s">
        <v>5691</v>
      </c>
      <c r="D238" t="s">
        <v>11135</v>
      </c>
      <c r="E238" t="s">
        <v>16571</v>
      </c>
      <c r="G238" s="2"/>
    </row>
    <row r="239" spans="1:7" x14ac:dyDescent="0.25">
      <c r="A239" s="1">
        <v>237</v>
      </c>
      <c r="B239" t="s">
        <v>241</v>
      </c>
      <c r="C239" t="s">
        <v>5692</v>
      </c>
      <c r="D239" t="s">
        <v>11136</v>
      </c>
      <c r="E239" t="s">
        <v>16572</v>
      </c>
      <c r="G239" s="2"/>
    </row>
    <row r="240" spans="1:7" x14ac:dyDescent="0.25">
      <c r="A240" s="1">
        <v>238</v>
      </c>
      <c r="B240" t="s">
        <v>242</v>
      </c>
      <c r="C240" t="s">
        <v>5693</v>
      </c>
      <c r="D240" t="s">
        <v>11137</v>
      </c>
      <c r="E240" t="s">
        <v>16573</v>
      </c>
      <c r="G240" s="2"/>
    </row>
    <row r="241" spans="1:7" x14ac:dyDescent="0.25">
      <c r="A241" s="1">
        <v>239</v>
      </c>
      <c r="B241" t="s">
        <v>243</v>
      </c>
      <c r="C241" t="s">
        <v>5694</v>
      </c>
      <c r="D241" t="s">
        <v>11138</v>
      </c>
      <c r="E241" t="s">
        <v>16574</v>
      </c>
      <c r="G241" s="2"/>
    </row>
    <row r="242" spans="1:7" x14ac:dyDescent="0.25">
      <c r="A242" s="1">
        <v>240</v>
      </c>
      <c r="B242" t="s">
        <v>244</v>
      </c>
      <c r="C242" t="s">
        <v>5695</v>
      </c>
      <c r="D242" t="s">
        <v>11139</v>
      </c>
      <c r="E242" t="s">
        <v>16575</v>
      </c>
      <c r="G242" s="2"/>
    </row>
    <row r="243" spans="1:7" x14ac:dyDescent="0.25">
      <c r="A243" s="1">
        <v>241</v>
      </c>
      <c r="B243" t="s">
        <v>245</v>
      </c>
      <c r="C243" t="s">
        <v>5696</v>
      </c>
      <c r="D243" t="s">
        <v>11140</v>
      </c>
      <c r="E243" t="s">
        <v>16576</v>
      </c>
      <c r="G243" s="2"/>
    </row>
    <row r="244" spans="1:7" x14ac:dyDescent="0.25">
      <c r="A244" s="1">
        <v>242</v>
      </c>
      <c r="B244" t="s">
        <v>246</v>
      </c>
      <c r="C244" t="s">
        <v>5697</v>
      </c>
      <c r="D244" t="s">
        <v>11141</v>
      </c>
      <c r="E244" t="s">
        <v>16577</v>
      </c>
      <c r="G244" s="2"/>
    </row>
    <row r="245" spans="1:7" x14ac:dyDescent="0.25">
      <c r="A245" s="1">
        <v>243</v>
      </c>
      <c r="B245" t="s">
        <v>247</v>
      </c>
      <c r="C245" t="s">
        <v>5698</v>
      </c>
      <c r="D245" t="s">
        <v>11142</v>
      </c>
      <c r="E245" t="s">
        <v>16578</v>
      </c>
      <c r="G245" s="2"/>
    </row>
    <row r="246" spans="1:7" x14ac:dyDescent="0.25">
      <c r="A246" s="1">
        <v>244</v>
      </c>
      <c r="B246" t="s">
        <v>248</v>
      </c>
      <c r="C246" t="s">
        <v>5699</v>
      </c>
      <c r="D246" t="s">
        <v>11143</v>
      </c>
      <c r="E246" t="s">
        <v>16579</v>
      </c>
      <c r="G246" s="2"/>
    </row>
    <row r="247" spans="1:7" x14ac:dyDescent="0.25">
      <c r="A247" s="1">
        <v>245</v>
      </c>
      <c r="B247" t="s">
        <v>249</v>
      </c>
      <c r="C247" t="s">
        <v>5700</v>
      </c>
      <c r="D247" t="s">
        <v>11144</v>
      </c>
      <c r="E247" t="s">
        <v>16580</v>
      </c>
      <c r="G247" s="2"/>
    </row>
    <row r="248" spans="1:7" x14ac:dyDescent="0.25">
      <c r="A248" s="1">
        <v>246</v>
      </c>
      <c r="B248" t="s">
        <v>250</v>
      </c>
      <c r="C248" t="s">
        <v>5701</v>
      </c>
      <c r="D248" t="s">
        <v>11145</v>
      </c>
      <c r="E248" t="s">
        <v>16581</v>
      </c>
      <c r="G248" s="2"/>
    </row>
    <row r="249" spans="1:7" x14ac:dyDescent="0.25">
      <c r="A249" s="1">
        <v>247</v>
      </c>
      <c r="B249" t="s">
        <v>251</v>
      </c>
      <c r="C249" t="s">
        <v>5702</v>
      </c>
      <c r="D249" t="s">
        <v>11146</v>
      </c>
      <c r="E249" t="s">
        <v>16582</v>
      </c>
      <c r="G249" s="2"/>
    </row>
    <row r="250" spans="1:7" x14ac:dyDescent="0.25">
      <c r="A250" s="1">
        <v>248</v>
      </c>
      <c r="B250" t="s">
        <v>252</v>
      </c>
      <c r="C250" t="s">
        <v>5703</v>
      </c>
      <c r="D250" t="s">
        <v>11147</v>
      </c>
      <c r="E250" t="s">
        <v>16583</v>
      </c>
      <c r="G250" s="2"/>
    </row>
    <row r="251" spans="1:7" x14ac:dyDescent="0.25">
      <c r="A251" s="1">
        <v>249</v>
      </c>
      <c r="B251" t="s">
        <v>253</v>
      </c>
      <c r="C251" t="s">
        <v>5704</v>
      </c>
      <c r="D251" t="s">
        <v>11148</v>
      </c>
      <c r="E251" t="s">
        <v>16584</v>
      </c>
      <c r="G251" s="2"/>
    </row>
    <row r="252" spans="1:7" x14ac:dyDescent="0.25">
      <c r="A252" s="1">
        <v>250</v>
      </c>
      <c r="B252" t="s">
        <v>254</v>
      </c>
      <c r="C252" t="s">
        <v>5705</v>
      </c>
      <c r="D252" t="s">
        <v>11149</v>
      </c>
      <c r="E252" t="s">
        <v>16347</v>
      </c>
      <c r="G252" s="2"/>
    </row>
    <row r="253" spans="1:7" x14ac:dyDescent="0.25">
      <c r="A253" s="1">
        <v>251</v>
      </c>
      <c r="B253" t="s">
        <v>255</v>
      </c>
      <c r="C253" t="s">
        <v>5706</v>
      </c>
      <c r="D253" t="s">
        <v>11150</v>
      </c>
      <c r="E253" t="s">
        <v>16585</v>
      </c>
      <c r="G253" s="2"/>
    </row>
    <row r="254" spans="1:7" x14ac:dyDescent="0.25">
      <c r="A254" s="1">
        <v>252</v>
      </c>
      <c r="B254" t="s">
        <v>256</v>
      </c>
      <c r="C254" t="s">
        <v>5707</v>
      </c>
      <c r="D254" t="s">
        <v>11151</v>
      </c>
      <c r="E254" t="s">
        <v>16586</v>
      </c>
      <c r="G254" s="2"/>
    </row>
    <row r="255" spans="1:7" x14ac:dyDescent="0.25">
      <c r="A255" s="1">
        <v>253</v>
      </c>
      <c r="B255" t="s">
        <v>257</v>
      </c>
      <c r="C255" t="s">
        <v>5708</v>
      </c>
      <c r="D255" t="s">
        <v>11152</v>
      </c>
      <c r="E255" t="s">
        <v>16587</v>
      </c>
      <c r="G255" s="2"/>
    </row>
    <row r="256" spans="1:7" x14ac:dyDescent="0.25">
      <c r="A256" s="1">
        <v>254</v>
      </c>
      <c r="B256" t="s">
        <v>258</v>
      </c>
      <c r="C256" t="s">
        <v>5709</v>
      </c>
      <c r="D256" t="s">
        <v>11153</v>
      </c>
      <c r="E256" t="s">
        <v>16588</v>
      </c>
      <c r="G256" s="2"/>
    </row>
    <row r="257" spans="1:7" x14ac:dyDescent="0.25">
      <c r="A257" s="1">
        <v>255</v>
      </c>
      <c r="B257" t="s">
        <v>259</v>
      </c>
      <c r="C257" t="s">
        <v>5710</v>
      </c>
      <c r="D257" t="s">
        <v>11154</v>
      </c>
      <c r="E257" t="s">
        <v>16589</v>
      </c>
      <c r="G257" s="2"/>
    </row>
    <row r="258" spans="1:7" x14ac:dyDescent="0.25">
      <c r="A258" s="1">
        <v>256</v>
      </c>
      <c r="B258" t="s">
        <v>260</v>
      </c>
      <c r="C258" t="s">
        <v>5711</v>
      </c>
      <c r="D258" t="s">
        <v>11155</v>
      </c>
      <c r="E258" t="s">
        <v>16590</v>
      </c>
      <c r="G258" s="2"/>
    </row>
    <row r="259" spans="1:7" x14ac:dyDescent="0.25">
      <c r="A259" s="1">
        <v>257</v>
      </c>
      <c r="B259" t="s">
        <v>261</v>
      </c>
      <c r="C259" t="s">
        <v>5712</v>
      </c>
      <c r="D259" t="s">
        <v>11156</v>
      </c>
      <c r="E259" t="s">
        <v>16591</v>
      </c>
      <c r="G259" s="2"/>
    </row>
    <row r="260" spans="1:7" x14ac:dyDescent="0.25">
      <c r="A260" s="1">
        <v>258</v>
      </c>
      <c r="B260" t="s">
        <v>262</v>
      </c>
      <c r="C260" t="s">
        <v>5713</v>
      </c>
      <c r="D260" t="s">
        <v>11157</v>
      </c>
      <c r="E260" t="s">
        <v>16592</v>
      </c>
      <c r="G260" s="2"/>
    </row>
    <row r="261" spans="1:7" x14ac:dyDescent="0.25">
      <c r="A261" s="1">
        <v>259</v>
      </c>
      <c r="B261" t="s">
        <v>263</v>
      </c>
      <c r="C261" t="s">
        <v>5714</v>
      </c>
      <c r="D261" t="s">
        <v>11158</v>
      </c>
      <c r="E261" t="s">
        <v>16593</v>
      </c>
      <c r="G261" s="2"/>
    </row>
    <row r="262" spans="1:7" x14ac:dyDescent="0.25">
      <c r="A262" s="1">
        <v>260</v>
      </c>
      <c r="B262" t="s">
        <v>264</v>
      </c>
      <c r="C262" t="s">
        <v>5715</v>
      </c>
      <c r="D262" t="s">
        <v>11159</v>
      </c>
      <c r="E262" t="s">
        <v>16594</v>
      </c>
      <c r="G262" s="2"/>
    </row>
    <row r="263" spans="1:7" x14ac:dyDescent="0.25">
      <c r="A263" s="1">
        <v>261</v>
      </c>
      <c r="B263" t="s">
        <v>265</v>
      </c>
      <c r="C263" t="s">
        <v>5716</v>
      </c>
      <c r="D263" t="s">
        <v>11160</v>
      </c>
      <c r="E263" t="s">
        <v>16595</v>
      </c>
      <c r="G263" s="2"/>
    </row>
    <row r="264" spans="1:7" x14ac:dyDescent="0.25">
      <c r="A264" s="1">
        <v>262</v>
      </c>
      <c r="B264" t="s">
        <v>266</v>
      </c>
      <c r="C264" t="s">
        <v>5717</v>
      </c>
      <c r="D264" t="s">
        <v>11161</v>
      </c>
      <c r="E264" t="s">
        <v>16596</v>
      </c>
      <c r="G264" s="2"/>
    </row>
    <row r="265" spans="1:7" x14ac:dyDescent="0.25">
      <c r="A265" s="1">
        <v>263</v>
      </c>
      <c r="B265" t="s">
        <v>267</v>
      </c>
      <c r="C265" t="s">
        <v>5718</v>
      </c>
      <c r="D265" t="s">
        <v>11162</v>
      </c>
      <c r="E265" t="s">
        <v>16597</v>
      </c>
      <c r="G265" s="2"/>
    </row>
    <row r="266" spans="1:7" x14ac:dyDescent="0.25">
      <c r="A266" s="1">
        <v>264</v>
      </c>
      <c r="B266" t="s">
        <v>268</v>
      </c>
      <c r="C266" t="s">
        <v>5719</v>
      </c>
      <c r="D266" t="s">
        <v>11163</v>
      </c>
      <c r="E266" t="s">
        <v>16598</v>
      </c>
      <c r="G266" s="2"/>
    </row>
    <row r="267" spans="1:7" x14ac:dyDescent="0.25">
      <c r="A267" s="1">
        <v>265</v>
      </c>
      <c r="B267" t="s">
        <v>269</v>
      </c>
      <c r="C267" t="s">
        <v>5720</v>
      </c>
      <c r="D267" t="s">
        <v>11164</v>
      </c>
      <c r="E267" t="s">
        <v>16599</v>
      </c>
      <c r="G267" s="2"/>
    </row>
    <row r="268" spans="1:7" x14ac:dyDescent="0.25">
      <c r="A268" s="1">
        <v>266</v>
      </c>
      <c r="B268" t="s">
        <v>270</v>
      </c>
      <c r="C268" t="s">
        <v>5721</v>
      </c>
      <c r="D268" t="s">
        <v>11165</v>
      </c>
      <c r="E268" t="s">
        <v>16600</v>
      </c>
      <c r="G268" s="2"/>
    </row>
    <row r="269" spans="1:7" x14ac:dyDescent="0.25">
      <c r="A269" s="1">
        <v>267</v>
      </c>
      <c r="B269" t="s">
        <v>271</v>
      </c>
      <c r="C269" t="s">
        <v>5722</v>
      </c>
      <c r="D269" t="s">
        <v>11166</v>
      </c>
      <c r="E269" t="s">
        <v>16601</v>
      </c>
      <c r="G269" s="2"/>
    </row>
    <row r="270" spans="1:7" x14ac:dyDescent="0.25">
      <c r="A270" s="1">
        <v>268</v>
      </c>
      <c r="B270" t="s">
        <v>272</v>
      </c>
      <c r="C270" t="s">
        <v>5723</v>
      </c>
      <c r="D270" t="s">
        <v>11167</v>
      </c>
      <c r="E270" t="s">
        <v>16602</v>
      </c>
      <c r="G270" s="2"/>
    </row>
    <row r="271" spans="1:7" x14ac:dyDescent="0.25">
      <c r="A271" s="1">
        <v>269</v>
      </c>
      <c r="B271" t="s">
        <v>273</v>
      </c>
      <c r="C271" t="s">
        <v>5724</v>
      </c>
      <c r="D271" t="s">
        <v>11168</v>
      </c>
      <c r="E271" t="s">
        <v>16603</v>
      </c>
      <c r="G271" s="2"/>
    </row>
    <row r="272" spans="1:7" x14ac:dyDescent="0.25">
      <c r="A272" s="1">
        <v>270</v>
      </c>
      <c r="B272" t="s">
        <v>274</v>
      </c>
      <c r="C272" t="s">
        <v>5725</v>
      </c>
      <c r="D272" t="s">
        <v>11169</v>
      </c>
      <c r="E272" t="s">
        <v>16604</v>
      </c>
      <c r="G272" s="2"/>
    </row>
    <row r="273" spans="1:7" x14ac:dyDescent="0.25">
      <c r="A273" s="1">
        <v>271</v>
      </c>
      <c r="B273" t="s">
        <v>275</v>
      </c>
      <c r="C273" t="s">
        <v>5726</v>
      </c>
      <c r="D273" t="s">
        <v>11170</v>
      </c>
      <c r="E273" t="s">
        <v>16605</v>
      </c>
      <c r="G273" s="2"/>
    </row>
    <row r="274" spans="1:7" x14ac:dyDescent="0.25">
      <c r="A274" s="1">
        <v>272</v>
      </c>
      <c r="B274" t="s">
        <v>276</v>
      </c>
      <c r="C274" t="s">
        <v>5727</v>
      </c>
      <c r="D274" t="s">
        <v>11171</v>
      </c>
      <c r="E274" t="s">
        <v>16606</v>
      </c>
      <c r="G274" s="2"/>
    </row>
    <row r="275" spans="1:7" x14ac:dyDescent="0.25">
      <c r="A275" s="1">
        <v>273</v>
      </c>
      <c r="B275" t="s">
        <v>277</v>
      </c>
      <c r="C275" t="s">
        <v>5728</v>
      </c>
      <c r="D275" t="s">
        <v>11172</v>
      </c>
      <c r="E275" t="s">
        <v>16607</v>
      </c>
      <c r="G275" s="2"/>
    </row>
    <row r="276" spans="1:7" x14ac:dyDescent="0.25">
      <c r="A276" s="1">
        <v>274</v>
      </c>
      <c r="B276" t="s">
        <v>278</v>
      </c>
      <c r="C276" t="s">
        <v>5729</v>
      </c>
      <c r="D276" t="s">
        <v>11173</v>
      </c>
      <c r="E276" t="s">
        <v>16608</v>
      </c>
      <c r="G276" s="2"/>
    </row>
    <row r="277" spans="1:7" x14ac:dyDescent="0.25">
      <c r="A277" s="1">
        <v>275</v>
      </c>
      <c r="B277" t="s">
        <v>279</v>
      </c>
      <c r="C277" t="s">
        <v>5730</v>
      </c>
      <c r="D277" t="s">
        <v>11174</v>
      </c>
      <c r="E277" t="s">
        <v>16609</v>
      </c>
      <c r="G277" s="2"/>
    </row>
    <row r="278" spans="1:7" x14ac:dyDescent="0.25">
      <c r="A278" s="1">
        <v>276</v>
      </c>
      <c r="B278" t="s">
        <v>280</v>
      </c>
      <c r="C278" t="s">
        <v>5731</v>
      </c>
      <c r="D278" t="s">
        <v>11175</v>
      </c>
      <c r="E278" t="s">
        <v>16610</v>
      </c>
      <c r="G278" s="2"/>
    </row>
    <row r="279" spans="1:7" x14ac:dyDescent="0.25">
      <c r="A279" s="1">
        <v>277</v>
      </c>
      <c r="B279" t="s">
        <v>281</v>
      </c>
      <c r="C279" t="s">
        <v>5732</v>
      </c>
      <c r="D279" t="s">
        <v>11176</v>
      </c>
      <c r="E279" t="s">
        <v>16611</v>
      </c>
      <c r="G279" s="2"/>
    </row>
    <row r="280" spans="1:7" x14ac:dyDescent="0.25">
      <c r="A280" s="1">
        <v>278</v>
      </c>
      <c r="B280" t="s">
        <v>282</v>
      </c>
      <c r="C280" t="s">
        <v>5733</v>
      </c>
      <c r="D280" t="s">
        <v>11177</v>
      </c>
      <c r="E280" t="s">
        <v>16612</v>
      </c>
      <c r="G280" s="2"/>
    </row>
    <row r="281" spans="1:7" x14ac:dyDescent="0.25">
      <c r="A281" s="1">
        <v>279</v>
      </c>
      <c r="B281" t="s">
        <v>283</v>
      </c>
      <c r="C281" t="s">
        <v>5734</v>
      </c>
      <c r="D281" t="s">
        <v>11178</v>
      </c>
      <c r="E281" t="s">
        <v>16613</v>
      </c>
      <c r="G281" s="2"/>
    </row>
    <row r="282" spans="1:7" x14ac:dyDescent="0.25">
      <c r="A282" s="1">
        <v>280</v>
      </c>
      <c r="B282" t="s">
        <v>284</v>
      </c>
      <c r="C282" t="s">
        <v>5735</v>
      </c>
      <c r="D282" t="s">
        <v>11179</v>
      </c>
      <c r="E282" t="s">
        <v>16614</v>
      </c>
      <c r="G282" s="2"/>
    </row>
    <row r="283" spans="1:7" x14ac:dyDescent="0.25">
      <c r="A283" s="1">
        <v>281</v>
      </c>
      <c r="B283" t="s">
        <v>285</v>
      </c>
      <c r="C283" t="s">
        <v>5736</v>
      </c>
      <c r="D283" t="s">
        <v>11180</v>
      </c>
      <c r="E283" t="s">
        <v>16615</v>
      </c>
      <c r="G283" s="2"/>
    </row>
    <row r="284" spans="1:7" x14ac:dyDescent="0.25">
      <c r="A284" s="1">
        <v>282</v>
      </c>
      <c r="B284" t="s">
        <v>286</v>
      </c>
      <c r="C284" t="s">
        <v>5737</v>
      </c>
      <c r="D284" t="s">
        <v>11181</v>
      </c>
      <c r="E284" t="s">
        <v>16616</v>
      </c>
      <c r="G284" s="2"/>
    </row>
    <row r="285" spans="1:7" x14ac:dyDescent="0.25">
      <c r="A285" s="1">
        <v>283</v>
      </c>
      <c r="B285" t="s">
        <v>287</v>
      </c>
      <c r="C285" t="s">
        <v>5738</v>
      </c>
      <c r="D285" t="s">
        <v>11182</v>
      </c>
      <c r="E285" t="s">
        <v>16617</v>
      </c>
      <c r="G285" s="2"/>
    </row>
    <row r="286" spans="1:7" x14ac:dyDescent="0.25">
      <c r="A286" s="1">
        <v>284</v>
      </c>
      <c r="B286" t="s">
        <v>288</v>
      </c>
      <c r="C286" t="s">
        <v>5739</v>
      </c>
      <c r="D286" t="s">
        <v>11183</v>
      </c>
      <c r="E286" t="s">
        <v>16618</v>
      </c>
      <c r="G286" s="2"/>
    </row>
    <row r="287" spans="1:7" x14ac:dyDescent="0.25">
      <c r="A287" s="1">
        <v>285</v>
      </c>
      <c r="B287" t="s">
        <v>289</v>
      </c>
      <c r="C287" t="s">
        <v>5740</v>
      </c>
      <c r="D287" t="s">
        <v>11184</v>
      </c>
      <c r="E287" t="s">
        <v>16619</v>
      </c>
      <c r="G287" s="2"/>
    </row>
    <row r="288" spans="1:7" x14ac:dyDescent="0.25">
      <c r="A288" s="1">
        <v>286</v>
      </c>
      <c r="B288" t="s">
        <v>290</v>
      </c>
      <c r="C288" t="s">
        <v>5741</v>
      </c>
      <c r="D288" t="s">
        <v>11185</v>
      </c>
      <c r="E288" t="s">
        <v>16620</v>
      </c>
      <c r="G288" s="2"/>
    </row>
    <row r="289" spans="1:7" x14ac:dyDescent="0.25">
      <c r="A289" s="1">
        <v>287</v>
      </c>
      <c r="B289" t="s">
        <v>291</v>
      </c>
      <c r="C289" t="s">
        <v>5742</v>
      </c>
      <c r="D289" t="s">
        <v>11186</v>
      </c>
      <c r="E289" t="s">
        <v>16621</v>
      </c>
      <c r="G289" s="2"/>
    </row>
    <row r="290" spans="1:7" x14ac:dyDescent="0.25">
      <c r="A290" s="1">
        <v>288</v>
      </c>
      <c r="B290" t="s">
        <v>292</v>
      </c>
      <c r="C290" t="s">
        <v>5743</v>
      </c>
      <c r="D290" t="s">
        <v>11187</v>
      </c>
      <c r="E290" t="s">
        <v>16622</v>
      </c>
      <c r="G290" s="2"/>
    </row>
    <row r="291" spans="1:7" x14ac:dyDescent="0.25">
      <c r="A291" s="1">
        <v>289</v>
      </c>
      <c r="B291" t="s">
        <v>293</v>
      </c>
      <c r="C291" t="s">
        <v>5744</v>
      </c>
      <c r="D291" t="s">
        <v>11188</v>
      </c>
      <c r="E291" t="s">
        <v>16623</v>
      </c>
      <c r="G291" s="2"/>
    </row>
    <row r="292" spans="1:7" x14ac:dyDescent="0.25">
      <c r="A292" s="1">
        <v>290</v>
      </c>
      <c r="B292" t="s">
        <v>294</v>
      </c>
      <c r="C292" t="s">
        <v>5745</v>
      </c>
      <c r="D292" t="s">
        <v>11189</v>
      </c>
      <c r="E292" t="s">
        <v>16624</v>
      </c>
      <c r="G292" s="2"/>
    </row>
    <row r="293" spans="1:7" x14ac:dyDescent="0.25">
      <c r="A293" s="1">
        <v>291</v>
      </c>
      <c r="B293" t="s">
        <v>295</v>
      </c>
      <c r="C293" t="s">
        <v>5746</v>
      </c>
      <c r="D293" t="s">
        <v>11190</v>
      </c>
      <c r="E293" t="s">
        <v>16625</v>
      </c>
      <c r="G293" s="2"/>
    </row>
    <row r="294" spans="1:7" x14ac:dyDescent="0.25">
      <c r="A294" s="1">
        <v>292</v>
      </c>
      <c r="B294" t="s">
        <v>296</v>
      </c>
      <c r="C294" t="s">
        <v>5747</v>
      </c>
      <c r="D294" t="s">
        <v>11191</v>
      </c>
      <c r="E294" t="s">
        <v>16626</v>
      </c>
      <c r="G294" s="2"/>
    </row>
    <row r="295" spans="1:7" x14ac:dyDescent="0.25">
      <c r="A295" s="1">
        <v>293</v>
      </c>
      <c r="B295" t="s">
        <v>297</v>
      </c>
      <c r="C295" t="s">
        <v>5748</v>
      </c>
      <c r="D295" t="s">
        <v>11192</v>
      </c>
      <c r="E295" t="s">
        <v>16627</v>
      </c>
      <c r="G295" s="2"/>
    </row>
    <row r="296" spans="1:7" x14ac:dyDescent="0.25">
      <c r="A296" s="1">
        <v>294</v>
      </c>
      <c r="B296" t="s">
        <v>298</v>
      </c>
      <c r="C296" t="s">
        <v>5749</v>
      </c>
      <c r="D296" t="s">
        <v>11193</v>
      </c>
      <c r="E296" t="s">
        <v>16628</v>
      </c>
      <c r="G296" s="2"/>
    </row>
    <row r="297" spans="1:7" x14ac:dyDescent="0.25">
      <c r="A297" s="1">
        <v>295</v>
      </c>
      <c r="B297" t="s">
        <v>299</v>
      </c>
      <c r="C297" t="s">
        <v>5750</v>
      </c>
      <c r="D297" t="s">
        <v>11194</v>
      </c>
      <c r="E297" t="s">
        <v>16629</v>
      </c>
      <c r="G297" s="2"/>
    </row>
    <row r="298" spans="1:7" x14ac:dyDescent="0.25">
      <c r="A298" s="1">
        <v>296</v>
      </c>
      <c r="B298" t="s">
        <v>300</v>
      </c>
      <c r="C298" t="s">
        <v>5751</v>
      </c>
      <c r="D298" t="s">
        <v>11195</v>
      </c>
      <c r="E298" t="s">
        <v>16630</v>
      </c>
      <c r="G298" s="2"/>
    </row>
    <row r="299" spans="1:7" x14ac:dyDescent="0.25">
      <c r="A299" s="1">
        <v>297</v>
      </c>
      <c r="B299" t="s">
        <v>301</v>
      </c>
      <c r="C299" t="s">
        <v>5752</v>
      </c>
      <c r="D299" t="s">
        <v>11196</v>
      </c>
      <c r="E299" t="s">
        <v>16631</v>
      </c>
      <c r="G299" s="2"/>
    </row>
    <row r="300" spans="1:7" x14ac:dyDescent="0.25">
      <c r="A300" s="1">
        <v>298</v>
      </c>
      <c r="B300" t="s">
        <v>302</v>
      </c>
      <c r="C300" t="s">
        <v>5753</v>
      </c>
      <c r="D300" t="s">
        <v>11197</v>
      </c>
      <c r="E300" t="s">
        <v>16632</v>
      </c>
      <c r="G300" s="2"/>
    </row>
    <row r="301" spans="1:7" x14ac:dyDescent="0.25">
      <c r="A301" s="1">
        <v>299</v>
      </c>
      <c r="B301" t="s">
        <v>303</v>
      </c>
      <c r="C301" t="s">
        <v>5754</v>
      </c>
      <c r="D301" t="s">
        <v>11198</v>
      </c>
      <c r="E301" t="s">
        <v>16633</v>
      </c>
      <c r="G301" s="2"/>
    </row>
    <row r="302" spans="1:7" x14ac:dyDescent="0.25">
      <c r="A302" s="1">
        <v>300</v>
      </c>
      <c r="B302" t="s">
        <v>304</v>
      </c>
      <c r="C302" t="s">
        <v>5755</v>
      </c>
      <c r="D302" t="s">
        <v>11199</v>
      </c>
      <c r="E302" t="s">
        <v>16634</v>
      </c>
      <c r="G302" s="2"/>
    </row>
    <row r="303" spans="1:7" x14ac:dyDescent="0.25">
      <c r="A303" s="1">
        <v>301</v>
      </c>
      <c r="B303" t="s">
        <v>305</v>
      </c>
      <c r="C303" t="s">
        <v>5756</v>
      </c>
      <c r="D303" t="s">
        <v>11200</v>
      </c>
      <c r="E303" t="s">
        <v>16635</v>
      </c>
      <c r="G303" s="2"/>
    </row>
    <row r="304" spans="1:7" x14ac:dyDescent="0.25">
      <c r="A304" s="1">
        <v>302</v>
      </c>
      <c r="B304" t="s">
        <v>306</v>
      </c>
      <c r="C304" t="s">
        <v>5757</v>
      </c>
      <c r="D304" t="s">
        <v>11201</v>
      </c>
      <c r="E304" t="s">
        <v>16636</v>
      </c>
      <c r="G304" s="2"/>
    </row>
    <row r="305" spans="1:7" x14ac:dyDescent="0.25">
      <c r="A305" s="1">
        <v>303</v>
      </c>
      <c r="B305" t="s">
        <v>307</v>
      </c>
      <c r="C305" t="s">
        <v>5758</v>
      </c>
      <c r="D305" t="s">
        <v>11202</v>
      </c>
      <c r="E305" t="s">
        <v>16637</v>
      </c>
      <c r="G305" s="2"/>
    </row>
    <row r="306" spans="1:7" x14ac:dyDescent="0.25">
      <c r="A306" s="1">
        <v>304</v>
      </c>
      <c r="B306" t="s">
        <v>308</v>
      </c>
      <c r="C306" t="s">
        <v>5759</v>
      </c>
      <c r="D306" t="s">
        <v>11203</v>
      </c>
      <c r="E306" t="s">
        <v>16638</v>
      </c>
      <c r="G306" s="2"/>
    </row>
    <row r="307" spans="1:7" x14ac:dyDescent="0.25">
      <c r="A307" s="1">
        <v>305</v>
      </c>
      <c r="B307" t="s">
        <v>309</v>
      </c>
      <c r="C307" t="s">
        <v>5760</v>
      </c>
      <c r="D307" t="s">
        <v>11204</v>
      </c>
      <c r="E307" t="s">
        <v>16639</v>
      </c>
      <c r="G307" s="2"/>
    </row>
    <row r="308" spans="1:7" x14ac:dyDescent="0.25">
      <c r="A308" s="1">
        <v>306</v>
      </c>
      <c r="B308" t="s">
        <v>310</v>
      </c>
      <c r="C308" t="s">
        <v>5761</v>
      </c>
      <c r="D308" t="s">
        <v>11205</v>
      </c>
      <c r="E308" t="s">
        <v>16640</v>
      </c>
      <c r="G308" s="2"/>
    </row>
    <row r="309" spans="1:7" x14ac:dyDescent="0.25">
      <c r="A309" s="1">
        <v>307</v>
      </c>
      <c r="B309" t="s">
        <v>311</v>
      </c>
      <c r="C309" t="s">
        <v>5762</v>
      </c>
      <c r="D309" t="s">
        <v>11206</v>
      </c>
      <c r="E309" t="s">
        <v>16641</v>
      </c>
      <c r="G309" s="2"/>
    </row>
    <row r="310" spans="1:7" x14ac:dyDescent="0.25">
      <c r="A310" s="1">
        <v>308</v>
      </c>
      <c r="B310" t="s">
        <v>312</v>
      </c>
      <c r="C310" t="s">
        <v>5763</v>
      </c>
      <c r="D310" t="s">
        <v>11207</v>
      </c>
      <c r="E310" t="s">
        <v>16642</v>
      </c>
      <c r="G310" s="2"/>
    </row>
    <row r="311" spans="1:7" x14ac:dyDescent="0.25">
      <c r="A311" s="1">
        <v>309</v>
      </c>
      <c r="B311" t="s">
        <v>313</v>
      </c>
      <c r="C311" t="s">
        <v>5764</v>
      </c>
      <c r="D311" t="s">
        <v>11208</v>
      </c>
      <c r="E311" t="s">
        <v>16643</v>
      </c>
      <c r="G311" s="2"/>
    </row>
    <row r="312" spans="1:7" x14ac:dyDescent="0.25">
      <c r="A312" s="1">
        <v>310</v>
      </c>
      <c r="B312" t="s">
        <v>314</v>
      </c>
      <c r="C312" t="s">
        <v>5765</v>
      </c>
      <c r="D312" t="s">
        <v>11209</v>
      </c>
      <c r="E312" t="s">
        <v>16644</v>
      </c>
      <c r="G312" s="2"/>
    </row>
    <row r="313" spans="1:7" x14ac:dyDescent="0.25">
      <c r="A313" s="1">
        <v>311</v>
      </c>
      <c r="B313" t="s">
        <v>315</v>
      </c>
      <c r="C313" t="s">
        <v>5766</v>
      </c>
      <c r="D313" t="s">
        <v>11210</v>
      </c>
      <c r="E313" t="s">
        <v>16645</v>
      </c>
      <c r="G313" s="2"/>
    </row>
    <row r="314" spans="1:7" x14ac:dyDescent="0.25">
      <c r="A314" s="1">
        <v>312</v>
      </c>
      <c r="B314" t="s">
        <v>316</v>
      </c>
      <c r="C314" t="s">
        <v>5767</v>
      </c>
      <c r="D314" t="s">
        <v>11211</v>
      </c>
      <c r="E314" t="s">
        <v>16646</v>
      </c>
      <c r="G314" s="2"/>
    </row>
    <row r="315" spans="1:7" x14ac:dyDescent="0.25">
      <c r="A315" s="1">
        <v>313</v>
      </c>
      <c r="B315" t="s">
        <v>317</v>
      </c>
      <c r="C315" t="s">
        <v>5768</v>
      </c>
      <c r="D315" t="s">
        <v>11212</v>
      </c>
      <c r="E315" t="s">
        <v>16647</v>
      </c>
      <c r="G315" s="2"/>
    </row>
    <row r="316" spans="1:7" x14ac:dyDescent="0.25">
      <c r="A316" s="1">
        <v>314</v>
      </c>
      <c r="B316" t="s">
        <v>318</v>
      </c>
      <c r="C316" t="s">
        <v>5769</v>
      </c>
      <c r="D316" t="s">
        <v>11213</v>
      </c>
      <c r="E316" t="s">
        <v>16648</v>
      </c>
      <c r="G316" s="2"/>
    </row>
    <row r="317" spans="1:7" x14ac:dyDescent="0.25">
      <c r="A317" s="1">
        <v>315</v>
      </c>
      <c r="B317" t="s">
        <v>319</v>
      </c>
      <c r="C317" t="s">
        <v>5770</v>
      </c>
      <c r="D317" t="s">
        <v>11214</v>
      </c>
      <c r="E317" t="s">
        <v>16649</v>
      </c>
      <c r="G317" s="2"/>
    </row>
    <row r="318" spans="1:7" x14ac:dyDescent="0.25">
      <c r="A318" s="1">
        <v>316</v>
      </c>
      <c r="B318" t="s">
        <v>320</v>
      </c>
      <c r="C318" t="s">
        <v>5771</v>
      </c>
      <c r="D318" t="s">
        <v>11215</v>
      </c>
      <c r="E318" t="s">
        <v>16650</v>
      </c>
      <c r="G318" s="2"/>
    </row>
    <row r="319" spans="1:7" x14ac:dyDescent="0.25">
      <c r="A319" s="1">
        <v>317</v>
      </c>
      <c r="B319" t="s">
        <v>321</v>
      </c>
      <c r="C319" t="s">
        <v>5772</v>
      </c>
      <c r="D319" t="s">
        <v>11216</v>
      </c>
      <c r="E319" t="s">
        <v>16651</v>
      </c>
      <c r="G319" s="2"/>
    </row>
    <row r="320" spans="1:7" x14ac:dyDescent="0.25">
      <c r="A320" s="1">
        <v>318</v>
      </c>
      <c r="B320" t="s">
        <v>322</v>
      </c>
      <c r="C320" t="s">
        <v>5773</v>
      </c>
      <c r="D320" t="s">
        <v>11217</v>
      </c>
      <c r="E320" t="s">
        <v>16652</v>
      </c>
      <c r="G320" s="2"/>
    </row>
    <row r="321" spans="1:7" x14ac:dyDescent="0.25">
      <c r="A321" s="1">
        <v>319</v>
      </c>
      <c r="B321" t="s">
        <v>323</v>
      </c>
      <c r="C321" t="s">
        <v>5774</v>
      </c>
      <c r="D321" t="s">
        <v>11218</v>
      </c>
      <c r="E321" t="s">
        <v>16653</v>
      </c>
      <c r="G321" s="2"/>
    </row>
    <row r="322" spans="1:7" x14ac:dyDescent="0.25">
      <c r="A322" s="1">
        <v>320</v>
      </c>
      <c r="B322" t="s">
        <v>324</v>
      </c>
      <c r="C322" t="s">
        <v>5775</v>
      </c>
      <c r="D322" t="s">
        <v>11219</v>
      </c>
      <c r="E322" t="s">
        <v>16654</v>
      </c>
      <c r="G322" s="2"/>
    </row>
    <row r="323" spans="1:7" x14ac:dyDescent="0.25">
      <c r="A323" s="1">
        <v>321</v>
      </c>
      <c r="B323" t="s">
        <v>325</v>
      </c>
      <c r="C323" t="s">
        <v>5776</v>
      </c>
      <c r="D323" t="s">
        <v>11220</v>
      </c>
      <c r="E323" t="s">
        <v>16655</v>
      </c>
      <c r="G323" s="2"/>
    </row>
    <row r="324" spans="1:7" x14ac:dyDescent="0.25">
      <c r="A324" s="1">
        <v>322</v>
      </c>
      <c r="B324" t="s">
        <v>326</v>
      </c>
      <c r="C324" t="s">
        <v>5777</v>
      </c>
      <c r="D324" t="s">
        <v>11221</v>
      </c>
      <c r="E324" t="s">
        <v>16656</v>
      </c>
      <c r="G324" s="2"/>
    </row>
    <row r="325" spans="1:7" x14ac:dyDescent="0.25">
      <c r="A325" s="1">
        <v>323</v>
      </c>
      <c r="B325" t="s">
        <v>327</v>
      </c>
      <c r="C325" t="s">
        <v>5778</v>
      </c>
      <c r="D325" t="s">
        <v>11222</v>
      </c>
      <c r="E325" t="s">
        <v>16657</v>
      </c>
      <c r="G325" s="2"/>
    </row>
    <row r="326" spans="1:7" x14ac:dyDescent="0.25">
      <c r="A326" s="1">
        <v>324</v>
      </c>
      <c r="B326" t="s">
        <v>328</v>
      </c>
      <c r="C326" t="s">
        <v>5779</v>
      </c>
      <c r="D326" t="s">
        <v>11223</v>
      </c>
      <c r="E326" t="s">
        <v>16658</v>
      </c>
      <c r="G326" s="2"/>
    </row>
    <row r="327" spans="1:7" x14ac:dyDescent="0.25">
      <c r="A327" s="1">
        <v>325</v>
      </c>
      <c r="B327" t="s">
        <v>329</v>
      </c>
      <c r="C327" t="s">
        <v>5780</v>
      </c>
      <c r="D327" t="s">
        <v>11224</v>
      </c>
      <c r="E327" t="s">
        <v>16372</v>
      </c>
      <c r="G327" s="2"/>
    </row>
    <row r="328" spans="1:7" x14ac:dyDescent="0.25">
      <c r="A328" s="1">
        <v>326</v>
      </c>
      <c r="B328" t="s">
        <v>330</v>
      </c>
      <c r="C328" t="s">
        <v>5781</v>
      </c>
      <c r="D328" t="s">
        <v>11225</v>
      </c>
      <c r="E328" t="s">
        <v>16659</v>
      </c>
      <c r="G328" s="2"/>
    </row>
    <row r="329" spans="1:7" x14ac:dyDescent="0.25">
      <c r="A329" s="1">
        <v>327</v>
      </c>
      <c r="B329" t="s">
        <v>331</v>
      </c>
      <c r="C329" t="s">
        <v>5782</v>
      </c>
      <c r="D329" t="s">
        <v>11226</v>
      </c>
      <c r="E329" t="s">
        <v>16660</v>
      </c>
      <c r="G329" s="2"/>
    </row>
    <row r="330" spans="1:7" x14ac:dyDescent="0.25">
      <c r="A330" s="1">
        <v>328</v>
      </c>
      <c r="B330" t="s">
        <v>332</v>
      </c>
      <c r="C330" t="s">
        <v>5783</v>
      </c>
      <c r="D330" t="s">
        <v>11227</v>
      </c>
      <c r="E330" t="s">
        <v>16661</v>
      </c>
      <c r="G330" s="2"/>
    </row>
    <row r="331" spans="1:7" x14ac:dyDescent="0.25">
      <c r="A331" s="1">
        <v>329</v>
      </c>
      <c r="B331" t="s">
        <v>333</v>
      </c>
      <c r="C331" t="s">
        <v>5784</v>
      </c>
      <c r="D331" t="s">
        <v>11228</v>
      </c>
      <c r="E331" t="s">
        <v>16662</v>
      </c>
      <c r="G331" s="2"/>
    </row>
    <row r="332" spans="1:7" x14ac:dyDescent="0.25">
      <c r="A332" s="1">
        <v>330</v>
      </c>
      <c r="B332" t="s">
        <v>334</v>
      </c>
      <c r="C332" t="s">
        <v>5785</v>
      </c>
      <c r="D332" t="s">
        <v>11229</v>
      </c>
      <c r="E332" t="s">
        <v>16663</v>
      </c>
      <c r="G332" s="2"/>
    </row>
    <row r="333" spans="1:7" x14ac:dyDescent="0.25">
      <c r="A333" s="1">
        <v>331</v>
      </c>
      <c r="B333" t="s">
        <v>335</v>
      </c>
      <c r="C333" t="s">
        <v>5786</v>
      </c>
      <c r="D333" t="s">
        <v>11230</v>
      </c>
      <c r="E333" t="s">
        <v>16664</v>
      </c>
      <c r="G333" s="2"/>
    </row>
    <row r="334" spans="1:7" x14ac:dyDescent="0.25">
      <c r="A334" s="1">
        <v>332</v>
      </c>
      <c r="B334" t="s">
        <v>336</v>
      </c>
      <c r="C334" t="s">
        <v>5787</v>
      </c>
      <c r="D334" t="s">
        <v>11231</v>
      </c>
      <c r="E334" t="s">
        <v>16665</v>
      </c>
      <c r="G334" s="2"/>
    </row>
    <row r="335" spans="1:7" x14ac:dyDescent="0.25">
      <c r="A335" s="1">
        <v>333</v>
      </c>
      <c r="B335" t="s">
        <v>337</v>
      </c>
      <c r="C335" t="s">
        <v>5788</v>
      </c>
      <c r="D335" t="s">
        <v>11232</v>
      </c>
      <c r="E335" t="s">
        <v>16666</v>
      </c>
      <c r="G335" s="2"/>
    </row>
    <row r="336" spans="1:7" x14ac:dyDescent="0.25">
      <c r="A336" s="1">
        <v>334</v>
      </c>
      <c r="B336" t="s">
        <v>338</v>
      </c>
      <c r="C336" t="s">
        <v>5789</v>
      </c>
      <c r="D336" t="s">
        <v>11233</v>
      </c>
      <c r="E336" t="s">
        <v>16667</v>
      </c>
      <c r="G336" s="2"/>
    </row>
    <row r="337" spans="1:7" x14ac:dyDescent="0.25">
      <c r="A337" s="1">
        <v>335</v>
      </c>
      <c r="B337" t="s">
        <v>339</v>
      </c>
      <c r="C337" t="s">
        <v>5790</v>
      </c>
      <c r="D337" t="s">
        <v>11234</v>
      </c>
      <c r="E337" t="s">
        <v>16668</v>
      </c>
      <c r="G337" s="2"/>
    </row>
    <row r="338" spans="1:7" x14ac:dyDescent="0.25">
      <c r="A338" s="1">
        <v>336</v>
      </c>
      <c r="B338" t="s">
        <v>340</v>
      </c>
      <c r="C338" t="s">
        <v>5791</v>
      </c>
      <c r="D338" t="s">
        <v>11235</v>
      </c>
      <c r="E338" t="s">
        <v>16555</v>
      </c>
      <c r="G338" s="2"/>
    </row>
    <row r="339" spans="1:7" x14ac:dyDescent="0.25">
      <c r="A339" s="1">
        <v>337</v>
      </c>
      <c r="B339" t="s">
        <v>341</v>
      </c>
      <c r="C339" t="s">
        <v>5792</v>
      </c>
      <c r="D339" t="s">
        <v>11236</v>
      </c>
      <c r="E339" t="s">
        <v>16669</v>
      </c>
      <c r="G339" s="2"/>
    </row>
    <row r="340" spans="1:7" x14ac:dyDescent="0.25">
      <c r="A340" s="1">
        <v>338</v>
      </c>
      <c r="B340" t="s">
        <v>342</v>
      </c>
      <c r="C340" t="s">
        <v>5793</v>
      </c>
      <c r="D340" t="s">
        <v>11237</v>
      </c>
      <c r="E340" t="s">
        <v>16670</v>
      </c>
      <c r="G340" s="2"/>
    </row>
    <row r="341" spans="1:7" x14ac:dyDescent="0.25">
      <c r="A341" s="1">
        <v>339</v>
      </c>
      <c r="B341" t="s">
        <v>343</v>
      </c>
      <c r="C341" t="s">
        <v>5794</v>
      </c>
      <c r="D341" t="s">
        <v>11238</v>
      </c>
      <c r="E341" t="s">
        <v>16671</v>
      </c>
      <c r="G341" s="2"/>
    </row>
    <row r="342" spans="1:7" x14ac:dyDescent="0.25">
      <c r="A342" s="1">
        <v>340</v>
      </c>
      <c r="B342" t="s">
        <v>344</v>
      </c>
      <c r="C342" t="s">
        <v>5795</v>
      </c>
      <c r="D342" t="s">
        <v>11239</v>
      </c>
      <c r="E342" t="s">
        <v>16672</v>
      </c>
      <c r="G342" s="2"/>
    </row>
    <row r="343" spans="1:7" x14ac:dyDescent="0.25">
      <c r="A343" s="1">
        <v>341</v>
      </c>
      <c r="B343" t="s">
        <v>345</v>
      </c>
      <c r="C343" t="s">
        <v>5796</v>
      </c>
      <c r="D343" t="s">
        <v>11240</v>
      </c>
      <c r="E343" t="s">
        <v>16673</v>
      </c>
      <c r="G343" s="2"/>
    </row>
    <row r="344" spans="1:7" x14ac:dyDescent="0.25">
      <c r="A344" s="1">
        <v>342</v>
      </c>
      <c r="B344" t="s">
        <v>346</v>
      </c>
      <c r="C344" t="s">
        <v>5797</v>
      </c>
      <c r="D344" t="s">
        <v>11241</v>
      </c>
      <c r="E344" t="s">
        <v>16674</v>
      </c>
      <c r="G344" s="2"/>
    </row>
    <row r="345" spans="1:7" x14ac:dyDescent="0.25">
      <c r="A345" s="1">
        <v>343</v>
      </c>
      <c r="B345" t="s">
        <v>347</v>
      </c>
      <c r="C345" t="s">
        <v>5798</v>
      </c>
      <c r="D345" t="s">
        <v>11242</v>
      </c>
      <c r="E345" t="s">
        <v>16675</v>
      </c>
      <c r="G345" s="2"/>
    </row>
    <row r="346" spans="1:7" x14ac:dyDescent="0.25">
      <c r="A346" s="1">
        <v>344</v>
      </c>
      <c r="B346" t="s">
        <v>348</v>
      </c>
      <c r="C346" t="s">
        <v>5799</v>
      </c>
      <c r="D346" t="s">
        <v>11243</v>
      </c>
      <c r="E346" t="s">
        <v>16676</v>
      </c>
      <c r="G346" s="2"/>
    </row>
    <row r="347" spans="1:7" x14ac:dyDescent="0.25">
      <c r="A347" s="1">
        <v>345</v>
      </c>
      <c r="B347" t="s">
        <v>349</v>
      </c>
      <c r="C347" t="s">
        <v>5800</v>
      </c>
      <c r="D347" t="s">
        <v>11244</v>
      </c>
      <c r="E347" t="s">
        <v>16677</v>
      </c>
      <c r="G347" s="2"/>
    </row>
    <row r="348" spans="1:7" x14ac:dyDescent="0.25">
      <c r="A348" s="1">
        <v>346</v>
      </c>
      <c r="B348" t="s">
        <v>350</v>
      </c>
      <c r="C348" t="s">
        <v>5801</v>
      </c>
      <c r="D348" t="s">
        <v>11245</v>
      </c>
      <c r="E348" t="s">
        <v>16678</v>
      </c>
      <c r="G348" s="2"/>
    </row>
    <row r="349" spans="1:7" x14ac:dyDescent="0.25">
      <c r="A349" s="1">
        <v>347</v>
      </c>
      <c r="B349" t="s">
        <v>351</v>
      </c>
      <c r="C349" t="s">
        <v>5802</v>
      </c>
      <c r="D349" t="s">
        <v>11246</v>
      </c>
      <c r="E349" t="s">
        <v>16679</v>
      </c>
      <c r="G349" s="2"/>
    </row>
    <row r="350" spans="1:7" x14ac:dyDescent="0.25">
      <c r="A350" s="1">
        <v>348</v>
      </c>
      <c r="B350" t="s">
        <v>352</v>
      </c>
      <c r="C350" t="s">
        <v>5803</v>
      </c>
      <c r="D350" t="s">
        <v>11247</v>
      </c>
      <c r="E350" t="s">
        <v>16680</v>
      </c>
      <c r="G350" s="2"/>
    </row>
    <row r="351" spans="1:7" x14ac:dyDescent="0.25">
      <c r="A351" s="1">
        <v>349</v>
      </c>
      <c r="B351" t="s">
        <v>353</v>
      </c>
      <c r="C351" t="s">
        <v>5804</v>
      </c>
      <c r="D351" t="s">
        <v>11248</v>
      </c>
      <c r="E351" t="s">
        <v>16681</v>
      </c>
      <c r="G351" s="2"/>
    </row>
    <row r="352" spans="1:7" x14ac:dyDescent="0.25">
      <c r="A352" s="1">
        <v>350</v>
      </c>
      <c r="B352" t="s">
        <v>354</v>
      </c>
      <c r="C352" t="s">
        <v>5805</v>
      </c>
      <c r="D352" t="s">
        <v>11249</v>
      </c>
      <c r="E352" t="s">
        <v>16682</v>
      </c>
      <c r="G352" s="2"/>
    </row>
    <row r="353" spans="1:7" x14ac:dyDescent="0.25">
      <c r="A353" s="1">
        <v>351</v>
      </c>
      <c r="B353" t="s">
        <v>355</v>
      </c>
      <c r="C353" t="s">
        <v>5806</v>
      </c>
      <c r="D353" t="s">
        <v>11250</v>
      </c>
      <c r="E353" t="s">
        <v>16683</v>
      </c>
      <c r="G353" s="2"/>
    </row>
    <row r="354" spans="1:7" x14ac:dyDescent="0.25">
      <c r="A354" s="1">
        <v>352</v>
      </c>
      <c r="B354" t="s">
        <v>356</v>
      </c>
      <c r="C354" t="s">
        <v>5807</v>
      </c>
      <c r="D354" t="s">
        <v>11251</v>
      </c>
      <c r="E354" t="s">
        <v>16684</v>
      </c>
      <c r="G354" s="2"/>
    </row>
    <row r="355" spans="1:7" x14ac:dyDescent="0.25">
      <c r="A355" s="1">
        <v>353</v>
      </c>
      <c r="B355" t="s">
        <v>357</v>
      </c>
      <c r="C355" t="s">
        <v>5808</v>
      </c>
      <c r="D355" t="s">
        <v>11252</v>
      </c>
      <c r="E355" t="s">
        <v>16685</v>
      </c>
      <c r="G355" s="2"/>
    </row>
    <row r="356" spans="1:7" x14ac:dyDescent="0.25">
      <c r="A356" s="1">
        <v>354</v>
      </c>
      <c r="B356" t="s">
        <v>358</v>
      </c>
      <c r="C356" t="s">
        <v>5809</v>
      </c>
      <c r="D356" t="s">
        <v>11253</v>
      </c>
      <c r="E356" t="s">
        <v>16686</v>
      </c>
      <c r="G356" s="2"/>
    </row>
    <row r="357" spans="1:7" x14ac:dyDescent="0.25">
      <c r="A357" s="1">
        <v>355</v>
      </c>
      <c r="B357" t="s">
        <v>359</v>
      </c>
      <c r="C357" t="s">
        <v>5810</v>
      </c>
      <c r="D357" t="s">
        <v>11254</v>
      </c>
      <c r="E357" t="s">
        <v>16687</v>
      </c>
      <c r="G357" s="2"/>
    </row>
    <row r="358" spans="1:7" x14ac:dyDescent="0.25">
      <c r="A358" s="1">
        <v>356</v>
      </c>
      <c r="B358" t="s">
        <v>360</v>
      </c>
      <c r="C358" t="s">
        <v>5811</v>
      </c>
      <c r="D358" t="s">
        <v>11255</v>
      </c>
      <c r="E358" t="s">
        <v>16688</v>
      </c>
      <c r="G358" s="2"/>
    </row>
    <row r="359" spans="1:7" x14ac:dyDescent="0.25">
      <c r="A359" s="1">
        <v>357</v>
      </c>
      <c r="B359" t="s">
        <v>361</v>
      </c>
      <c r="C359" t="s">
        <v>5812</v>
      </c>
      <c r="D359" t="s">
        <v>11256</v>
      </c>
      <c r="E359" t="s">
        <v>16689</v>
      </c>
      <c r="G359" s="2"/>
    </row>
    <row r="360" spans="1:7" x14ac:dyDescent="0.25">
      <c r="A360" s="1">
        <v>358</v>
      </c>
      <c r="B360" t="s">
        <v>362</v>
      </c>
      <c r="C360" t="s">
        <v>5813</v>
      </c>
      <c r="D360" t="s">
        <v>11257</v>
      </c>
      <c r="E360" t="s">
        <v>16690</v>
      </c>
      <c r="G360" s="2"/>
    </row>
    <row r="361" spans="1:7" x14ac:dyDescent="0.25">
      <c r="A361" s="1">
        <v>359</v>
      </c>
      <c r="B361" t="s">
        <v>363</v>
      </c>
      <c r="C361" t="s">
        <v>5814</v>
      </c>
      <c r="D361" t="s">
        <v>11258</v>
      </c>
      <c r="E361" t="s">
        <v>16691</v>
      </c>
      <c r="G361" s="2"/>
    </row>
    <row r="362" spans="1:7" x14ac:dyDescent="0.25">
      <c r="A362" s="1">
        <v>360</v>
      </c>
      <c r="B362" t="s">
        <v>364</v>
      </c>
      <c r="C362" t="s">
        <v>5815</v>
      </c>
      <c r="D362" t="s">
        <v>11259</v>
      </c>
      <c r="E362" t="s">
        <v>16692</v>
      </c>
      <c r="G362" s="2"/>
    </row>
    <row r="363" spans="1:7" x14ac:dyDescent="0.25">
      <c r="A363" s="1">
        <v>361</v>
      </c>
      <c r="B363" t="s">
        <v>365</v>
      </c>
      <c r="C363" t="s">
        <v>5816</v>
      </c>
      <c r="D363" t="s">
        <v>11260</v>
      </c>
      <c r="E363" t="s">
        <v>16693</v>
      </c>
      <c r="G363" s="2"/>
    </row>
    <row r="364" spans="1:7" x14ac:dyDescent="0.25">
      <c r="A364" s="1">
        <v>362</v>
      </c>
      <c r="B364" t="s">
        <v>366</v>
      </c>
      <c r="C364" t="s">
        <v>5817</v>
      </c>
      <c r="D364" t="s">
        <v>11261</v>
      </c>
      <c r="E364" t="s">
        <v>16694</v>
      </c>
      <c r="G364" s="2"/>
    </row>
    <row r="365" spans="1:7" x14ac:dyDescent="0.25">
      <c r="A365" s="1">
        <v>363</v>
      </c>
      <c r="B365" t="s">
        <v>367</v>
      </c>
      <c r="C365" t="s">
        <v>5818</v>
      </c>
      <c r="D365" t="s">
        <v>11262</v>
      </c>
      <c r="E365" t="s">
        <v>16695</v>
      </c>
      <c r="G365" s="2"/>
    </row>
    <row r="366" spans="1:7" x14ac:dyDescent="0.25">
      <c r="A366" s="1">
        <v>364</v>
      </c>
      <c r="B366" t="s">
        <v>368</v>
      </c>
      <c r="C366" t="s">
        <v>5819</v>
      </c>
      <c r="D366" t="s">
        <v>11263</v>
      </c>
      <c r="E366" t="s">
        <v>16696</v>
      </c>
      <c r="G366" s="2"/>
    </row>
    <row r="367" spans="1:7" x14ac:dyDescent="0.25">
      <c r="A367" s="1">
        <v>365</v>
      </c>
      <c r="B367" t="s">
        <v>369</v>
      </c>
      <c r="C367" t="s">
        <v>5820</v>
      </c>
      <c r="D367" t="s">
        <v>11264</v>
      </c>
      <c r="E367" t="s">
        <v>16697</v>
      </c>
      <c r="G367" s="2"/>
    </row>
    <row r="368" spans="1:7" x14ac:dyDescent="0.25">
      <c r="A368" s="1">
        <v>366</v>
      </c>
      <c r="B368" t="s">
        <v>370</v>
      </c>
      <c r="C368" t="s">
        <v>5821</v>
      </c>
      <c r="D368" t="s">
        <v>11265</v>
      </c>
      <c r="E368" t="s">
        <v>16698</v>
      </c>
      <c r="G368" s="2"/>
    </row>
    <row r="369" spans="1:7" x14ac:dyDescent="0.25">
      <c r="A369" s="1">
        <v>367</v>
      </c>
      <c r="B369" t="s">
        <v>371</v>
      </c>
      <c r="C369" t="s">
        <v>5822</v>
      </c>
      <c r="D369" t="s">
        <v>11266</v>
      </c>
      <c r="E369" t="s">
        <v>16699</v>
      </c>
      <c r="G369" s="2"/>
    </row>
    <row r="370" spans="1:7" x14ac:dyDescent="0.25">
      <c r="A370" s="1">
        <v>368</v>
      </c>
      <c r="B370" t="s">
        <v>372</v>
      </c>
      <c r="C370" t="s">
        <v>5823</v>
      </c>
      <c r="D370" t="s">
        <v>11267</v>
      </c>
      <c r="E370" t="s">
        <v>16700</v>
      </c>
      <c r="G370" s="2"/>
    </row>
    <row r="371" spans="1:7" x14ac:dyDescent="0.25">
      <c r="A371" s="1">
        <v>369</v>
      </c>
      <c r="B371" t="s">
        <v>373</v>
      </c>
      <c r="C371" t="s">
        <v>5824</v>
      </c>
      <c r="D371" t="s">
        <v>11268</v>
      </c>
      <c r="E371" t="s">
        <v>16701</v>
      </c>
      <c r="G371" s="2"/>
    </row>
    <row r="372" spans="1:7" x14ac:dyDescent="0.25">
      <c r="A372" s="1">
        <v>370</v>
      </c>
      <c r="B372" t="s">
        <v>374</v>
      </c>
      <c r="C372" t="s">
        <v>5825</v>
      </c>
      <c r="D372" t="s">
        <v>11269</v>
      </c>
      <c r="E372" t="s">
        <v>16702</v>
      </c>
      <c r="G372" s="2"/>
    </row>
    <row r="373" spans="1:7" x14ac:dyDescent="0.25">
      <c r="A373" s="1">
        <v>371</v>
      </c>
      <c r="B373" t="s">
        <v>375</v>
      </c>
      <c r="C373" t="s">
        <v>5826</v>
      </c>
      <c r="D373" t="s">
        <v>11270</v>
      </c>
      <c r="E373" t="s">
        <v>16703</v>
      </c>
      <c r="G373" s="2"/>
    </row>
    <row r="374" spans="1:7" x14ac:dyDescent="0.25">
      <c r="A374" s="1">
        <v>372</v>
      </c>
      <c r="B374" t="s">
        <v>376</v>
      </c>
      <c r="C374" t="s">
        <v>5827</v>
      </c>
      <c r="D374" t="s">
        <v>11271</v>
      </c>
      <c r="E374" t="s">
        <v>16704</v>
      </c>
      <c r="G374" s="2"/>
    </row>
    <row r="375" spans="1:7" x14ac:dyDescent="0.25">
      <c r="A375" s="1">
        <v>373</v>
      </c>
      <c r="B375" t="s">
        <v>377</v>
      </c>
      <c r="C375" t="s">
        <v>5828</v>
      </c>
      <c r="D375" t="s">
        <v>11272</v>
      </c>
      <c r="E375" t="s">
        <v>16705</v>
      </c>
      <c r="G375" s="2"/>
    </row>
    <row r="376" spans="1:7" x14ac:dyDescent="0.25">
      <c r="A376" s="1">
        <v>374</v>
      </c>
      <c r="B376" t="s">
        <v>378</v>
      </c>
      <c r="C376" t="s">
        <v>5829</v>
      </c>
      <c r="D376" t="s">
        <v>11273</v>
      </c>
      <c r="E376" t="s">
        <v>16706</v>
      </c>
      <c r="G376" s="2"/>
    </row>
    <row r="377" spans="1:7" x14ac:dyDescent="0.25">
      <c r="A377" s="1">
        <v>375</v>
      </c>
      <c r="B377" t="s">
        <v>379</v>
      </c>
      <c r="C377" t="s">
        <v>5830</v>
      </c>
      <c r="D377" t="s">
        <v>11274</v>
      </c>
      <c r="E377" t="s">
        <v>16707</v>
      </c>
      <c r="G377" s="2"/>
    </row>
    <row r="378" spans="1:7" x14ac:dyDescent="0.25">
      <c r="A378" s="1">
        <v>376</v>
      </c>
      <c r="B378" t="s">
        <v>380</v>
      </c>
      <c r="C378" t="s">
        <v>5831</v>
      </c>
      <c r="D378" t="s">
        <v>11275</v>
      </c>
      <c r="E378" t="s">
        <v>16708</v>
      </c>
      <c r="G378" s="2"/>
    </row>
    <row r="379" spans="1:7" x14ac:dyDescent="0.25">
      <c r="A379" s="1">
        <v>377</v>
      </c>
      <c r="B379" t="s">
        <v>381</v>
      </c>
      <c r="C379" t="s">
        <v>5832</v>
      </c>
      <c r="D379" t="s">
        <v>11276</v>
      </c>
      <c r="E379" t="s">
        <v>16709</v>
      </c>
      <c r="G379" s="2"/>
    </row>
    <row r="380" spans="1:7" x14ac:dyDescent="0.25">
      <c r="A380" s="1">
        <v>378</v>
      </c>
      <c r="B380" t="s">
        <v>382</v>
      </c>
      <c r="C380" t="s">
        <v>5833</v>
      </c>
      <c r="D380" t="s">
        <v>11277</v>
      </c>
      <c r="E380" t="s">
        <v>16347</v>
      </c>
      <c r="G380" s="2"/>
    </row>
    <row r="381" spans="1:7" x14ac:dyDescent="0.25">
      <c r="A381" s="1">
        <v>379</v>
      </c>
      <c r="B381" t="s">
        <v>383</v>
      </c>
      <c r="C381" t="s">
        <v>5834</v>
      </c>
      <c r="D381" t="s">
        <v>11278</v>
      </c>
      <c r="E381" t="s">
        <v>16710</v>
      </c>
      <c r="G381" s="2"/>
    </row>
    <row r="382" spans="1:7" x14ac:dyDescent="0.25">
      <c r="A382" s="1">
        <v>380</v>
      </c>
      <c r="B382" t="s">
        <v>384</v>
      </c>
      <c r="C382" t="s">
        <v>5835</v>
      </c>
      <c r="D382" t="s">
        <v>11279</v>
      </c>
      <c r="E382" t="s">
        <v>16711</v>
      </c>
      <c r="G382" s="2"/>
    </row>
    <row r="383" spans="1:7" x14ac:dyDescent="0.25">
      <c r="A383" s="1">
        <v>381</v>
      </c>
      <c r="B383" t="s">
        <v>385</v>
      </c>
      <c r="C383" t="s">
        <v>5836</v>
      </c>
      <c r="D383" t="s">
        <v>11280</v>
      </c>
      <c r="E383" t="s">
        <v>16712</v>
      </c>
      <c r="G383" s="2"/>
    </row>
    <row r="384" spans="1:7" x14ac:dyDescent="0.25">
      <c r="A384" s="1">
        <v>382</v>
      </c>
      <c r="B384" t="s">
        <v>386</v>
      </c>
      <c r="C384" t="s">
        <v>5837</v>
      </c>
      <c r="D384" t="s">
        <v>11281</v>
      </c>
      <c r="E384" t="s">
        <v>16713</v>
      </c>
      <c r="G384" s="2"/>
    </row>
    <row r="385" spans="1:7" x14ac:dyDescent="0.25">
      <c r="A385" s="1">
        <v>383</v>
      </c>
      <c r="B385" t="s">
        <v>387</v>
      </c>
      <c r="C385" t="s">
        <v>5838</v>
      </c>
      <c r="D385" t="s">
        <v>11282</v>
      </c>
      <c r="E385" t="s">
        <v>16714</v>
      </c>
      <c r="G385" s="2"/>
    </row>
    <row r="386" spans="1:7" x14ac:dyDescent="0.25">
      <c r="A386" s="1">
        <v>384</v>
      </c>
      <c r="B386" t="s">
        <v>388</v>
      </c>
      <c r="C386" t="s">
        <v>5839</v>
      </c>
      <c r="D386" t="s">
        <v>11283</v>
      </c>
      <c r="E386" t="s">
        <v>16715</v>
      </c>
      <c r="G386" s="2"/>
    </row>
    <row r="387" spans="1:7" x14ac:dyDescent="0.25">
      <c r="A387" s="1">
        <v>385</v>
      </c>
      <c r="B387" t="s">
        <v>389</v>
      </c>
      <c r="C387" t="s">
        <v>5840</v>
      </c>
      <c r="D387" t="s">
        <v>11284</v>
      </c>
      <c r="E387" t="s">
        <v>16716</v>
      </c>
      <c r="G387" s="2"/>
    </row>
    <row r="388" spans="1:7" x14ac:dyDescent="0.25">
      <c r="A388" s="1">
        <v>386</v>
      </c>
      <c r="B388" t="s">
        <v>390</v>
      </c>
      <c r="C388" t="s">
        <v>5841</v>
      </c>
      <c r="D388" t="s">
        <v>11285</v>
      </c>
      <c r="E388" t="s">
        <v>16717</v>
      </c>
      <c r="G388" s="2"/>
    </row>
    <row r="389" spans="1:7" x14ac:dyDescent="0.25">
      <c r="A389" s="1">
        <v>387</v>
      </c>
      <c r="B389" t="s">
        <v>391</v>
      </c>
      <c r="C389" t="s">
        <v>5842</v>
      </c>
      <c r="D389" t="s">
        <v>11286</v>
      </c>
      <c r="E389" t="s">
        <v>16718</v>
      </c>
      <c r="G389" s="2"/>
    </row>
    <row r="390" spans="1:7" x14ac:dyDescent="0.25">
      <c r="A390" s="1">
        <v>388</v>
      </c>
      <c r="B390" t="s">
        <v>392</v>
      </c>
      <c r="C390" t="s">
        <v>5843</v>
      </c>
      <c r="D390" t="s">
        <v>11287</v>
      </c>
      <c r="E390" t="s">
        <v>16719</v>
      </c>
      <c r="G390" s="2"/>
    </row>
    <row r="391" spans="1:7" x14ac:dyDescent="0.25">
      <c r="A391" s="1">
        <v>389</v>
      </c>
      <c r="B391" t="s">
        <v>393</v>
      </c>
      <c r="C391" t="s">
        <v>5844</v>
      </c>
      <c r="D391" t="s">
        <v>11288</v>
      </c>
      <c r="E391" t="s">
        <v>16620</v>
      </c>
      <c r="G391" s="2"/>
    </row>
    <row r="392" spans="1:7" x14ac:dyDescent="0.25">
      <c r="A392" s="1">
        <v>390</v>
      </c>
      <c r="B392" t="s">
        <v>394</v>
      </c>
      <c r="C392" t="s">
        <v>5845</v>
      </c>
      <c r="D392" t="s">
        <v>11289</v>
      </c>
      <c r="E392" t="s">
        <v>16720</v>
      </c>
      <c r="G392" s="2"/>
    </row>
    <row r="393" spans="1:7" x14ac:dyDescent="0.25">
      <c r="A393" s="1">
        <v>391</v>
      </c>
      <c r="B393" t="s">
        <v>395</v>
      </c>
      <c r="C393" t="s">
        <v>5846</v>
      </c>
      <c r="D393" t="s">
        <v>11290</v>
      </c>
      <c r="E393" t="s">
        <v>16721</v>
      </c>
      <c r="G393" s="2"/>
    </row>
    <row r="394" spans="1:7" x14ac:dyDescent="0.25">
      <c r="A394" s="1">
        <v>392</v>
      </c>
      <c r="B394" t="s">
        <v>396</v>
      </c>
      <c r="C394" t="s">
        <v>5847</v>
      </c>
      <c r="D394" t="s">
        <v>11291</v>
      </c>
      <c r="E394" t="s">
        <v>16722</v>
      </c>
      <c r="G394" s="2"/>
    </row>
    <row r="395" spans="1:7" x14ac:dyDescent="0.25">
      <c r="A395" s="1">
        <v>393</v>
      </c>
      <c r="B395" t="s">
        <v>397</v>
      </c>
      <c r="C395" t="s">
        <v>5848</v>
      </c>
      <c r="D395" t="s">
        <v>11292</v>
      </c>
      <c r="E395" t="s">
        <v>16555</v>
      </c>
      <c r="G395" s="2"/>
    </row>
    <row r="396" spans="1:7" x14ac:dyDescent="0.25">
      <c r="A396" s="1">
        <v>394</v>
      </c>
      <c r="B396" t="s">
        <v>398</v>
      </c>
      <c r="C396" t="s">
        <v>5849</v>
      </c>
      <c r="D396" t="s">
        <v>11293</v>
      </c>
      <c r="E396" t="s">
        <v>16723</v>
      </c>
      <c r="G396" s="2"/>
    </row>
    <row r="397" spans="1:7" x14ac:dyDescent="0.25">
      <c r="A397" s="1">
        <v>395</v>
      </c>
      <c r="B397" t="s">
        <v>399</v>
      </c>
      <c r="C397" t="s">
        <v>5850</v>
      </c>
      <c r="D397" t="s">
        <v>11294</v>
      </c>
      <c r="E397" t="s">
        <v>16724</v>
      </c>
      <c r="G397" s="2"/>
    </row>
    <row r="398" spans="1:7" x14ac:dyDescent="0.25">
      <c r="A398" s="1">
        <v>396</v>
      </c>
      <c r="B398" t="s">
        <v>400</v>
      </c>
      <c r="C398" t="s">
        <v>5851</v>
      </c>
      <c r="D398" t="s">
        <v>11295</v>
      </c>
      <c r="E398" t="s">
        <v>16725</v>
      </c>
      <c r="G398" s="2"/>
    </row>
    <row r="399" spans="1:7" x14ac:dyDescent="0.25">
      <c r="A399" s="1">
        <v>397</v>
      </c>
      <c r="B399" t="s">
        <v>401</v>
      </c>
      <c r="C399" t="s">
        <v>5852</v>
      </c>
      <c r="D399" t="s">
        <v>11296</v>
      </c>
      <c r="E399" t="s">
        <v>16726</v>
      </c>
      <c r="G399" s="2"/>
    </row>
    <row r="400" spans="1:7" x14ac:dyDescent="0.25">
      <c r="A400" s="1">
        <v>398</v>
      </c>
      <c r="B400" t="s">
        <v>402</v>
      </c>
      <c r="C400" t="s">
        <v>5853</v>
      </c>
      <c r="D400" t="s">
        <v>11297</v>
      </c>
      <c r="E400" t="s">
        <v>16727</v>
      </c>
      <c r="G400" s="2"/>
    </row>
    <row r="401" spans="1:7" x14ac:dyDescent="0.25">
      <c r="A401" s="1">
        <v>399</v>
      </c>
      <c r="B401" t="s">
        <v>403</v>
      </c>
      <c r="C401" t="s">
        <v>5854</v>
      </c>
      <c r="D401" t="s">
        <v>11298</v>
      </c>
      <c r="E401" t="s">
        <v>16728</v>
      </c>
      <c r="G401" s="2"/>
    </row>
    <row r="402" spans="1:7" x14ac:dyDescent="0.25">
      <c r="A402" s="1">
        <v>400</v>
      </c>
      <c r="B402" t="s">
        <v>404</v>
      </c>
      <c r="C402" t="s">
        <v>5855</v>
      </c>
      <c r="D402" t="s">
        <v>11299</v>
      </c>
      <c r="E402" t="s">
        <v>16729</v>
      </c>
      <c r="G402" s="2"/>
    </row>
    <row r="403" spans="1:7" x14ac:dyDescent="0.25">
      <c r="A403" s="1">
        <v>401</v>
      </c>
      <c r="B403" t="s">
        <v>405</v>
      </c>
      <c r="C403" t="s">
        <v>5856</v>
      </c>
      <c r="D403" t="s">
        <v>11300</v>
      </c>
      <c r="E403" t="s">
        <v>16730</v>
      </c>
      <c r="G403" s="2"/>
    </row>
    <row r="404" spans="1:7" x14ac:dyDescent="0.25">
      <c r="A404" s="1">
        <v>402</v>
      </c>
      <c r="B404" t="s">
        <v>406</v>
      </c>
      <c r="C404" t="s">
        <v>5857</v>
      </c>
      <c r="D404" t="s">
        <v>11301</v>
      </c>
      <c r="E404" t="s">
        <v>16731</v>
      </c>
      <c r="G404" s="2"/>
    </row>
    <row r="405" spans="1:7" x14ac:dyDescent="0.25">
      <c r="A405" s="1">
        <v>403</v>
      </c>
      <c r="B405" t="s">
        <v>407</v>
      </c>
      <c r="C405" t="s">
        <v>5858</v>
      </c>
      <c r="D405" t="s">
        <v>11302</v>
      </c>
      <c r="E405" t="s">
        <v>16347</v>
      </c>
      <c r="G405" s="2"/>
    </row>
    <row r="406" spans="1:7" x14ac:dyDescent="0.25">
      <c r="A406" s="1">
        <v>404</v>
      </c>
      <c r="B406" t="s">
        <v>408</v>
      </c>
      <c r="C406" t="s">
        <v>5859</v>
      </c>
      <c r="D406" t="s">
        <v>11303</v>
      </c>
      <c r="E406" t="s">
        <v>16732</v>
      </c>
      <c r="G406" s="2"/>
    </row>
    <row r="407" spans="1:7" x14ac:dyDescent="0.25">
      <c r="A407" s="1">
        <v>405</v>
      </c>
      <c r="B407" t="s">
        <v>409</v>
      </c>
      <c r="C407" t="s">
        <v>5860</v>
      </c>
      <c r="D407" t="s">
        <v>11304</v>
      </c>
      <c r="E407" t="s">
        <v>16733</v>
      </c>
      <c r="G407" s="2"/>
    </row>
    <row r="408" spans="1:7" x14ac:dyDescent="0.25">
      <c r="A408" s="1">
        <v>406</v>
      </c>
      <c r="B408" t="s">
        <v>410</v>
      </c>
      <c r="C408" t="s">
        <v>5861</v>
      </c>
      <c r="D408" t="s">
        <v>11305</v>
      </c>
      <c r="E408" t="s">
        <v>16734</v>
      </c>
      <c r="G408" s="2"/>
    </row>
    <row r="409" spans="1:7" x14ac:dyDescent="0.25">
      <c r="A409" s="1">
        <v>407</v>
      </c>
      <c r="B409" t="s">
        <v>411</v>
      </c>
      <c r="C409" t="s">
        <v>5862</v>
      </c>
      <c r="D409" t="s">
        <v>11306</v>
      </c>
      <c r="E409" t="s">
        <v>16735</v>
      </c>
      <c r="G409" s="2"/>
    </row>
    <row r="410" spans="1:7" x14ac:dyDescent="0.25">
      <c r="A410" s="1">
        <v>408</v>
      </c>
      <c r="B410" t="s">
        <v>412</v>
      </c>
      <c r="C410" t="s">
        <v>5863</v>
      </c>
      <c r="D410" t="s">
        <v>11307</v>
      </c>
      <c r="E410" t="s">
        <v>16736</v>
      </c>
      <c r="G410" s="2"/>
    </row>
    <row r="411" spans="1:7" x14ac:dyDescent="0.25">
      <c r="A411" s="1">
        <v>409</v>
      </c>
      <c r="B411" t="s">
        <v>413</v>
      </c>
      <c r="C411" t="s">
        <v>5864</v>
      </c>
      <c r="D411" t="s">
        <v>11308</v>
      </c>
      <c r="E411" t="s">
        <v>16737</v>
      </c>
      <c r="G411" s="2"/>
    </row>
    <row r="412" spans="1:7" x14ac:dyDescent="0.25">
      <c r="A412" s="1">
        <v>410</v>
      </c>
      <c r="B412" t="s">
        <v>414</v>
      </c>
      <c r="C412" t="s">
        <v>5865</v>
      </c>
      <c r="D412" t="s">
        <v>11309</v>
      </c>
      <c r="E412" t="s">
        <v>16738</v>
      </c>
      <c r="G412" s="2"/>
    </row>
    <row r="413" spans="1:7" x14ac:dyDescent="0.25">
      <c r="A413" s="1">
        <v>411</v>
      </c>
      <c r="B413" t="s">
        <v>415</v>
      </c>
      <c r="C413" t="s">
        <v>5866</v>
      </c>
      <c r="D413" t="s">
        <v>11310</v>
      </c>
      <c r="E413" t="s">
        <v>16739</v>
      </c>
      <c r="G413" s="2"/>
    </row>
    <row r="414" spans="1:7" x14ac:dyDescent="0.25">
      <c r="A414" s="1">
        <v>412</v>
      </c>
      <c r="B414" t="s">
        <v>416</v>
      </c>
      <c r="C414" t="s">
        <v>5867</v>
      </c>
      <c r="D414" t="s">
        <v>11311</v>
      </c>
      <c r="E414" t="s">
        <v>16740</v>
      </c>
      <c r="G414" s="2"/>
    </row>
    <row r="415" spans="1:7" x14ac:dyDescent="0.25">
      <c r="A415" s="1">
        <v>413</v>
      </c>
      <c r="B415" t="s">
        <v>417</v>
      </c>
      <c r="C415" t="s">
        <v>5868</v>
      </c>
      <c r="D415" t="s">
        <v>11312</v>
      </c>
      <c r="E415" t="s">
        <v>16741</v>
      </c>
      <c r="G415" s="2"/>
    </row>
    <row r="416" spans="1:7" x14ac:dyDescent="0.25">
      <c r="A416" s="1">
        <v>414</v>
      </c>
      <c r="B416" t="s">
        <v>418</v>
      </c>
      <c r="C416" t="s">
        <v>5869</v>
      </c>
      <c r="D416" t="s">
        <v>11313</v>
      </c>
      <c r="E416" t="s">
        <v>16742</v>
      </c>
      <c r="G416" s="2"/>
    </row>
    <row r="417" spans="1:7" x14ac:dyDescent="0.25">
      <c r="A417" s="1">
        <v>415</v>
      </c>
      <c r="B417" t="s">
        <v>419</v>
      </c>
      <c r="C417" t="s">
        <v>5870</v>
      </c>
      <c r="D417" t="s">
        <v>11314</v>
      </c>
      <c r="E417" t="s">
        <v>16743</v>
      </c>
      <c r="G417" s="2"/>
    </row>
    <row r="418" spans="1:7" x14ac:dyDescent="0.25">
      <c r="A418" s="1">
        <v>416</v>
      </c>
      <c r="B418" t="s">
        <v>420</v>
      </c>
      <c r="C418" t="s">
        <v>5871</v>
      </c>
      <c r="D418" t="s">
        <v>11315</v>
      </c>
      <c r="E418" t="s">
        <v>16744</v>
      </c>
      <c r="G418" s="2"/>
    </row>
    <row r="419" spans="1:7" x14ac:dyDescent="0.25">
      <c r="A419" s="1">
        <v>417</v>
      </c>
      <c r="B419" t="s">
        <v>421</v>
      </c>
      <c r="C419" t="s">
        <v>5872</v>
      </c>
      <c r="D419" t="s">
        <v>11316</v>
      </c>
      <c r="E419" t="s">
        <v>16745</v>
      </c>
      <c r="G419" s="2"/>
    </row>
    <row r="420" spans="1:7" x14ac:dyDescent="0.25">
      <c r="A420" s="1">
        <v>418</v>
      </c>
      <c r="B420" t="s">
        <v>422</v>
      </c>
      <c r="C420" t="s">
        <v>5873</v>
      </c>
      <c r="D420" t="s">
        <v>11317</v>
      </c>
      <c r="E420" t="s">
        <v>16746</v>
      </c>
      <c r="G420" s="2"/>
    </row>
    <row r="421" spans="1:7" x14ac:dyDescent="0.25">
      <c r="A421" s="1">
        <v>419</v>
      </c>
      <c r="B421" t="s">
        <v>423</v>
      </c>
      <c r="C421" t="s">
        <v>5874</v>
      </c>
      <c r="D421" t="s">
        <v>11318</v>
      </c>
      <c r="E421" t="s">
        <v>16747</v>
      </c>
      <c r="G421" s="2"/>
    </row>
    <row r="422" spans="1:7" x14ac:dyDescent="0.25">
      <c r="A422" s="1">
        <v>420</v>
      </c>
      <c r="B422" t="s">
        <v>424</v>
      </c>
      <c r="C422" t="s">
        <v>5875</v>
      </c>
      <c r="D422" t="s">
        <v>11319</v>
      </c>
      <c r="E422" t="s">
        <v>16748</v>
      </c>
      <c r="G422" s="2"/>
    </row>
    <row r="423" spans="1:7" x14ac:dyDescent="0.25">
      <c r="A423" s="1">
        <v>421</v>
      </c>
      <c r="B423" t="s">
        <v>425</v>
      </c>
      <c r="C423" t="s">
        <v>5876</v>
      </c>
      <c r="D423" t="s">
        <v>11320</v>
      </c>
      <c r="E423" t="s">
        <v>16749</v>
      </c>
      <c r="G423" s="2"/>
    </row>
    <row r="424" spans="1:7" x14ac:dyDescent="0.25">
      <c r="A424" s="1">
        <v>422</v>
      </c>
      <c r="B424" t="s">
        <v>426</v>
      </c>
      <c r="C424" t="s">
        <v>5877</v>
      </c>
      <c r="D424" t="s">
        <v>11321</v>
      </c>
      <c r="E424" t="s">
        <v>16750</v>
      </c>
      <c r="G424" s="2"/>
    </row>
    <row r="425" spans="1:7" x14ac:dyDescent="0.25">
      <c r="A425" s="1">
        <v>423</v>
      </c>
      <c r="B425" t="s">
        <v>427</v>
      </c>
      <c r="C425" t="s">
        <v>5878</v>
      </c>
      <c r="D425" t="s">
        <v>11322</v>
      </c>
      <c r="E425" t="s">
        <v>16751</v>
      </c>
      <c r="G425" s="2"/>
    </row>
    <row r="426" spans="1:7" x14ac:dyDescent="0.25">
      <c r="A426" s="1">
        <v>424</v>
      </c>
      <c r="B426" t="s">
        <v>428</v>
      </c>
      <c r="C426" t="s">
        <v>5879</v>
      </c>
      <c r="D426" t="s">
        <v>11323</v>
      </c>
      <c r="E426" t="s">
        <v>16752</v>
      </c>
      <c r="G426" s="2"/>
    </row>
    <row r="427" spans="1:7" x14ac:dyDescent="0.25">
      <c r="A427" s="1">
        <v>425</v>
      </c>
      <c r="B427" t="s">
        <v>429</v>
      </c>
      <c r="C427" t="s">
        <v>5880</v>
      </c>
      <c r="D427" t="s">
        <v>11324</v>
      </c>
      <c r="E427" t="s">
        <v>16753</v>
      </c>
      <c r="G427" s="2"/>
    </row>
    <row r="428" spans="1:7" x14ac:dyDescent="0.25">
      <c r="A428" s="1">
        <v>426</v>
      </c>
      <c r="B428" t="s">
        <v>430</v>
      </c>
      <c r="C428" t="s">
        <v>5881</v>
      </c>
      <c r="D428" t="s">
        <v>11325</v>
      </c>
      <c r="E428" t="s">
        <v>16754</v>
      </c>
      <c r="G428" s="2"/>
    </row>
    <row r="429" spans="1:7" x14ac:dyDescent="0.25">
      <c r="A429" s="1">
        <v>427</v>
      </c>
      <c r="B429" t="s">
        <v>431</v>
      </c>
      <c r="C429" t="s">
        <v>5882</v>
      </c>
      <c r="D429" t="s">
        <v>11326</v>
      </c>
      <c r="E429" t="s">
        <v>16755</v>
      </c>
      <c r="G429" s="2"/>
    </row>
    <row r="430" spans="1:7" x14ac:dyDescent="0.25">
      <c r="A430" s="1">
        <v>428</v>
      </c>
      <c r="B430" t="s">
        <v>432</v>
      </c>
      <c r="C430" t="s">
        <v>5883</v>
      </c>
      <c r="D430" t="s">
        <v>11327</v>
      </c>
      <c r="E430" t="s">
        <v>16756</v>
      </c>
      <c r="G430" s="2"/>
    </row>
    <row r="431" spans="1:7" x14ac:dyDescent="0.25">
      <c r="A431" s="1">
        <v>429</v>
      </c>
      <c r="B431" t="s">
        <v>433</v>
      </c>
      <c r="C431" t="s">
        <v>5884</v>
      </c>
      <c r="D431" t="s">
        <v>11328</v>
      </c>
      <c r="E431" t="s">
        <v>16757</v>
      </c>
      <c r="G431" s="2"/>
    </row>
    <row r="432" spans="1:7" x14ac:dyDescent="0.25">
      <c r="A432" s="1">
        <v>430</v>
      </c>
      <c r="B432" t="s">
        <v>434</v>
      </c>
      <c r="C432" t="s">
        <v>5885</v>
      </c>
      <c r="D432" t="s">
        <v>11329</v>
      </c>
      <c r="E432" t="s">
        <v>16758</v>
      </c>
      <c r="G432" s="2"/>
    </row>
    <row r="433" spans="1:7" x14ac:dyDescent="0.25">
      <c r="A433" s="1">
        <v>431</v>
      </c>
      <c r="B433" t="s">
        <v>435</v>
      </c>
      <c r="C433" t="s">
        <v>5886</v>
      </c>
      <c r="D433" t="s">
        <v>11330</v>
      </c>
      <c r="E433" t="s">
        <v>16759</v>
      </c>
      <c r="G433" s="2"/>
    </row>
    <row r="434" spans="1:7" x14ac:dyDescent="0.25">
      <c r="A434" s="1">
        <v>432</v>
      </c>
      <c r="B434" t="s">
        <v>436</v>
      </c>
      <c r="C434" t="s">
        <v>5887</v>
      </c>
      <c r="D434" t="s">
        <v>11331</v>
      </c>
      <c r="E434" t="s">
        <v>16760</v>
      </c>
      <c r="G434" s="2"/>
    </row>
    <row r="435" spans="1:7" x14ac:dyDescent="0.25">
      <c r="A435" s="1">
        <v>433</v>
      </c>
      <c r="B435" t="s">
        <v>437</v>
      </c>
      <c r="C435" t="s">
        <v>5888</v>
      </c>
      <c r="D435" t="s">
        <v>11332</v>
      </c>
      <c r="E435" t="s">
        <v>16761</v>
      </c>
      <c r="G435" s="2"/>
    </row>
    <row r="436" spans="1:7" x14ac:dyDescent="0.25">
      <c r="A436" s="1">
        <v>434</v>
      </c>
      <c r="B436" t="s">
        <v>438</v>
      </c>
      <c r="C436" t="s">
        <v>5889</v>
      </c>
      <c r="D436" t="s">
        <v>11333</v>
      </c>
      <c r="E436" t="s">
        <v>16762</v>
      </c>
      <c r="G436" s="2"/>
    </row>
    <row r="437" spans="1:7" x14ac:dyDescent="0.25">
      <c r="A437" s="1">
        <v>435</v>
      </c>
      <c r="B437" t="s">
        <v>439</v>
      </c>
      <c r="C437" t="s">
        <v>5890</v>
      </c>
      <c r="D437" t="s">
        <v>11334</v>
      </c>
      <c r="E437" t="s">
        <v>16763</v>
      </c>
      <c r="G437" s="2"/>
    </row>
    <row r="438" spans="1:7" x14ac:dyDescent="0.25">
      <c r="A438" s="1">
        <v>436</v>
      </c>
      <c r="B438" t="s">
        <v>440</v>
      </c>
      <c r="C438" t="s">
        <v>5891</v>
      </c>
      <c r="D438" t="s">
        <v>11335</v>
      </c>
      <c r="E438" t="s">
        <v>16764</v>
      </c>
      <c r="G438" s="2"/>
    </row>
    <row r="439" spans="1:7" x14ac:dyDescent="0.25">
      <c r="A439" s="1">
        <v>437</v>
      </c>
      <c r="B439" t="s">
        <v>441</v>
      </c>
      <c r="C439" t="s">
        <v>5892</v>
      </c>
      <c r="D439" t="s">
        <v>11336</v>
      </c>
      <c r="E439" t="s">
        <v>16765</v>
      </c>
      <c r="G439" s="2"/>
    </row>
    <row r="440" spans="1:7" x14ac:dyDescent="0.25">
      <c r="A440" s="1">
        <v>438</v>
      </c>
      <c r="B440" t="s">
        <v>442</v>
      </c>
      <c r="C440" t="s">
        <v>5893</v>
      </c>
      <c r="D440" t="s">
        <v>11337</v>
      </c>
      <c r="E440" t="s">
        <v>16766</v>
      </c>
      <c r="G440" s="2"/>
    </row>
    <row r="441" spans="1:7" x14ac:dyDescent="0.25">
      <c r="A441" s="1">
        <v>439</v>
      </c>
      <c r="B441" t="s">
        <v>443</v>
      </c>
      <c r="C441" t="s">
        <v>5894</v>
      </c>
      <c r="D441" t="s">
        <v>11338</v>
      </c>
      <c r="E441" t="s">
        <v>16767</v>
      </c>
      <c r="G441" s="2"/>
    </row>
    <row r="442" spans="1:7" x14ac:dyDescent="0.25">
      <c r="A442" s="1">
        <v>440</v>
      </c>
      <c r="B442" t="s">
        <v>444</v>
      </c>
      <c r="C442" t="s">
        <v>5895</v>
      </c>
      <c r="D442" t="s">
        <v>11339</v>
      </c>
      <c r="E442" t="s">
        <v>16768</v>
      </c>
      <c r="G442" s="2"/>
    </row>
    <row r="443" spans="1:7" x14ac:dyDescent="0.25">
      <c r="A443" s="1">
        <v>441</v>
      </c>
      <c r="B443" t="s">
        <v>445</v>
      </c>
      <c r="C443" t="s">
        <v>5896</v>
      </c>
      <c r="D443" t="s">
        <v>11340</v>
      </c>
      <c r="E443" t="s">
        <v>16769</v>
      </c>
      <c r="G443" s="2"/>
    </row>
    <row r="444" spans="1:7" x14ac:dyDescent="0.25">
      <c r="A444" s="1">
        <v>442</v>
      </c>
      <c r="B444" t="s">
        <v>446</v>
      </c>
      <c r="C444" t="s">
        <v>5897</v>
      </c>
      <c r="D444" t="s">
        <v>11341</v>
      </c>
      <c r="E444" t="s">
        <v>16770</v>
      </c>
      <c r="G444" s="2"/>
    </row>
    <row r="445" spans="1:7" x14ac:dyDescent="0.25">
      <c r="A445" s="1">
        <v>443</v>
      </c>
      <c r="B445" t="s">
        <v>447</v>
      </c>
      <c r="C445" t="s">
        <v>5898</v>
      </c>
      <c r="D445" t="s">
        <v>11342</v>
      </c>
      <c r="E445" t="s">
        <v>16771</v>
      </c>
      <c r="G445" s="2"/>
    </row>
    <row r="446" spans="1:7" x14ac:dyDescent="0.25">
      <c r="A446" s="1">
        <v>444</v>
      </c>
      <c r="B446" t="s">
        <v>448</v>
      </c>
      <c r="C446" t="s">
        <v>5899</v>
      </c>
      <c r="D446" t="s">
        <v>11343</v>
      </c>
      <c r="E446" t="s">
        <v>16772</v>
      </c>
      <c r="G446" s="2"/>
    </row>
    <row r="447" spans="1:7" x14ac:dyDescent="0.25">
      <c r="A447" s="1">
        <v>445</v>
      </c>
      <c r="B447" t="s">
        <v>449</v>
      </c>
      <c r="C447" t="s">
        <v>5900</v>
      </c>
      <c r="D447" t="s">
        <v>11344</v>
      </c>
      <c r="E447" t="s">
        <v>16773</v>
      </c>
      <c r="G447" s="2"/>
    </row>
    <row r="448" spans="1:7" x14ac:dyDescent="0.25">
      <c r="A448" s="1">
        <v>446</v>
      </c>
      <c r="B448" t="s">
        <v>450</v>
      </c>
      <c r="C448" t="s">
        <v>5901</v>
      </c>
      <c r="D448" t="s">
        <v>11345</v>
      </c>
      <c r="E448" t="s">
        <v>16774</v>
      </c>
      <c r="G448" s="2"/>
    </row>
    <row r="449" spans="1:7" x14ac:dyDescent="0.25">
      <c r="A449" s="1">
        <v>447</v>
      </c>
      <c r="B449" t="s">
        <v>451</v>
      </c>
      <c r="C449" t="s">
        <v>5902</v>
      </c>
      <c r="D449" t="s">
        <v>11346</v>
      </c>
      <c r="E449" t="s">
        <v>16775</v>
      </c>
      <c r="G449" s="2"/>
    </row>
    <row r="450" spans="1:7" x14ac:dyDescent="0.25">
      <c r="A450" s="1">
        <v>448</v>
      </c>
      <c r="B450" t="s">
        <v>452</v>
      </c>
      <c r="C450" t="s">
        <v>5903</v>
      </c>
      <c r="D450" t="s">
        <v>11347</v>
      </c>
      <c r="E450" t="s">
        <v>16776</v>
      </c>
      <c r="G450" s="2"/>
    </row>
    <row r="451" spans="1:7" x14ac:dyDescent="0.25">
      <c r="A451" s="1">
        <v>449</v>
      </c>
      <c r="B451" t="s">
        <v>453</v>
      </c>
      <c r="C451" t="s">
        <v>5904</v>
      </c>
      <c r="D451" t="s">
        <v>11348</v>
      </c>
      <c r="E451" t="s">
        <v>16777</v>
      </c>
      <c r="G451" s="2"/>
    </row>
    <row r="452" spans="1:7" x14ac:dyDescent="0.25">
      <c r="A452" s="1">
        <v>450</v>
      </c>
      <c r="B452" t="s">
        <v>454</v>
      </c>
      <c r="C452" t="s">
        <v>5905</v>
      </c>
      <c r="D452" t="s">
        <v>11349</v>
      </c>
      <c r="E452" t="s">
        <v>16620</v>
      </c>
      <c r="G452" s="2"/>
    </row>
    <row r="453" spans="1:7" x14ac:dyDescent="0.25">
      <c r="A453" s="1">
        <v>451</v>
      </c>
      <c r="B453" t="s">
        <v>455</v>
      </c>
      <c r="C453" t="s">
        <v>5906</v>
      </c>
      <c r="D453" t="s">
        <v>11350</v>
      </c>
      <c r="E453" t="s">
        <v>16778</v>
      </c>
      <c r="G453" s="2"/>
    </row>
    <row r="454" spans="1:7" x14ac:dyDescent="0.25">
      <c r="A454" s="1">
        <v>452</v>
      </c>
      <c r="B454" t="s">
        <v>456</v>
      </c>
      <c r="C454" t="s">
        <v>5907</v>
      </c>
      <c r="D454" t="s">
        <v>11351</v>
      </c>
      <c r="E454" t="s">
        <v>16779</v>
      </c>
      <c r="G454" s="2"/>
    </row>
    <row r="455" spans="1:7" x14ac:dyDescent="0.25">
      <c r="A455" s="1">
        <v>453</v>
      </c>
      <c r="B455" t="s">
        <v>457</v>
      </c>
      <c r="C455" t="s">
        <v>5908</v>
      </c>
      <c r="D455" t="s">
        <v>11352</v>
      </c>
      <c r="E455" t="s">
        <v>16780</v>
      </c>
      <c r="G455" s="2"/>
    </row>
    <row r="456" spans="1:7" x14ac:dyDescent="0.25">
      <c r="A456" s="1">
        <v>454</v>
      </c>
      <c r="B456" t="s">
        <v>458</v>
      </c>
      <c r="C456" t="s">
        <v>5909</v>
      </c>
      <c r="D456" t="s">
        <v>11353</v>
      </c>
      <c r="E456" t="s">
        <v>16781</v>
      </c>
      <c r="G456" s="2"/>
    </row>
    <row r="457" spans="1:7" x14ac:dyDescent="0.25">
      <c r="A457" s="1">
        <v>455</v>
      </c>
      <c r="B457" t="s">
        <v>459</v>
      </c>
      <c r="C457" t="s">
        <v>5910</v>
      </c>
      <c r="D457" t="s">
        <v>11354</v>
      </c>
      <c r="E457" t="s">
        <v>16782</v>
      </c>
      <c r="G457" s="2"/>
    </row>
    <row r="458" spans="1:7" x14ac:dyDescent="0.25">
      <c r="A458" s="1">
        <v>456</v>
      </c>
      <c r="B458" t="s">
        <v>460</v>
      </c>
      <c r="C458" t="s">
        <v>5911</v>
      </c>
      <c r="D458" t="s">
        <v>11355</v>
      </c>
      <c r="E458" t="s">
        <v>16783</v>
      </c>
      <c r="G458" s="2"/>
    </row>
    <row r="459" spans="1:7" x14ac:dyDescent="0.25">
      <c r="A459" s="1">
        <v>457</v>
      </c>
      <c r="B459" t="s">
        <v>461</v>
      </c>
      <c r="C459" t="s">
        <v>5912</v>
      </c>
      <c r="D459" t="s">
        <v>11356</v>
      </c>
      <c r="E459" t="s">
        <v>16784</v>
      </c>
      <c r="G459" s="2"/>
    </row>
    <row r="460" spans="1:7" x14ac:dyDescent="0.25">
      <c r="A460" s="1">
        <v>458</v>
      </c>
      <c r="B460" t="s">
        <v>462</v>
      </c>
      <c r="C460" t="s">
        <v>5913</v>
      </c>
      <c r="D460" t="s">
        <v>11357</v>
      </c>
      <c r="E460" t="s">
        <v>16785</v>
      </c>
      <c r="G460" s="2"/>
    </row>
    <row r="461" spans="1:7" x14ac:dyDescent="0.25">
      <c r="A461" s="1">
        <v>459</v>
      </c>
      <c r="B461" t="s">
        <v>463</v>
      </c>
      <c r="C461" t="s">
        <v>5914</v>
      </c>
      <c r="D461" t="s">
        <v>11358</v>
      </c>
      <c r="E461" t="s">
        <v>16786</v>
      </c>
      <c r="G461" s="2"/>
    </row>
    <row r="462" spans="1:7" x14ac:dyDescent="0.25">
      <c r="A462" s="1">
        <v>460</v>
      </c>
      <c r="B462" t="s">
        <v>464</v>
      </c>
      <c r="C462" t="s">
        <v>5915</v>
      </c>
      <c r="D462" t="s">
        <v>11359</v>
      </c>
      <c r="E462" t="s">
        <v>16787</v>
      </c>
      <c r="G462" s="2"/>
    </row>
    <row r="463" spans="1:7" x14ac:dyDescent="0.25">
      <c r="A463" s="1">
        <v>461</v>
      </c>
      <c r="B463" t="s">
        <v>465</v>
      </c>
      <c r="C463" t="s">
        <v>5916</v>
      </c>
      <c r="D463" t="s">
        <v>11360</v>
      </c>
      <c r="E463" t="s">
        <v>16788</v>
      </c>
      <c r="G463" s="2"/>
    </row>
    <row r="464" spans="1:7" x14ac:dyDescent="0.25">
      <c r="A464" s="1">
        <v>462</v>
      </c>
      <c r="B464" t="s">
        <v>466</v>
      </c>
      <c r="C464" t="s">
        <v>5917</v>
      </c>
      <c r="D464" t="s">
        <v>11361</v>
      </c>
      <c r="E464" t="s">
        <v>16789</v>
      </c>
      <c r="G464" s="2"/>
    </row>
    <row r="465" spans="1:7" x14ac:dyDescent="0.25">
      <c r="A465" s="1">
        <v>463</v>
      </c>
      <c r="B465" t="s">
        <v>467</v>
      </c>
      <c r="C465" t="s">
        <v>5918</v>
      </c>
      <c r="D465" t="s">
        <v>11362</v>
      </c>
      <c r="E465" t="s">
        <v>16790</v>
      </c>
      <c r="G465" s="2"/>
    </row>
    <row r="466" spans="1:7" x14ac:dyDescent="0.25">
      <c r="A466" s="1">
        <v>464</v>
      </c>
      <c r="B466" t="s">
        <v>468</v>
      </c>
      <c r="C466" t="s">
        <v>5919</v>
      </c>
      <c r="D466" t="s">
        <v>11363</v>
      </c>
      <c r="E466" t="s">
        <v>16791</v>
      </c>
      <c r="G466" s="2"/>
    </row>
    <row r="467" spans="1:7" x14ac:dyDescent="0.25">
      <c r="A467" s="1">
        <v>465</v>
      </c>
      <c r="B467" t="s">
        <v>469</v>
      </c>
      <c r="C467" t="s">
        <v>5920</v>
      </c>
      <c r="D467" t="s">
        <v>11364</v>
      </c>
      <c r="E467" t="s">
        <v>16792</v>
      </c>
      <c r="G467" s="2"/>
    </row>
    <row r="468" spans="1:7" x14ac:dyDescent="0.25">
      <c r="A468" s="1">
        <v>466</v>
      </c>
      <c r="B468" t="s">
        <v>470</v>
      </c>
      <c r="C468" t="s">
        <v>5921</v>
      </c>
      <c r="D468" t="s">
        <v>11365</v>
      </c>
      <c r="E468" t="s">
        <v>16793</v>
      </c>
      <c r="G468" s="2"/>
    </row>
    <row r="469" spans="1:7" x14ac:dyDescent="0.25">
      <c r="A469" s="1">
        <v>467</v>
      </c>
      <c r="B469" t="s">
        <v>471</v>
      </c>
      <c r="C469" t="s">
        <v>5922</v>
      </c>
      <c r="D469" t="s">
        <v>11366</v>
      </c>
      <c r="E469" t="s">
        <v>16794</v>
      </c>
      <c r="G469" s="2"/>
    </row>
    <row r="470" spans="1:7" x14ac:dyDescent="0.25">
      <c r="A470" s="1">
        <v>468</v>
      </c>
      <c r="B470" t="s">
        <v>472</v>
      </c>
      <c r="C470" t="s">
        <v>5923</v>
      </c>
      <c r="D470" t="s">
        <v>11367</v>
      </c>
      <c r="E470" t="s">
        <v>16795</v>
      </c>
      <c r="G470" s="2"/>
    </row>
    <row r="471" spans="1:7" x14ac:dyDescent="0.25">
      <c r="A471" s="1">
        <v>469</v>
      </c>
      <c r="B471" t="s">
        <v>473</v>
      </c>
      <c r="C471" t="s">
        <v>5924</v>
      </c>
      <c r="D471" t="s">
        <v>11368</v>
      </c>
      <c r="E471" t="s">
        <v>16796</v>
      </c>
      <c r="G471" s="2"/>
    </row>
    <row r="472" spans="1:7" x14ac:dyDescent="0.25">
      <c r="A472" s="1">
        <v>470</v>
      </c>
      <c r="B472" t="s">
        <v>474</v>
      </c>
      <c r="C472" t="s">
        <v>5925</v>
      </c>
      <c r="D472" t="s">
        <v>11369</v>
      </c>
      <c r="E472" t="s">
        <v>16797</v>
      </c>
      <c r="G472" s="2"/>
    </row>
    <row r="473" spans="1:7" x14ac:dyDescent="0.25">
      <c r="A473" s="1">
        <v>471</v>
      </c>
      <c r="B473" t="s">
        <v>475</v>
      </c>
      <c r="C473" t="s">
        <v>5926</v>
      </c>
      <c r="D473" t="s">
        <v>11370</v>
      </c>
      <c r="E473" t="s">
        <v>16798</v>
      </c>
      <c r="G473" s="2"/>
    </row>
    <row r="474" spans="1:7" x14ac:dyDescent="0.25">
      <c r="A474" s="1">
        <v>472</v>
      </c>
      <c r="B474" t="s">
        <v>476</v>
      </c>
      <c r="C474" t="s">
        <v>5927</v>
      </c>
      <c r="D474" t="s">
        <v>11371</v>
      </c>
      <c r="E474" t="s">
        <v>16799</v>
      </c>
      <c r="G474" s="2"/>
    </row>
    <row r="475" spans="1:7" x14ac:dyDescent="0.25">
      <c r="A475" s="1">
        <v>473</v>
      </c>
      <c r="B475" t="s">
        <v>477</v>
      </c>
      <c r="C475" t="s">
        <v>5928</v>
      </c>
      <c r="D475" t="s">
        <v>11372</v>
      </c>
      <c r="E475" t="s">
        <v>16800</v>
      </c>
      <c r="G475" s="2"/>
    </row>
    <row r="476" spans="1:7" x14ac:dyDescent="0.25">
      <c r="A476" s="1">
        <v>474</v>
      </c>
      <c r="B476" t="s">
        <v>478</v>
      </c>
      <c r="C476" t="s">
        <v>5929</v>
      </c>
      <c r="D476" t="s">
        <v>11373</v>
      </c>
      <c r="E476" t="s">
        <v>16801</v>
      </c>
      <c r="G476" s="2"/>
    </row>
    <row r="477" spans="1:7" x14ac:dyDescent="0.25">
      <c r="A477" s="1">
        <v>475</v>
      </c>
      <c r="B477" t="s">
        <v>479</v>
      </c>
      <c r="C477" t="s">
        <v>5930</v>
      </c>
      <c r="D477" t="s">
        <v>11374</v>
      </c>
      <c r="E477" t="s">
        <v>16802</v>
      </c>
      <c r="G477" s="2"/>
    </row>
    <row r="478" spans="1:7" x14ac:dyDescent="0.25">
      <c r="A478" s="1">
        <v>476</v>
      </c>
      <c r="B478" t="s">
        <v>480</v>
      </c>
      <c r="C478" t="s">
        <v>5931</v>
      </c>
      <c r="D478" t="s">
        <v>11375</v>
      </c>
      <c r="E478" t="s">
        <v>16803</v>
      </c>
      <c r="G478" s="2"/>
    </row>
    <row r="479" spans="1:7" x14ac:dyDescent="0.25">
      <c r="A479" s="1">
        <v>477</v>
      </c>
      <c r="B479" t="s">
        <v>481</v>
      </c>
      <c r="C479" t="s">
        <v>5932</v>
      </c>
      <c r="D479" t="s">
        <v>11376</v>
      </c>
      <c r="E479" t="s">
        <v>16804</v>
      </c>
      <c r="G479" s="2"/>
    </row>
    <row r="480" spans="1:7" x14ac:dyDescent="0.25">
      <c r="A480" s="1">
        <v>478</v>
      </c>
      <c r="B480" t="s">
        <v>482</v>
      </c>
      <c r="C480" t="s">
        <v>5933</v>
      </c>
      <c r="D480" t="s">
        <v>11377</v>
      </c>
      <c r="E480" t="s">
        <v>16805</v>
      </c>
      <c r="G480" s="2"/>
    </row>
    <row r="481" spans="1:7" x14ac:dyDescent="0.25">
      <c r="A481" s="1">
        <v>479</v>
      </c>
      <c r="B481" t="s">
        <v>483</v>
      </c>
      <c r="C481" t="s">
        <v>5934</v>
      </c>
      <c r="D481" t="s">
        <v>11378</v>
      </c>
      <c r="E481" t="s">
        <v>16806</v>
      </c>
      <c r="G481" s="2"/>
    </row>
    <row r="482" spans="1:7" x14ac:dyDescent="0.25">
      <c r="A482" s="1">
        <v>480</v>
      </c>
      <c r="B482" t="s">
        <v>484</v>
      </c>
      <c r="C482" t="s">
        <v>5935</v>
      </c>
      <c r="D482" t="s">
        <v>11379</v>
      </c>
      <c r="E482" t="s">
        <v>16807</v>
      </c>
      <c r="G482" s="2"/>
    </row>
    <row r="483" spans="1:7" x14ac:dyDescent="0.25">
      <c r="A483" s="1">
        <v>481</v>
      </c>
      <c r="B483" t="s">
        <v>485</v>
      </c>
      <c r="C483" t="s">
        <v>5936</v>
      </c>
      <c r="D483" t="s">
        <v>11380</v>
      </c>
      <c r="E483" t="s">
        <v>16808</v>
      </c>
      <c r="G483" s="2"/>
    </row>
    <row r="484" spans="1:7" x14ac:dyDescent="0.25">
      <c r="A484" s="1">
        <v>482</v>
      </c>
      <c r="B484" t="s">
        <v>486</v>
      </c>
      <c r="C484" t="s">
        <v>5937</v>
      </c>
      <c r="D484" t="s">
        <v>11381</v>
      </c>
      <c r="E484" t="s">
        <v>16809</v>
      </c>
      <c r="G484" s="2"/>
    </row>
    <row r="485" spans="1:7" x14ac:dyDescent="0.25">
      <c r="A485" s="1">
        <v>483</v>
      </c>
      <c r="B485" t="s">
        <v>487</v>
      </c>
      <c r="C485" t="s">
        <v>5938</v>
      </c>
      <c r="D485" t="s">
        <v>11382</v>
      </c>
      <c r="E485" t="s">
        <v>16810</v>
      </c>
      <c r="G485" s="2"/>
    </row>
    <row r="486" spans="1:7" x14ac:dyDescent="0.25">
      <c r="A486" s="1">
        <v>484</v>
      </c>
      <c r="B486" t="s">
        <v>488</v>
      </c>
      <c r="C486" t="s">
        <v>5939</v>
      </c>
      <c r="D486" t="s">
        <v>11383</v>
      </c>
      <c r="E486" t="s">
        <v>16811</v>
      </c>
      <c r="G486" s="2"/>
    </row>
    <row r="487" spans="1:7" x14ac:dyDescent="0.25">
      <c r="A487" s="1">
        <v>485</v>
      </c>
      <c r="B487" t="s">
        <v>489</v>
      </c>
      <c r="C487" t="s">
        <v>5940</v>
      </c>
      <c r="D487" t="s">
        <v>11384</v>
      </c>
      <c r="E487" t="s">
        <v>16812</v>
      </c>
      <c r="G487" s="2"/>
    </row>
    <row r="488" spans="1:7" x14ac:dyDescent="0.25">
      <c r="A488" s="1">
        <v>486</v>
      </c>
      <c r="B488" t="s">
        <v>490</v>
      </c>
      <c r="C488" t="s">
        <v>5941</v>
      </c>
      <c r="D488" t="s">
        <v>11385</v>
      </c>
      <c r="E488" t="s">
        <v>16813</v>
      </c>
      <c r="G488" s="2"/>
    </row>
    <row r="489" spans="1:7" x14ac:dyDescent="0.25">
      <c r="A489" s="1">
        <v>487</v>
      </c>
      <c r="B489" t="s">
        <v>491</v>
      </c>
      <c r="C489" t="s">
        <v>5942</v>
      </c>
      <c r="D489" t="s">
        <v>11386</v>
      </c>
      <c r="E489" t="s">
        <v>16814</v>
      </c>
      <c r="G489" s="2"/>
    </row>
    <row r="490" spans="1:7" x14ac:dyDescent="0.25">
      <c r="A490" s="1">
        <v>488</v>
      </c>
      <c r="B490" t="s">
        <v>492</v>
      </c>
      <c r="C490" t="s">
        <v>5943</v>
      </c>
      <c r="D490" t="s">
        <v>11387</v>
      </c>
      <c r="E490" t="s">
        <v>16815</v>
      </c>
      <c r="G490" s="2"/>
    </row>
    <row r="491" spans="1:7" x14ac:dyDescent="0.25">
      <c r="A491" s="1">
        <v>489</v>
      </c>
      <c r="B491" t="s">
        <v>493</v>
      </c>
      <c r="C491" t="s">
        <v>5944</v>
      </c>
      <c r="D491" t="s">
        <v>11388</v>
      </c>
      <c r="E491" t="s">
        <v>16816</v>
      </c>
      <c r="G491" s="2"/>
    </row>
    <row r="492" spans="1:7" x14ac:dyDescent="0.25">
      <c r="A492" s="1">
        <v>490</v>
      </c>
      <c r="B492" t="s">
        <v>494</v>
      </c>
      <c r="C492" t="s">
        <v>5945</v>
      </c>
      <c r="D492" t="s">
        <v>11389</v>
      </c>
      <c r="E492" t="s">
        <v>16817</v>
      </c>
      <c r="G492" s="2"/>
    </row>
    <row r="493" spans="1:7" x14ac:dyDescent="0.25">
      <c r="A493" s="1">
        <v>491</v>
      </c>
      <c r="B493" t="s">
        <v>495</v>
      </c>
      <c r="C493" t="s">
        <v>5946</v>
      </c>
      <c r="D493" t="s">
        <v>11390</v>
      </c>
      <c r="E493" t="s">
        <v>16818</v>
      </c>
      <c r="G493" s="2"/>
    </row>
    <row r="494" spans="1:7" x14ac:dyDescent="0.25">
      <c r="A494" s="1">
        <v>492</v>
      </c>
      <c r="B494" t="s">
        <v>496</v>
      </c>
      <c r="C494" t="s">
        <v>5947</v>
      </c>
      <c r="D494" t="s">
        <v>11391</v>
      </c>
      <c r="E494" t="s">
        <v>16819</v>
      </c>
      <c r="G494" s="2"/>
    </row>
    <row r="495" spans="1:7" x14ac:dyDescent="0.25">
      <c r="A495" s="1">
        <v>493</v>
      </c>
      <c r="B495" t="s">
        <v>497</v>
      </c>
      <c r="C495" t="s">
        <v>5948</v>
      </c>
      <c r="D495" t="s">
        <v>11392</v>
      </c>
      <c r="E495" t="s">
        <v>16820</v>
      </c>
      <c r="G495" s="2"/>
    </row>
    <row r="496" spans="1:7" x14ac:dyDescent="0.25">
      <c r="A496" s="1">
        <v>494</v>
      </c>
      <c r="B496" t="s">
        <v>498</v>
      </c>
      <c r="C496" t="s">
        <v>5949</v>
      </c>
      <c r="D496" t="s">
        <v>11393</v>
      </c>
      <c r="E496" t="s">
        <v>16821</v>
      </c>
      <c r="G496" s="2"/>
    </row>
    <row r="497" spans="1:7" x14ac:dyDescent="0.25">
      <c r="A497" s="1">
        <v>495</v>
      </c>
      <c r="B497" t="s">
        <v>499</v>
      </c>
      <c r="C497" t="s">
        <v>5950</v>
      </c>
      <c r="D497" t="s">
        <v>11394</v>
      </c>
      <c r="E497" t="s">
        <v>16822</v>
      </c>
      <c r="G497" s="2"/>
    </row>
    <row r="498" spans="1:7" x14ac:dyDescent="0.25">
      <c r="A498" s="1">
        <v>496</v>
      </c>
      <c r="B498" t="s">
        <v>500</v>
      </c>
      <c r="C498" t="s">
        <v>5951</v>
      </c>
      <c r="D498" t="s">
        <v>11395</v>
      </c>
      <c r="E498" t="s">
        <v>16823</v>
      </c>
      <c r="G498" s="2"/>
    </row>
    <row r="499" spans="1:7" x14ac:dyDescent="0.25">
      <c r="A499" s="1">
        <v>497</v>
      </c>
      <c r="B499" t="s">
        <v>501</v>
      </c>
      <c r="C499" t="s">
        <v>5952</v>
      </c>
      <c r="D499" t="s">
        <v>11396</v>
      </c>
      <c r="E499" t="s">
        <v>16824</v>
      </c>
      <c r="G499" s="2"/>
    </row>
    <row r="500" spans="1:7" x14ac:dyDescent="0.25">
      <c r="A500" s="1">
        <v>498</v>
      </c>
      <c r="B500" t="s">
        <v>502</v>
      </c>
      <c r="C500" t="s">
        <v>5953</v>
      </c>
      <c r="D500" t="s">
        <v>11397</v>
      </c>
      <c r="E500" t="s">
        <v>16825</v>
      </c>
      <c r="G500" s="2"/>
    </row>
    <row r="501" spans="1:7" x14ac:dyDescent="0.25">
      <c r="A501" s="1">
        <v>499</v>
      </c>
      <c r="B501" t="s">
        <v>503</v>
      </c>
      <c r="C501" t="s">
        <v>5954</v>
      </c>
      <c r="D501" t="s">
        <v>11398</v>
      </c>
      <c r="E501" t="s">
        <v>16826</v>
      </c>
      <c r="G501" s="2"/>
    </row>
    <row r="502" spans="1:7" x14ac:dyDescent="0.25">
      <c r="A502" s="1">
        <v>500</v>
      </c>
      <c r="B502" t="s">
        <v>504</v>
      </c>
      <c r="C502" t="s">
        <v>5955</v>
      </c>
      <c r="D502" t="s">
        <v>11399</v>
      </c>
      <c r="E502" t="s">
        <v>16827</v>
      </c>
      <c r="G502" s="2"/>
    </row>
    <row r="503" spans="1:7" x14ac:dyDescent="0.25">
      <c r="A503" s="1">
        <v>501</v>
      </c>
      <c r="B503" t="s">
        <v>505</v>
      </c>
      <c r="C503" t="s">
        <v>5956</v>
      </c>
      <c r="D503" t="s">
        <v>11400</v>
      </c>
      <c r="E503" t="s">
        <v>16828</v>
      </c>
      <c r="G503" s="2"/>
    </row>
    <row r="504" spans="1:7" x14ac:dyDescent="0.25">
      <c r="A504" s="1">
        <v>502</v>
      </c>
      <c r="B504" t="s">
        <v>506</v>
      </c>
      <c r="C504" t="s">
        <v>5957</v>
      </c>
      <c r="D504" t="s">
        <v>11401</v>
      </c>
      <c r="E504" t="s">
        <v>16829</v>
      </c>
      <c r="G504" s="2"/>
    </row>
    <row r="505" spans="1:7" x14ac:dyDescent="0.25">
      <c r="A505" s="1">
        <v>503</v>
      </c>
      <c r="B505" t="s">
        <v>507</v>
      </c>
      <c r="C505" t="s">
        <v>5958</v>
      </c>
      <c r="D505" t="s">
        <v>11402</v>
      </c>
      <c r="E505" t="s">
        <v>16830</v>
      </c>
      <c r="G505" s="2"/>
    </row>
    <row r="506" spans="1:7" x14ac:dyDescent="0.25">
      <c r="A506" s="1">
        <v>504</v>
      </c>
      <c r="B506" t="s">
        <v>508</v>
      </c>
      <c r="C506" t="s">
        <v>5959</v>
      </c>
      <c r="D506" t="s">
        <v>11403</v>
      </c>
      <c r="E506" t="s">
        <v>16831</v>
      </c>
      <c r="G506" s="2"/>
    </row>
    <row r="507" spans="1:7" x14ac:dyDescent="0.25">
      <c r="A507" s="1">
        <v>505</v>
      </c>
      <c r="B507" t="s">
        <v>509</v>
      </c>
      <c r="C507" t="s">
        <v>5960</v>
      </c>
      <c r="D507" t="s">
        <v>11404</v>
      </c>
      <c r="E507" t="s">
        <v>16832</v>
      </c>
      <c r="G507" s="2"/>
    </row>
    <row r="508" spans="1:7" x14ac:dyDescent="0.25">
      <c r="A508" s="1">
        <v>506</v>
      </c>
      <c r="B508" t="s">
        <v>510</v>
      </c>
      <c r="C508" t="s">
        <v>5961</v>
      </c>
      <c r="D508" t="s">
        <v>11405</v>
      </c>
      <c r="E508" t="s">
        <v>16833</v>
      </c>
      <c r="G508" s="2"/>
    </row>
    <row r="509" spans="1:7" x14ac:dyDescent="0.25">
      <c r="A509" s="1">
        <v>507</v>
      </c>
      <c r="B509" t="s">
        <v>511</v>
      </c>
      <c r="C509" t="s">
        <v>5962</v>
      </c>
      <c r="D509" t="s">
        <v>11406</v>
      </c>
      <c r="E509" t="s">
        <v>16834</v>
      </c>
      <c r="G509" s="2"/>
    </row>
    <row r="510" spans="1:7" x14ac:dyDescent="0.25">
      <c r="A510" s="1">
        <v>508</v>
      </c>
      <c r="B510" t="s">
        <v>512</v>
      </c>
      <c r="C510" t="s">
        <v>5963</v>
      </c>
      <c r="D510" t="s">
        <v>11407</v>
      </c>
      <c r="E510" t="s">
        <v>16835</v>
      </c>
      <c r="G510" s="2"/>
    </row>
    <row r="511" spans="1:7" x14ac:dyDescent="0.25">
      <c r="A511" s="1">
        <v>509</v>
      </c>
      <c r="B511" t="s">
        <v>513</v>
      </c>
      <c r="C511" t="s">
        <v>5964</v>
      </c>
      <c r="D511" t="s">
        <v>11408</v>
      </c>
      <c r="E511" t="s">
        <v>16836</v>
      </c>
      <c r="G511" s="2"/>
    </row>
    <row r="512" spans="1:7" x14ac:dyDescent="0.25">
      <c r="A512" s="1">
        <v>510</v>
      </c>
      <c r="B512" t="s">
        <v>514</v>
      </c>
      <c r="C512" t="s">
        <v>5965</v>
      </c>
      <c r="D512" t="s">
        <v>11409</v>
      </c>
      <c r="E512" t="s">
        <v>16837</v>
      </c>
      <c r="G512" s="2"/>
    </row>
    <row r="513" spans="1:7" x14ac:dyDescent="0.25">
      <c r="A513" s="1">
        <v>511</v>
      </c>
      <c r="B513" t="s">
        <v>515</v>
      </c>
      <c r="C513" t="s">
        <v>5966</v>
      </c>
      <c r="D513" t="s">
        <v>11410</v>
      </c>
      <c r="E513" t="s">
        <v>16838</v>
      </c>
      <c r="G513" s="2"/>
    </row>
    <row r="514" spans="1:7" x14ac:dyDescent="0.25">
      <c r="A514" s="1">
        <v>512</v>
      </c>
      <c r="B514" t="s">
        <v>516</v>
      </c>
      <c r="C514" t="s">
        <v>5967</v>
      </c>
      <c r="D514" t="s">
        <v>11411</v>
      </c>
      <c r="E514" t="s">
        <v>16839</v>
      </c>
      <c r="G514" s="2"/>
    </row>
    <row r="515" spans="1:7" x14ac:dyDescent="0.25">
      <c r="A515" s="1">
        <v>513</v>
      </c>
      <c r="B515" t="s">
        <v>517</v>
      </c>
      <c r="C515" t="s">
        <v>5968</v>
      </c>
      <c r="D515" t="s">
        <v>11412</v>
      </c>
      <c r="E515" t="s">
        <v>16840</v>
      </c>
      <c r="G515" s="2"/>
    </row>
    <row r="516" spans="1:7" x14ac:dyDescent="0.25">
      <c r="A516" s="1">
        <v>514</v>
      </c>
      <c r="B516" t="s">
        <v>518</v>
      </c>
      <c r="C516" t="s">
        <v>5969</v>
      </c>
      <c r="D516" t="s">
        <v>11413</v>
      </c>
      <c r="E516" t="s">
        <v>16841</v>
      </c>
      <c r="G516" s="2"/>
    </row>
    <row r="517" spans="1:7" x14ac:dyDescent="0.25">
      <c r="A517" s="1">
        <v>515</v>
      </c>
      <c r="B517" t="s">
        <v>519</v>
      </c>
      <c r="C517" t="s">
        <v>5970</v>
      </c>
      <c r="D517" t="s">
        <v>11414</v>
      </c>
      <c r="E517" t="s">
        <v>16842</v>
      </c>
      <c r="G517" s="2"/>
    </row>
    <row r="518" spans="1:7" x14ac:dyDescent="0.25">
      <c r="A518" s="1">
        <v>516</v>
      </c>
      <c r="B518" t="s">
        <v>520</v>
      </c>
      <c r="C518" t="s">
        <v>5971</v>
      </c>
      <c r="D518" t="s">
        <v>11415</v>
      </c>
      <c r="E518" t="s">
        <v>16843</v>
      </c>
      <c r="G518" s="2"/>
    </row>
    <row r="519" spans="1:7" x14ac:dyDescent="0.25">
      <c r="A519" s="1">
        <v>517</v>
      </c>
      <c r="B519" t="s">
        <v>521</v>
      </c>
      <c r="C519" t="s">
        <v>5972</v>
      </c>
      <c r="D519" t="s">
        <v>11416</v>
      </c>
      <c r="E519" t="s">
        <v>16844</v>
      </c>
      <c r="G519" s="2"/>
    </row>
    <row r="520" spans="1:7" x14ac:dyDescent="0.25">
      <c r="A520" s="1">
        <v>518</v>
      </c>
      <c r="B520" t="s">
        <v>522</v>
      </c>
      <c r="C520" t="s">
        <v>5973</v>
      </c>
      <c r="D520" t="s">
        <v>11417</v>
      </c>
      <c r="E520" t="s">
        <v>16845</v>
      </c>
      <c r="G520" s="2"/>
    </row>
    <row r="521" spans="1:7" x14ac:dyDescent="0.25">
      <c r="A521" s="1">
        <v>519</v>
      </c>
      <c r="B521" t="s">
        <v>523</v>
      </c>
      <c r="C521" t="s">
        <v>5974</v>
      </c>
      <c r="D521" t="s">
        <v>11418</v>
      </c>
      <c r="E521" t="s">
        <v>16846</v>
      </c>
      <c r="G521" s="2"/>
    </row>
    <row r="522" spans="1:7" x14ac:dyDescent="0.25">
      <c r="A522" s="1">
        <v>520</v>
      </c>
      <c r="B522" t="s">
        <v>524</v>
      </c>
      <c r="C522" t="s">
        <v>5975</v>
      </c>
      <c r="D522" t="s">
        <v>11419</v>
      </c>
      <c r="E522" t="s">
        <v>16731</v>
      </c>
      <c r="G522" s="2"/>
    </row>
    <row r="523" spans="1:7" x14ac:dyDescent="0.25">
      <c r="A523" s="1">
        <v>521</v>
      </c>
      <c r="B523" t="s">
        <v>525</v>
      </c>
      <c r="C523" t="s">
        <v>5976</v>
      </c>
      <c r="D523" t="s">
        <v>11420</v>
      </c>
      <c r="E523" t="s">
        <v>16847</v>
      </c>
      <c r="G523" s="2"/>
    </row>
    <row r="524" spans="1:7" x14ac:dyDescent="0.25">
      <c r="A524" s="1">
        <v>522</v>
      </c>
      <c r="B524" t="s">
        <v>526</v>
      </c>
      <c r="C524" t="s">
        <v>5977</v>
      </c>
      <c r="D524" t="s">
        <v>11421</v>
      </c>
      <c r="E524" t="s">
        <v>16848</v>
      </c>
      <c r="G524" s="2"/>
    </row>
    <row r="525" spans="1:7" x14ac:dyDescent="0.25">
      <c r="A525" s="1">
        <v>523</v>
      </c>
      <c r="B525" t="s">
        <v>527</v>
      </c>
      <c r="C525" t="s">
        <v>5978</v>
      </c>
      <c r="D525" t="s">
        <v>11422</v>
      </c>
      <c r="E525" t="s">
        <v>16849</v>
      </c>
      <c r="G525" s="2"/>
    </row>
    <row r="526" spans="1:7" x14ac:dyDescent="0.25">
      <c r="A526" s="1">
        <v>524</v>
      </c>
      <c r="B526" t="s">
        <v>528</v>
      </c>
      <c r="C526" t="s">
        <v>5979</v>
      </c>
      <c r="D526" t="s">
        <v>11423</v>
      </c>
      <c r="E526" t="s">
        <v>16850</v>
      </c>
      <c r="G526" s="2"/>
    </row>
    <row r="527" spans="1:7" x14ac:dyDescent="0.25">
      <c r="A527" s="1">
        <v>525</v>
      </c>
      <c r="B527" t="s">
        <v>529</v>
      </c>
      <c r="C527" t="s">
        <v>5980</v>
      </c>
      <c r="D527" t="s">
        <v>11424</v>
      </c>
      <c r="E527" t="s">
        <v>16555</v>
      </c>
      <c r="G527" s="2"/>
    </row>
    <row r="528" spans="1:7" x14ac:dyDescent="0.25">
      <c r="A528" s="1">
        <v>526</v>
      </c>
      <c r="B528" t="s">
        <v>530</v>
      </c>
      <c r="C528" t="s">
        <v>5981</v>
      </c>
      <c r="D528" t="s">
        <v>11425</v>
      </c>
      <c r="E528" t="s">
        <v>16851</v>
      </c>
      <c r="G528" s="2"/>
    </row>
    <row r="529" spans="1:7" x14ac:dyDescent="0.25">
      <c r="A529" s="1">
        <v>527</v>
      </c>
      <c r="B529" t="s">
        <v>531</v>
      </c>
      <c r="C529" t="s">
        <v>5982</v>
      </c>
      <c r="D529" t="s">
        <v>11426</v>
      </c>
      <c r="E529" t="s">
        <v>16852</v>
      </c>
      <c r="G529" s="2"/>
    </row>
    <row r="530" spans="1:7" x14ac:dyDescent="0.25">
      <c r="A530" s="1">
        <v>528</v>
      </c>
      <c r="B530" t="s">
        <v>532</v>
      </c>
      <c r="C530" t="s">
        <v>5983</v>
      </c>
      <c r="D530" t="s">
        <v>11427</v>
      </c>
      <c r="E530" t="s">
        <v>16555</v>
      </c>
      <c r="G530" s="2"/>
    </row>
    <row r="531" spans="1:7" x14ac:dyDescent="0.25">
      <c r="A531" s="1">
        <v>529</v>
      </c>
      <c r="B531" t="s">
        <v>533</v>
      </c>
      <c r="C531" t="s">
        <v>5984</v>
      </c>
      <c r="D531" t="s">
        <v>11428</v>
      </c>
      <c r="E531" t="s">
        <v>16853</v>
      </c>
      <c r="G531" s="2"/>
    </row>
    <row r="532" spans="1:7" x14ac:dyDescent="0.25">
      <c r="A532" s="1">
        <v>530</v>
      </c>
      <c r="B532" t="s">
        <v>534</v>
      </c>
      <c r="C532" t="s">
        <v>5985</v>
      </c>
      <c r="D532" t="s">
        <v>11429</v>
      </c>
      <c r="E532" t="s">
        <v>16854</v>
      </c>
      <c r="G532" s="2"/>
    </row>
    <row r="533" spans="1:7" x14ac:dyDescent="0.25">
      <c r="A533" s="1">
        <v>531</v>
      </c>
      <c r="B533" t="s">
        <v>535</v>
      </c>
      <c r="C533" t="s">
        <v>5986</v>
      </c>
      <c r="D533" t="s">
        <v>11430</v>
      </c>
      <c r="E533" t="s">
        <v>16855</v>
      </c>
      <c r="G533" s="2"/>
    </row>
    <row r="534" spans="1:7" x14ac:dyDescent="0.25">
      <c r="A534" s="1">
        <v>532</v>
      </c>
      <c r="B534" t="s">
        <v>536</v>
      </c>
      <c r="C534" t="s">
        <v>5987</v>
      </c>
      <c r="D534" t="s">
        <v>11431</v>
      </c>
      <c r="E534" t="s">
        <v>16856</v>
      </c>
      <c r="G534" s="2"/>
    </row>
    <row r="535" spans="1:7" x14ac:dyDescent="0.25">
      <c r="A535" s="1">
        <v>533</v>
      </c>
      <c r="B535" t="s">
        <v>537</v>
      </c>
      <c r="C535" t="s">
        <v>5988</v>
      </c>
      <c r="D535" t="s">
        <v>11432</v>
      </c>
      <c r="E535" t="s">
        <v>16857</v>
      </c>
      <c r="G535" s="2"/>
    </row>
    <row r="536" spans="1:7" x14ac:dyDescent="0.25">
      <c r="A536" s="1">
        <v>534</v>
      </c>
      <c r="B536" t="s">
        <v>538</v>
      </c>
      <c r="C536" t="s">
        <v>5989</v>
      </c>
      <c r="D536" t="s">
        <v>11433</v>
      </c>
      <c r="E536" t="s">
        <v>16858</v>
      </c>
      <c r="G536" s="2"/>
    </row>
    <row r="537" spans="1:7" x14ac:dyDescent="0.25">
      <c r="A537" s="1">
        <v>535</v>
      </c>
      <c r="B537" t="s">
        <v>539</v>
      </c>
      <c r="C537" t="s">
        <v>5990</v>
      </c>
      <c r="D537" t="s">
        <v>11434</v>
      </c>
      <c r="E537" t="s">
        <v>16859</v>
      </c>
      <c r="G537" s="2"/>
    </row>
    <row r="538" spans="1:7" x14ac:dyDescent="0.25">
      <c r="A538" s="1">
        <v>536</v>
      </c>
      <c r="B538" t="s">
        <v>540</v>
      </c>
      <c r="C538" t="s">
        <v>5991</v>
      </c>
      <c r="D538" t="s">
        <v>11435</v>
      </c>
      <c r="E538" t="s">
        <v>16860</v>
      </c>
      <c r="G538" s="2"/>
    </row>
    <row r="539" spans="1:7" x14ac:dyDescent="0.25">
      <c r="A539" s="1">
        <v>537</v>
      </c>
      <c r="B539" t="s">
        <v>541</v>
      </c>
      <c r="C539" t="s">
        <v>5992</v>
      </c>
      <c r="D539" t="s">
        <v>11436</v>
      </c>
      <c r="E539" t="s">
        <v>16861</v>
      </c>
      <c r="G539" s="2"/>
    </row>
    <row r="540" spans="1:7" x14ac:dyDescent="0.25">
      <c r="A540" s="1">
        <v>538</v>
      </c>
      <c r="B540" t="s">
        <v>542</v>
      </c>
      <c r="C540" t="s">
        <v>5993</v>
      </c>
      <c r="D540" t="s">
        <v>11437</v>
      </c>
      <c r="E540" t="s">
        <v>16862</v>
      </c>
      <c r="G540" s="2"/>
    </row>
    <row r="541" spans="1:7" x14ac:dyDescent="0.25">
      <c r="A541" s="1">
        <v>539</v>
      </c>
      <c r="B541" t="s">
        <v>543</v>
      </c>
      <c r="C541" t="s">
        <v>5994</v>
      </c>
      <c r="D541" t="s">
        <v>11438</v>
      </c>
      <c r="E541" t="s">
        <v>16863</v>
      </c>
      <c r="G541" s="2"/>
    </row>
    <row r="542" spans="1:7" x14ac:dyDescent="0.25">
      <c r="A542" s="1">
        <v>540</v>
      </c>
      <c r="B542" t="s">
        <v>544</v>
      </c>
      <c r="C542" t="s">
        <v>5995</v>
      </c>
      <c r="D542" t="s">
        <v>11439</v>
      </c>
      <c r="E542" t="s">
        <v>16514</v>
      </c>
      <c r="G542" s="2"/>
    </row>
    <row r="543" spans="1:7" x14ac:dyDescent="0.25">
      <c r="A543" s="1">
        <v>541</v>
      </c>
      <c r="B543" t="s">
        <v>545</v>
      </c>
      <c r="C543" t="s">
        <v>5996</v>
      </c>
      <c r="D543" t="s">
        <v>11440</v>
      </c>
      <c r="E543" t="s">
        <v>16864</v>
      </c>
      <c r="G543" s="2"/>
    </row>
    <row r="544" spans="1:7" x14ac:dyDescent="0.25">
      <c r="A544" s="1">
        <v>542</v>
      </c>
      <c r="B544" t="s">
        <v>546</v>
      </c>
      <c r="C544" t="s">
        <v>5997</v>
      </c>
      <c r="D544" t="s">
        <v>11441</v>
      </c>
      <c r="E544" t="s">
        <v>16865</v>
      </c>
      <c r="G544" s="2"/>
    </row>
    <row r="545" spans="1:7" x14ac:dyDescent="0.25">
      <c r="A545" s="1">
        <v>543</v>
      </c>
      <c r="B545" t="s">
        <v>547</v>
      </c>
      <c r="C545" t="s">
        <v>5998</v>
      </c>
      <c r="D545" t="s">
        <v>11442</v>
      </c>
      <c r="E545" t="s">
        <v>16866</v>
      </c>
      <c r="G545" s="2"/>
    </row>
    <row r="546" spans="1:7" x14ac:dyDescent="0.25">
      <c r="A546" s="1">
        <v>544</v>
      </c>
      <c r="B546" t="s">
        <v>548</v>
      </c>
      <c r="C546" t="s">
        <v>5999</v>
      </c>
      <c r="D546" t="s">
        <v>11443</v>
      </c>
      <c r="E546" t="s">
        <v>16867</v>
      </c>
      <c r="G546" s="2"/>
    </row>
    <row r="547" spans="1:7" x14ac:dyDescent="0.25">
      <c r="A547" s="1">
        <v>545</v>
      </c>
      <c r="B547" t="s">
        <v>549</v>
      </c>
      <c r="C547" t="s">
        <v>6000</v>
      </c>
      <c r="D547" t="s">
        <v>11444</v>
      </c>
      <c r="E547" t="s">
        <v>16868</v>
      </c>
      <c r="G547" s="2"/>
    </row>
    <row r="548" spans="1:7" x14ac:dyDescent="0.25">
      <c r="A548" s="1">
        <v>546</v>
      </c>
      <c r="B548" t="s">
        <v>550</v>
      </c>
      <c r="C548" t="s">
        <v>6001</v>
      </c>
      <c r="D548" t="s">
        <v>11445</v>
      </c>
      <c r="E548" t="s">
        <v>16869</v>
      </c>
      <c r="G548" s="2"/>
    </row>
    <row r="549" spans="1:7" x14ac:dyDescent="0.25">
      <c r="A549" s="1">
        <v>547</v>
      </c>
      <c r="B549" t="s">
        <v>551</v>
      </c>
      <c r="C549" t="s">
        <v>6002</v>
      </c>
      <c r="D549" t="s">
        <v>11446</v>
      </c>
      <c r="E549" t="s">
        <v>16870</v>
      </c>
      <c r="G549" s="2"/>
    </row>
    <row r="550" spans="1:7" x14ac:dyDescent="0.25">
      <c r="A550" s="1">
        <v>548</v>
      </c>
      <c r="B550" t="s">
        <v>552</v>
      </c>
      <c r="C550" t="s">
        <v>6003</v>
      </c>
      <c r="D550" t="s">
        <v>11447</v>
      </c>
      <c r="E550" t="s">
        <v>16871</v>
      </c>
      <c r="G550" s="2"/>
    </row>
    <row r="551" spans="1:7" x14ac:dyDescent="0.25">
      <c r="A551" s="1">
        <v>549</v>
      </c>
      <c r="B551" t="s">
        <v>553</v>
      </c>
      <c r="C551" t="s">
        <v>6004</v>
      </c>
      <c r="D551" t="s">
        <v>11448</v>
      </c>
      <c r="E551" t="s">
        <v>16872</v>
      </c>
      <c r="G551" s="2"/>
    </row>
    <row r="552" spans="1:7" x14ac:dyDescent="0.25">
      <c r="A552" s="1">
        <v>550</v>
      </c>
      <c r="B552" t="s">
        <v>554</v>
      </c>
      <c r="C552" t="s">
        <v>6005</v>
      </c>
      <c r="D552" t="s">
        <v>11449</v>
      </c>
      <c r="E552" t="s">
        <v>16873</v>
      </c>
      <c r="G552" s="2"/>
    </row>
    <row r="553" spans="1:7" x14ac:dyDescent="0.25">
      <c r="A553" s="1">
        <v>551</v>
      </c>
      <c r="B553" t="s">
        <v>555</v>
      </c>
      <c r="C553" t="s">
        <v>6006</v>
      </c>
      <c r="D553" t="s">
        <v>11450</v>
      </c>
      <c r="E553" t="s">
        <v>16874</v>
      </c>
      <c r="G553" s="2"/>
    </row>
    <row r="554" spans="1:7" x14ac:dyDescent="0.25">
      <c r="A554" s="1">
        <v>552</v>
      </c>
      <c r="B554" t="s">
        <v>556</v>
      </c>
      <c r="C554" t="s">
        <v>6007</v>
      </c>
      <c r="D554" t="s">
        <v>11451</v>
      </c>
      <c r="E554" t="s">
        <v>16875</v>
      </c>
      <c r="G554" s="2"/>
    </row>
    <row r="555" spans="1:7" x14ac:dyDescent="0.25">
      <c r="A555" s="1">
        <v>553</v>
      </c>
      <c r="B555" t="s">
        <v>557</v>
      </c>
      <c r="C555" t="s">
        <v>6008</v>
      </c>
      <c r="D555" t="s">
        <v>11452</v>
      </c>
      <c r="E555" t="s">
        <v>16876</v>
      </c>
      <c r="G555" s="2"/>
    </row>
    <row r="556" spans="1:7" x14ac:dyDescent="0.25">
      <c r="A556" s="1">
        <v>554</v>
      </c>
      <c r="B556" t="s">
        <v>558</v>
      </c>
      <c r="C556" t="s">
        <v>6009</v>
      </c>
      <c r="D556" t="s">
        <v>11453</v>
      </c>
      <c r="E556" t="s">
        <v>16877</v>
      </c>
      <c r="G556" s="2"/>
    </row>
    <row r="557" spans="1:7" x14ac:dyDescent="0.25">
      <c r="A557" s="1">
        <v>555</v>
      </c>
      <c r="B557" t="s">
        <v>559</v>
      </c>
      <c r="C557" t="s">
        <v>6010</v>
      </c>
      <c r="D557" t="s">
        <v>11454</v>
      </c>
      <c r="E557" t="s">
        <v>16878</v>
      </c>
      <c r="G557" s="2"/>
    </row>
    <row r="558" spans="1:7" x14ac:dyDescent="0.25">
      <c r="A558" s="1">
        <v>556</v>
      </c>
      <c r="B558" t="s">
        <v>560</v>
      </c>
      <c r="C558" t="s">
        <v>6011</v>
      </c>
      <c r="D558" t="s">
        <v>11455</v>
      </c>
      <c r="E558" t="s">
        <v>16879</v>
      </c>
      <c r="G558" s="2"/>
    </row>
    <row r="559" spans="1:7" x14ac:dyDescent="0.25">
      <c r="A559" s="1">
        <v>557</v>
      </c>
      <c r="B559" t="s">
        <v>561</v>
      </c>
      <c r="C559" t="s">
        <v>6012</v>
      </c>
      <c r="D559" t="s">
        <v>11456</v>
      </c>
      <c r="E559" t="s">
        <v>16880</v>
      </c>
      <c r="G559" s="2"/>
    </row>
    <row r="560" spans="1:7" x14ac:dyDescent="0.25">
      <c r="A560" s="1">
        <v>558</v>
      </c>
      <c r="B560" t="s">
        <v>562</v>
      </c>
      <c r="C560" t="s">
        <v>6013</v>
      </c>
      <c r="D560" t="s">
        <v>11457</v>
      </c>
      <c r="E560" t="s">
        <v>16881</v>
      </c>
      <c r="G560" s="2"/>
    </row>
    <row r="561" spans="1:7" x14ac:dyDescent="0.25">
      <c r="A561" s="1">
        <v>559</v>
      </c>
      <c r="B561" t="s">
        <v>563</v>
      </c>
      <c r="C561" t="s">
        <v>6014</v>
      </c>
      <c r="D561" t="s">
        <v>11458</v>
      </c>
      <c r="E561" t="s">
        <v>16882</v>
      </c>
      <c r="G561" s="2"/>
    </row>
    <row r="562" spans="1:7" x14ac:dyDescent="0.25">
      <c r="A562" s="1">
        <v>560</v>
      </c>
      <c r="B562" t="s">
        <v>564</v>
      </c>
      <c r="C562" t="s">
        <v>6015</v>
      </c>
      <c r="D562" t="s">
        <v>11459</v>
      </c>
      <c r="E562" t="s">
        <v>16883</v>
      </c>
      <c r="G562" s="2"/>
    </row>
    <row r="563" spans="1:7" x14ac:dyDescent="0.25">
      <c r="A563" s="1">
        <v>561</v>
      </c>
      <c r="B563" t="s">
        <v>565</v>
      </c>
      <c r="C563" t="s">
        <v>6016</v>
      </c>
      <c r="D563" t="s">
        <v>11460</v>
      </c>
      <c r="E563" t="s">
        <v>16884</v>
      </c>
      <c r="G563" s="2"/>
    </row>
    <row r="564" spans="1:7" x14ac:dyDescent="0.25">
      <c r="A564" s="1">
        <v>562</v>
      </c>
      <c r="B564" t="s">
        <v>566</v>
      </c>
      <c r="C564" t="s">
        <v>6017</v>
      </c>
      <c r="D564" t="s">
        <v>11461</v>
      </c>
      <c r="E564" t="s">
        <v>16885</v>
      </c>
      <c r="G564" s="2"/>
    </row>
    <row r="565" spans="1:7" x14ac:dyDescent="0.25">
      <c r="A565" s="1">
        <v>563</v>
      </c>
      <c r="B565" t="s">
        <v>567</v>
      </c>
      <c r="C565" t="s">
        <v>6018</v>
      </c>
      <c r="D565" t="s">
        <v>11462</v>
      </c>
      <c r="E565" t="s">
        <v>16886</v>
      </c>
      <c r="G565" s="2"/>
    </row>
    <row r="566" spans="1:7" x14ac:dyDescent="0.25">
      <c r="A566" s="1">
        <v>564</v>
      </c>
      <c r="B566" t="s">
        <v>568</v>
      </c>
      <c r="C566" t="s">
        <v>6019</v>
      </c>
      <c r="D566" t="s">
        <v>11463</v>
      </c>
      <c r="E566" t="s">
        <v>16887</v>
      </c>
      <c r="G566" s="2"/>
    </row>
    <row r="567" spans="1:7" x14ac:dyDescent="0.25">
      <c r="A567" s="1">
        <v>565</v>
      </c>
      <c r="B567" t="s">
        <v>569</v>
      </c>
      <c r="C567" t="s">
        <v>6020</v>
      </c>
      <c r="D567" t="s">
        <v>11464</v>
      </c>
      <c r="E567" t="s">
        <v>16888</v>
      </c>
      <c r="G567" s="2"/>
    </row>
    <row r="568" spans="1:7" x14ac:dyDescent="0.25">
      <c r="A568" s="1">
        <v>566</v>
      </c>
      <c r="B568" t="s">
        <v>570</v>
      </c>
      <c r="C568" t="s">
        <v>6021</v>
      </c>
      <c r="D568" t="s">
        <v>11465</v>
      </c>
      <c r="E568" t="s">
        <v>16889</v>
      </c>
      <c r="G568" s="2"/>
    </row>
    <row r="569" spans="1:7" x14ac:dyDescent="0.25">
      <c r="A569" s="1">
        <v>567</v>
      </c>
      <c r="B569" t="s">
        <v>571</v>
      </c>
      <c r="C569" t="s">
        <v>6022</v>
      </c>
      <c r="D569" t="s">
        <v>11466</v>
      </c>
      <c r="E569" t="s">
        <v>16890</v>
      </c>
      <c r="G569" s="2"/>
    </row>
    <row r="570" spans="1:7" x14ac:dyDescent="0.25">
      <c r="A570" s="1">
        <v>568</v>
      </c>
      <c r="B570" t="s">
        <v>572</v>
      </c>
      <c r="C570" t="s">
        <v>6023</v>
      </c>
      <c r="D570" t="s">
        <v>11467</v>
      </c>
      <c r="E570" t="s">
        <v>16891</v>
      </c>
      <c r="G570" s="2"/>
    </row>
    <row r="571" spans="1:7" x14ac:dyDescent="0.25">
      <c r="A571" s="1">
        <v>569</v>
      </c>
      <c r="B571" t="s">
        <v>573</v>
      </c>
      <c r="C571" t="s">
        <v>6024</v>
      </c>
      <c r="D571" t="s">
        <v>11468</v>
      </c>
      <c r="E571" t="s">
        <v>16892</v>
      </c>
      <c r="G571" s="2"/>
    </row>
    <row r="572" spans="1:7" x14ac:dyDescent="0.25">
      <c r="A572" s="1">
        <v>570</v>
      </c>
      <c r="B572" t="s">
        <v>574</v>
      </c>
      <c r="C572" t="s">
        <v>6025</v>
      </c>
      <c r="D572" t="s">
        <v>11469</v>
      </c>
      <c r="E572" t="s">
        <v>16893</v>
      </c>
      <c r="G572" s="2"/>
    </row>
    <row r="573" spans="1:7" x14ac:dyDescent="0.25">
      <c r="A573" s="1">
        <v>571</v>
      </c>
      <c r="B573" t="s">
        <v>575</v>
      </c>
      <c r="C573" t="s">
        <v>6026</v>
      </c>
      <c r="D573" t="s">
        <v>11470</v>
      </c>
      <c r="E573" t="s">
        <v>16894</v>
      </c>
      <c r="G573" s="2"/>
    </row>
    <row r="574" spans="1:7" x14ac:dyDescent="0.25">
      <c r="A574" s="1">
        <v>572</v>
      </c>
      <c r="B574" t="s">
        <v>576</v>
      </c>
      <c r="C574" t="s">
        <v>6027</v>
      </c>
      <c r="D574" t="s">
        <v>11471</v>
      </c>
      <c r="E574" t="s">
        <v>16895</v>
      </c>
      <c r="G574" s="2"/>
    </row>
    <row r="575" spans="1:7" x14ac:dyDescent="0.25">
      <c r="A575" s="1">
        <v>573</v>
      </c>
      <c r="B575" t="s">
        <v>577</v>
      </c>
      <c r="C575" t="s">
        <v>6028</v>
      </c>
      <c r="D575" t="s">
        <v>11472</v>
      </c>
      <c r="E575" t="s">
        <v>16896</v>
      </c>
      <c r="G575" s="2"/>
    </row>
    <row r="576" spans="1:7" x14ac:dyDescent="0.25">
      <c r="A576" s="1">
        <v>574</v>
      </c>
      <c r="B576" t="s">
        <v>578</v>
      </c>
      <c r="C576" t="s">
        <v>6029</v>
      </c>
      <c r="D576" t="s">
        <v>11473</v>
      </c>
      <c r="E576" t="s">
        <v>16897</v>
      </c>
      <c r="G576" s="2"/>
    </row>
    <row r="577" spans="1:7" x14ac:dyDescent="0.25">
      <c r="A577" s="1">
        <v>575</v>
      </c>
      <c r="B577" t="s">
        <v>579</v>
      </c>
      <c r="C577" t="s">
        <v>6030</v>
      </c>
      <c r="D577" t="s">
        <v>11474</v>
      </c>
      <c r="E577" t="s">
        <v>16898</v>
      </c>
      <c r="G577" s="2"/>
    </row>
    <row r="578" spans="1:7" x14ac:dyDescent="0.25">
      <c r="A578" s="1">
        <v>576</v>
      </c>
      <c r="B578" t="s">
        <v>580</v>
      </c>
      <c r="C578" t="s">
        <v>6031</v>
      </c>
      <c r="D578" t="s">
        <v>11475</v>
      </c>
      <c r="E578" t="s">
        <v>16899</v>
      </c>
      <c r="G578" s="2"/>
    </row>
    <row r="579" spans="1:7" x14ac:dyDescent="0.25">
      <c r="A579" s="1">
        <v>577</v>
      </c>
      <c r="B579" t="s">
        <v>581</v>
      </c>
      <c r="C579" t="s">
        <v>6032</v>
      </c>
      <c r="D579" t="s">
        <v>11476</v>
      </c>
      <c r="E579" t="s">
        <v>16900</v>
      </c>
      <c r="G579" s="2"/>
    </row>
    <row r="580" spans="1:7" x14ac:dyDescent="0.25">
      <c r="A580" s="1">
        <v>578</v>
      </c>
      <c r="B580" t="s">
        <v>582</v>
      </c>
      <c r="C580" t="s">
        <v>6033</v>
      </c>
      <c r="D580" t="s">
        <v>11477</v>
      </c>
      <c r="E580" t="s">
        <v>16901</v>
      </c>
      <c r="G580" s="2"/>
    </row>
    <row r="581" spans="1:7" x14ac:dyDescent="0.25">
      <c r="A581" s="1">
        <v>579</v>
      </c>
      <c r="B581" t="s">
        <v>583</v>
      </c>
      <c r="C581" t="s">
        <v>6034</v>
      </c>
      <c r="D581" t="s">
        <v>11478</v>
      </c>
      <c r="E581" t="s">
        <v>16902</v>
      </c>
      <c r="G581" s="2"/>
    </row>
    <row r="582" spans="1:7" x14ac:dyDescent="0.25">
      <c r="A582" s="1">
        <v>580</v>
      </c>
      <c r="B582" t="s">
        <v>584</v>
      </c>
      <c r="C582" t="s">
        <v>6035</v>
      </c>
      <c r="D582" t="s">
        <v>11479</v>
      </c>
      <c r="E582" t="s">
        <v>16903</v>
      </c>
      <c r="G582" s="2"/>
    </row>
    <row r="583" spans="1:7" x14ac:dyDescent="0.25">
      <c r="A583" s="1">
        <v>581</v>
      </c>
      <c r="B583" t="s">
        <v>585</v>
      </c>
      <c r="C583" t="s">
        <v>6036</v>
      </c>
      <c r="D583" t="s">
        <v>11480</v>
      </c>
      <c r="E583" t="s">
        <v>16904</v>
      </c>
      <c r="G583" s="2"/>
    </row>
    <row r="584" spans="1:7" x14ac:dyDescent="0.25">
      <c r="A584" s="1">
        <v>582</v>
      </c>
      <c r="B584" t="s">
        <v>586</v>
      </c>
      <c r="C584" t="s">
        <v>6037</v>
      </c>
      <c r="D584" t="s">
        <v>11481</v>
      </c>
      <c r="E584" t="s">
        <v>16905</v>
      </c>
      <c r="G584" s="2"/>
    </row>
    <row r="585" spans="1:7" x14ac:dyDescent="0.25">
      <c r="A585" s="1">
        <v>583</v>
      </c>
      <c r="B585" t="s">
        <v>587</v>
      </c>
      <c r="C585" t="s">
        <v>6038</v>
      </c>
      <c r="D585" t="s">
        <v>11482</v>
      </c>
      <c r="E585" t="s">
        <v>16906</v>
      </c>
      <c r="G585" s="2"/>
    </row>
    <row r="586" spans="1:7" x14ac:dyDescent="0.25">
      <c r="A586" s="1">
        <v>584</v>
      </c>
      <c r="B586" t="s">
        <v>588</v>
      </c>
      <c r="C586" t="s">
        <v>6039</v>
      </c>
      <c r="D586" t="s">
        <v>11483</v>
      </c>
      <c r="E586" t="s">
        <v>16907</v>
      </c>
      <c r="G586" s="2"/>
    </row>
    <row r="587" spans="1:7" x14ac:dyDescent="0.25">
      <c r="A587" s="1">
        <v>585</v>
      </c>
      <c r="B587" t="s">
        <v>589</v>
      </c>
      <c r="C587" t="s">
        <v>6040</v>
      </c>
      <c r="D587" t="s">
        <v>11484</v>
      </c>
      <c r="E587" t="s">
        <v>16908</v>
      </c>
      <c r="G587" s="2"/>
    </row>
    <row r="588" spans="1:7" x14ac:dyDescent="0.25">
      <c r="A588" s="1">
        <v>586</v>
      </c>
      <c r="B588" t="s">
        <v>590</v>
      </c>
      <c r="C588" t="s">
        <v>6041</v>
      </c>
      <c r="D588" t="s">
        <v>11485</v>
      </c>
      <c r="E588" t="s">
        <v>16909</v>
      </c>
      <c r="G588" s="2"/>
    </row>
    <row r="589" spans="1:7" x14ac:dyDescent="0.25">
      <c r="A589" s="1">
        <v>587</v>
      </c>
      <c r="B589" t="s">
        <v>591</v>
      </c>
      <c r="C589" t="s">
        <v>6042</v>
      </c>
      <c r="D589" t="s">
        <v>11486</v>
      </c>
      <c r="E589" t="s">
        <v>16910</v>
      </c>
      <c r="G589" s="2"/>
    </row>
    <row r="590" spans="1:7" x14ac:dyDescent="0.25">
      <c r="A590" s="1">
        <v>588</v>
      </c>
      <c r="B590" t="s">
        <v>592</v>
      </c>
      <c r="C590" t="s">
        <v>6043</v>
      </c>
      <c r="D590" t="s">
        <v>11487</v>
      </c>
      <c r="E590" t="s">
        <v>16911</v>
      </c>
      <c r="G590" s="2"/>
    </row>
    <row r="591" spans="1:7" x14ac:dyDescent="0.25">
      <c r="A591" s="1">
        <v>589</v>
      </c>
      <c r="B591" t="s">
        <v>593</v>
      </c>
      <c r="C591" t="s">
        <v>6044</v>
      </c>
      <c r="D591" t="s">
        <v>11488</v>
      </c>
      <c r="E591" t="s">
        <v>16912</v>
      </c>
      <c r="G591" s="2"/>
    </row>
    <row r="592" spans="1:7" x14ac:dyDescent="0.25">
      <c r="A592" s="1">
        <v>590</v>
      </c>
      <c r="B592" t="s">
        <v>594</v>
      </c>
      <c r="C592" t="s">
        <v>6045</v>
      </c>
      <c r="D592" t="s">
        <v>11489</v>
      </c>
      <c r="E592" t="s">
        <v>16913</v>
      </c>
      <c r="G592" s="2"/>
    </row>
    <row r="593" spans="1:7" x14ac:dyDescent="0.25">
      <c r="A593" s="1">
        <v>591</v>
      </c>
      <c r="B593" t="s">
        <v>595</v>
      </c>
      <c r="C593" t="s">
        <v>6046</v>
      </c>
      <c r="D593" t="s">
        <v>11490</v>
      </c>
      <c r="E593" t="s">
        <v>16914</v>
      </c>
      <c r="G593" s="2"/>
    </row>
    <row r="594" spans="1:7" x14ac:dyDescent="0.25">
      <c r="A594" s="1">
        <v>592</v>
      </c>
      <c r="B594" t="s">
        <v>596</v>
      </c>
      <c r="C594" t="s">
        <v>6047</v>
      </c>
      <c r="D594" t="s">
        <v>11491</v>
      </c>
      <c r="E594" t="s">
        <v>16915</v>
      </c>
      <c r="G594" s="2"/>
    </row>
    <row r="595" spans="1:7" x14ac:dyDescent="0.25">
      <c r="A595" s="1">
        <v>593</v>
      </c>
      <c r="B595" t="s">
        <v>597</v>
      </c>
      <c r="C595" t="s">
        <v>6048</v>
      </c>
      <c r="D595" t="s">
        <v>11492</v>
      </c>
      <c r="E595" t="s">
        <v>16916</v>
      </c>
      <c r="G595" s="2"/>
    </row>
    <row r="596" spans="1:7" x14ac:dyDescent="0.25">
      <c r="A596" s="1">
        <v>594</v>
      </c>
      <c r="B596" t="s">
        <v>598</v>
      </c>
      <c r="C596" t="s">
        <v>6049</v>
      </c>
      <c r="D596" t="s">
        <v>11493</v>
      </c>
      <c r="E596" t="s">
        <v>16917</v>
      </c>
      <c r="G596" s="2"/>
    </row>
    <row r="597" spans="1:7" x14ac:dyDescent="0.25">
      <c r="A597" s="1">
        <v>595</v>
      </c>
      <c r="B597" t="s">
        <v>599</v>
      </c>
      <c r="C597" t="s">
        <v>6050</v>
      </c>
      <c r="D597" t="s">
        <v>11494</v>
      </c>
      <c r="E597" t="s">
        <v>16918</v>
      </c>
      <c r="G597" s="2"/>
    </row>
    <row r="598" spans="1:7" x14ac:dyDescent="0.25">
      <c r="A598" s="1">
        <v>596</v>
      </c>
      <c r="B598" t="s">
        <v>600</v>
      </c>
      <c r="C598" t="s">
        <v>6051</v>
      </c>
      <c r="D598" t="s">
        <v>11495</v>
      </c>
      <c r="E598" t="s">
        <v>16919</v>
      </c>
      <c r="G598" s="2"/>
    </row>
    <row r="599" spans="1:7" x14ac:dyDescent="0.25">
      <c r="A599" s="1">
        <v>597</v>
      </c>
      <c r="B599" t="s">
        <v>601</v>
      </c>
      <c r="C599" t="s">
        <v>6052</v>
      </c>
      <c r="D599" t="s">
        <v>11496</v>
      </c>
      <c r="E599" t="s">
        <v>16920</v>
      </c>
      <c r="G599" s="2"/>
    </row>
    <row r="600" spans="1:7" x14ac:dyDescent="0.25">
      <c r="A600" s="1">
        <v>598</v>
      </c>
      <c r="B600" t="s">
        <v>602</v>
      </c>
      <c r="C600" t="s">
        <v>6053</v>
      </c>
      <c r="D600" t="s">
        <v>11497</v>
      </c>
      <c r="E600" t="s">
        <v>16921</v>
      </c>
      <c r="G600" s="2"/>
    </row>
    <row r="601" spans="1:7" x14ac:dyDescent="0.25">
      <c r="A601" s="1">
        <v>599</v>
      </c>
      <c r="B601" t="s">
        <v>603</v>
      </c>
      <c r="C601" t="s">
        <v>6054</v>
      </c>
      <c r="D601" t="s">
        <v>11498</v>
      </c>
      <c r="E601" t="s">
        <v>16922</v>
      </c>
      <c r="G601" s="2"/>
    </row>
    <row r="602" spans="1:7" x14ac:dyDescent="0.25">
      <c r="A602" s="1">
        <v>600</v>
      </c>
      <c r="B602" t="s">
        <v>604</v>
      </c>
      <c r="C602" t="s">
        <v>6055</v>
      </c>
      <c r="D602" t="s">
        <v>11499</v>
      </c>
      <c r="E602" t="s">
        <v>16923</v>
      </c>
      <c r="G602" s="2"/>
    </row>
    <row r="603" spans="1:7" x14ac:dyDescent="0.25">
      <c r="A603" s="1">
        <v>601</v>
      </c>
      <c r="B603" t="s">
        <v>605</v>
      </c>
      <c r="C603" t="s">
        <v>6056</v>
      </c>
      <c r="D603" t="s">
        <v>11500</v>
      </c>
      <c r="E603" t="s">
        <v>16924</v>
      </c>
      <c r="G603" s="2"/>
    </row>
    <row r="604" spans="1:7" x14ac:dyDescent="0.25">
      <c r="A604" s="1">
        <v>602</v>
      </c>
      <c r="B604" t="s">
        <v>606</v>
      </c>
      <c r="C604" t="s">
        <v>6057</v>
      </c>
      <c r="D604" t="s">
        <v>11501</v>
      </c>
      <c r="E604" t="s">
        <v>16925</v>
      </c>
      <c r="G604" s="2"/>
    </row>
    <row r="605" spans="1:7" x14ac:dyDescent="0.25">
      <c r="A605" s="1">
        <v>603</v>
      </c>
      <c r="B605" t="s">
        <v>607</v>
      </c>
      <c r="C605" t="s">
        <v>6058</v>
      </c>
      <c r="D605" t="s">
        <v>11502</v>
      </c>
      <c r="E605" t="s">
        <v>16926</v>
      </c>
      <c r="G605" s="2"/>
    </row>
    <row r="606" spans="1:7" x14ac:dyDescent="0.25">
      <c r="A606" s="1">
        <v>604</v>
      </c>
      <c r="B606" t="s">
        <v>608</v>
      </c>
      <c r="C606" t="s">
        <v>6059</v>
      </c>
      <c r="D606" t="s">
        <v>11503</v>
      </c>
      <c r="E606" t="s">
        <v>16927</v>
      </c>
      <c r="G606" s="2"/>
    </row>
    <row r="607" spans="1:7" x14ac:dyDescent="0.25">
      <c r="A607" s="1">
        <v>605</v>
      </c>
      <c r="B607" t="s">
        <v>609</v>
      </c>
      <c r="C607" t="s">
        <v>6060</v>
      </c>
      <c r="D607" t="s">
        <v>11504</v>
      </c>
      <c r="E607" t="s">
        <v>16928</v>
      </c>
      <c r="G607" s="2"/>
    </row>
    <row r="608" spans="1:7" x14ac:dyDescent="0.25">
      <c r="A608" s="1">
        <v>606</v>
      </c>
      <c r="B608" t="s">
        <v>610</v>
      </c>
      <c r="C608" t="s">
        <v>6061</v>
      </c>
      <c r="D608" t="s">
        <v>11505</v>
      </c>
      <c r="E608" t="s">
        <v>16929</v>
      </c>
      <c r="G608" s="2"/>
    </row>
    <row r="609" spans="1:7" x14ac:dyDescent="0.25">
      <c r="A609" s="1">
        <v>607</v>
      </c>
      <c r="B609" t="s">
        <v>611</v>
      </c>
      <c r="C609" t="s">
        <v>6062</v>
      </c>
      <c r="D609" t="s">
        <v>11506</v>
      </c>
      <c r="E609" t="s">
        <v>16930</v>
      </c>
      <c r="G609" s="2"/>
    </row>
    <row r="610" spans="1:7" x14ac:dyDescent="0.25">
      <c r="A610" s="1">
        <v>608</v>
      </c>
      <c r="B610" t="s">
        <v>612</v>
      </c>
      <c r="C610" t="s">
        <v>6063</v>
      </c>
      <c r="D610" t="s">
        <v>11507</v>
      </c>
      <c r="E610" t="s">
        <v>16931</v>
      </c>
      <c r="G610" s="2"/>
    </row>
    <row r="611" spans="1:7" x14ac:dyDescent="0.25">
      <c r="A611" s="1">
        <v>609</v>
      </c>
      <c r="B611" t="s">
        <v>613</v>
      </c>
      <c r="C611" t="s">
        <v>6064</v>
      </c>
      <c r="D611" t="s">
        <v>11508</v>
      </c>
      <c r="E611" t="s">
        <v>16932</v>
      </c>
      <c r="G611" s="2"/>
    </row>
    <row r="612" spans="1:7" x14ac:dyDescent="0.25">
      <c r="A612" s="1">
        <v>610</v>
      </c>
      <c r="B612" t="s">
        <v>614</v>
      </c>
      <c r="C612" t="s">
        <v>6065</v>
      </c>
      <c r="D612" t="s">
        <v>11509</v>
      </c>
      <c r="E612" t="s">
        <v>16933</v>
      </c>
      <c r="G612" s="2"/>
    </row>
    <row r="613" spans="1:7" x14ac:dyDescent="0.25">
      <c r="A613" s="1">
        <v>611</v>
      </c>
      <c r="B613" t="s">
        <v>615</v>
      </c>
      <c r="C613" t="s">
        <v>6066</v>
      </c>
      <c r="D613" t="s">
        <v>11510</v>
      </c>
      <c r="E613" t="s">
        <v>16934</v>
      </c>
      <c r="G613" s="2"/>
    </row>
    <row r="614" spans="1:7" x14ac:dyDescent="0.25">
      <c r="A614" s="1">
        <v>612</v>
      </c>
      <c r="B614" t="s">
        <v>616</v>
      </c>
      <c r="C614" t="s">
        <v>6067</v>
      </c>
      <c r="D614" t="s">
        <v>11511</v>
      </c>
      <c r="E614" t="s">
        <v>16935</v>
      </c>
      <c r="G614" s="2"/>
    </row>
    <row r="615" spans="1:7" x14ac:dyDescent="0.25">
      <c r="A615" s="1">
        <v>613</v>
      </c>
      <c r="B615" t="s">
        <v>617</v>
      </c>
      <c r="C615" t="s">
        <v>6068</v>
      </c>
      <c r="D615" t="s">
        <v>11512</v>
      </c>
      <c r="E615" t="s">
        <v>16936</v>
      </c>
      <c r="G615" s="2"/>
    </row>
    <row r="616" spans="1:7" x14ac:dyDescent="0.25">
      <c r="A616" s="1">
        <v>614</v>
      </c>
      <c r="B616" t="s">
        <v>618</v>
      </c>
      <c r="C616" t="s">
        <v>6069</v>
      </c>
      <c r="D616" t="s">
        <v>11513</v>
      </c>
      <c r="E616" t="s">
        <v>16937</v>
      </c>
      <c r="G616" s="2"/>
    </row>
    <row r="617" spans="1:7" x14ac:dyDescent="0.25">
      <c r="A617" s="1">
        <v>615</v>
      </c>
      <c r="B617" t="s">
        <v>619</v>
      </c>
      <c r="C617" t="s">
        <v>6070</v>
      </c>
      <c r="D617" t="s">
        <v>11514</v>
      </c>
      <c r="E617" t="s">
        <v>16938</v>
      </c>
      <c r="G617" s="2"/>
    </row>
    <row r="618" spans="1:7" x14ac:dyDescent="0.25">
      <c r="A618" s="1">
        <v>616</v>
      </c>
      <c r="B618" t="s">
        <v>620</v>
      </c>
      <c r="C618" t="s">
        <v>6071</v>
      </c>
      <c r="D618" t="s">
        <v>11515</v>
      </c>
      <c r="E618" t="s">
        <v>16939</v>
      </c>
      <c r="G618" s="2"/>
    </row>
    <row r="619" spans="1:7" x14ac:dyDescent="0.25">
      <c r="A619" s="1">
        <v>617</v>
      </c>
      <c r="B619" t="s">
        <v>621</v>
      </c>
      <c r="C619" t="s">
        <v>6072</v>
      </c>
      <c r="D619" t="s">
        <v>11516</v>
      </c>
      <c r="E619" t="s">
        <v>16940</v>
      </c>
      <c r="G619" s="2"/>
    </row>
    <row r="620" spans="1:7" x14ac:dyDescent="0.25">
      <c r="A620" s="1">
        <v>618</v>
      </c>
      <c r="B620" t="s">
        <v>622</v>
      </c>
      <c r="C620" t="s">
        <v>6073</v>
      </c>
      <c r="D620" t="s">
        <v>11517</v>
      </c>
      <c r="E620" t="s">
        <v>16941</v>
      </c>
      <c r="G620" s="2"/>
    </row>
    <row r="621" spans="1:7" x14ac:dyDescent="0.25">
      <c r="A621" s="1">
        <v>619</v>
      </c>
      <c r="B621" t="s">
        <v>623</v>
      </c>
      <c r="C621" t="s">
        <v>6074</v>
      </c>
      <c r="D621" t="s">
        <v>11518</v>
      </c>
      <c r="E621" t="s">
        <v>16942</v>
      </c>
      <c r="G621" s="2"/>
    </row>
    <row r="622" spans="1:7" x14ac:dyDescent="0.25">
      <c r="A622" s="1">
        <v>620</v>
      </c>
      <c r="B622" t="s">
        <v>624</v>
      </c>
      <c r="C622" t="s">
        <v>6075</v>
      </c>
      <c r="D622" t="s">
        <v>11519</v>
      </c>
      <c r="E622" t="s">
        <v>16943</v>
      </c>
      <c r="G622" s="2"/>
    </row>
    <row r="623" spans="1:7" x14ac:dyDescent="0.25">
      <c r="A623" s="1">
        <v>621</v>
      </c>
      <c r="B623" t="s">
        <v>625</v>
      </c>
      <c r="C623" t="s">
        <v>6076</v>
      </c>
      <c r="D623" t="s">
        <v>11520</v>
      </c>
      <c r="E623" t="s">
        <v>16944</v>
      </c>
      <c r="G623" s="2"/>
    </row>
    <row r="624" spans="1:7" x14ac:dyDescent="0.25">
      <c r="A624" s="1">
        <v>622</v>
      </c>
      <c r="B624" t="s">
        <v>626</v>
      </c>
      <c r="C624" t="s">
        <v>6077</v>
      </c>
      <c r="D624" t="s">
        <v>11521</v>
      </c>
      <c r="E624" t="s">
        <v>16945</v>
      </c>
      <c r="G624" s="2"/>
    </row>
    <row r="625" spans="1:7" x14ac:dyDescent="0.25">
      <c r="A625" s="1">
        <v>623</v>
      </c>
      <c r="B625" t="s">
        <v>627</v>
      </c>
      <c r="C625" t="s">
        <v>6078</v>
      </c>
      <c r="D625" t="s">
        <v>11522</v>
      </c>
      <c r="E625" t="s">
        <v>16946</v>
      </c>
      <c r="G625" s="2"/>
    </row>
    <row r="626" spans="1:7" x14ac:dyDescent="0.25">
      <c r="A626" s="1">
        <v>624</v>
      </c>
      <c r="B626" t="s">
        <v>628</v>
      </c>
      <c r="C626" t="s">
        <v>6079</v>
      </c>
      <c r="D626" t="s">
        <v>11523</v>
      </c>
      <c r="E626" t="s">
        <v>16347</v>
      </c>
      <c r="G626" s="2"/>
    </row>
    <row r="627" spans="1:7" x14ac:dyDescent="0.25">
      <c r="A627" s="1">
        <v>625</v>
      </c>
      <c r="B627" t="s">
        <v>629</v>
      </c>
      <c r="C627" t="s">
        <v>6080</v>
      </c>
      <c r="D627" t="s">
        <v>11524</v>
      </c>
      <c r="E627" t="s">
        <v>16947</v>
      </c>
      <c r="G627" s="2"/>
    </row>
    <row r="628" spans="1:7" x14ac:dyDescent="0.25">
      <c r="A628" s="1">
        <v>626</v>
      </c>
      <c r="B628" t="s">
        <v>630</v>
      </c>
      <c r="C628" t="s">
        <v>6081</v>
      </c>
      <c r="D628" t="s">
        <v>11525</v>
      </c>
      <c r="E628" t="s">
        <v>16948</v>
      </c>
      <c r="G628" s="2"/>
    </row>
    <row r="629" spans="1:7" x14ac:dyDescent="0.25">
      <c r="A629" s="1">
        <v>627</v>
      </c>
      <c r="B629" t="s">
        <v>631</v>
      </c>
      <c r="C629" t="s">
        <v>6082</v>
      </c>
      <c r="D629" t="s">
        <v>11526</v>
      </c>
      <c r="E629" t="s">
        <v>16949</v>
      </c>
      <c r="G629" s="2"/>
    </row>
    <row r="630" spans="1:7" x14ac:dyDescent="0.25">
      <c r="A630" s="1">
        <v>628</v>
      </c>
      <c r="B630" t="s">
        <v>632</v>
      </c>
      <c r="C630" t="s">
        <v>6083</v>
      </c>
      <c r="D630" t="s">
        <v>11527</v>
      </c>
      <c r="E630" t="s">
        <v>16950</v>
      </c>
      <c r="G630" s="2"/>
    </row>
    <row r="631" spans="1:7" x14ac:dyDescent="0.25">
      <c r="A631" s="1">
        <v>629</v>
      </c>
      <c r="B631" t="s">
        <v>633</v>
      </c>
      <c r="C631" t="s">
        <v>6084</v>
      </c>
      <c r="D631" t="s">
        <v>11528</v>
      </c>
      <c r="E631" t="s">
        <v>16951</v>
      </c>
      <c r="G631" s="2"/>
    </row>
    <row r="632" spans="1:7" x14ac:dyDescent="0.25">
      <c r="A632" s="1">
        <v>630</v>
      </c>
      <c r="B632" t="s">
        <v>634</v>
      </c>
      <c r="C632" t="s">
        <v>6085</v>
      </c>
      <c r="D632" t="s">
        <v>11529</v>
      </c>
      <c r="E632" t="s">
        <v>16952</v>
      </c>
      <c r="G632" s="2"/>
    </row>
    <row r="633" spans="1:7" x14ac:dyDescent="0.25">
      <c r="A633" s="1">
        <v>631</v>
      </c>
      <c r="B633" t="s">
        <v>635</v>
      </c>
      <c r="C633" t="s">
        <v>6086</v>
      </c>
      <c r="D633" t="s">
        <v>11530</v>
      </c>
      <c r="E633" t="s">
        <v>16953</v>
      </c>
      <c r="G633" s="2"/>
    </row>
    <row r="634" spans="1:7" x14ac:dyDescent="0.25">
      <c r="A634" s="1">
        <v>632</v>
      </c>
      <c r="B634" t="s">
        <v>636</v>
      </c>
      <c r="C634" t="s">
        <v>6087</v>
      </c>
      <c r="D634" t="s">
        <v>11531</v>
      </c>
      <c r="E634" t="s">
        <v>16954</v>
      </c>
      <c r="G634" s="2"/>
    </row>
    <row r="635" spans="1:7" x14ac:dyDescent="0.25">
      <c r="A635" s="1">
        <v>633</v>
      </c>
      <c r="B635" t="s">
        <v>637</v>
      </c>
      <c r="C635" t="s">
        <v>6088</v>
      </c>
      <c r="D635" t="s">
        <v>11532</v>
      </c>
      <c r="E635" t="s">
        <v>16955</v>
      </c>
      <c r="G635" s="2"/>
    </row>
    <row r="636" spans="1:7" x14ac:dyDescent="0.25">
      <c r="A636" s="1">
        <v>634</v>
      </c>
      <c r="B636" t="s">
        <v>638</v>
      </c>
      <c r="C636" t="s">
        <v>6089</v>
      </c>
      <c r="D636" t="s">
        <v>11533</v>
      </c>
      <c r="E636" t="s">
        <v>16956</v>
      </c>
      <c r="G636" s="2"/>
    </row>
    <row r="637" spans="1:7" x14ac:dyDescent="0.25">
      <c r="A637" s="1">
        <v>635</v>
      </c>
      <c r="B637" t="s">
        <v>639</v>
      </c>
      <c r="C637" t="s">
        <v>6090</v>
      </c>
      <c r="D637" t="s">
        <v>11534</v>
      </c>
      <c r="E637" t="s">
        <v>16957</v>
      </c>
      <c r="G637" s="2"/>
    </row>
    <row r="638" spans="1:7" x14ac:dyDescent="0.25">
      <c r="A638" s="1">
        <v>636</v>
      </c>
      <c r="B638" t="s">
        <v>640</v>
      </c>
      <c r="C638" t="s">
        <v>6091</v>
      </c>
      <c r="D638" t="s">
        <v>11535</v>
      </c>
      <c r="E638" t="s">
        <v>16958</v>
      </c>
      <c r="G638" s="2"/>
    </row>
    <row r="639" spans="1:7" x14ac:dyDescent="0.25">
      <c r="A639" s="1">
        <v>637</v>
      </c>
      <c r="B639" t="s">
        <v>641</v>
      </c>
      <c r="C639" t="s">
        <v>6092</v>
      </c>
      <c r="D639" t="s">
        <v>11536</v>
      </c>
      <c r="E639" t="s">
        <v>16959</v>
      </c>
      <c r="G639" s="2"/>
    </row>
    <row r="640" spans="1:7" x14ac:dyDescent="0.25">
      <c r="A640" s="1">
        <v>638</v>
      </c>
      <c r="B640" t="s">
        <v>642</v>
      </c>
      <c r="C640" t="s">
        <v>6093</v>
      </c>
      <c r="D640" t="s">
        <v>11537</v>
      </c>
      <c r="E640" t="s">
        <v>16960</v>
      </c>
      <c r="G640" s="2"/>
    </row>
    <row r="641" spans="1:7" x14ac:dyDescent="0.25">
      <c r="A641" s="1">
        <v>639</v>
      </c>
      <c r="B641" t="s">
        <v>643</v>
      </c>
      <c r="C641" t="s">
        <v>6094</v>
      </c>
      <c r="D641" t="s">
        <v>11538</v>
      </c>
      <c r="E641" t="s">
        <v>16961</v>
      </c>
      <c r="G641" s="2"/>
    </row>
    <row r="642" spans="1:7" x14ac:dyDescent="0.25">
      <c r="A642" s="1">
        <v>640</v>
      </c>
      <c r="B642" t="s">
        <v>644</v>
      </c>
      <c r="C642" t="s">
        <v>6095</v>
      </c>
      <c r="D642" t="s">
        <v>11539</v>
      </c>
      <c r="E642" t="s">
        <v>16962</v>
      </c>
      <c r="G642" s="2"/>
    </row>
    <row r="643" spans="1:7" x14ac:dyDescent="0.25">
      <c r="A643" s="1">
        <v>641</v>
      </c>
      <c r="B643" t="s">
        <v>645</v>
      </c>
      <c r="C643" t="s">
        <v>6096</v>
      </c>
      <c r="D643" t="s">
        <v>11540</v>
      </c>
      <c r="E643" t="s">
        <v>16963</v>
      </c>
      <c r="G643" s="2"/>
    </row>
    <row r="644" spans="1:7" x14ac:dyDescent="0.25">
      <c r="A644" s="1">
        <v>642</v>
      </c>
      <c r="B644" t="s">
        <v>646</v>
      </c>
      <c r="C644" t="s">
        <v>6097</v>
      </c>
      <c r="D644" t="s">
        <v>11541</v>
      </c>
      <c r="E644" t="s">
        <v>16964</v>
      </c>
      <c r="G644" s="2"/>
    </row>
    <row r="645" spans="1:7" x14ac:dyDescent="0.25">
      <c r="A645" s="1">
        <v>643</v>
      </c>
      <c r="B645" t="s">
        <v>647</v>
      </c>
      <c r="C645" t="s">
        <v>6098</v>
      </c>
      <c r="D645" t="s">
        <v>11542</v>
      </c>
      <c r="E645" t="s">
        <v>16965</v>
      </c>
      <c r="G645" s="2"/>
    </row>
    <row r="646" spans="1:7" x14ac:dyDescent="0.25">
      <c r="A646" s="1">
        <v>644</v>
      </c>
      <c r="B646" t="s">
        <v>648</v>
      </c>
      <c r="C646" t="s">
        <v>6099</v>
      </c>
      <c r="D646" t="s">
        <v>11543</v>
      </c>
      <c r="E646" t="s">
        <v>16966</v>
      </c>
      <c r="G646" s="2"/>
    </row>
    <row r="647" spans="1:7" x14ac:dyDescent="0.25">
      <c r="A647" s="1">
        <v>645</v>
      </c>
      <c r="B647" t="s">
        <v>649</v>
      </c>
      <c r="C647" t="s">
        <v>6100</v>
      </c>
      <c r="D647" t="s">
        <v>11544</v>
      </c>
      <c r="E647" t="s">
        <v>16967</v>
      </c>
      <c r="G647" s="2"/>
    </row>
    <row r="648" spans="1:7" x14ac:dyDescent="0.25">
      <c r="A648" s="1">
        <v>646</v>
      </c>
      <c r="B648" t="s">
        <v>650</v>
      </c>
      <c r="C648" t="s">
        <v>6101</v>
      </c>
      <c r="D648" t="s">
        <v>11545</v>
      </c>
      <c r="E648" t="s">
        <v>16968</v>
      </c>
      <c r="G648" s="2"/>
    </row>
    <row r="649" spans="1:7" x14ac:dyDescent="0.25">
      <c r="A649" s="1">
        <v>647</v>
      </c>
      <c r="B649" t="s">
        <v>651</v>
      </c>
      <c r="C649" t="s">
        <v>6102</v>
      </c>
      <c r="D649" t="s">
        <v>11546</v>
      </c>
      <c r="E649" t="s">
        <v>16969</v>
      </c>
      <c r="G649" s="2"/>
    </row>
    <row r="650" spans="1:7" x14ac:dyDescent="0.25">
      <c r="A650" s="1">
        <v>648</v>
      </c>
      <c r="B650" t="s">
        <v>652</v>
      </c>
      <c r="C650" t="s">
        <v>6103</v>
      </c>
      <c r="D650" t="s">
        <v>11547</v>
      </c>
      <c r="E650" t="s">
        <v>16970</v>
      </c>
      <c r="G650" s="2"/>
    </row>
    <row r="651" spans="1:7" x14ac:dyDescent="0.25">
      <c r="A651" s="1">
        <v>649</v>
      </c>
      <c r="B651" t="s">
        <v>653</v>
      </c>
      <c r="C651" t="s">
        <v>6104</v>
      </c>
      <c r="D651" t="s">
        <v>11548</v>
      </c>
      <c r="E651" t="s">
        <v>16971</v>
      </c>
      <c r="G651" s="2"/>
    </row>
    <row r="652" spans="1:7" x14ac:dyDescent="0.25">
      <c r="A652" s="1">
        <v>650</v>
      </c>
      <c r="B652" t="s">
        <v>654</v>
      </c>
      <c r="C652" t="s">
        <v>6105</v>
      </c>
      <c r="D652" t="s">
        <v>11549</v>
      </c>
      <c r="E652" t="s">
        <v>16972</v>
      </c>
      <c r="G652" s="2"/>
    </row>
    <row r="653" spans="1:7" x14ac:dyDescent="0.25">
      <c r="A653" s="1">
        <v>651</v>
      </c>
      <c r="B653" t="s">
        <v>655</v>
      </c>
      <c r="C653" t="s">
        <v>6106</v>
      </c>
      <c r="D653" t="s">
        <v>11550</v>
      </c>
      <c r="E653" t="s">
        <v>16973</v>
      </c>
      <c r="G653" s="2"/>
    </row>
    <row r="654" spans="1:7" x14ac:dyDescent="0.25">
      <c r="A654" s="1">
        <v>652</v>
      </c>
      <c r="B654" t="s">
        <v>656</v>
      </c>
      <c r="C654" t="s">
        <v>6107</v>
      </c>
      <c r="D654" t="s">
        <v>11551</v>
      </c>
      <c r="E654" t="s">
        <v>16974</v>
      </c>
      <c r="G654" s="2"/>
    </row>
    <row r="655" spans="1:7" x14ac:dyDescent="0.25">
      <c r="A655" s="1">
        <v>653</v>
      </c>
      <c r="B655" t="s">
        <v>657</v>
      </c>
      <c r="C655" t="s">
        <v>6108</v>
      </c>
      <c r="D655" t="s">
        <v>11552</v>
      </c>
      <c r="E655" t="s">
        <v>16975</v>
      </c>
      <c r="G655" s="2"/>
    </row>
    <row r="656" spans="1:7" x14ac:dyDescent="0.25">
      <c r="A656" s="1">
        <v>654</v>
      </c>
      <c r="B656" t="s">
        <v>658</v>
      </c>
      <c r="C656" t="s">
        <v>6109</v>
      </c>
      <c r="D656" t="s">
        <v>11553</v>
      </c>
      <c r="E656" t="s">
        <v>16976</v>
      </c>
      <c r="G656" s="2"/>
    </row>
    <row r="657" spans="1:7" x14ac:dyDescent="0.25">
      <c r="A657" s="1">
        <v>655</v>
      </c>
      <c r="B657" t="s">
        <v>659</v>
      </c>
      <c r="C657" t="s">
        <v>6110</v>
      </c>
      <c r="D657" t="s">
        <v>11554</v>
      </c>
      <c r="E657" t="s">
        <v>16977</v>
      </c>
      <c r="G657" s="2"/>
    </row>
    <row r="658" spans="1:7" x14ac:dyDescent="0.25">
      <c r="A658" s="1">
        <v>656</v>
      </c>
      <c r="B658" t="s">
        <v>660</v>
      </c>
      <c r="C658" t="s">
        <v>6111</v>
      </c>
      <c r="D658" t="s">
        <v>11555</v>
      </c>
      <c r="E658" t="s">
        <v>16978</v>
      </c>
      <c r="G658" s="2"/>
    </row>
    <row r="659" spans="1:7" x14ac:dyDescent="0.25">
      <c r="A659" s="1">
        <v>657</v>
      </c>
      <c r="B659" t="s">
        <v>661</v>
      </c>
      <c r="C659" t="s">
        <v>6112</v>
      </c>
      <c r="D659" t="s">
        <v>11556</v>
      </c>
      <c r="E659" t="s">
        <v>16979</v>
      </c>
      <c r="G659" s="2"/>
    </row>
    <row r="660" spans="1:7" x14ac:dyDescent="0.25">
      <c r="A660" s="1">
        <v>658</v>
      </c>
      <c r="B660" t="s">
        <v>662</v>
      </c>
      <c r="C660" t="s">
        <v>6113</v>
      </c>
      <c r="D660" t="s">
        <v>11557</v>
      </c>
      <c r="E660" t="s">
        <v>16980</v>
      </c>
      <c r="G660" s="2"/>
    </row>
    <row r="661" spans="1:7" x14ac:dyDescent="0.25">
      <c r="A661" s="1">
        <v>659</v>
      </c>
      <c r="B661" t="s">
        <v>663</v>
      </c>
      <c r="C661" t="s">
        <v>6114</v>
      </c>
      <c r="D661" t="s">
        <v>11558</v>
      </c>
      <c r="E661" t="s">
        <v>16981</v>
      </c>
      <c r="G661" s="2"/>
    </row>
    <row r="662" spans="1:7" x14ac:dyDescent="0.25">
      <c r="A662" s="1">
        <v>660</v>
      </c>
      <c r="B662" t="s">
        <v>664</v>
      </c>
      <c r="C662" t="s">
        <v>6115</v>
      </c>
      <c r="D662" t="s">
        <v>11559</v>
      </c>
      <c r="E662" t="s">
        <v>16982</v>
      </c>
      <c r="G662" s="2"/>
    </row>
    <row r="663" spans="1:7" x14ac:dyDescent="0.25">
      <c r="A663" s="1">
        <v>661</v>
      </c>
      <c r="B663" t="s">
        <v>665</v>
      </c>
      <c r="C663" t="s">
        <v>6116</v>
      </c>
      <c r="D663" t="s">
        <v>11560</v>
      </c>
      <c r="E663" t="s">
        <v>16983</v>
      </c>
      <c r="G663" s="2"/>
    </row>
    <row r="664" spans="1:7" x14ac:dyDescent="0.25">
      <c r="A664" s="1">
        <v>662</v>
      </c>
      <c r="B664" t="s">
        <v>666</v>
      </c>
      <c r="C664" t="s">
        <v>6117</v>
      </c>
      <c r="D664" t="s">
        <v>11561</v>
      </c>
      <c r="E664" t="s">
        <v>16984</v>
      </c>
      <c r="G664" s="2"/>
    </row>
    <row r="665" spans="1:7" x14ac:dyDescent="0.25">
      <c r="A665" s="1">
        <v>663</v>
      </c>
      <c r="B665" t="s">
        <v>667</v>
      </c>
      <c r="C665" t="s">
        <v>6118</v>
      </c>
      <c r="D665" t="s">
        <v>11562</v>
      </c>
      <c r="E665" t="s">
        <v>16985</v>
      </c>
      <c r="G665" s="2"/>
    </row>
    <row r="666" spans="1:7" x14ac:dyDescent="0.25">
      <c r="A666" s="1">
        <v>664</v>
      </c>
      <c r="B666" t="s">
        <v>668</v>
      </c>
      <c r="C666" t="s">
        <v>6119</v>
      </c>
      <c r="D666" t="s">
        <v>11563</v>
      </c>
      <c r="E666" t="s">
        <v>16986</v>
      </c>
      <c r="G666" s="2"/>
    </row>
    <row r="667" spans="1:7" x14ac:dyDescent="0.25">
      <c r="A667" s="1">
        <v>665</v>
      </c>
      <c r="B667" t="s">
        <v>669</v>
      </c>
      <c r="C667" t="s">
        <v>6120</v>
      </c>
      <c r="D667" t="s">
        <v>11564</v>
      </c>
      <c r="E667" t="s">
        <v>16987</v>
      </c>
      <c r="G667" s="2"/>
    </row>
    <row r="668" spans="1:7" x14ac:dyDescent="0.25">
      <c r="A668" s="1">
        <v>666</v>
      </c>
      <c r="B668" t="s">
        <v>670</v>
      </c>
      <c r="C668" t="s">
        <v>6121</v>
      </c>
      <c r="D668" t="s">
        <v>11565</v>
      </c>
      <c r="E668" t="s">
        <v>16988</v>
      </c>
      <c r="G668" s="2"/>
    </row>
    <row r="669" spans="1:7" x14ac:dyDescent="0.25">
      <c r="A669" s="1">
        <v>667</v>
      </c>
      <c r="B669" t="s">
        <v>671</v>
      </c>
      <c r="C669" t="s">
        <v>6122</v>
      </c>
      <c r="D669" t="s">
        <v>11566</v>
      </c>
      <c r="E669" t="s">
        <v>16989</v>
      </c>
      <c r="G669" s="2"/>
    </row>
    <row r="670" spans="1:7" x14ac:dyDescent="0.25">
      <c r="A670" s="1">
        <v>668</v>
      </c>
      <c r="B670" t="s">
        <v>672</v>
      </c>
      <c r="C670" t="s">
        <v>6123</v>
      </c>
      <c r="D670" t="s">
        <v>11567</v>
      </c>
      <c r="E670" t="s">
        <v>16990</v>
      </c>
      <c r="G670" s="2"/>
    </row>
    <row r="671" spans="1:7" x14ac:dyDescent="0.25">
      <c r="A671" s="1">
        <v>669</v>
      </c>
      <c r="B671" t="s">
        <v>673</v>
      </c>
      <c r="C671" t="s">
        <v>6124</v>
      </c>
      <c r="D671" t="s">
        <v>11568</v>
      </c>
      <c r="E671" t="s">
        <v>16991</v>
      </c>
      <c r="G671" s="2"/>
    </row>
    <row r="672" spans="1:7" x14ac:dyDescent="0.25">
      <c r="A672" s="1">
        <v>670</v>
      </c>
      <c r="B672" t="s">
        <v>674</v>
      </c>
      <c r="C672" t="s">
        <v>6125</v>
      </c>
      <c r="D672" t="s">
        <v>11569</v>
      </c>
      <c r="E672" t="s">
        <v>16992</v>
      </c>
      <c r="G672" s="2"/>
    </row>
    <row r="673" spans="1:7" x14ac:dyDescent="0.25">
      <c r="A673" s="1">
        <v>671</v>
      </c>
      <c r="B673" t="s">
        <v>675</v>
      </c>
      <c r="C673" t="s">
        <v>6126</v>
      </c>
      <c r="D673" t="s">
        <v>11570</v>
      </c>
      <c r="E673" t="s">
        <v>16993</v>
      </c>
      <c r="G673" s="2"/>
    </row>
    <row r="674" spans="1:7" x14ac:dyDescent="0.25">
      <c r="A674" s="1">
        <v>672</v>
      </c>
      <c r="B674" t="s">
        <v>676</v>
      </c>
      <c r="C674" t="s">
        <v>6127</v>
      </c>
      <c r="D674" t="s">
        <v>11571</v>
      </c>
      <c r="E674" t="s">
        <v>16994</v>
      </c>
      <c r="G674" s="2"/>
    </row>
    <row r="675" spans="1:7" x14ac:dyDescent="0.25">
      <c r="A675" s="1">
        <v>673</v>
      </c>
      <c r="B675" t="s">
        <v>677</v>
      </c>
      <c r="C675" t="s">
        <v>6128</v>
      </c>
      <c r="D675" t="s">
        <v>11572</v>
      </c>
      <c r="E675" t="s">
        <v>16995</v>
      </c>
      <c r="G675" s="2"/>
    </row>
    <row r="676" spans="1:7" x14ac:dyDescent="0.25">
      <c r="A676" s="1">
        <v>674</v>
      </c>
      <c r="B676" t="s">
        <v>678</v>
      </c>
      <c r="C676" t="s">
        <v>6129</v>
      </c>
      <c r="D676" t="s">
        <v>11573</v>
      </c>
      <c r="E676" t="s">
        <v>16996</v>
      </c>
      <c r="G676" s="2"/>
    </row>
    <row r="677" spans="1:7" x14ac:dyDescent="0.25">
      <c r="A677" s="1">
        <v>675</v>
      </c>
      <c r="B677" t="s">
        <v>679</v>
      </c>
      <c r="C677" t="s">
        <v>6130</v>
      </c>
      <c r="D677" t="s">
        <v>11574</v>
      </c>
      <c r="E677" t="s">
        <v>16997</v>
      </c>
      <c r="G677" s="2"/>
    </row>
    <row r="678" spans="1:7" x14ac:dyDescent="0.25">
      <c r="A678" s="1">
        <v>676</v>
      </c>
      <c r="B678" t="s">
        <v>680</v>
      </c>
      <c r="C678" t="s">
        <v>6131</v>
      </c>
      <c r="D678" t="s">
        <v>11575</v>
      </c>
      <c r="E678" t="s">
        <v>16998</v>
      </c>
      <c r="G678" s="2"/>
    </row>
    <row r="679" spans="1:7" x14ac:dyDescent="0.25">
      <c r="A679" s="1">
        <v>677</v>
      </c>
      <c r="B679" t="s">
        <v>681</v>
      </c>
      <c r="C679" t="s">
        <v>6132</v>
      </c>
      <c r="D679" t="s">
        <v>11576</v>
      </c>
      <c r="E679" t="s">
        <v>16999</v>
      </c>
      <c r="G679" s="2"/>
    </row>
    <row r="680" spans="1:7" x14ac:dyDescent="0.25">
      <c r="A680" s="1">
        <v>678</v>
      </c>
      <c r="B680" t="s">
        <v>682</v>
      </c>
      <c r="C680" t="s">
        <v>6133</v>
      </c>
      <c r="D680" t="s">
        <v>11577</v>
      </c>
      <c r="E680" t="s">
        <v>17000</v>
      </c>
      <c r="G680" s="2"/>
    </row>
    <row r="681" spans="1:7" x14ac:dyDescent="0.25">
      <c r="A681" s="1">
        <v>679</v>
      </c>
      <c r="B681" t="s">
        <v>683</v>
      </c>
      <c r="C681" t="s">
        <v>6134</v>
      </c>
      <c r="D681" t="s">
        <v>11578</v>
      </c>
      <c r="E681" t="s">
        <v>17001</v>
      </c>
      <c r="G681" s="2"/>
    </row>
    <row r="682" spans="1:7" x14ac:dyDescent="0.25">
      <c r="A682" s="1">
        <v>680</v>
      </c>
      <c r="B682" t="s">
        <v>684</v>
      </c>
      <c r="C682" t="s">
        <v>6135</v>
      </c>
      <c r="D682" t="s">
        <v>11579</v>
      </c>
      <c r="E682" t="s">
        <v>17002</v>
      </c>
      <c r="G682" s="2"/>
    </row>
    <row r="683" spans="1:7" x14ac:dyDescent="0.25">
      <c r="A683" s="1">
        <v>681</v>
      </c>
      <c r="B683" t="s">
        <v>685</v>
      </c>
      <c r="C683" t="s">
        <v>6136</v>
      </c>
      <c r="D683" t="s">
        <v>11580</v>
      </c>
      <c r="E683" t="s">
        <v>17003</v>
      </c>
      <c r="G683" s="2"/>
    </row>
    <row r="684" spans="1:7" x14ac:dyDescent="0.25">
      <c r="A684" s="1">
        <v>682</v>
      </c>
      <c r="B684" t="s">
        <v>686</v>
      </c>
      <c r="C684" t="s">
        <v>6137</v>
      </c>
      <c r="D684" t="s">
        <v>11581</v>
      </c>
      <c r="E684" t="s">
        <v>17004</v>
      </c>
      <c r="G684" s="2"/>
    </row>
    <row r="685" spans="1:7" x14ac:dyDescent="0.25">
      <c r="A685" s="1">
        <v>683</v>
      </c>
      <c r="B685" t="s">
        <v>687</v>
      </c>
      <c r="C685" t="s">
        <v>6138</v>
      </c>
      <c r="D685" t="s">
        <v>11582</v>
      </c>
      <c r="E685" t="s">
        <v>17005</v>
      </c>
      <c r="G685" s="2"/>
    </row>
    <row r="686" spans="1:7" x14ac:dyDescent="0.25">
      <c r="A686" s="1">
        <v>684</v>
      </c>
      <c r="B686" t="s">
        <v>688</v>
      </c>
      <c r="C686" t="s">
        <v>6139</v>
      </c>
      <c r="D686" t="s">
        <v>11583</v>
      </c>
      <c r="E686" t="s">
        <v>17006</v>
      </c>
      <c r="G686" s="2"/>
    </row>
    <row r="687" spans="1:7" x14ac:dyDescent="0.25">
      <c r="A687" s="1">
        <v>685</v>
      </c>
      <c r="B687" t="s">
        <v>689</v>
      </c>
      <c r="C687" t="s">
        <v>6140</v>
      </c>
      <c r="D687" t="s">
        <v>11584</v>
      </c>
      <c r="E687" t="s">
        <v>17007</v>
      </c>
      <c r="G687" s="2"/>
    </row>
    <row r="688" spans="1:7" x14ac:dyDescent="0.25">
      <c r="A688" s="1">
        <v>686</v>
      </c>
      <c r="B688" t="s">
        <v>690</v>
      </c>
      <c r="C688" t="s">
        <v>6141</v>
      </c>
      <c r="D688" t="s">
        <v>11585</v>
      </c>
      <c r="E688" t="s">
        <v>17008</v>
      </c>
      <c r="G688" s="2"/>
    </row>
    <row r="689" spans="1:7" x14ac:dyDescent="0.25">
      <c r="A689" s="1">
        <v>687</v>
      </c>
      <c r="B689" t="s">
        <v>691</v>
      </c>
      <c r="C689" t="s">
        <v>6142</v>
      </c>
      <c r="D689" t="s">
        <v>11586</v>
      </c>
      <c r="E689" t="s">
        <v>17009</v>
      </c>
      <c r="G689" s="2"/>
    </row>
    <row r="690" spans="1:7" x14ac:dyDescent="0.25">
      <c r="A690" s="1">
        <v>688</v>
      </c>
      <c r="B690" t="s">
        <v>692</v>
      </c>
      <c r="C690" t="s">
        <v>6143</v>
      </c>
      <c r="D690" t="s">
        <v>11587</v>
      </c>
      <c r="E690" t="s">
        <v>17010</v>
      </c>
      <c r="G690" s="2"/>
    </row>
    <row r="691" spans="1:7" x14ac:dyDescent="0.25">
      <c r="A691" s="1">
        <v>689</v>
      </c>
      <c r="B691" t="s">
        <v>693</v>
      </c>
      <c r="C691" t="s">
        <v>6144</v>
      </c>
      <c r="D691" t="s">
        <v>11588</v>
      </c>
      <c r="E691" t="s">
        <v>17011</v>
      </c>
      <c r="G691" s="2"/>
    </row>
    <row r="692" spans="1:7" x14ac:dyDescent="0.25">
      <c r="A692" s="1">
        <v>690</v>
      </c>
      <c r="B692" t="s">
        <v>694</v>
      </c>
      <c r="C692" t="s">
        <v>6145</v>
      </c>
      <c r="D692" t="s">
        <v>11589</v>
      </c>
      <c r="E692" t="s">
        <v>17012</v>
      </c>
      <c r="G692" s="2"/>
    </row>
    <row r="693" spans="1:7" x14ac:dyDescent="0.25">
      <c r="A693" s="1">
        <v>691</v>
      </c>
      <c r="B693" t="s">
        <v>695</v>
      </c>
      <c r="C693" t="s">
        <v>6146</v>
      </c>
      <c r="D693" t="s">
        <v>11590</v>
      </c>
      <c r="E693" t="s">
        <v>17013</v>
      </c>
      <c r="G693" s="2"/>
    </row>
    <row r="694" spans="1:7" x14ac:dyDescent="0.25">
      <c r="A694" s="1">
        <v>692</v>
      </c>
      <c r="B694" t="s">
        <v>696</v>
      </c>
      <c r="C694" t="s">
        <v>6147</v>
      </c>
      <c r="D694" t="s">
        <v>11591</v>
      </c>
      <c r="E694" t="s">
        <v>17014</v>
      </c>
      <c r="G694" s="2"/>
    </row>
    <row r="695" spans="1:7" x14ac:dyDescent="0.25">
      <c r="A695" s="1">
        <v>693</v>
      </c>
      <c r="B695" t="s">
        <v>697</v>
      </c>
      <c r="C695" t="s">
        <v>6148</v>
      </c>
      <c r="D695" t="s">
        <v>11592</v>
      </c>
      <c r="E695" t="s">
        <v>17015</v>
      </c>
      <c r="G695" s="2"/>
    </row>
    <row r="696" spans="1:7" x14ac:dyDescent="0.25">
      <c r="A696" s="1">
        <v>694</v>
      </c>
      <c r="B696" t="s">
        <v>698</v>
      </c>
      <c r="C696" t="s">
        <v>6149</v>
      </c>
      <c r="D696" t="s">
        <v>11593</v>
      </c>
      <c r="E696" t="s">
        <v>17016</v>
      </c>
      <c r="G696" s="2"/>
    </row>
    <row r="697" spans="1:7" x14ac:dyDescent="0.25">
      <c r="A697" s="1">
        <v>695</v>
      </c>
      <c r="B697" t="s">
        <v>699</v>
      </c>
      <c r="C697" t="s">
        <v>6150</v>
      </c>
      <c r="D697" t="s">
        <v>11594</v>
      </c>
      <c r="E697" t="s">
        <v>17017</v>
      </c>
      <c r="G697" s="2"/>
    </row>
    <row r="698" spans="1:7" x14ac:dyDescent="0.25">
      <c r="A698" s="1">
        <v>696</v>
      </c>
      <c r="B698" t="s">
        <v>700</v>
      </c>
      <c r="C698" t="s">
        <v>6151</v>
      </c>
      <c r="D698" t="s">
        <v>11595</v>
      </c>
      <c r="E698" t="s">
        <v>17018</v>
      </c>
      <c r="G698" s="2"/>
    </row>
    <row r="699" spans="1:7" x14ac:dyDescent="0.25">
      <c r="A699" s="1">
        <v>697</v>
      </c>
      <c r="B699" t="s">
        <v>701</v>
      </c>
      <c r="C699" t="s">
        <v>6152</v>
      </c>
      <c r="D699" t="s">
        <v>11596</v>
      </c>
      <c r="E699" t="s">
        <v>17019</v>
      </c>
      <c r="G699" s="2"/>
    </row>
    <row r="700" spans="1:7" x14ac:dyDescent="0.25">
      <c r="A700" s="1">
        <v>698</v>
      </c>
      <c r="B700" t="s">
        <v>702</v>
      </c>
      <c r="C700" t="s">
        <v>6153</v>
      </c>
      <c r="D700" t="s">
        <v>11597</v>
      </c>
      <c r="E700" t="s">
        <v>17020</v>
      </c>
      <c r="G700" s="2"/>
    </row>
    <row r="701" spans="1:7" x14ac:dyDescent="0.25">
      <c r="A701" s="1">
        <v>699</v>
      </c>
      <c r="B701" t="s">
        <v>703</v>
      </c>
      <c r="C701" t="s">
        <v>6154</v>
      </c>
      <c r="D701" t="s">
        <v>11598</v>
      </c>
      <c r="E701" t="s">
        <v>17021</v>
      </c>
      <c r="G701" s="2"/>
    </row>
    <row r="702" spans="1:7" x14ac:dyDescent="0.25">
      <c r="A702" s="1">
        <v>700</v>
      </c>
      <c r="B702" t="s">
        <v>704</v>
      </c>
      <c r="C702" t="s">
        <v>6155</v>
      </c>
      <c r="D702" t="s">
        <v>11599</v>
      </c>
      <c r="E702" t="s">
        <v>17022</v>
      </c>
      <c r="G702" s="2"/>
    </row>
    <row r="703" spans="1:7" x14ac:dyDescent="0.25">
      <c r="A703" s="1">
        <v>701</v>
      </c>
      <c r="B703" t="s">
        <v>705</v>
      </c>
      <c r="C703" t="s">
        <v>6156</v>
      </c>
      <c r="D703" t="s">
        <v>11600</v>
      </c>
      <c r="E703" t="s">
        <v>17023</v>
      </c>
      <c r="G703" s="2"/>
    </row>
    <row r="704" spans="1:7" x14ac:dyDescent="0.25">
      <c r="A704" s="1">
        <v>702</v>
      </c>
      <c r="B704" t="s">
        <v>706</v>
      </c>
      <c r="C704" t="s">
        <v>6157</v>
      </c>
      <c r="D704" t="s">
        <v>11601</v>
      </c>
      <c r="E704" t="s">
        <v>17024</v>
      </c>
      <c r="G704" s="2"/>
    </row>
    <row r="705" spans="1:7" x14ac:dyDescent="0.25">
      <c r="A705" s="1">
        <v>703</v>
      </c>
      <c r="B705" t="s">
        <v>707</v>
      </c>
      <c r="C705" t="s">
        <v>6158</v>
      </c>
      <c r="D705" t="s">
        <v>11602</v>
      </c>
      <c r="E705" t="s">
        <v>17025</v>
      </c>
      <c r="G705" s="2"/>
    </row>
    <row r="706" spans="1:7" x14ac:dyDescent="0.25">
      <c r="A706" s="1">
        <v>704</v>
      </c>
      <c r="B706" t="s">
        <v>708</v>
      </c>
      <c r="C706" t="s">
        <v>6159</v>
      </c>
      <c r="D706" t="s">
        <v>11603</v>
      </c>
      <c r="E706" t="s">
        <v>17026</v>
      </c>
      <c r="G706" s="2"/>
    </row>
    <row r="707" spans="1:7" x14ac:dyDescent="0.25">
      <c r="A707" s="1">
        <v>705</v>
      </c>
      <c r="B707" t="s">
        <v>709</v>
      </c>
      <c r="C707" t="s">
        <v>6160</v>
      </c>
      <c r="D707" t="s">
        <v>11604</v>
      </c>
      <c r="E707" t="s">
        <v>17027</v>
      </c>
      <c r="G707" s="2"/>
    </row>
    <row r="708" spans="1:7" x14ac:dyDescent="0.25">
      <c r="A708" s="1">
        <v>706</v>
      </c>
      <c r="B708" t="s">
        <v>710</v>
      </c>
      <c r="C708" t="s">
        <v>6161</v>
      </c>
      <c r="D708" t="s">
        <v>11605</v>
      </c>
      <c r="E708" t="s">
        <v>16555</v>
      </c>
      <c r="G708" s="2"/>
    </row>
    <row r="709" spans="1:7" x14ac:dyDescent="0.25">
      <c r="A709" s="1">
        <v>707</v>
      </c>
      <c r="B709" t="s">
        <v>711</v>
      </c>
      <c r="C709" t="s">
        <v>6162</v>
      </c>
      <c r="D709" t="s">
        <v>11606</v>
      </c>
      <c r="E709" t="s">
        <v>17028</v>
      </c>
      <c r="G709" s="2"/>
    </row>
    <row r="710" spans="1:7" x14ac:dyDescent="0.25">
      <c r="A710" s="1">
        <v>708</v>
      </c>
      <c r="B710" t="s">
        <v>712</v>
      </c>
      <c r="C710" t="s">
        <v>6163</v>
      </c>
      <c r="D710" t="s">
        <v>11607</v>
      </c>
      <c r="E710" t="s">
        <v>17029</v>
      </c>
      <c r="G710" s="2"/>
    </row>
    <row r="711" spans="1:7" x14ac:dyDescent="0.25">
      <c r="A711" s="1">
        <v>709</v>
      </c>
      <c r="B711" t="s">
        <v>713</v>
      </c>
      <c r="C711" t="s">
        <v>6164</v>
      </c>
      <c r="D711" t="s">
        <v>11608</v>
      </c>
      <c r="E711" t="s">
        <v>17030</v>
      </c>
      <c r="G711" s="2"/>
    </row>
    <row r="712" spans="1:7" x14ac:dyDescent="0.25">
      <c r="A712" s="1">
        <v>710</v>
      </c>
      <c r="B712" t="s">
        <v>714</v>
      </c>
      <c r="C712" t="s">
        <v>6165</v>
      </c>
      <c r="D712" t="s">
        <v>11609</v>
      </c>
      <c r="E712" t="s">
        <v>17031</v>
      </c>
      <c r="G712" s="2"/>
    </row>
    <row r="713" spans="1:7" x14ac:dyDescent="0.25">
      <c r="A713" s="1">
        <v>711</v>
      </c>
      <c r="B713" t="s">
        <v>715</v>
      </c>
      <c r="C713" t="s">
        <v>6166</v>
      </c>
      <c r="D713" t="s">
        <v>11610</v>
      </c>
      <c r="E713" t="s">
        <v>17032</v>
      </c>
      <c r="G713" s="2"/>
    </row>
    <row r="714" spans="1:7" x14ac:dyDescent="0.25">
      <c r="A714" s="1">
        <v>712</v>
      </c>
      <c r="B714" t="s">
        <v>716</v>
      </c>
      <c r="C714" t="s">
        <v>6167</v>
      </c>
      <c r="D714" t="s">
        <v>11611</v>
      </c>
      <c r="E714" t="s">
        <v>17033</v>
      </c>
      <c r="G714" s="2"/>
    </row>
    <row r="715" spans="1:7" x14ac:dyDescent="0.25">
      <c r="A715" s="1">
        <v>713</v>
      </c>
      <c r="B715" t="s">
        <v>717</v>
      </c>
      <c r="C715" t="s">
        <v>6168</v>
      </c>
      <c r="D715" t="s">
        <v>11612</v>
      </c>
      <c r="E715" t="s">
        <v>17034</v>
      </c>
      <c r="G715" s="2"/>
    </row>
    <row r="716" spans="1:7" x14ac:dyDescent="0.25">
      <c r="A716" s="1">
        <v>714</v>
      </c>
      <c r="B716" t="s">
        <v>718</v>
      </c>
      <c r="C716" t="s">
        <v>6169</v>
      </c>
      <c r="D716" t="s">
        <v>11613</v>
      </c>
      <c r="E716" t="s">
        <v>17035</v>
      </c>
      <c r="G716" s="2"/>
    </row>
    <row r="717" spans="1:7" x14ac:dyDescent="0.25">
      <c r="A717" s="1">
        <v>715</v>
      </c>
      <c r="B717" t="s">
        <v>719</v>
      </c>
      <c r="C717" t="s">
        <v>6170</v>
      </c>
      <c r="D717" t="s">
        <v>11614</v>
      </c>
      <c r="E717" t="s">
        <v>16555</v>
      </c>
      <c r="G717" s="2"/>
    </row>
    <row r="718" spans="1:7" x14ac:dyDescent="0.25">
      <c r="A718" s="1">
        <v>716</v>
      </c>
      <c r="B718" t="s">
        <v>720</v>
      </c>
      <c r="C718" t="s">
        <v>6171</v>
      </c>
      <c r="D718" t="s">
        <v>11615</v>
      </c>
      <c r="E718" t="s">
        <v>17036</v>
      </c>
      <c r="G718" s="2"/>
    </row>
    <row r="719" spans="1:7" x14ac:dyDescent="0.25">
      <c r="A719" s="1">
        <v>717</v>
      </c>
      <c r="B719" t="s">
        <v>721</v>
      </c>
      <c r="C719" t="s">
        <v>6172</v>
      </c>
      <c r="D719" t="s">
        <v>11616</v>
      </c>
      <c r="E719" t="s">
        <v>17037</v>
      </c>
      <c r="G719" s="2"/>
    </row>
    <row r="720" spans="1:7" x14ac:dyDescent="0.25">
      <c r="A720" s="1">
        <v>718</v>
      </c>
      <c r="B720" t="s">
        <v>722</v>
      </c>
      <c r="C720" t="s">
        <v>6173</v>
      </c>
      <c r="D720" t="s">
        <v>11617</v>
      </c>
      <c r="E720" t="s">
        <v>17038</v>
      </c>
      <c r="G720" s="2"/>
    </row>
    <row r="721" spans="1:7" x14ac:dyDescent="0.25">
      <c r="A721" s="1">
        <v>719</v>
      </c>
      <c r="B721" t="s">
        <v>723</v>
      </c>
      <c r="C721" t="s">
        <v>6174</v>
      </c>
      <c r="D721" t="s">
        <v>11618</v>
      </c>
      <c r="E721" t="s">
        <v>17039</v>
      </c>
      <c r="G721" s="2"/>
    </row>
    <row r="722" spans="1:7" x14ac:dyDescent="0.25">
      <c r="A722" s="1">
        <v>720</v>
      </c>
      <c r="B722" t="s">
        <v>724</v>
      </c>
      <c r="C722" t="s">
        <v>6175</v>
      </c>
      <c r="D722" t="s">
        <v>11619</v>
      </c>
      <c r="E722" t="s">
        <v>17040</v>
      </c>
      <c r="G722" s="2"/>
    </row>
    <row r="723" spans="1:7" x14ac:dyDescent="0.25">
      <c r="A723" s="1">
        <v>721</v>
      </c>
      <c r="B723" t="s">
        <v>725</v>
      </c>
      <c r="C723" t="s">
        <v>6176</v>
      </c>
      <c r="D723" t="s">
        <v>11620</v>
      </c>
      <c r="E723" t="s">
        <v>17041</v>
      </c>
      <c r="G723" s="2"/>
    </row>
    <row r="724" spans="1:7" x14ac:dyDescent="0.25">
      <c r="A724" s="1">
        <v>722</v>
      </c>
      <c r="B724" t="s">
        <v>726</v>
      </c>
      <c r="C724" t="s">
        <v>6177</v>
      </c>
      <c r="D724" t="s">
        <v>11621</v>
      </c>
      <c r="E724" t="s">
        <v>17042</v>
      </c>
      <c r="G724" s="2"/>
    </row>
    <row r="725" spans="1:7" x14ac:dyDescent="0.25">
      <c r="A725" s="1">
        <v>723</v>
      </c>
      <c r="B725" t="s">
        <v>727</v>
      </c>
      <c r="C725" t="s">
        <v>6178</v>
      </c>
      <c r="D725" t="s">
        <v>11622</v>
      </c>
      <c r="E725" t="s">
        <v>17043</v>
      </c>
      <c r="G725" s="2"/>
    </row>
    <row r="726" spans="1:7" x14ac:dyDescent="0.25">
      <c r="A726" s="1">
        <v>724</v>
      </c>
      <c r="B726" t="s">
        <v>728</v>
      </c>
      <c r="C726" t="s">
        <v>6179</v>
      </c>
      <c r="D726" t="s">
        <v>11623</v>
      </c>
      <c r="E726" t="s">
        <v>17044</v>
      </c>
      <c r="G726" s="2"/>
    </row>
    <row r="727" spans="1:7" x14ac:dyDescent="0.25">
      <c r="A727" s="1">
        <v>725</v>
      </c>
      <c r="B727" t="s">
        <v>729</v>
      </c>
      <c r="C727" t="s">
        <v>6180</v>
      </c>
      <c r="D727" t="s">
        <v>11624</v>
      </c>
      <c r="E727" t="s">
        <v>16347</v>
      </c>
      <c r="G727" s="2"/>
    </row>
    <row r="728" spans="1:7" x14ac:dyDescent="0.25">
      <c r="A728" s="1">
        <v>726</v>
      </c>
      <c r="B728" t="s">
        <v>730</v>
      </c>
      <c r="C728" t="s">
        <v>6181</v>
      </c>
      <c r="D728" t="s">
        <v>11625</v>
      </c>
      <c r="E728" t="s">
        <v>17045</v>
      </c>
      <c r="G728" s="2"/>
    </row>
    <row r="729" spans="1:7" x14ac:dyDescent="0.25">
      <c r="A729" s="1">
        <v>727</v>
      </c>
      <c r="B729" t="s">
        <v>731</v>
      </c>
      <c r="C729" t="s">
        <v>6182</v>
      </c>
      <c r="D729" t="s">
        <v>11626</v>
      </c>
      <c r="E729" t="s">
        <v>17046</v>
      </c>
      <c r="G729" s="2"/>
    </row>
    <row r="730" spans="1:7" x14ac:dyDescent="0.25">
      <c r="A730" s="1">
        <v>728</v>
      </c>
      <c r="B730" t="s">
        <v>732</v>
      </c>
      <c r="C730" t="s">
        <v>6183</v>
      </c>
      <c r="D730" t="s">
        <v>11627</v>
      </c>
      <c r="E730" t="s">
        <v>17047</v>
      </c>
      <c r="G730" s="2"/>
    </row>
    <row r="731" spans="1:7" x14ac:dyDescent="0.25">
      <c r="A731" s="1">
        <v>729</v>
      </c>
      <c r="B731" t="s">
        <v>733</v>
      </c>
      <c r="C731" t="s">
        <v>6184</v>
      </c>
      <c r="D731" t="s">
        <v>11628</v>
      </c>
      <c r="E731" t="s">
        <v>17048</v>
      </c>
      <c r="G731" s="2"/>
    </row>
    <row r="732" spans="1:7" x14ac:dyDescent="0.25">
      <c r="A732" s="1">
        <v>730</v>
      </c>
      <c r="B732" t="s">
        <v>734</v>
      </c>
      <c r="C732" t="s">
        <v>6185</v>
      </c>
      <c r="D732" t="s">
        <v>11629</v>
      </c>
      <c r="E732" t="s">
        <v>17049</v>
      </c>
      <c r="G732" s="2"/>
    </row>
    <row r="733" spans="1:7" x14ac:dyDescent="0.25">
      <c r="A733" s="1">
        <v>731</v>
      </c>
      <c r="B733" t="s">
        <v>735</v>
      </c>
      <c r="C733" t="s">
        <v>6186</v>
      </c>
      <c r="D733" t="s">
        <v>11630</v>
      </c>
      <c r="E733" t="s">
        <v>17050</v>
      </c>
      <c r="G733" s="2"/>
    </row>
    <row r="734" spans="1:7" x14ac:dyDescent="0.25">
      <c r="A734" s="1">
        <v>732</v>
      </c>
      <c r="B734" t="s">
        <v>736</v>
      </c>
      <c r="C734" t="s">
        <v>6187</v>
      </c>
      <c r="D734" t="s">
        <v>11631</v>
      </c>
      <c r="E734" t="s">
        <v>17051</v>
      </c>
      <c r="G734" s="2"/>
    </row>
    <row r="735" spans="1:7" x14ac:dyDescent="0.25">
      <c r="A735" s="1">
        <v>733</v>
      </c>
      <c r="B735" t="s">
        <v>737</v>
      </c>
      <c r="C735" t="s">
        <v>6188</v>
      </c>
      <c r="D735" t="s">
        <v>11632</v>
      </c>
      <c r="E735" t="s">
        <v>16731</v>
      </c>
      <c r="G735" s="2"/>
    </row>
    <row r="736" spans="1:7" x14ac:dyDescent="0.25">
      <c r="A736" s="1">
        <v>734</v>
      </c>
      <c r="B736" t="s">
        <v>738</v>
      </c>
      <c r="C736" t="s">
        <v>6189</v>
      </c>
      <c r="D736" t="s">
        <v>11633</v>
      </c>
      <c r="E736" t="s">
        <v>17052</v>
      </c>
      <c r="G736" s="2"/>
    </row>
    <row r="737" spans="1:7" x14ac:dyDescent="0.25">
      <c r="A737" s="1">
        <v>735</v>
      </c>
      <c r="B737" t="s">
        <v>739</v>
      </c>
      <c r="C737" t="s">
        <v>6190</v>
      </c>
      <c r="D737" t="s">
        <v>11634</v>
      </c>
      <c r="E737" t="s">
        <v>17053</v>
      </c>
      <c r="G737" s="2"/>
    </row>
    <row r="738" spans="1:7" x14ac:dyDescent="0.25">
      <c r="A738" s="1">
        <v>736</v>
      </c>
      <c r="B738" t="s">
        <v>740</v>
      </c>
      <c r="C738" t="s">
        <v>6191</v>
      </c>
      <c r="D738" t="s">
        <v>11635</v>
      </c>
      <c r="E738" t="s">
        <v>17054</v>
      </c>
      <c r="G738" s="2"/>
    </row>
    <row r="739" spans="1:7" x14ac:dyDescent="0.25">
      <c r="A739" s="1">
        <v>737</v>
      </c>
      <c r="B739" t="s">
        <v>741</v>
      </c>
      <c r="C739" t="s">
        <v>6192</v>
      </c>
      <c r="D739" t="s">
        <v>11636</v>
      </c>
      <c r="E739" t="s">
        <v>17055</v>
      </c>
      <c r="G739" s="2"/>
    </row>
    <row r="740" spans="1:7" x14ac:dyDescent="0.25">
      <c r="A740" s="1">
        <v>738</v>
      </c>
      <c r="B740" t="s">
        <v>742</v>
      </c>
      <c r="C740" t="s">
        <v>6193</v>
      </c>
      <c r="D740" t="s">
        <v>11637</v>
      </c>
      <c r="E740" t="s">
        <v>17056</v>
      </c>
      <c r="G740" s="2"/>
    </row>
    <row r="741" spans="1:7" x14ac:dyDescent="0.25">
      <c r="A741" s="1">
        <v>739</v>
      </c>
      <c r="B741" t="s">
        <v>743</v>
      </c>
      <c r="C741" t="s">
        <v>6194</v>
      </c>
      <c r="D741" t="s">
        <v>11638</v>
      </c>
      <c r="E741" t="s">
        <v>17057</v>
      </c>
      <c r="G741" s="2"/>
    </row>
    <row r="742" spans="1:7" x14ac:dyDescent="0.25">
      <c r="A742" s="1">
        <v>740</v>
      </c>
      <c r="B742" t="s">
        <v>744</v>
      </c>
      <c r="C742" t="s">
        <v>6195</v>
      </c>
      <c r="D742" t="s">
        <v>11639</v>
      </c>
      <c r="E742" t="s">
        <v>17058</v>
      </c>
      <c r="G742" s="2"/>
    </row>
    <row r="743" spans="1:7" x14ac:dyDescent="0.25">
      <c r="A743" s="1">
        <v>741</v>
      </c>
      <c r="B743" t="s">
        <v>745</v>
      </c>
      <c r="C743" t="s">
        <v>6196</v>
      </c>
      <c r="D743" t="s">
        <v>11640</v>
      </c>
      <c r="E743" t="s">
        <v>17059</v>
      </c>
      <c r="G743" s="2"/>
    </row>
    <row r="744" spans="1:7" x14ac:dyDescent="0.25">
      <c r="A744" s="1">
        <v>742</v>
      </c>
      <c r="B744" t="s">
        <v>746</v>
      </c>
      <c r="C744" t="s">
        <v>6197</v>
      </c>
      <c r="D744" t="s">
        <v>11641</v>
      </c>
      <c r="E744" t="s">
        <v>17060</v>
      </c>
      <c r="G744" s="2"/>
    </row>
    <row r="745" spans="1:7" x14ac:dyDescent="0.25">
      <c r="A745" s="1">
        <v>743</v>
      </c>
      <c r="B745" t="s">
        <v>747</v>
      </c>
      <c r="C745" t="s">
        <v>6198</v>
      </c>
      <c r="D745" t="s">
        <v>11642</v>
      </c>
      <c r="E745" t="s">
        <v>17061</v>
      </c>
      <c r="G745" s="2"/>
    </row>
    <row r="746" spans="1:7" x14ac:dyDescent="0.25">
      <c r="A746" s="1">
        <v>744</v>
      </c>
      <c r="B746" t="s">
        <v>748</v>
      </c>
      <c r="C746" t="s">
        <v>6199</v>
      </c>
      <c r="D746" t="s">
        <v>11643</v>
      </c>
      <c r="E746" t="s">
        <v>17062</v>
      </c>
      <c r="G746" s="2"/>
    </row>
    <row r="747" spans="1:7" x14ac:dyDescent="0.25">
      <c r="A747" s="1">
        <v>745</v>
      </c>
      <c r="B747" t="s">
        <v>749</v>
      </c>
      <c r="C747" t="s">
        <v>6200</v>
      </c>
      <c r="D747" t="s">
        <v>11644</v>
      </c>
      <c r="E747" t="s">
        <v>17063</v>
      </c>
      <c r="G747" s="2"/>
    </row>
    <row r="748" spans="1:7" x14ac:dyDescent="0.25">
      <c r="A748" s="1">
        <v>746</v>
      </c>
      <c r="B748" t="s">
        <v>750</v>
      </c>
      <c r="C748" t="s">
        <v>6201</v>
      </c>
      <c r="D748" t="s">
        <v>11645</v>
      </c>
      <c r="E748" t="s">
        <v>17064</v>
      </c>
      <c r="G748" s="2"/>
    </row>
    <row r="749" spans="1:7" x14ac:dyDescent="0.25">
      <c r="A749" s="1">
        <v>747</v>
      </c>
      <c r="B749" t="s">
        <v>751</v>
      </c>
      <c r="C749" t="s">
        <v>6202</v>
      </c>
      <c r="D749" t="s">
        <v>11646</v>
      </c>
      <c r="E749" t="s">
        <v>17065</v>
      </c>
      <c r="G749" s="2"/>
    </row>
    <row r="750" spans="1:7" x14ac:dyDescent="0.25">
      <c r="A750" s="1">
        <v>748</v>
      </c>
      <c r="B750" t="s">
        <v>752</v>
      </c>
      <c r="C750" t="s">
        <v>6203</v>
      </c>
      <c r="D750" t="s">
        <v>11647</v>
      </c>
      <c r="E750" t="s">
        <v>17066</v>
      </c>
      <c r="G750" s="2"/>
    </row>
    <row r="751" spans="1:7" x14ac:dyDescent="0.25">
      <c r="A751" s="1">
        <v>749</v>
      </c>
      <c r="B751" t="s">
        <v>753</v>
      </c>
      <c r="C751" t="s">
        <v>6204</v>
      </c>
      <c r="D751" t="s">
        <v>11648</v>
      </c>
      <c r="E751" t="s">
        <v>17067</v>
      </c>
      <c r="G751" s="2"/>
    </row>
    <row r="752" spans="1:7" x14ac:dyDescent="0.25">
      <c r="A752" s="1">
        <v>750</v>
      </c>
      <c r="B752" t="s">
        <v>754</v>
      </c>
      <c r="C752" t="s">
        <v>6205</v>
      </c>
      <c r="D752" t="s">
        <v>11649</v>
      </c>
      <c r="E752" t="s">
        <v>17068</v>
      </c>
      <c r="G752" s="2"/>
    </row>
    <row r="753" spans="1:7" x14ac:dyDescent="0.25">
      <c r="A753" s="1">
        <v>751</v>
      </c>
      <c r="B753" t="s">
        <v>755</v>
      </c>
      <c r="C753" t="s">
        <v>6206</v>
      </c>
      <c r="D753" t="s">
        <v>11650</v>
      </c>
      <c r="E753" t="s">
        <v>17069</v>
      </c>
      <c r="G753" s="2"/>
    </row>
    <row r="754" spans="1:7" x14ac:dyDescent="0.25">
      <c r="A754" s="1">
        <v>752</v>
      </c>
      <c r="B754" t="s">
        <v>756</v>
      </c>
      <c r="C754" t="s">
        <v>6207</v>
      </c>
      <c r="D754" t="s">
        <v>11651</v>
      </c>
      <c r="E754" t="s">
        <v>17070</v>
      </c>
      <c r="G754" s="2"/>
    </row>
    <row r="755" spans="1:7" x14ac:dyDescent="0.25">
      <c r="A755" s="1">
        <v>753</v>
      </c>
      <c r="B755" t="s">
        <v>757</v>
      </c>
      <c r="C755" t="s">
        <v>6208</v>
      </c>
      <c r="D755" t="s">
        <v>11652</v>
      </c>
      <c r="E755" t="s">
        <v>17071</v>
      </c>
      <c r="G755" s="2"/>
    </row>
    <row r="756" spans="1:7" x14ac:dyDescent="0.25">
      <c r="A756" s="1">
        <v>754</v>
      </c>
      <c r="B756" t="s">
        <v>758</v>
      </c>
      <c r="C756" t="s">
        <v>6209</v>
      </c>
      <c r="D756" t="s">
        <v>11653</v>
      </c>
      <c r="E756" t="s">
        <v>17072</v>
      </c>
      <c r="G756" s="2"/>
    </row>
    <row r="757" spans="1:7" x14ac:dyDescent="0.25">
      <c r="A757" s="1">
        <v>755</v>
      </c>
      <c r="B757" t="s">
        <v>759</v>
      </c>
      <c r="C757" t="s">
        <v>6210</v>
      </c>
      <c r="D757" t="s">
        <v>11654</v>
      </c>
      <c r="E757" t="s">
        <v>17073</v>
      </c>
      <c r="G757" s="2"/>
    </row>
    <row r="758" spans="1:7" x14ac:dyDescent="0.25">
      <c r="A758" s="1">
        <v>756</v>
      </c>
      <c r="B758" t="s">
        <v>760</v>
      </c>
      <c r="C758" t="s">
        <v>6211</v>
      </c>
      <c r="D758" t="s">
        <v>11655</v>
      </c>
      <c r="E758" t="s">
        <v>17074</v>
      </c>
      <c r="G758" s="2"/>
    </row>
    <row r="759" spans="1:7" x14ac:dyDescent="0.25">
      <c r="A759" s="1">
        <v>757</v>
      </c>
      <c r="B759" t="s">
        <v>761</v>
      </c>
      <c r="C759" t="s">
        <v>6212</v>
      </c>
      <c r="D759" t="s">
        <v>11656</v>
      </c>
      <c r="E759" t="s">
        <v>17075</v>
      </c>
      <c r="G759" s="2"/>
    </row>
    <row r="760" spans="1:7" x14ac:dyDescent="0.25">
      <c r="A760" s="1">
        <v>758</v>
      </c>
      <c r="B760" t="s">
        <v>762</v>
      </c>
      <c r="C760" t="s">
        <v>6213</v>
      </c>
      <c r="D760" t="s">
        <v>11657</v>
      </c>
      <c r="E760" t="s">
        <v>16347</v>
      </c>
      <c r="G760" s="2"/>
    </row>
    <row r="761" spans="1:7" x14ac:dyDescent="0.25">
      <c r="A761" s="1">
        <v>759</v>
      </c>
      <c r="B761" t="s">
        <v>763</v>
      </c>
      <c r="C761" t="s">
        <v>6214</v>
      </c>
      <c r="D761" t="s">
        <v>11658</v>
      </c>
      <c r="E761" t="s">
        <v>17076</v>
      </c>
      <c r="G761" s="2"/>
    </row>
    <row r="762" spans="1:7" x14ac:dyDescent="0.25">
      <c r="A762" s="1">
        <v>760</v>
      </c>
      <c r="B762" t="s">
        <v>764</v>
      </c>
      <c r="C762" t="s">
        <v>6215</v>
      </c>
      <c r="D762" t="s">
        <v>11659</v>
      </c>
      <c r="E762" t="s">
        <v>17077</v>
      </c>
      <c r="G762" s="2"/>
    </row>
    <row r="763" spans="1:7" x14ac:dyDescent="0.25">
      <c r="A763" s="1">
        <v>761</v>
      </c>
      <c r="B763" t="s">
        <v>765</v>
      </c>
      <c r="C763" t="s">
        <v>6216</v>
      </c>
      <c r="D763" t="s">
        <v>11660</v>
      </c>
      <c r="E763" t="s">
        <v>17078</v>
      </c>
      <c r="G763" s="2"/>
    </row>
    <row r="764" spans="1:7" x14ac:dyDescent="0.25">
      <c r="A764" s="1">
        <v>762</v>
      </c>
      <c r="B764" t="s">
        <v>766</v>
      </c>
      <c r="C764" t="s">
        <v>6217</v>
      </c>
      <c r="D764" t="s">
        <v>11661</v>
      </c>
      <c r="E764" t="s">
        <v>17079</v>
      </c>
      <c r="G764" s="2"/>
    </row>
    <row r="765" spans="1:7" x14ac:dyDescent="0.25">
      <c r="A765" s="1">
        <v>763</v>
      </c>
      <c r="B765" t="s">
        <v>767</v>
      </c>
      <c r="C765" t="s">
        <v>6218</v>
      </c>
      <c r="D765" t="s">
        <v>11662</v>
      </c>
      <c r="E765" t="s">
        <v>17080</v>
      </c>
      <c r="G765" s="2"/>
    </row>
    <row r="766" spans="1:7" x14ac:dyDescent="0.25">
      <c r="A766" s="1">
        <v>764</v>
      </c>
      <c r="B766" t="s">
        <v>768</v>
      </c>
      <c r="C766" t="s">
        <v>6219</v>
      </c>
      <c r="D766" t="s">
        <v>11663</v>
      </c>
      <c r="E766" t="s">
        <v>17081</v>
      </c>
      <c r="G766" s="2"/>
    </row>
    <row r="767" spans="1:7" x14ac:dyDescent="0.25">
      <c r="A767" s="1">
        <v>765</v>
      </c>
      <c r="B767" t="s">
        <v>769</v>
      </c>
      <c r="C767" t="s">
        <v>6220</v>
      </c>
      <c r="D767" t="s">
        <v>11664</v>
      </c>
      <c r="E767" t="s">
        <v>17082</v>
      </c>
      <c r="G767" s="2"/>
    </row>
    <row r="768" spans="1:7" x14ac:dyDescent="0.25">
      <c r="A768" s="1">
        <v>766</v>
      </c>
      <c r="B768" t="s">
        <v>770</v>
      </c>
      <c r="C768" t="s">
        <v>6221</v>
      </c>
      <c r="D768" t="s">
        <v>11665</v>
      </c>
      <c r="E768" t="s">
        <v>17083</v>
      </c>
      <c r="G768" s="2"/>
    </row>
    <row r="769" spans="1:7" x14ac:dyDescent="0.25">
      <c r="A769" s="1">
        <v>767</v>
      </c>
      <c r="B769" t="s">
        <v>771</v>
      </c>
      <c r="C769" t="s">
        <v>6222</v>
      </c>
      <c r="D769" t="s">
        <v>11666</v>
      </c>
      <c r="E769" t="s">
        <v>17084</v>
      </c>
      <c r="G769" s="2"/>
    </row>
    <row r="770" spans="1:7" x14ac:dyDescent="0.25">
      <c r="A770" s="1">
        <v>768</v>
      </c>
      <c r="B770" t="s">
        <v>772</v>
      </c>
      <c r="C770" t="s">
        <v>6223</v>
      </c>
      <c r="D770" t="s">
        <v>11667</v>
      </c>
      <c r="E770" t="s">
        <v>17085</v>
      </c>
      <c r="G770" s="2"/>
    </row>
    <row r="771" spans="1:7" x14ac:dyDescent="0.25">
      <c r="A771" s="1">
        <v>769</v>
      </c>
      <c r="B771" t="s">
        <v>773</v>
      </c>
      <c r="C771" t="s">
        <v>6224</v>
      </c>
      <c r="D771" t="s">
        <v>11668</v>
      </c>
      <c r="E771" t="s">
        <v>17086</v>
      </c>
      <c r="G771" s="2"/>
    </row>
    <row r="772" spans="1:7" x14ac:dyDescent="0.25">
      <c r="A772" s="1">
        <v>770</v>
      </c>
      <c r="B772" t="s">
        <v>774</v>
      </c>
      <c r="C772" t="s">
        <v>6225</v>
      </c>
      <c r="D772" t="s">
        <v>11669</v>
      </c>
      <c r="E772" t="s">
        <v>17087</v>
      </c>
      <c r="G772" s="2"/>
    </row>
    <row r="773" spans="1:7" x14ac:dyDescent="0.25">
      <c r="A773" s="1">
        <v>771</v>
      </c>
      <c r="B773" t="s">
        <v>775</v>
      </c>
      <c r="C773" t="s">
        <v>6226</v>
      </c>
      <c r="D773" t="s">
        <v>11670</v>
      </c>
      <c r="E773" t="s">
        <v>17088</v>
      </c>
      <c r="G773" s="2"/>
    </row>
    <row r="774" spans="1:7" x14ac:dyDescent="0.25">
      <c r="A774" s="1">
        <v>772</v>
      </c>
      <c r="B774" t="s">
        <v>776</v>
      </c>
      <c r="C774" t="s">
        <v>6227</v>
      </c>
      <c r="D774" t="s">
        <v>11671</v>
      </c>
      <c r="E774" t="s">
        <v>17089</v>
      </c>
      <c r="G774" s="2"/>
    </row>
    <row r="775" spans="1:7" x14ac:dyDescent="0.25">
      <c r="A775" s="1">
        <v>773</v>
      </c>
      <c r="B775" t="s">
        <v>777</v>
      </c>
      <c r="C775" t="s">
        <v>6228</v>
      </c>
      <c r="D775" t="s">
        <v>11672</v>
      </c>
      <c r="E775" t="s">
        <v>17090</v>
      </c>
      <c r="G775" s="2"/>
    </row>
    <row r="776" spans="1:7" x14ac:dyDescent="0.25">
      <c r="A776" s="1">
        <v>774</v>
      </c>
      <c r="B776" t="s">
        <v>778</v>
      </c>
      <c r="C776" t="s">
        <v>6229</v>
      </c>
      <c r="D776" t="s">
        <v>11673</v>
      </c>
      <c r="E776" t="s">
        <v>17091</v>
      </c>
      <c r="G776" s="2"/>
    </row>
    <row r="777" spans="1:7" x14ac:dyDescent="0.25">
      <c r="A777" s="1">
        <v>775</v>
      </c>
      <c r="B777" t="s">
        <v>779</v>
      </c>
      <c r="C777" t="s">
        <v>6230</v>
      </c>
      <c r="D777" t="s">
        <v>11674</v>
      </c>
      <c r="E777" t="s">
        <v>17092</v>
      </c>
      <c r="G777" s="2"/>
    </row>
    <row r="778" spans="1:7" x14ac:dyDescent="0.25">
      <c r="A778" s="1">
        <v>776</v>
      </c>
      <c r="B778" t="s">
        <v>780</v>
      </c>
      <c r="C778" t="s">
        <v>6231</v>
      </c>
      <c r="D778" t="s">
        <v>11675</v>
      </c>
      <c r="E778" t="s">
        <v>17093</v>
      </c>
      <c r="G778" s="2"/>
    </row>
    <row r="779" spans="1:7" x14ac:dyDescent="0.25">
      <c r="A779" s="1">
        <v>777</v>
      </c>
      <c r="B779" t="s">
        <v>781</v>
      </c>
      <c r="C779" t="s">
        <v>6232</v>
      </c>
      <c r="D779" t="s">
        <v>11676</v>
      </c>
      <c r="E779" t="s">
        <v>17094</v>
      </c>
      <c r="G779" s="2"/>
    </row>
    <row r="780" spans="1:7" x14ac:dyDescent="0.25">
      <c r="A780" s="1">
        <v>778</v>
      </c>
      <c r="B780" t="s">
        <v>782</v>
      </c>
      <c r="C780" t="s">
        <v>6233</v>
      </c>
      <c r="D780" t="s">
        <v>11677</v>
      </c>
      <c r="E780" t="s">
        <v>17095</v>
      </c>
      <c r="G780" s="2"/>
    </row>
    <row r="781" spans="1:7" x14ac:dyDescent="0.25">
      <c r="A781" s="1">
        <v>779</v>
      </c>
      <c r="B781" t="s">
        <v>783</v>
      </c>
      <c r="C781" t="s">
        <v>6234</v>
      </c>
      <c r="D781" t="s">
        <v>11678</v>
      </c>
      <c r="E781" t="s">
        <v>17096</v>
      </c>
      <c r="G781" s="2"/>
    </row>
    <row r="782" spans="1:7" x14ac:dyDescent="0.25">
      <c r="A782" s="1">
        <v>780</v>
      </c>
      <c r="B782" t="s">
        <v>784</v>
      </c>
      <c r="C782" t="s">
        <v>6235</v>
      </c>
      <c r="D782" t="s">
        <v>11679</v>
      </c>
      <c r="E782" t="s">
        <v>17097</v>
      </c>
      <c r="G782" s="2"/>
    </row>
    <row r="783" spans="1:7" x14ac:dyDescent="0.25">
      <c r="A783" s="1">
        <v>781</v>
      </c>
      <c r="B783" t="s">
        <v>785</v>
      </c>
      <c r="C783" t="s">
        <v>6236</v>
      </c>
      <c r="D783" t="s">
        <v>11680</v>
      </c>
      <c r="E783" t="s">
        <v>17098</v>
      </c>
      <c r="G783" s="2"/>
    </row>
    <row r="784" spans="1:7" x14ac:dyDescent="0.25">
      <c r="A784" s="1">
        <v>782</v>
      </c>
      <c r="B784" t="s">
        <v>786</v>
      </c>
      <c r="C784" t="s">
        <v>6237</v>
      </c>
      <c r="D784" t="s">
        <v>11681</v>
      </c>
      <c r="E784" t="s">
        <v>17099</v>
      </c>
      <c r="G784" s="2"/>
    </row>
    <row r="785" spans="1:7" x14ac:dyDescent="0.25">
      <c r="A785" s="1">
        <v>783</v>
      </c>
      <c r="B785" t="s">
        <v>787</v>
      </c>
      <c r="C785" t="s">
        <v>6238</v>
      </c>
      <c r="D785" t="s">
        <v>11682</v>
      </c>
      <c r="E785" t="s">
        <v>17100</v>
      </c>
      <c r="G785" s="2"/>
    </row>
    <row r="786" spans="1:7" x14ac:dyDescent="0.25">
      <c r="A786" s="1">
        <v>784</v>
      </c>
      <c r="B786" t="s">
        <v>788</v>
      </c>
      <c r="C786" t="s">
        <v>6239</v>
      </c>
      <c r="D786" t="s">
        <v>11683</v>
      </c>
      <c r="E786" t="s">
        <v>16731</v>
      </c>
      <c r="G786" s="2"/>
    </row>
    <row r="787" spans="1:7" x14ac:dyDescent="0.25">
      <c r="A787" s="1">
        <v>785</v>
      </c>
      <c r="B787" t="s">
        <v>789</v>
      </c>
      <c r="C787" t="s">
        <v>6240</v>
      </c>
      <c r="D787" t="s">
        <v>11684</v>
      </c>
      <c r="E787" t="s">
        <v>17101</v>
      </c>
      <c r="G787" s="2"/>
    </row>
    <row r="788" spans="1:7" x14ac:dyDescent="0.25">
      <c r="A788" s="1">
        <v>786</v>
      </c>
      <c r="B788" t="s">
        <v>790</v>
      </c>
      <c r="C788" t="s">
        <v>6241</v>
      </c>
      <c r="D788" t="s">
        <v>11685</v>
      </c>
      <c r="E788" t="s">
        <v>17102</v>
      </c>
      <c r="G788" s="2"/>
    </row>
    <row r="789" spans="1:7" x14ac:dyDescent="0.25">
      <c r="A789" s="1">
        <v>787</v>
      </c>
      <c r="B789" t="s">
        <v>791</v>
      </c>
      <c r="C789" t="s">
        <v>6242</v>
      </c>
      <c r="D789" t="s">
        <v>11686</v>
      </c>
      <c r="E789" t="s">
        <v>17103</v>
      </c>
      <c r="G789" s="2"/>
    </row>
    <row r="790" spans="1:7" x14ac:dyDescent="0.25">
      <c r="A790" s="1">
        <v>788</v>
      </c>
      <c r="B790" t="s">
        <v>792</v>
      </c>
      <c r="C790" t="s">
        <v>6243</v>
      </c>
      <c r="D790" t="s">
        <v>11687</v>
      </c>
      <c r="E790" t="s">
        <v>17104</v>
      </c>
      <c r="G790" s="2"/>
    </row>
    <row r="791" spans="1:7" x14ac:dyDescent="0.25">
      <c r="A791" s="1">
        <v>789</v>
      </c>
      <c r="B791" t="s">
        <v>793</v>
      </c>
      <c r="C791" t="s">
        <v>6244</v>
      </c>
      <c r="D791" t="s">
        <v>11688</v>
      </c>
      <c r="E791" t="s">
        <v>17105</v>
      </c>
      <c r="G791" s="2"/>
    </row>
    <row r="792" spans="1:7" x14ac:dyDescent="0.25">
      <c r="A792" s="1">
        <v>790</v>
      </c>
      <c r="B792" t="s">
        <v>794</v>
      </c>
      <c r="C792" t="s">
        <v>6245</v>
      </c>
      <c r="D792" t="s">
        <v>11689</v>
      </c>
      <c r="E792" t="s">
        <v>17106</v>
      </c>
      <c r="G792" s="2"/>
    </row>
    <row r="793" spans="1:7" x14ac:dyDescent="0.25">
      <c r="A793" s="1">
        <v>791</v>
      </c>
      <c r="B793" t="s">
        <v>795</v>
      </c>
      <c r="C793" t="s">
        <v>6246</v>
      </c>
      <c r="D793" t="s">
        <v>11690</v>
      </c>
      <c r="E793" t="s">
        <v>17107</v>
      </c>
      <c r="G793" s="2"/>
    </row>
    <row r="794" spans="1:7" x14ac:dyDescent="0.25">
      <c r="A794" s="1">
        <v>792</v>
      </c>
      <c r="B794" t="s">
        <v>796</v>
      </c>
      <c r="C794" t="s">
        <v>6247</v>
      </c>
      <c r="D794" t="s">
        <v>11691</v>
      </c>
      <c r="E794" t="s">
        <v>17108</v>
      </c>
      <c r="G794" s="2"/>
    </row>
    <row r="795" spans="1:7" x14ac:dyDescent="0.25">
      <c r="A795" s="1">
        <v>793</v>
      </c>
      <c r="B795" t="s">
        <v>797</v>
      </c>
      <c r="C795" t="s">
        <v>6248</v>
      </c>
      <c r="D795" t="s">
        <v>11692</v>
      </c>
      <c r="E795" t="s">
        <v>17109</v>
      </c>
      <c r="G795" s="2"/>
    </row>
    <row r="796" spans="1:7" x14ac:dyDescent="0.25">
      <c r="A796" s="1">
        <v>794</v>
      </c>
      <c r="B796" t="s">
        <v>798</v>
      </c>
      <c r="C796" t="s">
        <v>6249</v>
      </c>
      <c r="D796" t="s">
        <v>11693</v>
      </c>
      <c r="E796" t="s">
        <v>17110</v>
      </c>
      <c r="G796" s="2"/>
    </row>
    <row r="797" spans="1:7" x14ac:dyDescent="0.25">
      <c r="A797" s="1">
        <v>795</v>
      </c>
      <c r="B797" t="s">
        <v>799</v>
      </c>
      <c r="C797" t="s">
        <v>6250</v>
      </c>
      <c r="D797" t="s">
        <v>11694</v>
      </c>
      <c r="E797" t="s">
        <v>17111</v>
      </c>
      <c r="G797" s="2"/>
    </row>
    <row r="798" spans="1:7" x14ac:dyDescent="0.25">
      <c r="A798" s="1">
        <v>796</v>
      </c>
      <c r="B798" t="s">
        <v>800</v>
      </c>
      <c r="C798" t="s">
        <v>6251</v>
      </c>
      <c r="D798" t="s">
        <v>11695</v>
      </c>
      <c r="E798" t="s">
        <v>17112</v>
      </c>
      <c r="G798" s="2"/>
    </row>
    <row r="799" spans="1:7" x14ac:dyDescent="0.25">
      <c r="A799" s="1">
        <v>797</v>
      </c>
      <c r="B799" t="s">
        <v>801</v>
      </c>
      <c r="C799" t="s">
        <v>6252</v>
      </c>
      <c r="D799" t="s">
        <v>11696</v>
      </c>
      <c r="E799" t="s">
        <v>17113</v>
      </c>
      <c r="G799" s="2"/>
    </row>
    <row r="800" spans="1:7" x14ac:dyDescent="0.25">
      <c r="A800" s="1">
        <v>798</v>
      </c>
      <c r="B800" t="s">
        <v>802</v>
      </c>
      <c r="C800" t="s">
        <v>6253</v>
      </c>
      <c r="D800" t="s">
        <v>11697</v>
      </c>
      <c r="E800" t="s">
        <v>17114</v>
      </c>
      <c r="G800" s="2"/>
    </row>
    <row r="801" spans="1:7" x14ac:dyDescent="0.25">
      <c r="A801" s="1">
        <v>799</v>
      </c>
      <c r="B801" t="s">
        <v>803</v>
      </c>
      <c r="C801" t="s">
        <v>6254</v>
      </c>
      <c r="D801" t="s">
        <v>11698</v>
      </c>
      <c r="E801" t="s">
        <v>17115</v>
      </c>
      <c r="G801" s="2"/>
    </row>
    <row r="802" spans="1:7" x14ac:dyDescent="0.25">
      <c r="A802" s="1">
        <v>800</v>
      </c>
      <c r="B802" t="s">
        <v>804</v>
      </c>
      <c r="C802" t="s">
        <v>6255</v>
      </c>
      <c r="D802" t="s">
        <v>11699</v>
      </c>
      <c r="E802" t="s">
        <v>17116</v>
      </c>
      <c r="G802" s="2"/>
    </row>
    <row r="803" spans="1:7" x14ac:dyDescent="0.25">
      <c r="A803" s="1">
        <v>801</v>
      </c>
      <c r="B803" t="s">
        <v>805</v>
      </c>
      <c r="C803" t="s">
        <v>6256</v>
      </c>
      <c r="D803" t="s">
        <v>11700</v>
      </c>
      <c r="E803" t="s">
        <v>17117</v>
      </c>
      <c r="G803" s="2"/>
    </row>
    <row r="804" spans="1:7" x14ac:dyDescent="0.25">
      <c r="A804" s="1">
        <v>802</v>
      </c>
      <c r="B804" t="s">
        <v>806</v>
      </c>
      <c r="C804" t="s">
        <v>6257</v>
      </c>
      <c r="D804" t="s">
        <v>11701</v>
      </c>
      <c r="E804" t="s">
        <v>17118</v>
      </c>
      <c r="G804" s="2"/>
    </row>
    <row r="805" spans="1:7" x14ac:dyDescent="0.25">
      <c r="A805" s="1">
        <v>803</v>
      </c>
      <c r="B805" t="s">
        <v>807</v>
      </c>
      <c r="C805" t="s">
        <v>6258</v>
      </c>
      <c r="D805" t="s">
        <v>11702</v>
      </c>
      <c r="E805" t="s">
        <v>17119</v>
      </c>
      <c r="G805" s="2"/>
    </row>
    <row r="806" spans="1:7" x14ac:dyDescent="0.25">
      <c r="A806" s="1">
        <v>804</v>
      </c>
      <c r="B806" t="s">
        <v>808</v>
      </c>
      <c r="C806" t="s">
        <v>6259</v>
      </c>
      <c r="D806" t="s">
        <v>11703</v>
      </c>
      <c r="E806" t="s">
        <v>17120</v>
      </c>
      <c r="G806" s="2"/>
    </row>
    <row r="807" spans="1:7" x14ac:dyDescent="0.25">
      <c r="A807" s="1">
        <v>805</v>
      </c>
      <c r="B807" t="s">
        <v>809</v>
      </c>
      <c r="C807" t="s">
        <v>6260</v>
      </c>
      <c r="D807" t="s">
        <v>11704</v>
      </c>
      <c r="E807" t="s">
        <v>17121</v>
      </c>
      <c r="G807" s="2"/>
    </row>
    <row r="808" spans="1:7" x14ac:dyDescent="0.25">
      <c r="A808" s="1">
        <v>806</v>
      </c>
      <c r="B808" t="s">
        <v>810</v>
      </c>
      <c r="C808" t="s">
        <v>6261</v>
      </c>
      <c r="D808" t="s">
        <v>11705</v>
      </c>
      <c r="E808" t="s">
        <v>17122</v>
      </c>
      <c r="G808" s="2"/>
    </row>
    <row r="809" spans="1:7" x14ac:dyDescent="0.25">
      <c r="A809" s="1">
        <v>807</v>
      </c>
      <c r="B809" t="s">
        <v>811</v>
      </c>
      <c r="C809" t="s">
        <v>6262</v>
      </c>
      <c r="D809" t="s">
        <v>11706</v>
      </c>
      <c r="E809" t="s">
        <v>17123</v>
      </c>
      <c r="G809" s="2"/>
    </row>
    <row r="810" spans="1:7" x14ac:dyDescent="0.25">
      <c r="A810" s="1">
        <v>808</v>
      </c>
      <c r="B810" t="s">
        <v>812</v>
      </c>
      <c r="C810" t="s">
        <v>6263</v>
      </c>
      <c r="D810" t="s">
        <v>11707</v>
      </c>
      <c r="E810" t="s">
        <v>17124</v>
      </c>
      <c r="G810" s="2"/>
    </row>
    <row r="811" spans="1:7" x14ac:dyDescent="0.25">
      <c r="A811" s="1">
        <v>809</v>
      </c>
      <c r="B811" t="s">
        <v>813</v>
      </c>
      <c r="C811" t="s">
        <v>6264</v>
      </c>
      <c r="D811" t="s">
        <v>11708</v>
      </c>
      <c r="E811" t="s">
        <v>17125</v>
      </c>
      <c r="G811" s="2"/>
    </row>
    <row r="812" spans="1:7" x14ac:dyDescent="0.25">
      <c r="A812" s="1">
        <v>810</v>
      </c>
      <c r="B812" t="s">
        <v>814</v>
      </c>
      <c r="C812" t="s">
        <v>6265</v>
      </c>
      <c r="D812" t="s">
        <v>11709</v>
      </c>
      <c r="E812" t="s">
        <v>17126</v>
      </c>
      <c r="G812" s="2"/>
    </row>
    <row r="813" spans="1:7" x14ac:dyDescent="0.25">
      <c r="A813" s="1">
        <v>811</v>
      </c>
      <c r="B813" t="s">
        <v>815</v>
      </c>
      <c r="C813" t="s">
        <v>6266</v>
      </c>
      <c r="D813" t="s">
        <v>11710</v>
      </c>
      <c r="E813" t="s">
        <v>17127</v>
      </c>
      <c r="G813" s="2"/>
    </row>
    <row r="814" spans="1:7" x14ac:dyDescent="0.25">
      <c r="A814" s="1">
        <v>812</v>
      </c>
      <c r="B814" t="s">
        <v>816</v>
      </c>
      <c r="C814" t="s">
        <v>6267</v>
      </c>
      <c r="D814" t="s">
        <v>11711</v>
      </c>
      <c r="E814" t="s">
        <v>17128</v>
      </c>
      <c r="G814" s="2"/>
    </row>
    <row r="815" spans="1:7" x14ac:dyDescent="0.25">
      <c r="A815" s="1">
        <v>813</v>
      </c>
      <c r="B815" t="s">
        <v>817</v>
      </c>
      <c r="C815" t="s">
        <v>6268</v>
      </c>
      <c r="D815" t="s">
        <v>11712</v>
      </c>
      <c r="E815" t="s">
        <v>17129</v>
      </c>
      <c r="G815" s="2"/>
    </row>
    <row r="816" spans="1:7" x14ac:dyDescent="0.25">
      <c r="A816" s="1">
        <v>814</v>
      </c>
      <c r="B816" t="s">
        <v>818</v>
      </c>
      <c r="C816" t="s">
        <v>6269</v>
      </c>
      <c r="D816" t="s">
        <v>11713</v>
      </c>
      <c r="E816" t="s">
        <v>17130</v>
      </c>
      <c r="G816" s="2"/>
    </row>
    <row r="817" spans="1:7" x14ac:dyDescent="0.25">
      <c r="A817" s="1">
        <v>815</v>
      </c>
      <c r="B817" t="s">
        <v>819</v>
      </c>
      <c r="C817" t="s">
        <v>6270</v>
      </c>
      <c r="D817" t="s">
        <v>11714</v>
      </c>
      <c r="E817" t="s">
        <v>17131</v>
      </c>
      <c r="G817" s="2"/>
    </row>
    <row r="818" spans="1:7" x14ac:dyDescent="0.25">
      <c r="A818" s="1">
        <v>816</v>
      </c>
      <c r="B818" t="s">
        <v>820</v>
      </c>
      <c r="C818" t="s">
        <v>6271</v>
      </c>
      <c r="D818" t="s">
        <v>11715</v>
      </c>
      <c r="E818" t="s">
        <v>17132</v>
      </c>
      <c r="G818" s="2"/>
    </row>
    <row r="819" spans="1:7" x14ac:dyDescent="0.25">
      <c r="A819" s="1">
        <v>817</v>
      </c>
      <c r="B819" t="s">
        <v>821</v>
      </c>
      <c r="C819" t="s">
        <v>6272</v>
      </c>
      <c r="D819" t="s">
        <v>11716</v>
      </c>
      <c r="E819" t="s">
        <v>17133</v>
      </c>
      <c r="G819" s="2"/>
    </row>
    <row r="820" spans="1:7" x14ac:dyDescent="0.25">
      <c r="A820" s="1">
        <v>818</v>
      </c>
      <c r="B820" t="s">
        <v>822</v>
      </c>
      <c r="C820" t="s">
        <v>6273</v>
      </c>
      <c r="D820" t="s">
        <v>11717</v>
      </c>
      <c r="E820" t="s">
        <v>17134</v>
      </c>
      <c r="G820" s="2"/>
    </row>
    <row r="821" spans="1:7" x14ac:dyDescent="0.25">
      <c r="A821" s="1">
        <v>819</v>
      </c>
      <c r="B821" t="s">
        <v>823</v>
      </c>
      <c r="C821" t="s">
        <v>6274</v>
      </c>
      <c r="D821" t="s">
        <v>11718</v>
      </c>
      <c r="E821" t="s">
        <v>17135</v>
      </c>
      <c r="G821" s="2"/>
    </row>
    <row r="822" spans="1:7" x14ac:dyDescent="0.25">
      <c r="A822" s="1">
        <v>820</v>
      </c>
      <c r="B822" t="s">
        <v>824</v>
      </c>
      <c r="C822" t="s">
        <v>6275</v>
      </c>
      <c r="D822" t="s">
        <v>11719</v>
      </c>
      <c r="E822" t="s">
        <v>16555</v>
      </c>
      <c r="G822" s="2"/>
    </row>
    <row r="823" spans="1:7" x14ac:dyDescent="0.25">
      <c r="A823" s="1">
        <v>821</v>
      </c>
      <c r="B823" t="s">
        <v>825</v>
      </c>
      <c r="C823" t="s">
        <v>6276</v>
      </c>
      <c r="D823" t="s">
        <v>11720</v>
      </c>
      <c r="E823" t="s">
        <v>17136</v>
      </c>
      <c r="G823" s="2"/>
    </row>
    <row r="824" spans="1:7" x14ac:dyDescent="0.25">
      <c r="A824" s="1">
        <v>822</v>
      </c>
      <c r="B824" t="s">
        <v>826</v>
      </c>
      <c r="C824" t="s">
        <v>6277</v>
      </c>
      <c r="D824" t="s">
        <v>11721</v>
      </c>
      <c r="E824" t="s">
        <v>17137</v>
      </c>
      <c r="G824" s="2"/>
    </row>
    <row r="825" spans="1:7" x14ac:dyDescent="0.25">
      <c r="A825" s="1">
        <v>823</v>
      </c>
      <c r="B825" t="s">
        <v>827</v>
      </c>
      <c r="C825" t="s">
        <v>6278</v>
      </c>
      <c r="D825" t="s">
        <v>11722</v>
      </c>
      <c r="E825" t="s">
        <v>17138</v>
      </c>
      <c r="G825" s="2"/>
    </row>
    <row r="826" spans="1:7" x14ac:dyDescent="0.25">
      <c r="A826" s="1">
        <v>824</v>
      </c>
      <c r="B826" t="s">
        <v>828</v>
      </c>
      <c r="C826" t="s">
        <v>6279</v>
      </c>
      <c r="D826" t="s">
        <v>11723</v>
      </c>
      <c r="E826" t="s">
        <v>17139</v>
      </c>
      <c r="G826" s="2"/>
    </row>
    <row r="827" spans="1:7" x14ac:dyDescent="0.25">
      <c r="A827" s="1">
        <v>825</v>
      </c>
      <c r="B827" t="s">
        <v>829</v>
      </c>
      <c r="C827" t="s">
        <v>6280</v>
      </c>
      <c r="D827" t="s">
        <v>11724</v>
      </c>
      <c r="E827" t="s">
        <v>17140</v>
      </c>
      <c r="G827" s="2"/>
    </row>
    <row r="828" spans="1:7" x14ac:dyDescent="0.25">
      <c r="A828" s="1">
        <v>826</v>
      </c>
      <c r="B828" t="s">
        <v>830</v>
      </c>
      <c r="C828" t="s">
        <v>6281</v>
      </c>
      <c r="D828" t="s">
        <v>11725</v>
      </c>
      <c r="E828" t="s">
        <v>17107</v>
      </c>
      <c r="G828" s="2"/>
    </row>
    <row r="829" spans="1:7" x14ac:dyDescent="0.25">
      <c r="A829" s="1">
        <v>827</v>
      </c>
      <c r="B829" t="s">
        <v>831</v>
      </c>
      <c r="C829" t="s">
        <v>6282</v>
      </c>
      <c r="D829" t="s">
        <v>11726</v>
      </c>
      <c r="E829" t="s">
        <v>17141</v>
      </c>
      <c r="G829" s="2"/>
    </row>
    <row r="830" spans="1:7" x14ac:dyDescent="0.25">
      <c r="A830" s="1">
        <v>828</v>
      </c>
      <c r="B830" t="s">
        <v>832</v>
      </c>
      <c r="C830" t="s">
        <v>6283</v>
      </c>
      <c r="D830" t="s">
        <v>11727</v>
      </c>
      <c r="E830" t="s">
        <v>17142</v>
      </c>
      <c r="G830" s="2"/>
    </row>
    <row r="831" spans="1:7" x14ac:dyDescent="0.25">
      <c r="A831" s="1">
        <v>829</v>
      </c>
      <c r="B831" t="s">
        <v>833</v>
      </c>
      <c r="C831" t="s">
        <v>6284</v>
      </c>
      <c r="D831" t="s">
        <v>11728</v>
      </c>
      <c r="E831" t="s">
        <v>17143</v>
      </c>
      <c r="G831" s="2"/>
    </row>
    <row r="832" spans="1:7" x14ac:dyDescent="0.25">
      <c r="A832" s="1">
        <v>830</v>
      </c>
      <c r="B832" t="s">
        <v>834</v>
      </c>
      <c r="C832" t="s">
        <v>6285</v>
      </c>
      <c r="D832" t="s">
        <v>11729</v>
      </c>
      <c r="E832" t="s">
        <v>17144</v>
      </c>
      <c r="G832" s="2"/>
    </row>
    <row r="833" spans="1:7" x14ac:dyDescent="0.25">
      <c r="A833" s="1">
        <v>831</v>
      </c>
      <c r="B833" t="s">
        <v>835</v>
      </c>
      <c r="C833" t="s">
        <v>6286</v>
      </c>
      <c r="D833" t="s">
        <v>11730</v>
      </c>
      <c r="E833" t="s">
        <v>17145</v>
      </c>
      <c r="G833" s="2"/>
    </row>
    <row r="834" spans="1:7" x14ac:dyDescent="0.25">
      <c r="A834" s="1">
        <v>832</v>
      </c>
      <c r="B834" t="s">
        <v>836</v>
      </c>
      <c r="C834" t="s">
        <v>6287</v>
      </c>
      <c r="D834" t="s">
        <v>11731</v>
      </c>
      <c r="E834" t="s">
        <v>17146</v>
      </c>
      <c r="G834" s="2"/>
    </row>
    <row r="835" spans="1:7" x14ac:dyDescent="0.25">
      <c r="A835" s="1">
        <v>833</v>
      </c>
      <c r="B835" t="s">
        <v>837</v>
      </c>
      <c r="C835" t="s">
        <v>6288</v>
      </c>
      <c r="D835" t="s">
        <v>11732</v>
      </c>
      <c r="E835" t="s">
        <v>17147</v>
      </c>
      <c r="G835" s="2"/>
    </row>
    <row r="836" spans="1:7" x14ac:dyDescent="0.25">
      <c r="A836" s="1">
        <v>834</v>
      </c>
      <c r="B836" t="s">
        <v>838</v>
      </c>
      <c r="C836" t="s">
        <v>6289</v>
      </c>
      <c r="D836" t="s">
        <v>11733</v>
      </c>
      <c r="E836" t="s">
        <v>17148</v>
      </c>
      <c r="G836" s="2"/>
    </row>
    <row r="837" spans="1:7" x14ac:dyDescent="0.25">
      <c r="A837" s="1">
        <v>835</v>
      </c>
      <c r="B837" t="s">
        <v>839</v>
      </c>
      <c r="C837" t="s">
        <v>6290</v>
      </c>
      <c r="D837" t="s">
        <v>11734</v>
      </c>
      <c r="E837" t="s">
        <v>17149</v>
      </c>
      <c r="G837" s="2"/>
    </row>
    <row r="838" spans="1:7" x14ac:dyDescent="0.25">
      <c r="A838" s="1">
        <v>836</v>
      </c>
      <c r="B838" t="s">
        <v>840</v>
      </c>
      <c r="C838" t="s">
        <v>6291</v>
      </c>
      <c r="D838" t="s">
        <v>11735</v>
      </c>
      <c r="E838" t="s">
        <v>17150</v>
      </c>
      <c r="G838" s="2"/>
    </row>
    <row r="839" spans="1:7" x14ac:dyDescent="0.25">
      <c r="A839" s="1">
        <v>837</v>
      </c>
      <c r="B839" t="s">
        <v>841</v>
      </c>
      <c r="C839" t="s">
        <v>6292</v>
      </c>
      <c r="D839" t="s">
        <v>11736</v>
      </c>
      <c r="E839" t="s">
        <v>17151</v>
      </c>
      <c r="G839" s="2"/>
    </row>
    <row r="840" spans="1:7" x14ac:dyDescent="0.25">
      <c r="A840" s="1">
        <v>838</v>
      </c>
      <c r="B840" t="s">
        <v>842</v>
      </c>
      <c r="C840" t="s">
        <v>6293</v>
      </c>
      <c r="D840" t="s">
        <v>11737</v>
      </c>
      <c r="E840" t="s">
        <v>17152</v>
      </c>
      <c r="G840" s="2"/>
    </row>
    <row r="841" spans="1:7" x14ac:dyDescent="0.25">
      <c r="A841" s="1">
        <v>839</v>
      </c>
      <c r="B841" t="s">
        <v>843</v>
      </c>
      <c r="C841" t="s">
        <v>6294</v>
      </c>
      <c r="D841" t="s">
        <v>11738</v>
      </c>
      <c r="E841" t="s">
        <v>17153</v>
      </c>
      <c r="G841" s="2"/>
    </row>
    <row r="842" spans="1:7" x14ac:dyDescent="0.25">
      <c r="A842" s="1">
        <v>840</v>
      </c>
      <c r="B842" t="s">
        <v>844</v>
      </c>
      <c r="C842" t="s">
        <v>6295</v>
      </c>
      <c r="D842" t="s">
        <v>11739</v>
      </c>
      <c r="E842" t="s">
        <v>17154</v>
      </c>
      <c r="G842" s="2"/>
    </row>
    <row r="843" spans="1:7" x14ac:dyDescent="0.25">
      <c r="A843" s="1">
        <v>841</v>
      </c>
      <c r="B843" t="s">
        <v>845</v>
      </c>
      <c r="C843" t="s">
        <v>6296</v>
      </c>
      <c r="D843" t="s">
        <v>11740</v>
      </c>
      <c r="E843" t="s">
        <v>17155</v>
      </c>
      <c r="G843" s="2"/>
    </row>
    <row r="844" spans="1:7" x14ac:dyDescent="0.25">
      <c r="A844" s="1">
        <v>842</v>
      </c>
      <c r="B844" t="s">
        <v>846</v>
      </c>
      <c r="C844" t="s">
        <v>6297</v>
      </c>
      <c r="D844" t="s">
        <v>11741</v>
      </c>
      <c r="E844" t="s">
        <v>16620</v>
      </c>
      <c r="G844" s="2"/>
    </row>
    <row r="845" spans="1:7" x14ac:dyDescent="0.25">
      <c r="A845" s="1">
        <v>843</v>
      </c>
      <c r="B845" t="s">
        <v>847</v>
      </c>
      <c r="C845" t="s">
        <v>6298</v>
      </c>
      <c r="D845" t="s">
        <v>11742</v>
      </c>
      <c r="E845" t="s">
        <v>17156</v>
      </c>
      <c r="G845" s="2"/>
    </row>
    <row r="846" spans="1:7" x14ac:dyDescent="0.25">
      <c r="A846" s="1">
        <v>844</v>
      </c>
      <c r="B846" t="s">
        <v>848</v>
      </c>
      <c r="C846" t="s">
        <v>6299</v>
      </c>
      <c r="D846" t="s">
        <v>11743</v>
      </c>
      <c r="E846" t="s">
        <v>17157</v>
      </c>
      <c r="G846" s="2"/>
    </row>
    <row r="847" spans="1:7" x14ac:dyDescent="0.25">
      <c r="A847" s="1">
        <v>845</v>
      </c>
      <c r="B847" t="s">
        <v>849</v>
      </c>
      <c r="C847" t="s">
        <v>6300</v>
      </c>
      <c r="D847" t="s">
        <v>11744</v>
      </c>
      <c r="E847" t="s">
        <v>17158</v>
      </c>
      <c r="G847" s="2"/>
    </row>
    <row r="848" spans="1:7" x14ac:dyDescent="0.25">
      <c r="A848" s="1">
        <v>846</v>
      </c>
      <c r="B848" t="s">
        <v>850</v>
      </c>
      <c r="C848" t="s">
        <v>6301</v>
      </c>
      <c r="D848" t="s">
        <v>11745</v>
      </c>
      <c r="E848" t="s">
        <v>17159</v>
      </c>
      <c r="G848" s="2"/>
    </row>
    <row r="849" spans="1:7" x14ac:dyDescent="0.25">
      <c r="A849" s="1">
        <v>847</v>
      </c>
      <c r="B849" t="s">
        <v>851</v>
      </c>
      <c r="C849" t="s">
        <v>6302</v>
      </c>
      <c r="D849" t="s">
        <v>11746</v>
      </c>
      <c r="E849" t="s">
        <v>17160</v>
      </c>
      <c r="G849" s="2"/>
    </row>
    <row r="850" spans="1:7" x14ac:dyDescent="0.25">
      <c r="A850" s="1">
        <v>848</v>
      </c>
      <c r="B850" t="s">
        <v>852</v>
      </c>
      <c r="C850" t="s">
        <v>6303</v>
      </c>
      <c r="D850" t="s">
        <v>11747</v>
      </c>
      <c r="E850" t="s">
        <v>17161</v>
      </c>
      <c r="G850" s="2"/>
    </row>
    <row r="851" spans="1:7" x14ac:dyDescent="0.25">
      <c r="A851" s="1">
        <v>849</v>
      </c>
      <c r="B851" t="s">
        <v>853</v>
      </c>
      <c r="C851" t="s">
        <v>6304</v>
      </c>
      <c r="D851" t="s">
        <v>11748</v>
      </c>
      <c r="E851" t="s">
        <v>17162</v>
      </c>
      <c r="G851" s="2"/>
    </row>
    <row r="852" spans="1:7" x14ac:dyDescent="0.25">
      <c r="A852" s="1">
        <v>850</v>
      </c>
      <c r="B852" t="s">
        <v>854</v>
      </c>
      <c r="C852" t="s">
        <v>6305</v>
      </c>
      <c r="D852" t="s">
        <v>11749</v>
      </c>
      <c r="E852" t="s">
        <v>17163</v>
      </c>
      <c r="G852" s="2"/>
    </row>
    <row r="853" spans="1:7" x14ac:dyDescent="0.25">
      <c r="A853" s="1">
        <v>851</v>
      </c>
      <c r="B853" t="s">
        <v>855</v>
      </c>
      <c r="C853" t="s">
        <v>6306</v>
      </c>
      <c r="D853" t="s">
        <v>11750</v>
      </c>
      <c r="E853" t="s">
        <v>17164</v>
      </c>
      <c r="G853" s="2"/>
    </row>
    <row r="854" spans="1:7" x14ac:dyDescent="0.25">
      <c r="A854" s="1">
        <v>852</v>
      </c>
      <c r="B854" t="s">
        <v>856</v>
      </c>
      <c r="C854" t="s">
        <v>6307</v>
      </c>
      <c r="D854" t="s">
        <v>11751</v>
      </c>
      <c r="E854" t="s">
        <v>17165</v>
      </c>
      <c r="G854" s="2"/>
    </row>
    <row r="855" spans="1:7" x14ac:dyDescent="0.25">
      <c r="A855" s="1">
        <v>853</v>
      </c>
      <c r="B855" t="s">
        <v>857</v>
      </c>
      <c r="C855" t="s">
        <v>6308</v>
      </c>
      <c r="D855" t="s">
        <v>11752</v>
      </c>
      <c r="E855" t="s">
        <v>17166</v>
      </c>
      <c r="G855" s="2"/>
    </row>
    <row r="856" spans="1:7" x14ac:dyDescent="0.25">
      <c r="A856" s="1">
        <v>854</v>
      </c>
      <c r="B856" t="s">
        <v>858</v>
      </c>
      <c r="C856" t="s">
        <v>6309</v>
      </c>
      <c r="D856" t="s">
        <v>11753</v>
      </c>
      <c r="E856" t="s">
        <v>17167</v>
      </c>
      <c r="G856" s="2"/>
    </row>
    <row r="857" spans="1:7" x14ac:dyDescent="0.25">
      <c r="A857" s="1">
        <v>855</v>
      </c>
      <c r="B857" t="s">
        <v>859</v>
      </c>
      <c r="C857" t="s">
        <v>6310</v>
      </c>
      <c r="D857" t="s">
        <v>11754</v>
      </c>
      <c r="E857" t="s">
        <v>17168</v>
      </c>
      <c r="G857" s="2"/>
    </row>
    <row r="858" spans="1:7" x14ac:dyDescent="0.25">
      <c r="A858" s="1">
        <v>856</v>
      </c>
      <c r="B858" t="s">
        <v>860</v>
      </c>
      <c r="C858" t="s">
        <v>6311</v>
      </c>
      <c r="D858" t="s">
        <v>11755</v>
      </c>
      <c r="E858" t="s">
        <v>17169</v>
      </c>
      <c r="G858" s="2"/>
    </row>
    <row r="859" spans="1:7" x14ac:dyDescent="0.25">
      <c r="A859" s="1">
        <v>857</v>
      </c>
      <c r="B859" t="s">
        <v>861</v>
      </c>
      <c r="C859" t="s">
        <v>6312</v>
      </c>
      <c r="D859" t="s">
        <v>11756</v>
      </c>
      <c r="E859" t="s">
        <v>17170</v>
      </c>
      <c r="G859" s="2"/>
    </row>
    <row r="860" spans="1:7" x14ac:dyDescent="0.25">
      <c r="A860" s="1">
        <v>858</v>
      </c>
      <c r="B860" t="s">
        <v>862</v>
      </c>
      <c r="C860" t="s">
        <v>6313</v>
      </c>
      <c r="D860" t="s">
        <v>11757</v>
      </c>
      <c r="E860" t="s">
        <v>17171</v>
      </c>
      <c r="G860" s="2"/>
    </row>
    <row r="861" spans="1:7" x14ac:dyDescent="0.25">
      <c r="A861" s="1">
        <v>859</v>
      </c>
      <c r="B861" t="s">
        <v>863</v>
      </c>
      <c r="C861" t="s">
        <v>6314</v>
      </c>
      <c r="D861" t="s">
        <v>11758</v>
      </c>
      <c r="E861" t="s">
        <v>17172</v>
      </c>
      <c r="G861" s="2"/>
    </row>
    <row r="862" spans="1:7" x14ac:dyDescent="0.25">
      <c r="A862" s="1">
        <v>860</v>
      </c>
      <c r="B862" t="s">
        <v>864</v>
      </c>
      <c r="C862" t="s">
        <v>6315</v>
      </c>
      <c r="D862" t="s">
        <v>11759</v>
      </c>
      <c r="E862" t="s">
        <v>17173</v>
      </c>
      <c r="G862" s="2"/>
    </row>
    <row r="863" spans="1:7" x14ac:dyDescent="0.25">
      <c r="A863" s="1">
        <v>861</v>
      </c>
      <c r="B863" t="s">
        <v>865</v>
      </c>
      <c r="C863" t="s">
        <v>6316</v>
      </c>
      <c r="D863" t="s">
        <v>11760</v>
      </c>
      <c r="E863" t="s">
        <v>17174</v>
      </c>
      <c r="G863" s="2"/>
    </row>
    <row r="864" spans="1:7" x14ac:dyDescent="0.25">
      <c r="A864" s="1">
        <v>862</v>
      </c>
      <c r="B864" t="s">
        <v>866</v>
      </c>
      <c r="C864" t="s">
        <v>6317</v>
      </c>
      <c r="D864" t="s">
        <v>11761</v>
      </c>
      <c r="E864" t="s">
        <v>17175</v>
      </c>
      <c r="G864" s="2"/>
    </row>
    <row r="865" spans="1:7" x14ac:dyDescent="0.25">
      <c r="A865" s="1">
        <v>863</v>
      </c>
      <c r="B865" t="s">
        <v>867</v>
      </c>
      <c r="C865" t="s">
        <v>6318</v>
      </c>
      <c r="D865" t="s">
        <v>11762</v>
      </c>
      <c r="E865" t="s">
        <v>17176</v>
      </c>
      <c r="G865" s="2"/>
    </row>
    <row r="866" spans="1:7" x14ac:dyDescent="0.25">
      <c r="A866" s="1">
        <v>864</v>
      </c>
      <c r="B866" t="s">
        <v>868</v>
      </c>
      <c r="C866" t="s">
        <v>6319</v>
      </c>
      <c r="D866" t="s">
        <v>11763</v>
      </c>
      <c r="E866" t="s">
        <v>17177</v>
      </c>
      <c r="G866" s="2"/>
    </row>
    <row r="867" spans="1:7" x14ac:dyDescent="0.25">
      <c r="A867" s="1">
        <v>865</v>
      </c>
      <c r="B867" t="s">
        <v>869</v>
      </c>
      <c r="C867" t="s">
        <v>6320</v>
      </c>
      <c r="D867" t="s">
        <v>11764</v>
      </c>
      <c r="E867" t="s">
        <v>17178</v>
      </c>
      <c r="G867" s="2"/>
    </row>
    <row r="868" spans="1:7" x14ac:dyDescent="0.25">
      <c r="A868" s="1">
        <v>866</v>
      </c>
      <c r="B868" t="s">
        <v>870</v>
      </c>
      <c r="C868" t="s">
        <v>6321</v>
      </c>
      <c r="D868" t="s">
        <v>11765</v>
      </c>
      <c r="E868" t="s">
        <v>17179</v>
      </c>
      <c r="G868" s="2"/>
    </row>
    <row r="869" spans="1:7" x14ac:dyDescent="0.25">
      <c r="A869" s="1">
        <v>867</v>
      </c>
      <c r="B869" t="s">
        <v>871</v>
      </c>
      <c r="C869" t="s">
        <v>6322</v>
      </c>
      <c r="D869" t="s">
        <v>11766</v>
      </c>
      <c r="E869" t="s">
        <v>17180</v>
      </c>
      <c r="G869" s="2"/>
    </row>
    <row r="870" spans="1:7" x14ac:dyDescent="0.25">
      <c r="A870" s="1">
        <v>868</v>
      </c>
      <c r="B870" t="s">
        <v>872</v>
      </c>
      <c r="C870" t="s">
        <v>6323</v>
      </c>
      <c r="D870" t="s">
        <v>11767</v>
      </c>
      <c r="E870" t="s">
        <v>17181</v>
      </c>
      <c r="G870" s="2"/>
    </row>
    <row r="871" spans="1:7" x14ac:dyDescent="0.25">
      <c r="A871" s="1">
        <v>869</v>
      </c>
      <c r="B871" t="s">
        <v>873</v>
      </c>
      <c r="C871" t="s">
        <v>6324</v>
      </c>
      <c r="D871" t="s">
        <v>11768</v>
      </c>
      <c r="E871" t="s">
        <v>17182</v>
      </c>
      <c r="G871" s="2"/>
    </row>
    <row r="872" spans="1:7" x14ac:dyDescent="0.25">
      <c r="A872" s="1">
        <v>870</v>
      </c>
      <c r="B872" t="s">
        <v>874</v>
      </c>
      <c r="C872" t="s">
        <v>6325</v>
      </c>
      <c r="D872" t="s">
        <v>11769</v>
      </c>
      <c r="E872" t="s">
        <v>17183</v>
      </c>
      <c r="G872" s="2"/>
    </row>
    <row r="873" spans="1:7" x14ac:dyDescent="0.25">
      <c r="A873" s="1">
        <v>871</v>
      </c>
      <c r="B873" t="s">
        <v>875</v>
      </c>
      <c r="C873" t="s">
        <v>6326</v>
      </c>
      <c r="D873" t="s">
        <v>11770</v>
      </c>
      <c r="E873" t="s">
        <v>17184</v>
      </c>
      <c r="G873" s="2"/>
    </row>
    <row r="874" spans="1:7" x14ac:dyDescent="0.25">
      <c r="A874" s="1">
        <v>872</v>
      </c>
      <c r="B874" t="s">
        <v>876</v>
      </c>
      <c r="C874" t="s">
        <v>6327</v>
      </c>
      <c r="D874" t="s">
        <v>11771</v>
      </c>
      <c r="E874" t="s">
        <v>17185</v>
      </c>
      <c r="G874" s="2"/>
    </row>
    <row r="875" spans="1:7" x14ac:dyDescent="0.25">
      <c r="A875" s="1">
        <v>873</v>
      </c>
      <c r="B875" t="s">
        <v>877</v>
      </c>
      <c r="C875" t="s">
        <v>6328</v>
      </c>
      <c r="D875" t="s">
        <v>11772</v>
      </c>
      <c r="E875" t="s">
        <v>17186</v>
      </c>
      <c r="G875" s="2"/>
    </row>
    <row r="876" spans="1:7" x14ac:dyDescent="0.25">
      <c r="A876" s="1">
        <v>874</v>
      </c>
      <c r="B876" t="s">
        <v>878</v>
      </c>
      <c r="C876" t="s">
        <v>6329</v>
      </c>
      <c r="D876" t="s">
        <v>11773</v>
      </c>
      <c r="E876" t="s">
        <v>17187</v>
      </c>
      <c r="G876" s="2"/>
    </row>
    <row r="877" spans="1:7" x14ac:dyDescent="0.25">
      <c r="A877" s="1">
        <v>875</v>
      </c>
      <c r="B877" t="s">
        <v>879</v>
      </c>
      <c r="C877" t="s">
        <v>6330</v>
      </c>
      <c r="D877" t="s">
        <v>11774</v>
      </c>
      <c r="E877" t="s">
        <v>17188</v>
      </c>
      <c r="G877" s="2"/>
    </row>
    <row r="878" spans="1:7" x14ac:dyDescent="0.25">
      <c r="A878" s="1">
        <v>876</v>
      </c>
      <c r="B878" t="s">
        <v>880</v>
      </c>
      <c r="C878" t="s">
        <v>6331</v>
      </c>
      <c r="D878" t="s">
        <v>11775</v>
      </c>
      <c r="E878" t="s">
        <v>17189</v>
      </c>
      <c r="G878" s="2"/>
    </row>
    <row r="879" spans="1:7" x14ac:dyDescent="0.25">
      <c r="A879" s="1">
        <v>877</v>
      </c>
      <c r="B879" t="s">
        <v>881</v>
      </c>
      <c r="C879" t="s">
        <v>6332</v>
      </c>
      <c r="D879" t="s">
        <v>6332</v>
      </c>
      <c r="E879" t="s">
        <v>17190</v>
      </c>
      <c r="G879" s="2"/>
    </row>
    <row r="880" spans="1:7" x14ac:dyDescent="0.25">
      <c r="A880" s="1">
        <v>878</v>
      </c>
      <c r="B880" t="s">
        <v>882</v>
      </c>
      <c r="C880" t="s">
        <v>6333</v>
      </c>
      <c r="D880" t="s">
        <v>11776</v>
      </c>
      <c r="E880" t="s">
        <v>17191</v>
      </c>
      <c r="G880" s="2"/>
    </row>
    <row r="881" spans="1:7" x14ac:dyDescent="0.25">
      <c r="A881" s="1">
        <v>879</v>
      </c>
      <c r="B881" t="s">
        <v>883</v>
      </c>
      <c r="C881" t="s">
        <v>6334</v>
      </c>
      <c r="D881" t="s">
        <v>11777</v>
      </c>
      <c r="E881" t="s">
        <v>17192</v>
      </c>
      <c r="G881" s="2"/>
    </row>
    <row r="882" spans="1:7" x14ac:dyDescent="0.25">
      <c r="A882" s="1">
        <v>880</v>
      </c>
      <c r="B882" t="s">
        <v>884</v>
      </c>
      <c r="C882" t="s">
        <v>6335</v>
      </c>
      <c r="D882" t="s">
        <v>11778</v>
      </c>
      <c r="E882" t="s">
        <v>17193</v>
      </c>
      <c r="G882" s="2"/>
    </row>
    <row r="883" spans="1:7" x14ac:dyDescent="0.25">
      <c r="A883" s="1">
        <v>881</v>
      </c>
      <c r="B883" t="s">
        <v>885</v>
      </c>
      <c r="C883" t="s">
        <v>6336</v>
      </c>
      <c r="D883" t="s">
        <v>11779</v>
      </c>
      <c r="E883" t="s">
        <v>17194</v>
      </c>
      <c r="G883" s="2"/>
    </row>
    <row r="884" spans="1:7" x14ac:dyDescent="0.25">
      <c r="A884" s="1">
        <v>882</v>
      </c>
      <c r="B884" t="s">
        <v>886</v>
      </c>
      <c r="C884" t="s">
        <v>6337</v>
      </c>
      <c r="D884" t="s">
        <v>11780</v>
      </c>
      <c r="E884" t="s">
        <v>17195</v>
      </c>
      <c r="G884" s="2"/>
    </row>
    <row r="885" spans="1:7" x14ac:dyDescent="0.25">
      <c r="A885" s="1">
        <v>883</v>
      </c>
      <c r="B885" t="s">
        <v>887</v>
      </c>
      <c r="C885" t="s">
        <v>6338</v>
      </c>
      <c r="D885" t="s">
        <v>11781</v>
      </c>
      <c r="E885" t="s">
        <v>17196</v>
      </c>
      <c r="G885" s="2"/>
    </row>
    <row r="886" spans="1:7" x14ac:dyDescent="0.25">
      <c r="A886" s="1">
        <v>884</v>
      </c>
      <c r="B886" t="s">
        <v>888</v>
      </c>
      <c r="C886" t="s">
        <v>6339</v>
      </c>
      <c r="D886" t="s">
        <v>11782</v>
      </c>
      <c r="E886" t="s">
        <v>17197</v>
      </c>
      <c r="G886" s="2"/>
    </row>
    <row r="887" spans="1:7" x14ac:dyDescent="0.25">
      <c r="A887" s="1">
        <v>885</v>
      </c>
      <c r="B887" t="s">
        <v>889</v>
      </c>
      <c r="C887" t="s">
        <v>6340</v>
      </c>
      <c r="D887" t="s">
        <v>11783</v>
      </c>
      <c r="E887" t="s">
        <v>17198</v>
      </c>
      <c r="G887" s="2"/>
    </row>
    <row r="888" spans="1:7" x14ac:dyDescent="0.25">
      <c r="A888" s="1">
        <v>886</v>
      </c>
      <c r="B888" t="s">
        <v>890</v>
      </c>
      <c r="C888" t="s">
        <v>6341</v>
      </c>
      <c r="D888" t="s">
        <v>11784</v>
      </c>
      <c r="E888" t="s">
        <v>17199</v>
      </c>
      <c r="G888" s="2"/>
    </row>
    <row r="889" spans="1:7" x14ac:dyDescent="0.25">
      <c r="A889" s="1">
        <v>887</v>
      </c>
      <c r="B889" t="s">
        <v>891</v>
      </c>
      <c r="C889" t="s">
        <v>6342</v>
      </c>
      <c r="D889" t="s">
        <v>11785</v>
      </c>
      <c r="E889" t="s">
        <v>17200</v>
      </c>
      <c r="G889" s="2"/>
    </row>
    <row r="890" spans="1:7" x14ac:dyDescent="0.25">
      <c r="A890" s="1">
        <v>888</v>
      </c>
      <c r="B890" t="s">
        <v>892</v>
      </c>
      <c r="C890" t="s">
        <v>6343</v>
      </c>
      <c r="D890" t="s">
        <v>11786</v>
      </c>
      <c r="E890" t="s">
        <v>17201</v>
      </c>
      <c r="G890" s="2"/>
    </row>
    <row r="891" spans="1:7" x14ac:dyDescent="0.25">
      <c r="A891" s="1">
        <v>889</v>
      </c>
      <c r="B891" t="s">
        <v>893</v>
      </c>
      <c r="C891" t="s">
        <v>6344</v>
      </c>
      <c r="D891" t="s">
        <v>11787</v>
      </c>
      <c r="E891" t="s">
        <v>17202</v>
      </c>
      <c r="G891" s="2"/>
    </row>
    <row r="892" spans="1:7" x14ac:dyDescent="0.25">
      <c r="A892" s="1">
        <v>890</v>
      </c>
      <c r="B892" t="s">
        <v>894</v>
      </c>
      <c r="C892" t="s">
        <v>6345</v>
      </c>
      <c r="D892" t="s">
        <v>11788</v>
      </c>
      <c r="E892" t="s">
        <v>17203</v>
      </c>
      <c r="G892" s="2"/>
    </row>
    <row r="893" spans="1:7" x14ac:dyDescent="0.25">
      <c r="A893" s="1">
        <v>891</v>
      </c>
      <c r="B893" t="s">
        <v>895</v>
      </c>
      <c r="C893" t="s">
        <v>6346</v>
      </c>
      <c r="D893" t="s">
        <v>11789</v>
      </c>
      <c r="E893" t="s">
        <v>17204</v>
      </c>
      <c r="G893" s="2"/>
    </row>
    <row r="894" spans="1:7" x14ac:dyDescent="0.25">
      <c r="A894" s="1">
        <v>892</v>
      </c>
      <c r="B894" t="s">
        <v>896</v>
      </c>
      <c r="C894" t="s">
        <v>6347</v>
      </c>
      <c r="D894" t="s">
        <v>11790</v>
      </c>
      <c r="E894" t="s">
        <v>17205</v>
      </c>
      <c r="G894" s="2"/>
    </row>
    <row r="895" spans="1:7" x14ac:dyDescent="0.25">
      <c r="A895" s="1">
        <v>893</v>
      </c>
      <c r="B895" t="s">
        <v>897</v>
      </c>
      <c r="C895" t="s">
        <v>6348</v>
      </c>
      <c r="D895" t="s">
        <v>11791</v>
      </c>
      <c r="E895" t="s">
        <v>16372</v>
      </c>
      <c r="G895" s="2"/>
    </row>
    <row r="896" spans="1:7" x14ac:dyDescent="0.25">
      <c r="A896" s="1">
        <v>894</v>
      </c>
      <c r="B896" t="s">
        <v>898</v>
      </c>
      <c r="C896" t="s">
        <v>6349</v>
      </c>
      <c r="D896" t="s">
        <v>11792</v>
      </c>
      <c r="E896" t="s">
        <v>17206</v>
      </c>
      <c r="G896" s="2"/>
    </row>
    <row r="897" spans="1:7" x14ac:dyDescent="0.25">
      <c r="A897" s="1">
        <v>895</v>
      </c>
      <c r="B897" t="s">
        <v>899</v>
      </c>
      <c r="C897" t="s">
        <v>6350</v>
      </c>
      <c r="D897" t="s">
        <v>11793</v>
      </c>
      <c r="E897" t="s">
        <v>17207</v>
      </c>
      <c r="G897" s="2"/>
    </row>
    <row r="898" spans="1:7" x14ac:dyDescent="0.25">
      <c r="A898" s="1">
        <v>896</v>
      </c>
      <c r="B898" t="s">
        <v>900</v>
      </c>
      <c r="C898" t="s">
        <v>6351</v>
      </c>
      <c r="D898" t="s">
        <v>11794</v>
      </c>
      <c r="E898" t="s">
        <v>17208</v>
      </c>
      <c r="G898" s="2"/>
    </row>
    <row r="899" spans="1:7" x14ac:dyDescent="0.25">
      <c r="A899" s="1">
        <v>897</v>
      </c>
      <c r="B899" t="s">
        <v>901</v>
      </c>
      <c r="C899" t="s">
        <v>6352</v>
      </c>
      <c r="D899" t="s">
        <v>11795</v>
      </c>
      <c r="E899" t="s">
        <v>17209</v>
      </c>
      <c r="G899" s="2"/>
    </row>
    <row r="900" spans="1:7" x14ac:dyDescent="0.25">
      <c r="A900" s="1">
        <v>898</v>
      </c>
      <c r="B900" t="s">
        <v>902</v>
      </c>
      <c r="C900" t="s">
        <v>6353</v>
      </c>
      <c r="D900" t="s">
        <v>11796</v>
      </c>
      <c r="E900" t="s">
        <v>17210</v>
      </c>
      <c r="G900" s="2"/>
    </row>
    <row r="901" spans="1:7" x14ac:dyDescent="0.25">
      <c r="A901" s="1">
        <v>899</v>
      </c>
      <c r="B901" t="s">
        <v>903</v>
      </c>
      <c r="C901" t="s">
        <v>6354</v>
      </c>
      <c r="D901" t="s">
        <v>11797</v>
      </c>
      <c r="E901" t="s">
        <v>17211</v>
      </c>
      <c r="G901" s="2"/>
    </row>
    <row r="902" spans="1:7" x14ac:dyDescent="0.25">
      <c r="A902" s="1">
        <v>900</v>
      </c>
      <c r="B902" t="s">
        <v>904</v>
      </c>
      <c r="C902" t="s">
        <v>6355</v>
      </c>
      <c r="D902" t="s">
        <v>11798</v>
      </c>
      <c r="E902" t="s">
        <v>17212</v>
      </c>
      <c r="G902" s="2"/>
    </row>
    <row r="903" spans="1:7" x14ac:dyDescent="0.25">
      <c r="A903" s="1">
        <v>901</v>
      </c>
      <c r="B903" t="s">
        <v>905</v>
      </c>
      <c r="C903" t="s">
        <v>6356</v>
      </c>
      <c r="D903" t="s">
        <v>11799</v>
      </c>
      <c r="E903" t="s">
        <v>17213</v>
      </c>
      <c r="G903" s="2"/>
    </row>
    <row r="904" spans="1:7" x14ac:dyDescent="0.25">
      <c r="A904" s="1">
        <v>902</v>
      </c>
      <c r="B904" t="s">
        <v>906</v>
      </c>
      <c r="C904" t="s">
        <v>6357</v>
      </c>
      <c r="D904" t="s">
        <v>11800</v>
      </c>
      <c r="E904" t="s">
        <v>17214</v>
      </c>
      <c r="G904" s="2"/>
    </row>
    <row r="905" spans="1:7" x14ac:dyDescent="0.25">
      <c r="A905" s="1">
        <v>903</v>
      </c>
      <c r="B905" t="s">
        <v>907</v>
      </c>
      <c r="C905" t="s">
        <v>6358</v>
      </c>
      <c r="D905" t="s">
        <v>11801</v>
      </c>
      <c r="E905" t="s">
        <v>17215</v>
      </c>
      <c r="G905" s="2"/>
    </row>
    <row r="906" spans="1:7" x14ac:dyDescent="0.25">
      <c r="A906" s="1">
        <v>904</v>
      </c>
      <c r="B906" t="s">
        <v>908</v>
      </c>
      <c r="C906" t="s">
        <v>6359</v>
      </c>
      <c r="D906" t="s">
        <v>11802</v>
      </c>
      <c r="E906" t="s">
        <v>17216</v>
      </c>
      <c r="G906" s="2"/>
    </row>
    <row r="907" spans="1:7" x14ac:dyDescent="0.25">
      <c r="A907" s="1">
        <v>905</v>
      </c>
      <c r="B907" t="s">
        <v>909</v>
      </c>
      <c r="C907" t="s">
        <v>6360</v>
      </c>
      <c r="D907" t="s">
        <v>11803</v>
      </c>
      <c r="E907" t="s">
        <v>17217</v>
      </c>
      <c r="G907" s="2"/>
    </row>
    <row r="908" spans="1:7" x14ac:dyDescent="0.25">
      <c r="A908" s="1">
        <v>906</v>
      </c>
      <c r="B908" t="s">
        <v>910</v>
      </c>
      <c r="C908" t="s">
        <v>6361</v>
      </c>
      <c r="D908" t="s">
        <v>11804</v>
      </c>
      <c r="E908" t="s">
        <v>17218</v>
      </c>
      <c r="G908" s="2"/>
    </row>
    <row r="909" spans="1:7" x14ac:dyDescent="0.25">
      <c r="A909" s="1">
        <v>907</v>
      </c>
      <c r="B909" t="s">
        <v>911</v>
      </c>
      <c r="C909" t="s">
        <v>6362</v>
      </c>
      <c r="D909" t="s">
        <v>11805</v>
      </c>
      <c r="E909" t="s">
        <v>17219</v>
      </c>
      <c r="G909" s="2"/>
    </row>
    <row r="910" spans="1:7" x14ac:dyDescent="0.25">
      <c r="A910" s="1">
        <v>908</v>
      </c>
      <c r="B910" t="s">
        <v>912</v>
      </c>
      <c r="C910" t="s">
        <v>6363</v>
      </c>
      <c r="D910" t="s">
        <v>11806</v>
      </c>
      <c r="E910" t="s">
        <v>17220</v>
      </c>
      <c r="G910" s="2"/>
    </row>
    <row r="911" spans="1:7" x14ac:dyDescent="0.25">
      <c r="A911" s="1">
        <v>909</v>
      </c>
      <c r="B911" t="s">
        <v>913</v>
      </c>
      <c r="C911" t="s">
        <v>6364</v>
      </c>
      <c r="D911" t="s">
        <v>11807</v>
      </c>
      <c r="E911" t="s">
        <v>17221</v>
      </c>
      <c r="G911" s="2"/>
    </row>
    <row r="912" spans="1:7" x14ac:dyDescent="0.25">
      <c r="A912" s="1">
        <v>910</v>
      </c>
      <c r="B912" t="s">
        <v>914</v>
      </c>
      <c r="C912" t="s">
        <v>6365</v>
      </c>
      <c r="D912" t="s">
        <v>11808</v>
      </c>
      <c r="E912" t="s">
        <v>16347</v>
      </c>
      <c r="G912" s="2"/>
    </row>
    <row r="913" spans="1:7" x14ac:dyDescent="0.25">
      <c r="A913" s="1">
        <v>911</v>
      </c>
      <c r="B913" t="s">
        <v>915</v>
      </c>
      <c r="C913" t="s">
        <v>6366</v>
      </c>
      <c r="D913" t="s">
        <v>11809</v>
      </c>
      <c r="E913" t="s">
        <v>17222</v>
      </c>
      <c r="G913" s="2"/>
    </row>
    <row r="914" spans="1:7" x14ac:dyDescent="0.25">
      <c r="A914" s="1">
        <v>912</v>
      </c>
      <c r="B914" t="s">
        <v>916</v>
      </c>
      <c r="C914" t="s">
        <v>6367</v>
      </c>
      <c r="D914" t="s">
        <v>11810</v>
      </c>
      <c r="E914" t="s">
        <v>17223</v>
      </c>
      <c r="G914" s="2"/>
    </row>
    <row r="915" spans="1:7" x14ac:dyDescent="0.25">
      <c r="A915" s="1">
        <v>913</v>
      </c>
      <c r="B915" t="s">
        <v>917</v>
      </c>
      <c r="C915" t="s">
        <v>6368</v>
      </c>
      <c r="D915" t="s">
        <v>11811</v>
      </c>
      <c r="E915" t="s">
        <v>17224</v>
      </c>
      <c r="G915" s="2"/>
    </row>
    <row r="916" spans="1:7" x14ac:dyDescent="0.25">
      <c r="A916" s="1">
        <v>914</v>
      </c>
      <c r="B916" t="s">
        <v>918</v>
      </c>
      <c r="C916" t="s">
        <v>6369</v>
      </c>
      <c r="D916" t="s">
        <v>11812</v>
      </c>
      <c r="E916" t="s">
        <v>17225</v>
      </c>
      <c r="G916" s="2"/>
    </row>
    <row r="917" spans="1:7" x14ac:dyDescent="0.25">
      <c r="A917" s="1">
        <v>915</v>
      </c>
      <c r="B917" t="s">
        <v>919</v>
      </c>
      <c r="C917" t="s">
        <v>6370</v>
      </c>
      <c r="D917" t="s">
        <v>11813</v>
      </c>
      <c r="E917" t="s">
        <v>17226</v>
      </c>
      <c r="G917" s="2"/>
    </row>
    <row r="918" spans="1:7" x14ac:dyDescent="0.25">
      <c r="A918" s="1">
        <v>916</v>
      </c>
      <c r="B918" t="s">
        <v>920</v>
      </c>
      <c r="C918" t="s">
        <v>6371</v>
      </c>
      <c r="D918" t="s">
        <v>11814</v>
      </c>
      <c r="E918" t="s">
        <v>17227</v>
      </c>
      <c r="G918" s="2"/>
    </row>
    <row r="919" spans="1:7" x14ac:dyDescent="0.25">
      <c r="A919" s="1">
        <v>917</v>
      </c>
      <c r="B919" t="s">
        <v>921</v>
      </c>
      <c r="C919" t="s">
        <v>6372</v>
      </c>
      <c r="D919" t="s">
        <v>11815</v>
      </c>
      <c r="E919" t="s">
        <v>17228</v>
      </c>
      <c r="G919" s="2"/>
    </row>
    <row r="920" spans="1:7" x14ac:dyDescent="0.25">
      <c r="A920" s="1">
        <v>918</v>
      </c>
      <c r="B920" t="s">
        <v>922</v>
      </c>
      <c r="C920" t="s">
        <v>6373</v>
      </c>
      <c r="D920" t="s">
        <v>11816</v>
      </c>
      <c r="E920" t="s">
        <v>17229</v>
      </c>
      <c r="G920" s="2"/>
    </row>
    <row r="921" spans="1:7" x14ac:dyDescent="0.25">
      <c r="A921" s="1">
        <v>919</v>
      </c>
      <c r="B921" t="s">
        <v>923</v>
      </c>
      <c r="C921" t="s">
        <v>6374</v>
      </c>
      <c r="D921" t="s">
        <v>11817</v>
      </c>
      <c r="E921" t="s">
        <v>17230</v>
      </c>
      <c r="G921" s="2"/>
    </row>
    <row r="922" spans="1:7" x14ac:dyDescent="0.25">
      <c r="A922" s="1">
        <v>920</v>
      </c>
      <c r="B922" t="s">
        <v>924</v>
      </c>
      <c r="C922" t="s">
        <v>6375</v>
      </c>
      <c r="D922" t="s">
        <v>11818</v>
      </c>
      <c r="E922" t="s">
        <v>17231</v>
      </c>
      <c r="G922" s="2"/>
    </row>
    <row r="923" spans="1:7" x14ac:dyDescent="0.25">
      <c r="A923" s="1">
        <v>921</v>
      </c>
      <c r="B923" t="s">
        <v>925</v>
      </c>
      <c r="C923" t="s">
        <v>6376</v>
      </c>
      <c r="D923" t="s">
        <v>11819</v>
      </c>
      <c r="E923" t="s">
        <v>17232</v>
      </c>
      <c r="G923" s="2"/>
    </row>
    <row r="924" spans="1:7" x14ac:dyDescent="0.25">
      <c r="A924" s="1">
        <v>922</v>
      </c>
      <c r="B924" t="s">
        <v>926</v>
      </c>
      <c r="C924" t="s">
        <v>6377</v>
      </c>
      <c r="D924" t="s">
        <v>11820</v>
      </c>
      <c r="E924" t="s">
        <v>17233</v>
      </c>
      <c r="G924" s="2"/>
    </row>
    <row r="925" spans="1:7" x14ac:dyDescent="0.25">
      <c r="A925" s="1">
        <v>923</v>
      </c>
      <c r="B925" t="s">
        <v>927</v>
      </c>
      <c r="C925" t="s">
        <v>6378</v>
      </c>
      <c r="D925" t="s">
        <v>11821</v>
      </c>
      <c r="E925" t="s">
        <v>17234</v>
      </c>
      <c r="G925" s="2"/>
    </row>
    <row r="926" spans="1:7" x14ac:dyDescent="0.25">
      <c r="A926" s="1">
        <v>924</v>
      </c>
      <c r="B926" t="s">
        <v>928</v>
      </c>
      <c r="C926" t="s">
        <v>6379</v>
      </c>
      <c r="D926" t="s">
        <v>11822</v>
      </c>
      <c r="E926" t="s">
        <v>17235</v>
      </c>
      <c r="G926" s="2"/>
    </row>
    <row r="927" spans="1:7" x14ac:dyDescent="0.25">
      <c r="A927" s="1">
        <v>925</v>
      </c>
      <c r="B927" t="s">
        <v>929</v>
      </c>
      <c r="C927" t="s">
        <v>6380</v>
      </c>
      <c r="D927" t="s">
        <v>11823</v>
      </c>
      <c r="E927" t="s">
        <v>17236</v>
      </c>
      <c r="G927" s="2"/>
    </row>
    <row r="928" spans="1:7" x14ac:dyDescent="0.25">
      <c r="A928" s="1">
        <v>926</v>
      </c>
      <c r="B928" t="s">
        <v>930</v>
      </c>
      <c r="C928" t="s">
        <v>6381</v>
      </c>
      <c r="D928" t="s">
        <v>11824</v>
      </c>
      <c r="E928" t="s">
        <v>17237</v>
      </c>
      <c r="G928" s="2"/>
    </row>
    <row r="929" spans="1:7" x14ac:dyDescent="0.25">
      <c r="A929" s="1">
        <v>927</v>
      </c>
      <c r="B929" t="s">
        <v>931</v>
      </c>
      <c r="C929" t="s">
        <v>6382</v>
      </c>
      <c r="D929" t="s">
        <v>11825</v>
      </c>
      <c r="E929" t="s">
        <v>17238</v>
      </c>
      <c r="G929" s="2"/>
    </row>
    <row r="930" spans="1:7" x14ac:dyDescent="0.25">
      <c r="A930" s="1">
        <v>928</v>
      </c>
      <c r="B930" t="s">
        <v>932</v>
      </c>
      <c r="C930" t="s">
        <v>6383</v>
      </c>
      <c r="D930" t="s">
        <v>11826</v>
      </c>
      <c r="E930" t="s">
        <v>17239</v>
      </c>
      <c r="G930" s="2"/>
    </row>
    <row r="931" spans="1:7" x14ac:dyDescent="0.25">
      <c r="A931" s="1">
        <v>929</v>
      </c>
      <c r="B931" t="s">
        <v>933</v>
      </c>
      <c r="C931" t="s">
        <v>6384</v>
      </c>
      <c r="D931" t="s">
        <v>11827</v>
      </c>
      <c r="E931" t="s">
        <v>17240</v>
      </c>
      <c r="G931" s="2"/>
    </row>
    <row r="932" spans="1:7" x14ac:dyDescent="0.25">
      <c r="A932" s="1">
        <v>930</v>
      </c>
      <c r="B932" t="s">
        <v>934</v>
      </c>
      <c r="C932" t="s">
        <v>6385</v>
      </c>
      <c r="D932" t="s">
        <v>11828</v>
      </c>
      <c r="E932" t="s">
        <v>17241</v>
      </c>
      <c r="G932" s="2"/>
    </row>
    <row r="933" spans="1:7" x14ac:dyDescent="0.25">
      <c r="A933" s="1">
        <v>931</v>
      </c>
      <c r="B933" t="s">
        <v>935</v>
      </c>
      <c r="C933" t="s">
        <v>6386</v>
      </c>
      <c r="D933" t="s">
        <v>11829</v>
      </c>
      <c r="E933" t="s">
        <v>17242</v>
      </c>
      <c r="G933" s="2"/>
    </row>
    <row r="934" spans="1:7" x14ac:dyDescent="0.25">
      <c r="A934" s="1">
        <v>932</v>
      </c>
      <c r="B934" t="s">
        <v>936</v>
      </c>
      <c r="C934" t="s">
        <v>6387</v>
      </c>
      <c r="D934" t="s">
        <v>11830</v>
      </c>
      <c r="E934" t="s">
        <v>17243</v>
      </c>
      <c r="G934" s="2"/>
    </row>
    <row r="935" spans="1:7" x14ac:dyDescent="0.25">
      <c r="A935" s="1">
        <v>933</v>
      </c>
      <c r="B935" t="s">
        <v>937</v>
      </c>
      <c r="C935" t="s">
        <v>6388</v>
      </c>
      <c r="D935" t="s">
        <v>11831</v>
      </c>
      <c r="E935" t="s">
        <v>17244</v>
      </c>
      <c r="G935" s="2"/>
    </row>
    <row r="936" spans="1:7" x14ac:dyDescent="0.25">
      <c r="A936" s="1">
        <v>934</v>
      </c>
      <c r="B936" t="s">
        <v>938</v>
      </c>
      <c r="C936" t="s">
        <v>6389</v>
      </c>
      <c r="D936" t="s">
        <v>11832</v>
      </c>
      <c r="E936" t="s">
        <v>17245</v>
      </c>
      <c r="G936" s="2"/>
    </row>
    <row r="937" spans="1:7" x14ac:dyDescent="0.25">
      <c r="A937" s="1">
        <v>935</v>
      </c>
      <c r="B937" t="s">
        <v>939</v>
      </c>
      <c r="C937" t="s">
        <v>6390</v>
      </c>
      <c r="D937" t="s">
        <v>11833</v>
      </c>
      <c r="E937" t="s">
        <v>17246</v>
      </c>
      <c r="G937" s="2"/>
    </row>
    <row r="938" spans="1:7" x14ac:dyDescent="0.25">
      <c r="A938" s="1">
        <v>936</v>
      </c>
      <c r="B938" t="s">
        <v>940</v>
      </c>
      <c r="C938" t="s">
        <v>6391</v>
      </c>
      <c r="D938" t="s">
        <v>11834</v>
      </c>
      <c r="E938" t="s">
        <v>17247</v>
      </c>
      <c r="G938" s="2"/>
    </row>
    <row r="939" spans="1:7" x14ac:dyDescent="0.25">
      <c r="A939" s="1">
        <v>937</v>
      </c>
      <c r="B939" t="s">
        <v>941</v>
      </c>
      <c r="C939" t="s">
        <v>6392</v>
      </c>
      <c r="D939" t="s">
        <v>11835</v>
      </c>
      <c r="E939" t="s">
        <v>17248</v>
      </c>
      <c r="G939" s="2"/>
    </row>
    <row r="940" spans="1:7" x14ac:dyDescent="0.25">
      <c r="A940" s="1">
        <v>938</v>
      </c>
      <c r="B940" t="s">
        <v>942</v>
      </c>
      <c r="C940" t="s">
        <v>6393</v>
      </c>
      <c r="D940" t="s">
        <v>11836</v>
      </c>
      <c r="E940" t="s">
        <v>17249</v>
      </c>
      <c r="G940" s="2"/>
    </row>
    <row r="941" spans="1:7" x14ac:dyDescent="0.25">
      <c r="A941" s="1">
        <v>939</v>
      </c>
      <c r="B941" t="s">
        <v>943</v>
      </c>
      <c r="C941" t="s">
        <v>6394</v>
      </c>
      <c r="D941" t="s">
        <v>11837</v>
      </c>
      <c r="E941" t="s">
        <v>17250</v>
      </c>
      <c r="G941" s="2"/>
    </row>
    <row r="942" spans="1:7" x14ac:dyDescent="0.25">
      <c r="A942" s="1">
        <v>940</v>
      </c>
      <c r="B942" t="s">
        <v>944</v>
      </c>
      <c r="C942" t="s">
        <v>6395</v>
      </c>
      <c r="D942" t="s">
        <v>11838</v>
      </c>
      <c r="E942" t="s">
        <v>17251</v>
      </c>
      <c r="G942" s="2"/>
    </row>
    <row r="943" spans="1:7" x14ac:dyDescent="0.25">
      <c r="A943" s="1">
        <v>941</v>
      </c>
      <c r="B943" t="s">
        <v>945</v>
      </c>
      <c r="C943" t="s">
        <v>6396</v>
      </c>
      <c r="D943" t="s">
        <v>11839</v>
      </c>
      <c r="E943" t="s">
        <v>17252</v>
      </c>
      <c r="G943" s="2"/>
    </row>
    <row r="944" spans="1:7" x14ac:dyDescent="0.25">
      <c r="A944" s="1">
        <v>942</v>
      </c>
      <c r="B944" t="s">
        <v>946</v>
      </c>
      <c r="C944" t="s">
        <v>6397</v>
      </c>
      <c r="D944" t="s">
        <v>11840</v>
      </c>
      <c r="E944" t="s">
        <v>17253</v>
      </c>
      <c r="G944" s="2"/>
    </row>
    <row r="945" spans="1:7" x14ac:dyDescent="0.25">
      <c r="A945" s="1">
        <v>943</v>
      </c>
      <c r="B945" t="s">
        <v>947</v>
      </c>
      <c r="C945" t="s">
        <v>6398</v>
      </c>
      <c r="D945" t="s">
        <v>11841</v>
      </c>
      <c r="E945" t="s">
        <v>17254</v>
      </c>
      <c r="G945" s="2"/>
    </row>
    <row r="946" spans="1:7" x14ac:dyDescent="0.25">
      <c r="A946" s="1">
        <v>944</v>
      </c>
      <c r="B946" t="s">
        <v>948</v>
      </c>
      <c r="C946" t="s">
        <v>6399</v>
      </c>
      <c r="D946" t="s">
        <v>11842</v>
      </c>
      <c r="E946" t="s">
        <v>17255</v>
      </c>
      <c r="G946" s="2"/>
    </row>
    <row r="947" spans="1:7" x14ac:dyDescent="0.25">
      <c r="A947" s="1">
        <v>945</v>
      </c>
      <c r="B947" t="s">
        <v>949</v>
      </c>
      <c r="C947" t="s">
        <v>6400</v>
      </c>
      <c r="D947" t="s">
        <v>11843</v>
      </c>
      <c r="E947" t="s">
        <v>17256</v>
      </c>
      <c r="G947" s="2"/>
    </row>
    <row r="948" spans="1:7" x14ac:dyDescent="0.25">
      <c r="A948" s="1">
        <v>946</v>
      </c>
      <c r="B948" t="s">
        <v>950</v>
      </c>
      <c r="C948" t="s">
        <v>6401</v>
      </c>
      <c r="D948" t="s">
        <v>11844</v>
      </c>
      <c r="E948" t="s">
        <v>17257</v>
      </c>
      <c r="G948" s="2"/>
    </row>
    <row r="949" spans="1:7" x14ac:dyDescent="0.25">
      <c r="A949" s="1">
        <v>947</v>
      </c>
      <c r="B949" t="s">
        <v>951</v>
      </c>
      <c r="C949" t="s">
        <v>6402</v>
      </c>
      <c r="D949" t="s">
        <v>11845</v>
      </c>
      <c r="E949" t="s">
        <v>17258</v>
      </c>
      <c r="G949" s="2"/>
    </row>
    <row r="950" spans="1:7" x14ac:dyDescent="0.25">
      <c r="A950" s="1">
        <v>948</v>
      </c>
      <c r="B950" t="s">
        <v>952</v>
      </c>
      <c r="C950" t="s">
        <v>6403</v>
      </c>
      <c r="D950" t="s">
        <v>11846</v>
      </c>
      <c r="E950" t="s">
        <v>17259</v>
      </c>
      <c r="G950" s="2"/>
    </row>
    <row r="951" spans="1:7" x14ac:dyDescent="0.25">
      <c r="A951" s="1">
        <v>949</v>
      </c>
      <c r="B951" t="s">
        <v>953</v>
      </c>
      <c r="C951" t="s">
        <v>6404</v>
      </c>
      <c r="D951" t="s">
        <v>11847</v>
      </c>
      <c r="E951" t="s">
        <v>17260</v>
      </c>
      <c r="G951" s="2"/>
    </row>
    <row r="952" spans="1:7" x14ac:dyDescent="0.25">
      <c r="A952" s="1">
        <v>950</v>
      </c>
      <c r="B952" t="s">
        <v>954</v>
      </c>
      <c r="C952" t="s">
        <v>6405</v>
      </c>
      <c r="D952" t="s">
        <v>11848</v>
      </c>
      <c r="E952" t="s">
        <v>17261</v>
      </c>
      <c r="G952" s="2"/>
    </row>
    <row r="953" spans="1:7" x14ac:dyDescent="0.25">
      <c r="A953" s="1">
        <v>951</v>
      </c>
      <c r="B953" t="s">
        <v>955</v>
      </c>
      <c r="C953" t="s">
        <v>6406</v>
      </c>
      <c r="D953" t="s">
        <v>11849</v>
      </c>
      <c r="E953" t="s">
        <v>17262</v>
      </c>
      <c r="G953" s="2"/>
    </row>
    <row r="954" spans="1:7" x14ac:dyDescent="0.25">
      <c r="A954" s="1">
        <v>952</v>
      </c>
      <c r="B954" t="s">
        <v>956</v>
      </c>
      <c r="C954" t="s">
        <v>6407</v>
      </c>
      <c r="D954" t="s">
        <v>11850</v>
      </c>
      <c r="E954" t="s">
        <v>17263</v>
      </c>
      <c r="G954" s="2"/>
    </row>
    <row r="955" spans="1:7" x14ac:dyDescent="0.25">
      <c r="A955" s="1">
        <v>953</v>
      </c>
      <c r="B955" t="s">
        <v>957</v>
      </c>
      <c r="C955" t="s">
        <v>6408</v>
      </c>
      <c r="D955" t="s">
        <v>11851</v>
      </c>
      <c r="E955" t="s">
        <v>17264</v>
      </c>
      <c r="G955" s="2"/>
    </row>
    <row r="956" spans="1:7" x14ac:dyDescent="0.25">
      <c r="A956" s="1">
        <v>954</v>
      </c>
      <c r="B956" t="s">
        <v>958</v>
      </c>
      <c r="C956" t="s">
        <v>6409</v>
      </c>
      <c r="D956" t="s">
        <v>11852</v>
      </c>
      <c r="E956" t="s">
        <v>16347</v>
      </c>
      <c r="G956" s="2"/>
    </row>
    <row r="957" spans="1:7" x14ac:dyDescent="0.25">
      <c r="A957" s="1">
        <v>955</v>
      </c>
      <c r="B957" t="s">
        <v>959</v>
      </c>
      <c r="C957" t="s">
        <v>6410</v>
      </c>
      <c r="D957" t="s">
        <v>11853</v>
      </c>
      <c r="E957" t="s">
        <v>17265</v>
      </c>
      <c r="G957" s="2"/>
    </row>
    <row r="958" spans="1:7" x14ac:dyDescent="0.25">
      <c r="A958" s="1">
        <v>956</v>
      </c>
      <c r="B958" t="s">
        <v>960</v>
      </c>
      <c r="C958" t="s">
        <v>6411</v>
      </c>
      <c r="D958" t="s">
        <v>11854</v>
      </c>
      <c r="E958" t="s">
        <v>17266</v>
      </c>
      <c r="G958" s="2"/>
    </row>
    <row r="959" spans="1:7" x14ac:dyDescent="0.25">
      <c r="A959" s="1">
        <v>957</v>
      </c>
      <c r="B959" t="s">
        <v>961</v>
      </c>
      <c r="C959" t="s">
        <v>6412</v>
      </c>
      <c r="D959" t="s">
        <v>11855</v>
      </c>
      <c r="E959" t="s">
        <v>17267</v>
      </c>
      <c r="G959" s="2"/>
    </row>
    <row r="960" spans="1:7" x14ac:dyDescent="0.25">
      <c r="A960" s="1">
        <v>958</v>
      </c>
      <c r="B960" t="s">
        <v>962</v>
      </c>
      <c r="C960" t="s">
        <v>6413</v>
      </c>
      <c r="D960" t="s">
        <v>11856</v>
      </c>
      <c r="E960" t="s">
        <v>17268</v>
      </c>
      <c r="G960" s="2"/>
    </row>
    <row r="961" spans="1:7" x14ac:dyDescent="0.25">
      <c r="A961" s="1">
        <v>959</v>
      </c>
      <c r="B961" t="s">
        <v>963</v>
      </c>
      <c r="C961" t="s">
        <v>6414</v>
      </c>
      <c r="D961" t="s">
        <v>11857</v>
      </c>
      <c r="E961" t="s">
        <v>17269</v>
      </c>
      <c r="G961" s="2"/>
    </row>
    <row r="962" spans="1:7" x14ac:dyDescent="0.25">
      <c r="A962" s="1">
        <v>960</v>
      </c>
      <c r="B962" t="s">
        <v>964</v>
      </c>
      <c r="C962" t="s">
        <v>6415</v>
      </c>
      <c r="D962" t="s">
        <v>11858</v>
      </c>
      <c r="E962" t="s">
        <v>17270</v>
      </c>
      <c r="G962" s="2"/>
    </row>
    <row r="963" spans="1:7" x14ac:dyDescent="0.25">
      <c r="A963" s="1">
        <v>961</v>
      </c>
      <c r="B963" t="s">
        <v>965</v>
      </c>
      <c r="C963" t="s">
        <v>6416</v>
      </c>
      <c r="D963" t="s">
        <v>11859</v>
      </c>
      <c r="E963" t="s">
        <v>17271</v>
      </c>
      <c r="G963" s="2"/>
    </row>
    <row r="964" spans="1:7" x14ac:dyDescent="0.25">
      <c r="A964" s="1">
        <v>962</v>
      </c>
      <c r="B964" t="s">
        <v>966</v>
      </c>
      <c r="C964" t="s">
        <v>6417</v>
      </c>
      <c r="D964" t="s">
        <v>11860</v>
      </c>
      <c r="E964" t="s">
        <v>17272</v>
      </c>
      <c r="G964" s="2"/>
    </row>
    <row r="965" spans="1:7" x14ac:dyDescent="0.25">
      <c r="A965" s="1">
        <v>963</v>
      </c>
      <c r="B965" t="s">
        <v>967</v>
      </c>
      <c r="C965" t="s">
        <v>6418</v>
      </c>
      <c r="D965" t="s">
        <v>11861</v>
      </c>
      <c r="E965" t="s">
        <v>17273</v>
      </c>
      <c r="G965" s="2"/>
    </row>
    <row r="966" spans="1:7" x14ac:dyDescent="0.25">
      <c r="A966" s="1">
        <v>964</v>
      </c>
      <c r="B966" t="s">
        <v>968</v>
      </c>
      <c r="C966" t="s">
        <v>6419</v>
      </c>
      <c r="D966" t="s">
        <v>11862</v>
      </c>
      <c r="E966" t="s">
        <v>17274</v>
      </c>
      <c r="G966" s="2"/>
    </row>
    <row r="967" spans="1:7" x14ac:dyDescent="0.25">
      <c r="A967" s="1">
        <v>965</v>
      </c>
      <c r="B967" t="s">
        <v>969</v>
      </c>
      <c r="C967" t="s">
        <v>6420</v>
      </c>
      <c r="D967" t="s">
        <v>11863</v>
      </c>
      <c r="E967" t="s">
        <v>17275</v>
      </c>
      <c r="G967" s="2"/>
    </row>
    <row r="968" spans="1:7" x14ac:dyDescent="0.25">
      <c r="A968" s="1">
        <v>966</v>
      </c>
      <c r="B968" t="s">
        <v>970</v>
      </c>
      <c r="C968" t="s">
        <v>6421</v>
      </c>
      <c r="D968" t="s">
        <v>11864</v>
      </c>
      <c r="E968" t="s">
        <v>17276</v>
      </c>
      <c r="G968" s="2"/>
    </row>
    <row r="969" spans="1:7" x14ac:dyDescent="0.25">
      <c r="A969" s="1">
        <v>967</v>
      </c>
      <c r="B969" t="s">
        <v>971</v>
      </c>
      <c r="C969" t="s">
        <v>6422</v>
      </c>
      <c r="D969" t="s">
        <v>11865</v>
      </c>
      <c r="E969" t="s">
        <v>17277</v>
      </c>
      <c r="G969" s="2"/>
    </row>
    <row r="970" spans="1:7" x14ac:dyDescent="0.25">
      <c r="A970" s="1">
        <v>968</v>
      </c>
      <c r="B970" t="s">
        <v>972</v>
      </c>
      <c r="C970" t="s">
        <v>6423</v>
      </c>
      <c r="D970" t="s">
        <v>11866</v>
      </c>
      <c r="E970" t="s">
        <v>17278</v>
      </c>
      <c r="G970" s="2"/>
    </row>
    <row r="971" spans="1:7" x14ac:dyDescent="0.25">
      <c r="A971" s="1">
        <v>969</v>
      </c>
      <c r="B971" t="s">
        <v>973</v>
      </c>
      <c r="C971" t="s">
        <v>6424</v>
      </c>
      <c r="D971" t="s">
        <v>11867</v>
      </c>
      <c r="E971" t="s">
        <v>17279</v>
      </c>
      <c r="G971" s="2"/>
    </row>
    <row r="972" spans="1:7" x14ac:dyDescent="0.25">
      <c r="A972" s="1">
        <v>970</v>
      </c>
      <c r="B972" t="s">
        <v>974</v>
      </c>
      <c r="C972" t="s">
        <v>6425</v>
      </c>
      <c r="D972" t="s">
        <v>11868</v>
      </c>
      <c r="E972" t="s">
        <v>17280</v>
      </c>
      <c r="G972" s="2"/>
    </row>
    <row r="973" spans="1:7" x14ac:dyDescent="0.25">
      <c r="A973" s="1">
        <v>971</v>
      </c>
      <c r="B973" t="s">
        <v>975</v>
      </c>
      <c r="C973" t="s">
        <v>6426</v>
      </c>
      <c r="D973" t="s">
        <v>11869</v>
      </c>
      <c r="E973" t="s">
        <v>17281</v>
      </c>
      <c r="G973" s="2"/>
    </row>
    <row r="974" spans="1:7" x14ac:dyDescent="0.25">
      <c r="A974" s="1">
        <v>972</v>
      </c>
      <c r="B974" t="s">
        <v>976</v>
      </c>
      <c r="C974" t="s">
        <v>6427</v>
      </c>
      <c r="D974" t="s">
        <v>11870</v>
      </c>
      <c r="E974" t="s">
        <v>17282</v>
      </c>
      <c r="G974" s="2"/>
    </row>
    <row r="975" spans="1:7" x14ac:dyDescent="0.25">
      <c r="A975" s="1">
        <v>973</v>
      </c>
      <c r="B975" t="s">
        <v>977</v>
      </c>
      <c r="C975" t="s">
        <v>6428</v>
      </c>
      <c r="D975" t="s">
        <v>11871</v>
      </c>
      <c r="E975" t="s">
        <v>17283</v>
      </c>
      <c r="G975" s="2"/>
    </row>
    <row r="976" spans="1:7" x14ac:dyDescent="0.25">
      <c r="A976" s="1">
        <v>974</v>
      </c>
      <c r="B976" t="s">
        <v>978</v>
      </c>
      <c r="C976" t="s">
        <v>6429</v>
      </c>
      <c r="D976" t="s">
        <v>11872</v>
      </c>
      <c r="E976" t="s">
        <v>17284</v>
      </c>
      <c r="G976" s="2"/>
    </row>
    <row r="977" spans="1:7" x14ac:dyDescent="0.25">
      <c r="A977" s="1">
        <v>975</v>
      </c>
      <c r="B977" t="s">
        <v>979</v>
      </c>
      <c r="C977" t="s">
        <v>6430</v>
      </c>
      <c r="D977" t="s">
        <v>11873</v>
      </c>
      <c r="E977" t="s">
        <v>17285</v>
      </c>
      <c r="G977" s="2"/>
    </row>
    <row r="978" spans="1:7" x14ac:dyDescent="0.25">
      <c r="A978" s="1">
        <v>976</v>
      </c>
      <c r="B978" t="s">
        <v>980</v>
      </c>
      <c r="C978" t="s">
        <v>6431</v>
      </c>
      <c r="D978" t="s">
        <v>11874</v>
      </c>
      <c r="E978" t="s">
        <v>17286</v>
      </c>
      <c r="G978" s="2"/>
    </row>
    <row r="979" spans="1:7" x14ac:dyDescent="0.25">
      <c r="A979" s="1">
        <v>977</v>
      </c>
      <c r="B979" t="s">
        <v>981</v>
      </c>
      <c r="C979" t="s">
        <v>6432</v>
      </c>
      <c r="D979" t="s">
        <v>11875</v>
      </c>
      <c r="E979" t="s">
        <v>17287</v>
      </c>
      <c r="G979" s="2"/>
    </row>
    <row r="980" spans="1:7" x14ac:dyDescent="0.25">
      <c r="A980" s="1">
        <v>978</v>
      </c>
      <c r="B980" t="s">
        <v>982</v>
      </c>
      <c r="C980" t="s">
        <v>6433</v>
      </c>
      <c r="D980" t="s">
        <v>11876</v>
      </c>
      <c r="E980" t="s">
        <v>16347</v>
      </c>
      <c r="G980" s="2"/>
    </row>
    <row r="981" spans="1:7" x14ac:dyDescent="0.25">
      <c r="A981" s="1">
        <v>979</v>
      </c>
      <c r="B981" t="s">
        <v>983</v>
      </c>
      <c r="C981" t="s">
        <v>6434</v>
      </c>
      <c r="D981" t="s">
        <v>11877</v>
      </c>
      <c r="E981" t="s">
        <v>17288</v>
      </c>
      <c r="G981" s="2"/>
    </row>
    <row r="982" spans="1:7" x14ac:dyDescent="0.25">
      <c r="A982" s="1">
        <v>980</v>
      </c>
      <c r="B982" t="s">
        <v>984</v>
      </c>
      <c r="C982" t="s">
        <v>6435</v>
      </c>
      <c r="D982" t="s">
        <v>11878</v>
      </c>
      <c r="E982" t="s">
        <v>17289</v>
      </c>
      <c r="G982" s="2"/>
    </row>
    <row r="983" spans="1:7" x14ac:dyDescent="0.25">
      <c r="A983" s="1">
        <v>981</v>
      </c>
      <c r="B983" t="s">
        <v>985</v>
      </c>
      <c r="C983" t="s">
        <v>6436</v>
      </c>
      <c r="D983" t="s">
        <v>11879</v>
      </c>
      <c r="E983" t="s">
        <v>17290</v>
      </c>
      <c r="G983" s="2"/>
    </row>
    <row r="984" spans="1:7" x14ac:dyDescent="0.25">
      <c r="A984" s="1">
        <v>982</v>
      </c>
      <c r="B984" t="s">
        <v>986</v>
      </c>
      <c r="C984" t="s">
        <v>6437</v>
      </c>
      <c r="D984" t="s">
        <v>11880</v>
      </c>
      <c r="E984" t="s">
        <v>17291</v>
      </c>
      <c r="G984" s="2"/>
    </row>
    <row r="985" spans="1:7" x14ac:dyDescent="0.25">
      <c r="A985" s="1">
        <v>983</v>
      </c>
      <c r="B985" t="s">
        <v>987</v>
      </c>
      <c r="C985" t="s">
        <v>6438</v>
      </c>
      <c r="D985" t="s">
        <v>11881</v>
      </c>
      <c r="E985" t="s">
        <v>17292</v>
      </c>
      <c r="G985" s="2"/>
    </row>
    <row r="986" spans="1:7" x14ac:dyDescent="0.25">
      <c r="A986" s="1">
        <v>984</v>
      </c>
      <c r="B986" t="s">
        <v>988</v>
      </c>
      <c r="C986" t="s">
        <v>6439</v>
      </c>
      <c r="D986" t="s">
        <v>11882</v>
      </c>
      <c r="E986" t="s">
        <v>17293</v>
      </c>
      <c r="G986" s="2"/>
    </row>
    <row r="987" spans="1:7" x14ac:dyDescent="0.25">
      <c r="A987" s="1">
        <v>985</v>
      </c>
      <c r="B987" t="s">
        <v>989</v>
      </c>
      <c r="C987" t="s">
        <v>6440</v>
      </c>
      <c r="D987" t="s">
        <v>11883</v>
      </c>
      <c r="E987" t="s">
        <v>17294</v>
      </c>
      <c r="G987" s="2"/>
    </row>
    <row r="988" spans="1:7" x14ac:dyDescent="0.25">
      <c r="A988" s="1">
        <v>986</v>
      </c>
      <c r="B988" t="s">
        <v>990</v>
      </c>
      <c r="C988" t="s">
        <v>6441</v>
      </c>
      <c r="D988" t="s">
        <v>11884</v>
      </c>
      <c r="E988" t="s">
        <v>17295</v>
      </c>
      <c r="G988" s="2"/>
    </row>
    <row r="989" spans="1:7" x14ac:dyDescent="0.25">
      <c r="A989" s="1">
        <v>987</v>
      </c>
      <c r="B989" t="s">
        <v>991</v>
      </c>
      <c r="C989" t="s">
        <v>6442</v>
      </c>
      <c r="D989" t="s">
        <v>11885</v>
      </c>
      <c r="E989" t="s">
        <v>17296</v>
      </c>
      <c r="G989" s="2"/>
    </row>
    <row r="990" spans="1:7" x14ac:dyDescent="0.25">
      <c r="A990" s="1">
        <v>988</v>
      </c>
      <c r="B990" t="s">
        <v>992</v>
      </c>
      <c r="C990" t="s">
        <v>6443</v>
      </c>
      <c r="D990" t="s">
        <v>11886</v>
      </c>
      <c r="E990" t="s">
        <v>17297</v>
      </c>
      <c r="G990" s="2"/>
    </row>
    <row r="991" spans="1:7" x14ac:dyDescent="0.25">
      <c r="A991" s="1">
        <v>989</v>
      </c>
      <c r="B991" t="s">
        <v>993</v>
      </c>
      <c r="C991" t="s">
        <v>6444</v>
      </c>
      <c r="D991" t="s">
        <v>11887</v>
      </c>
      <c r="E991" t="s">
        <v>17298</v>
      </c>
      <c r="G991" s="2"/>
    </row>
    <row r="992" spans="1:7" x14ac:dyDescent="0.25">
      <c r="A992" s="1">
        <v>990</v>
      </c>
      <c r="B992" t="s">
        <v>994</v>
      </c>
      <c r="C992" t="s">
        <v>6445</v>
      </c>
      <c r="D992" t="s">
        <v>11888</v>
      </c>
      <c r="E992" t="s">
        <v>17299</v>
      </c>
      <c r="G992" s="2"/>
    </row>
    <row r="993" spans="1:7" x14ac:dyDescent="0.25">
      <c r="A993" s="1">
        <v>991</v>
      </c>
      <c r="B993" t="s">
        <v>995</v>
      </c>
      <c r="C993" t="s">
        <v>6446</v>
      </c>
      <c r="D993" t="s">
        <v>11889</v>
      </c>
      <c r="E993" t="s">
        <v>17300</v>
      </c>
      <c r="G993" s="2"/>
    </row>
    <row r="994" spans="1:7" x14ac:dyDescent="0.25">
      <c r="A994" s="1">
        <v>992</v>
      </c>
      <c r="B994" t="s">
        <v>996</v>
      </c>
      <c r="C994" t="s">
        <v>6447</v>
      </c>
      <c r="D994" t="s">
        <v>11890</v>
      </c>
      <c r="E994" t="s">
        <v>17301</v>
      </c>
      <c r="G994" s="2"/>
    </row>
    <row r="995" spans="1:7" x14ac:dyDescent="0.25">
      <c r="A995" s="1">
        <v>993</v>
      </c>
      <c r="B995" t="s">
        <v>997</v>
      </c>
      <c r="C995" t="s">
        <v>6448</v>
      </c>
      <c r="D995" t="s">
        <v>11891</v>
      </c>
      <c r="E995" t="s">
        <v>17302</v>
      </c>
      <c r="G995" s="2"/>
    </row>
    <row r="996" spans="1:7" x14ac:dyDescent="0.25">
      <c r="A996" s="1">
        <v>994</v>
      </c>
      <c r="B996" t="s">
        <v>998</v>
      </c>
      <c r="C996" t="s">
        <v>6449</v>
      </c>
      <c r="D996" t="s">
        <v>11892</v>
      </c>
      <c r="E996" t="s">
        <v>17303</v>
      </c>
      <c r="G996" s="2"/>
    </row>
    <row r="997" spans="1:7" x14ac:dyDescent="0.25">
      <c r="A997" s="1">
        <v>995</v>
      </c>
      <c r="B997" t="s">
        <v>999</v>
      </c>
      <c r="C997" t="s">
        <v>6450</v>
      </c>
      <c r="D997" t="s">
        <v>11893</v>
      </c>
      <c r="E997" t="s">
        <v>17304</v>
      </c>
      <c r="G997" s="2"/>
    </row>
    <row r="998" spans="1:7" x14ac:dyDescent="0.25">
      <c r="A998" s="1">
        <v>996</v>
      </c>
      <c r="B998" t="s">
        <v>1000</v>
      </c>
      <c r="C998" t="s">
        <v>6451</v>
      </c>
      <c r="D998" t="s">
        <v>11894</v>
      </c>
      <c r="E998" t="s">
        <v>17305</v>
      </c>
      <c r="G998" s="2"/>
    </row>
    <row r="999" spans="1:7" x14ac:dyDescent="0.25">
      <c r="A999" s="1">
        <v>997</v>
      </c>
      <c r="B999" t="s">
        <v>1001</v>
      </c>
      <c r="C999" t="s">
        <v>6452</v>
      </c>
      <c r="D999" t="s">
        <v>11895</v>
      </c>
      <c r="E999" t="s">
        <v>17306</v>
      </c>
      <c r="G999" s="2"/>
    </row>
    <row r="1000" spans="1:7" x14ac:dyDescent="0.25">
      <c r="A1000" s="1">
        <v>998</v>
      </c>
      <c r="B1000" t="s">
        <v>1002</v>
      </c>
      <c r="C1000" t="s">
        <v>6453</v>
      </c>
      <c r="D1000" t="s">
        <v>11896</v>
      </c>
      <c r="E1000" t="s">
        <v>17307</v>
      </c>
      <c r="G1000" s="2"/>
    </row>
    <row r="1001" spans="1:7" x14ac:dyDescent="0.25">
      <c r="A1001" s="1">
        <v>999</v>
      </c>
      <c r="B1001" t="s">
        <v>1003</v>
      </c>
      <c r="C1001" t="s">
        <v>6454</v>
      </c>
      <c r="D1001" t="s">
        <v>11897</v>
      </c>
      <c r="E1001" t="s">
        <v>17308</v>
      </c>
      <c r="G1001" s="2"/>
    </row>
    <row r="1002" spans="1:7" x14ac:dyDescent="0.25">
      <c r="A1002" s="1">
        <v>1000</v>
      </c>
      <c r="B1002" t="s">
        <v>1004</v>
      </c>
      <c r="C1002" t="s">
        <v>6455</v>
      </c>
      <c r="D1002" t="s">
        <v>11898</v>
      </c>
      <c r="E1002" t="s">
        <v>17309</v>
      </c>
      <c r="G1002" s="2"/>
    </row>
    <row r="1003" spans="1:7" x14ac:dyDescent="0.25">
      <c r="A1003" s="1">
        <v>1001</v>
      </c>
      <c r="B1003" t="s">
        <v>1005</v>
      </c>
      <c r="C1003" t="s">
        <v>6456</v>
      </c>
      <c r="D1003" t="s">
        <v>11899</v>
      </c>
      <c r="E1003" t="s">
        <v>17310</v>
      </c>
      <c r="G1003" s="2"/>
    </row>
    <row r="1004" spans="1:7" x14ac:dyDescent="0.25">
      <c r="A1004" s="1">
        <v>1002</v>
      </c>
      <c r="B1004" t="s">
        <v>1006</v>
      </c>
      <c r="C1004" t="s">
        <v>6457</v>
      </c>
      <c r="D1004" t="s">
        <v>11900</v>
      </c>
      <c r="E1004" t="s">
        <v>17311</v>
      </c>
      <c r="G1004" s="2"/>
    </row>
    <row r="1005" spans="1:7" x14ac:dyDescent="0.25">
      <c r="A1005" s="1">
        <v>1003</v>
      </c>
      <c r="B1005" t="s">
        <v>1007</v>
      </c>
      <c r="C1005" t="s">
        <v>6458</v>
      </c>
      <c r="D1005" t="s">
        <v>11901</v>
      </c>
      <c r="E1005" t="s">
        <v>17312</v>
      </c>
      <c r="G1005" s="2"/>
    </row>
    <row r="1006" spans="1:7" x14ac:dyDescent="0.25">
      <c r="A1006" s="1">
        <v>1004</v>
      </c>
      <c r="B1006" t="s">
        <v>1008</v>
      </c>
      <c r="C1006" t="s">
        <v>6459</v>
      </c>
      <c r="D1006" t="s">
        <v>11902</v>
      </c>
      <c r="E1006" t="s">
        <v>17313</v>
      </c>
      <c r="G1006" s="2"/>
    </row>
    <row r="1007" spans="1:7" x14ac:dyDescent="0.25">
      <c r="A1007" s="1">
        <v>1005</v>
      </c>
      <c r="B1007" t="s">
        <v>1009</v>
      </c>
      <c r="C1007" t="s">
        <v>6460</v>
      </c>
      <c r="D1007" t="s">
        <v>11903</v>
      </c>
      <c r="E1007" t="s">
        <v>17314</v>
      </c>
      <c r="G1007" s="2"/>
    </row>
    <row r="1008" spans="1:7" x14ac:dyDescent="0.25">
      <c r="A1008" s="1">
        <v>1006</v>
      </c>
      <c r="B1008" t="s">
        <v>1010</v>
      </c>
      <c r="C1008" t="s">
        <v>6461</v>
      </c>
      <c r="D1008" t="s">
        <v>11904</v>
      </c>
      <c r="E1008" t="s">
        <v>17315</v>
      </c>
      <c r="G1008" s="2"/>
    </row>
    <row r="1009" spans="1:7" x14ac:dyDescent="0.25">
      <c r="A1009" s="1">
        <v>1007</v>
      </c>
      <c r="B1009" t="s">
        <v>1011</v>
      </c>
      <c r="C1009" t="s">
        <v>6462</v>
      </c>
      <c r="D1009" t="s">
        <v>11905</v>
      </c>
      <c r="E1009" t="s">
        <v>17316</v>
      </c>
      <c r="G1009" s="2"/>
    </row>
    <row r="1010" spans="1:7" x14ac:dyDescent="0.25">
      <c r="A1010" s="1">
        <v>1008</v>
      </c>
      <c r="B1010" t="s">
        <v>1012</v>
      </c>
      <c r="C1010" t="s">
        <v>6463</v>
      </c>
      <c r="D1010" t="s">
        <v>11906</v>
      </c>
      <c r="E1010" t="s">
        <v>17317</v>
      </c>
      <c r="G1010" s="2"/>
    </row>
    <row r="1011" spans="1:7" x14ac:dyDescent="0.25">
      <c r="A1011" s="1">
        <v>1009</v>
      </c>
      <c r="B1011" t="s">
        <v>1013</v>
      </c>
      <c r="C1011" t="s">
        <v>6464</v>
      </c>
      <c r="D1011" t="s">
        <v>11907</v>
      </c>
      <c r="E1011" t="s">
        <v>17318</v>
      </c>
      <c r="G1011" s="2"/>
    </row>
    <row r="1012" spans="1:7" x14ac:dyDescent="0.25">
      <c r="A1012" s="1">
        <v>1010</v>
      </c>
      <c r="B1012" t="s">
        <v>1014</v>
      </c>
      <c r="C1012" t="s">
        <v>6465</v>
      </c>
      <c r="D1012" t="s">
        <v>11908</v>
      </c>
      <c r="E1012" t="s">
        <v>17319</v>
      </c>
      <c r="G1012" s="2"/>
    </row>
    <row r="1013" spans="1:7" x14ac:dyDescent="0.25">
      <c r="A1013" s="1">
        <v>1011</v>
      </c>
      <c r="B1013" t="s">
        <v>1015</v>
      </c>
      <c r="C1013" t="s">
        <v>6466</v>
      </c>
      <c r="D1013" t="s">
        <v>11909</v>
      </c>
      <c r="E1013" t="s">
        <v>17320</v>
      </c>
      <c r="G1013" s="2"/>
    </row>
    <row r="1014" spans="1:7" x14ac:dyDescent="0.25">
      <c r="A1014" s="1">
        <v>1012</v>
      </c>
      <c r="B1014" t="s">
        <v>1016</v>
      </c>
      <c r="C1014" t="s">
        <v>6467</v>
      </c>
      <c r="D1014" t="s">
        <v>11910</v>
      </c>
      <c r="E1014" t="s">
        <v>17321</v>
      </c>
      <c r="G1014" s="2"/>
    </row>
    <row r="1015" spans="1:7" x14ac:dyDescent="0.25">
      <c r="A1015" s="1">
        <v>1013</v>
      </c>
      <c r="B1015" t="s">
        <v>1017</v>
      </c>
      <c r="C1015" t="s">
        <v>6468</v>
      </c>
      <c r="D1015" t="s">
        <v>11911</v>
      </c>
      <c r="E1015" t="s">
        <v>17322</v>
      </c>
      <c r="G1015" s="2"/>
    </row>
    <row r="1016" spans="1:7" x14ac:dyDescent="0.25">
      <c r="A1016" s="1">
        <v>1014</v>
      </c>
      <c r="B1016" t="s">
        <v>1018</v>
      </c>
      <c r="C1016" t="s">
        <v>6469</v>
      </c>
      <c r="D1016" t="s">
        <v>11912</v>
      </c>
      <c r="E1016" t="s">
        <v>17323</v>
      </c>
      <c r="G1016" s="2"/>
    </row>
    <row r="1017" spans="1:7" x14ac:dyDescent="0.25">
      <c r="A1017" s="1">
        <v>1015</v>
      </c>
      <c r="B1017" t="s">
        <v>1019</v>
      </c>
      <c r="C1017" t="s">
        <v>6470</v>
      </c>
      <c r="D1017" t="s">
        <v>11913</v>
      </c>
      <c r="E1017" t="s">
        <v>17324</v>
      </c>
      <c r="G1017" s="2"/>
    </row>
    <row r="1018" spans="1:7" x14ac:dyDescent="0.25">
      <c r="A1018" s="1">
        <v>1016</v>
      </c>
      <c r="B1018" t="s">
        <v>1020</v>
      </c>
      <c r="C1018" t="s">
        <v>6471</v>
      </c>
      <c r="D1018" t="s">
        <v>11914</v>
      </c>
      <c r="E1018" t="s">
        <v>17325</v>
      </c>
      <c r="G1018" s="2"/>
    </row>
    <row r="1019" spans="1:7" x14ac:dyDescent="0.25">
      <c r="A1019" s="1">
        <v>1017</v>
      </c>
      <c r="B1019" t="s">
        <v>1021</v>
      </c>
      <c r="C1019" t="s">
        <v>6472</v>
      </c>
      <c r="D1019" t="s">
        <v>11915</v>
      </c>
      <c r="E1019" t="s">
        <v>17326</v>
      </c>
      <c r="G1019" s="2"/>
    </row>
    <row r="1020" spans="1:7" x14ac:dyDescent="0.25">
      <c r="A1020" s="1">
        <v>1018</v>
      </c>
      <c r="B1020" t="s">
        <v>1022</v>
      </c>
      <c r="C1020" t="s">
        <v>6473</v>
      </c>
      <c r="D1020" t="s">
        <v>11916</v>
      </c>
      <c r="E1020" t="s">
        <v>17327</v>
      </c>
      <c r="G1020" s="2"/>
    </row>
    <row r="1021" spans="1:7" x14ac:dyDescent="0.25">
      <c r="A1021" s="1">
        <v>1019</v>
      </c>
      <c r="B1021" t="s">
        <v>1023</v>
      </c>
      <c r="C1021" t="s">
        <v>6474</v>
      </c>
      <c r="D1021" t="s">
        <v>11917</v>
      </c>
      <c r="E1021" t="s">
        <v>17328</v>
      </c>
      <c r="G1021" s="2"/>
    </row>
    <row r="1022" spans="1:7" x14ac:dyDescent="0.25">
      <c r="A1022" s="1">
        <v>1020</v>
      </c>
      <c r="B1022" t="s">
        <v>1024</v>
      </c>
      <c r="C1022" t="s">
        <v>6475</v>
      </c>
      <c r="D1022" t="s">
        <v>11918</v>
      </c>
      <c r="E1022" t="s">
        <v>17329</v>
      </c>
      <c r="G1022" s="2"/>
    </row>
    <row r="1023" spans="1:7" x14ac:dyDescent="0.25">
      <c r="A1023" s="1">
        <v>1021</v>
      </c>
      <c r="B1023" t="s">
        <v>1025</v>
      </c>
      <c r="C1023" t="s">
        <v>6476</v>
      </c>
      <c r="D1023" t="s">
        <v>11919</v>
      </c>
      <c r="E1023" t="s">
        <v>17330</v>
      </c>
      <c r="G1023" s="2"/>
    </row>
    <row r="1024" spans="1:7" x14ac:dyDescent="0.25">
      <c r="A1024" s="1">
        <v>1022</v>
      </c>
      <c r="B1024" t="s">
        <v>1026</v>
      </c>
      <c r="C1024" t="s">
        <v>6477</v>
      </c>
      <c r="D1024" t="s">
        <v>11920</v>
      </c>
      <c r="E1024" t="s">
        <v>17331</v>
      </c>
      <c r="G1024" s="2"/>
    </row>
    <row r="1025" spans="1:7" x14ac:dyDescent="0.25">
      <c r="A1025" s="1">
        <v>1023</v>
      </c>
      <c r="B1025" t="s">
        <v>1027</v>
      </c>
      <c r="C1025" t="s">
        <v>6478</v>
      </c>
      <c r="D1025" t="s">
        <v>11921</v>
      </c>
      <c r="E1025" t="s">
        <v>17332</v>
      </c>
      <c r="G1025" s="2"/>
    </row>
    <row r="1026" spans="1:7" x14ac:dyDescent="0.25">
      <c r="A1026" s="1">
        <v>1024</v>
      </c>
      <c r="B1026" t="s">
        <v>1028</v>
      </c>
      <c r="C1026" t="s">
        <v>6479</v>
      </c>
      <c r="D1026" t="s">
        <v>11922</v>
      </c>
      <c r="E1026" t="s">
        <v>17333</v>
      </c>
      <c r="G1026" s="2"/>
    </row>
    <row r="1027" spans="1:7" x14ac:dyDescent="0.25">
      <c r="A1027" s="1">
        <v>1025</v>
      </c>
      <c r="B1027" t="s">
        <v>1029</v>
      </c>
      <c r="C1027" t="s">
        <v>6480</v>
      </c>
      <c r="D1027" t="s">
        <v>11923</v>
      </c>
      <c r="E1027" t="s">
        <v>17334</v>
      </c>
      <c r="G1027" s="2"/>
    </row>
    <row r="1028" spans="1:7" x14ac:dyDescent="0.25">
      <c r="A1028" s="1">
        <v>1026</v>
      </c>
      <c r="B1028" t="s">
        <v>1030</v>
      </c>
      <c r="C1028" t="s">
        <v>6481</v>
      </c>
      <c r="D1028" t="s">
        <v>11924</v>
      </c>
      <c r="E1028" t="s">
        <v>17335</v>
      </c>
      <c r="G1028" s="2"/>
    </row>
    <row r="1029" spans="1:7" x14ac:dyDescent="0.25">
      <c r="A1029" s="1">
        <v>1027</v>
      </c>
      <c r="B1029" t="s">
        <v>1031</v>
      </c>
      <c r="C1029" t="s">
        <v>6482</v>
      </c>
      <c r="D1029" t="s">
        <v>11925</v>
      </c>
      <c r="E1029" t="s">
        <v>17336</v>
      </c>
      <c r="G1029" s="2"/>
    </row>
    <row r="1030" spans="1:7" x14ac:dyDescent="0.25">
      <c r="A1030" s="1">
        <v>1028</v>
      </c>
      <c r="B1030" t="s">
        <v>1032</v>
      </c>
      <c r="C1030" t="s">
        <v>6483</v>
      </c>
      <c r="D1030" t="s">
        <v>11926</v>
      </c>
      <c r="E1030" t="s">
        <v>17337</v>
      </c>
      <c r="G1030" s="2"/>
    </row>
    <row r="1031" spans="1:7" x14ac:dyDescent="0.25">
      <c r="A1031" s="1">
        <v>1029</v>
      </c>
      <c r="B1031" t="s">
        <v>1033</v>
      </c>
      <c r="C1031" t="s">
        <v>6484</v>
      </c>
      <c r="D1031" t="s">
        <v>11927</v>
      </c>
      <c r="E1031" t="s">
        <v>17338</v>
      </c>
      <c r="G1031" s="2"/>
    </row>
    <row r="1032" spans="1:7" x14ac:dyDescent="0.25">
      <c r="A1032" s="1">
        <v>1030</v>
      </c>
      <c r="B1032" t="s">
        <v>1034</v>
      </c>
      <c r="C1032" t="s">
        <v>6485</v>
      </c>
      <c r="D1032" t="s">
        <v>11928</v>
      </c>
      <c r="E1032" t="s">
        <v>17339</v>
      </c>
      <c r="G1032" s="2"/>
    </row>
    <row r="1033" spans="1:7" x14ac:dyDescent="0.25">
      <c r="A1033" s="1">
        <v>1031</v>
      </c>
      <c r="B1033" t="s">
        <v>1035</v>
      </c>
      <c r="C1033" t="s">
        <v>6486</v>
      </c>
      <c r="D1033" t="s">
        <v>11929</v>
      </c>
      <c r="E1033" t="s">
        <v>17340</v>
      </c>
      <c r="G1033" s="2"/>
    </row>
    <row r="1034" spans="1:7" x14ac:dyDescent="0.25">
      <c r="A1034" s="1">
        <v>1032</v>
      </c>
      <c r="B1034" t="s">
        <v>1036</v>
      </c>
      <c r="C1034" t="s">
        <v>6487</v>
      </c>
      <c r="D1034" t="s">
        <v>11930</v>
      </c>
      <c r="E1034" t="s">
        <v>17341</v>
      </c>
      <c r="G1034" s="2"/>
    </row>
    <row r="1035" spans="1:7" x14ac:dyDescent="0.25">
      <c r="A1035" s="1">
        <v>1033</v>
      </c>
      <c r="B1035" t="s">
        <v>1037</v>
      </c>
      <c r="C1035" t="s">
        <v>6488</v>
      </c>
      <c r="D1035" t="s">
        <v>11931</v>
      </c>
      <c r="E1035" t="s">
        <v>17342</v>
      </c>
      <c r="G1035" s="2"/>
    </row>
    <row r="1036" spans="1:7" x14ac:dyDescent="0.25">
      <c r="A1036" s="1">
        <v>1034</v>
      </c>
      <c r="B1036" t="s">
        <v>1038</v>
      </c>
      <c r="C1036" t="s">
        <v>6489</v>
      </c>
      <c r="D1036" t="s">
        <v>11932</v>
      </c>
      <c r="E1036" t="s">
        <v>17343</v>
      </c>
      <c r="G1036" s="2"/>
    </row>
    <row r="1037" spans="1:7" x14ac:dyDescent="0.25">
      <c r="A1037" s="1">
        <v>1035</v>
      </c>
      <c r="B1037" t="s">
        <v>1039</v>
      </c>
      <c r="C1037" t="s">
        <v>6490</v>
      </c>
      <c r="D1037" t="s">
        <v>11933</v>
      </c>
      <c r="E1037" t="s">
        <v>17344</v>
      </c>
      <c r="G1037" s="2"/>
    </row>
    <row r="1038" spans="1:7" x14ac:dyDescent="0.25">
      <c r="A1038" s="1">
        <v>1036</v>
      </c>
      <c r="B1038" t="s">
        <v>1040</v>
      </c>
      <c r="C1038" t="s">
        <v>6491</v>
      </c>
      <c r="D1038" t="s">
        <v>11934</v>
      </c>
      <c r="E1038" t="s">
        <v>16731</v>
      </c>
      <c r="G1038" s="2"/>
    </row>
    <row r="1039" spans="1:7" x14ac:dyDescent="0.25">
      <c r="A1039" s="1">
        <v>1037</v>
      </c>
      <c r="B1039" t="s">
        <v>1041</v>
      </c>
      <c r="C1039" t="s">
        <v>6492</v>
      </c>
      <c r="D1039" t="s">
        <v>11935</v>
      </c>
      <c r="E1039" t="s">
        <v>17345</v>
      </c>
      <c r="G1039" s="2"/>
    </row>
    <row r="1040" spans="1:7" x14ac:dyDescent="0.25">
      <c r="A1040" s="1">
        <v>1038</v>
      </c>
      <c r="B1040" t="s">
        <v>1042</v>
      </c>
      <c r="C1040" t="s">
        <v>6493</v>
      </c>
      <c r="D1040" t="s">
        <v>11936</v>
      </c>
      <c r="E1040" t="s">
        <v>17346</v>
      </c>
      <c r="G1040" s="2"/>
    </row>
    <row r="1041" spans="1:7" x14ac:dyDescent="0.25">
      <c r="A1041" s="1">
        <v>1039</v>
      </c>
      <c r="B1041" t="s">
        <v>1043</v>
      </c>
      <c r="C1041" t="s">
        <v>6494</v>
      </c>
      <c r="D1041" t="s">
        <v>11937</v>
      </c>
      <c r="E1041" t="s">
        <v>17347</v>
      </c>
      <c r="G1041" s="2"/>
    </row>
    <row r="1042" spans="1:7" x14ac:dyDescent="0.25">
      <c r="A1042" s="1">
        <v>1040</v>
      </c>
      <c r="B1042" t="s">
        <v>1044</v>
      </c>
      <c r="C1042" t="s">
        <v>6495</v>
      </c>
      <c r="D1042" t="s">
        <v>11938</v>
      </c>
      <c r="E1042" t="s">
        <v>17348</v>
      </c>
      <c r="G1042" s="2"/>
    </row>
    <row r="1043" spans="1:7" x14ac:dyDescent="0.25">
      <c r="A1043" s="1">
        <v>1041</v>
      </c>
      <c r="B1043" t="s">
        <v>1045</v>
      </c>
      <c r="C1043" t="s">
        <v>6496</v>
      </c>
      <c r="D1043" t="s">
        <v>11939</v>
      </c>
      <c r="E1043" t="s">
        <v>16555</v>
      </c>
      <c r="G1043" s="2"/>
    </row>
    <row r="1044" spans="1:7" x14ac:dyDescent="0.25">
      <c r="A1044" s="1">
        <v>1042</v>
      </c>
      <c r="B1044" t="s">
        <v>1046</v>
      </c>
      <c r="C1044" t="s">
        <v>6497</v>
      </c>
      <c r="D1044" t="s">
        <v>11940</v>
      </c>
      <c r="E1044" t="s">
        <v>17349</v>
      </c>
      <c r="G1044" s="2"/>
    </row>
    <row r="1045" spans="1:7" x14ac:dyDescent="0.25">
      <c r="A1045" s="1">
        <v>1043</v>
      </c>
      <c r="B1045" t="s">
        <v>1047</v>
      </c>
      <c r="C1045" t="s">
        <v>6498</v>
      </c>
      <c r="D1045" t="s">
        <v>11941</v>
      </c>
      <c r="E1045" t="s">
        <v>17350</v>
      </c>
      <c r="G1045" s="2"/>
    </row>
    <row r="1046" spans="1:7" x14ac:dyDescent="0.25">
      <c r="A1046" s="1">
        <v>1044</v>
      </c>
      <c r="B1046" t="s">
        <v>1048</v>
      </c>
      <c r="C1046" t="s">
        <v>6499</v>
      </c>
      <c r="D1046" t="s">
        <v>11942</v>
      </c>
      <c r="E1046" t="s">
        <v>17351</v>
      </c>
      <c r="G1046" s="2"/>
    </row>
    <row r="1047" spans="1:7" x14ac:dyDescent="0.25">
      <c r="A1047" s="1">
        <v>1045</v>
      </c>
      <c r="B1047" t="s">
        <v>1049</v>
      </c>
      <c r="C1047" t="s">
        <v>6500</v>
      </c>
      <c r="D1047" t="s">
        <v>11943</v>
      </c>
      <c r="E1047" t="s">
        <v>17352</v>
      </c>
      <c r="G1047" s="2"/>
    </row>
    <row r="1048" spans="1:7" x14ac:dyDescent="0.25">
      <c r="A1048" s="1">
        <v>1046</v>
      </c>
      <c r="B1048" t="s">
        <v>1050</v>
      </c>
      <c r="C1048" t="s">
        <v>6501</v>
      </c>
      <c r="D1048" t="s">
        <v>11944</v>
      </c>
      <c r="E1048" t="s">
        <v>17353</v>
      </c>
      <c r="G1048" s="2"/>
    </row>
    <row r="1049" spans="1:7" x14ac:dyDescent="0.25">
      <c r="A1049" s="1">
        <v>1047</v>
      </c>
      <c r="B1049" t="s">
        <v>1051</v>
      </c>
      <c r="C1049" t="s">
        <v>6502</v>
      </c>
      <c r="D1049" t="s">
        <v>11945</v>
      </c>
      <c r="E1049" t="s">
        <v>17354</v>
      </c>
      <c r="G1049" s="2"/>
    </row>
    <row r="1050" spans="1:7" x14ac:dyDescent="0.25">
      <c r="A1050" s="1">
        <v>1048</v>
      </c>
      <c r="B1050" t="s">
        <v>1052</v>
      </c>
      <c r="C1050" t="s">
        <v>6503</v>
      </c>
      <c r="D1050" t="s">
        <v>11946</v>
      </c>
      <c r="E1050" t="s">
        <v>17355</v>
      </c>
      <c r="G1050" s="2"/>
    </row>
    <row r="1051" spans="1:7" x14ac:dyDescent="0.25">
      <c r="A1051" s="1">
        <v>1049</v>
      </c>
      <c r="B1051" t="s">
        <v>1053</v>
      </c>
      <c r="C1051" t="s">
        <v>6504</v>
      </c>
      <c r="D1051" t="s">
        <v>11947</v>
      </c>
      <c r="E1051" t="s">
        <v>17356</v>
      </c>
      <c r="G1051" s="2"/>
    </row>
    <row r="1052" spans="1:7" x14ac:dyDescent="0.25">
      <c r="A1052" s="1">
        <v>1050</v>
      </c>
      <c r="B1052" t="s">
        <v>1054</v>
      </c>
      <c r="C1052" t="s">
        <v>6505</v>
      </c>
      <c r="D1052" t="s">
        <v>11948</v>
      </c>
      <c r="E1052" t="s">
        <v>17357</v>
      </c>
      <c r="G1052" s="2"/>
    </row>
    <row r="1053" spans="1:7" x14ac:dyDescent="0.25">
      <c r="A1053" s="1">
        <v>1051</v>
      </c>
      <c r="B1053" t="s">
        <v>1055</v>
      </c>
      <c r="C1053" t="s">
        <v>6506</v>
      </c>
      <c r="D1053" t="s">
        <v>11949</v>
      </c>
      <c r="E1053" t="s">
        <v>17358</v>
      </c>
      <c r="G1053" s="2"/>
    </row>
    <row r="1054" spans="1:7" x14ac:dyDescent="0.25">
      <c r="A1054" s="1">
        <v>1052</v>
      </c>
      <c r="B1054" t="s">
        <v>1056</v>
      </c>
      <c r="C1054" t="s">
        <v>6507</v>
      </c>
      <c r="D1054" t="s">
        <v>11950</v>
      </c>
      <c r="E1054" t="s">
        <v>17359</v>
      </c>
      <c r="G1054" s="2"/>
    </row>
    <row r="1055" spans="1:7" x14ac:dyDescent="0.25">
      <c r="A1055" s="1">
        <v>1053</v>
      </c>
      <c r="B1055" t="s">
        <v>1057</v>
      </c>
      <c r="C1055" t="s">
        <v>6508</v>
      </c>
      <c r="D1055" t="s">
        <v>11951</v>
      </c>
      <c r="E1055" t="s">
        <v>17360</v>
      </c>
      <c r="G1055" s="2"/>
    </row>
    <row r="1056" spans="1:7" x14ac:dyDescent="0.25">
      <c r="A1056" s="1">
        <v>1054</v>
      </c>
      <c r="B1056" t="s">
        <v>1058</v>
      </c>
      <c r="C1056" t="s">
        <v>6509</v>
      </c>
      <c r="D1056" t="s">
        <v>11952</v>
      </c>
      <c r="E1056" t="s">
        <v>17361</v>
      </c>
      <c r="G1056" s="2"/>
    </row>
    <row r="1057" spans="1:7" x14ac:dyDescent="0.25">
      <c r="A1057" s="1">
        <v>1055</v>
      </c>
      <c r="B1057" t="s">
        <v>1059</v>
      </c>
      <c r="C1057" t="s">
        <v>6510</v>
      </c>
      <c r="D1057" t="s">
        <v>11953</v>
      </c>
      <c r="E1057" t="s">
        <v>17362</v>
      </c>
      <c r="G1057" s="2"/>
    </row>
    <row r="1058" spans="1:7" x14ac:dyDescent="0.25">
      <c r="A1058" s="1">
        <v>1056</v>
      </c>
      <c r="B1058" t="s">
        <v>1060</v>
      </c>
      <c r="C1058" t="s">
        <v>6511</v>
      </c>
      <c r="D1058" t="s">
        <v>11954</v>
      </c>
      <c r="E1058" t="s">
        <v>17363</v>
      </c>
      <c r="G1058" s="2"/>
    </row>
    <row r="1059" spans="1:7" x14ac:dyDescent="0.25">
      <c r="A1059" s="1">
        <v>1057</v>
      </c>
      <c r="B1059" t="s">
        <v>1061</v>
      </c>
      <c r="C1059" t="s">
        <v>6512</v>
      </c>
      <c r="D1059" t="s">
        <v>11955</v>
      </c>
      <c r="E1059" t="s">
        <v>17364</v>
      </c>
      <c r="G1059" s="2"/>
    </row>
    <row r="1060" spans="1:7" x14ac:dyDescent="0.25">
      <c r="A1060" s="1">
        <v>1058</v>
      </c>
      <c r="B1060" t="s">
        <v>1062</v>
      </c>
      <c r="C1060" t="s">
        <v>6513</v>
      </c>
      <c r="D1060" t="s">
        <v>11956</v>
      </c>
      <c r="E1060" t="s">
        <v>16620</v>
      </c>
      <c r="G1060" s="2"/>
    </row>
    <row r="1061" spans="1:7" x14ac:dyDescent="0.25">
      <c r="A1061" s="1">
        <v>1059</v>
      </c>
      <c r="B1061" t="s">
        <v>1063</v>
      </c>
      <c r="C1061" t="s">
        <v>6514</v>
      </c>
      <c r="D1061" t="s">
        <v>11957</v>
      </c>
      <c r="E1061" t="s">
        <v>17365</v>
      </c>
      <c r="G1061" s="2"/>
    </row>
    <row r="1062" spans="1:7" x14ac:dyDescent="0.25">
      <c r="A1062" s="1">
        <v>1060</v>
      </c>
      <c r="B1062" t="s">
        <v>1064</v>
      </c>
      <c r="C1062" t="s">
        <v>6515</v>
      </c>
      <c r="D1062" t="s">
        <v>11958</v>
      </c>
      <c r="E1062" t="s">
        <v>17366</v>
      </c>
      <c r="G1062" s="2"/>
    </row>
    <row r="1063" spans="1:7" x14ac:dyDescent="0.25">
      <c r="A1063" s="1">
        <v>1061</v>
      </c>
      <c r="B1063" t="s">
        <v>1065</v>
      </c>
      <c r="C1063" t="s">
        <v>6516</v>
      </c>
      <c r="D1063" t="s">
        <v>11959</v>
      </c>
      <c r="E1063" t="s">
        <v>17367</v>
      </c>
      <c r="G1063" s="2"/>
    </row>
    <row r="1064" spans="1:7" x14ac:dyDescent="0.25">
      <c r="A1064" s="1">
        <v>1062</v>
      </c>
      <c r="B1064" t="s">
        <v>1066</v>
      </c>
      <c r="C1064" t="s">
        <v>6517</v>
      </c>
      <c r="D1064" t="s">
        <v>11960</v>
      </c>
      <c r="E1064" t="s">
        <v>17368</v>
      </c>
      <c r="G1064" s="2"/>
    </row>
    <row r="1065" spans="1:7" x14ac:dyDescent="0.25">
      <c r="A1065" s="1">
        <v>1063</v>
      </c>
      <c r="B1065" t="s">
        <v>1067</v>
      </c>
      <c r="C1065" t="s">
        <v>6518</v>
      </c>
      <c r="D1065" t="s">
        <v>11961</v>
      </c>
      <c r="E1065" t="s">
        <v>17369</v>
      </c>
      <c r="G1065" s="2"/>
    </row>
    <row r="1066" spans="1:7" x14ac:dyDescent="0.25">
      <c r="A1066" s="1">
        <v>1064</v>
      </c>
      <c r="B1066" t="s">
        <v>1068</v>
      </c>
      <c r="C1066" t="s">
        <v>6519</v>
      </c>
      <c r="D1066" t="s">
        <v>11962</v>
      </c>
      <c r="E1066" t="s">
        <v>17370</v>
      </c>
      <c r="G1066" s="2"/>
    </row>
    <row r="1067" spans="1:7" x14ac:dyDescent="0.25">
      <c r="A1067" s="1">
        <v>1065</v>
      </c>
      <c r="B1067" t="s">
        <v>1069</v>
      </c>
      <c r="C1067" t="s">
        <v>6520</v>
      </c>
      <c r="D1067" t="s">
        <v>11963</v>
      </c>
      <c r="E1067" t="s">
        <v>17371</v>
      </c>
      <c r="G1067" s="2"/>
    </row>
    <row r="1068" spans="1:7" x14ac:dyDescent="0.25">
      <c r="A1068" s="1">
        <v>1066</v>
      </c>
      <c r="B1068" t="s">
        <v>1070</v>
      </c>
      <c r="C1068" t="s">
        <v>6521</v>
      </c>
      <c r="D1068" t="s">
        <v>11964</v>
      </c>
      <c r="E1068" t="s">
        <v>17372</v>
      </c>
      <c r="G1068" s="2"/>
    </row>
    <row r="1069" spans="1:7" x14ac:dyDescent="0.25">
      <c r="A1069" s="1">
        <v>1067</v>
      </c>
      <c r="B1069" t="s">
        <v>1071</v>
      </c>
      <c r="C1069" t="s">
        <v>6522</v>
      </c>
      <c r="D1069" t="s">
        <v>11965</v>
      </c>
      <c r="E1069" t="s">
        <v>17373</v>
      </c>
      <c r="G1069" s="2"/>
    </row>
    <row r="1070" spans="1:7" x14ac:dyDescent="0.25">
      <c r="A1070" s="1">
        <v>1068</v>
      </c>
      <c r="B1070" t="s">
        <v>1072</v>
      </c>
      <c r="C1070" t="s">
        <v>6523</v>
      </c>
      <c r="D1070" t="s">
        <v>11966</v>
      </c>
      <c r="E1070" t="s">
        <v>17374</v>
      </c>
      <c r="G1070" s="2"/>
    </row>
    <row r="1071" spans="1:7" x14ac:dyDescent="0.25">
      <c r="A1071" s="1">
        <v>1069</v>
      </c>
      <c r="B1071" t="s">
        <v>1073</v>
      </c>
      <c r="C1071" t="s">
        <v>6524</v>
      </c>
      <c r="D1071" t="s">
        <v>11967</v>
      </c>
      <c r="E1071" t="s">
        <v>17375</v>
      </c>
      <c r="G1071" s="2"/>
    </row>
    <row r="1072" spans="1:7" x14ac:dyDescent="0.25">
      <c r="A1072" s="1">
        <v>1070</v>
      </c>
      <c r="B1072" t="s">
        <v>1074</v>
      </c>
      <c r="C1072" t="s">
        <v>6525</v>
      </c>
      <c r="D1072" t="s">
        <v>11968</v>
      </c>
      <c r="E1072" t="s">
        <v>17376</v>
      </c>
      <c r="G1072" s="2"/>
    </row>
    <row r="1073" spans="1:7" x14ac:dyDescent="0.25">
      <c r="A1073" s="1">
        <v>1071</v>
      </c>
      <c r="B1073" t="s">
        <v>1075</v>
      </c>
      <c r="C1073" t="s">
        <v>6526</v>
      </c>
      <c r="D1073" t="s">
        <v>11969</v>
      </c>
      <c r="E1073" t="s">
        <v>16347</v>
      </c>
      <c r="G1073" s="2"/>
    </row>
    <row r="1074" spans="1:7" x14ac:dyDescent="0.25">
      <c r="A1074" s="1">
        <v>1072</v>
      </c>
      <c r="B1074" t="s">
        <v>1076</v>
      </c>
      <c r="C1074" t="s">
        <v>6527</v>
      </c>
      <c r="D1074" t="s">
        <v>11970</v>
      </c>
      <c r="E1074" t="s">
        <v>17377</v>
      </c>
      <c r="G1074" s="2"/>
    </row>
    <row r="1075" spans="1:7" x14ac:dyDescent="0.25">
      <c r="A1075" s="1">
        <v>1073</v>
      </c>
      <c r="B1075" t="s">
        <v>1077</v>
      </c>
      <c r="C1075" t="s">
        <v>6528</v>
      </c>
      <c r="D1075" t="s">
        <v>11971</v>
      </c>
      <c r="E1075" t="s">
        <v>17378</v>
      </c>
      <c r="G1075" s="2"/>
    </row>
    <row r="1076" spans="1:7" x14ac:dyDescent="0.25">
      <c r="A1076" s="1">
        <v>1074</v>
      </c>
      <c r="B1076" t="s">
        <v>1078</v>
      </c>
      <c r="C1076" t="s">
        <v>6529</v>
      </c>
      <c r="D1076" t="s">
        <v>11972</v>
      </c>
      <c r="E1076" t="s">
        <v>17379</v>
      </c>
      <c r="G1076" s="2"/>
    </row>
    <row r="1077" spans="1:7" x14ac:dyDescent="0.25">
      <c r="A1077" s="1">
        <v>1075</v>
      </c>
      <c r="B1077" t="s">
        <v>1079</v>
      </c>
      <c r="C1077" t="s">
        <v>6530</v>
      </c>
      <c r="D1077" t="s">
        <v>11973</v>
      </c>
      <c r="E1077" t="s">
        <v>17380</v>
      </c>
      <c r="G1077" s="2"/>
    </row>
    <row r="1078" spans="1:7" x14ac:dyDescent="0.25">
      <c r="A1078" s="1">
        <v>1076</v>
      </c>
      <c r="B1078" t="s">
        <v>1080</v>
      </c>
      <c r="C1078" t="s">
        <v>6531</v>
      </c>
      <c r="D1078" t="s">
        <v>11974</v>
      </c>
      <c r="E1078" t="s">
        <v>17381</v>
      </c>
      <c r="G1078" s="2"/>
    </row>
    <row r="1079" spans="1:7" x14ac:dyDescent="0.25">
      <c r="A1079" s="1">
        <v>1077</v>
      </c>
      <c r="B1079" t="s">
        <v>1081</v>
      </c>
      <c r="C1079" t="s">
        <v>6532</v>
      </c>
      <c r="D1079" t="s">
        <v>11975</v>
      </c>
      <c r="E1079" t="s">
        <v>16347</v>
      </c>
      <c r="G1079" s="2"/>
    </row>
    <row r="1080" spans="1:7" x14ac:dyDescent="0.25">
      <c r="A1080" s="1">
        <v>1078</v>
      </c>
      <c r="B1080" t="s">
        <v>1082</v>
      </c>
      <c r="C1080" t="s">
        <v>6533</v>
      </c>
      <c r="D1080" t="s">
        <v>11976</v>
      </c>
      <c r="E1080" t="s">
        <v>17382</v>
      </c>
      <c r="G1080" s="2"/>
    </row>
    <row r="1081" spans="1:7" x14ac:dyDescent="0.25">
      <c r="A1081" s="1">
        <v>1079</v>
      </c>
      <c r="B1081" t="s">
        <v>1083</v>
      </c>
      <c r="C1081" t="s">
        <v>6534</v>
      </c>
      <c r="D1081" t="s">
        <v>11977</v>
      </c>
      <c r="E1081" t="s">
        <v>17383</v>
      </c>
      <c r="G1081" s="2"/>
    </row>
    <row r="1082" spans="1:7" x14ac:dyDescent="0.25">
      <c r="A1082" s="1">
        <v>1080</v>
      </c>
      <c r="B1082" t="s">
        <v>1084</v>
      </c>
      <c r="C1082" t="s">
        <v>6535</v>
      </c>
      <c r="D1082" t="s">
        <v>11978</v>
      </c>
      <c r="E1082" t="s">
        <v>17384</v>
      </c>
      <c r="G1082" s="2"/>
    </row>
    <row r="1083" spans="1:7" x14ac:dyDescent="0.25">
      <c r="A1083" s="1">
        <v>1081</v>
      </c>
      <c r="B1083" t="s">
        <v>1085</v>
      </c>
      <c r="C1083" t="s">
        <v>6536</v>
      </c>
      <c r="D1083" t="s">
        <v>11979</v>
      </c>
      <c r="E1083" t="s">
        <v>17385</v>
      </c>
      <c r="G1083" s="2"/>
    </row>
    <row r="1084" spans="1:7" x14ac:dyDescent="0.25">
      <c r="A1084" s="1">
        <v>1082</v>
      </c>
      <c r="B1084" t="s">
        <v>1086</v>
      </c>
      <c r="C1084" t="s">
        <v>6537</v>
      </c>
      <c r="D1084" t="s">
        <v>11980</v>
      </c>
      <c r="E1084" t="s">
        <v>17386</v>
      </c>
      <c r="G1084" s="2"/>
    </row>
    <row r="1085" spans="1:7" x14ac:dyDescent="0.25">
      <c r="A1085" s="1">
        <v>1083</v>
      </c>
      <c r="B1085" t="s">
        <v>1087</v>
      </c>
      <c r="C1085" t="s">
        <v>6538</v>
      </c>
      <c r="D1085" t="s">
        <v>11981</v>
      </c>
      <c r="E1085" t="s">
        <v>17387</v>
      </c>
      <c r="G1085" s="2"/>
    </row>
    <row r="1086" spans="1:7" x14ac:dyDescent="0.25">
      <c r="A1086" s="1">
        <v>1084</v>
      </c>
      <c r="B1086" t="s">
        <v>1088</v>
      </c>
      <c r="C1086" t="s">
        <v>6539</v>
      </c>
      <c r="D1086" t="s">
        <v>11982</v>
      </c>
      <c r="E1086" t="s">
        <v>17388</v>
      </c>
      <c r="G1086" s="2"/>
    </row>
    <row r="1087" spans="1:7" x14ac:dyDescent="0.25">
      <c r="A1087" s="1">
        <v>1085</v>
      </c>
      <c r="B1087" t="s">
        <v>1089</v>
      </c>
      <c r="C1087" t="s">
        <v>6540</v>
      </c>
      <c r="D1087" t="s">
        <v>11983</v>
      </c>
      <c r="E1087" t="s">
        <v>17389</v>
      </c>
      <c r="G1087" s="2"/>
    </row>
    <row r="1088" spans="1:7" x14ac:dyDescent="0.25">
      <c r="A1088" s="1">
        <v>1086</v>
      </c>
      <c r="B1088" t="s">
        <v>1090</v>
      </c>
      <c r="C1088" t="s">
        <v>6541</v>
      </c>
      <c r="D1088" t="s">
        <v>11984</v>
      </c>
      <c r="E1088" t="s">
        <v>17390</v>
      </c>
      <c r="G1088" s="2"/>
    </row>
    <row r="1089" spans="1:7" x14ac:dyDescent="0.25">
      <c r="A1089" s="1">
        <v>1087</v>
      </c>
      <c r="B1089" t="s">
        <v>1091</v>
      </c>
      <c r="C1089" t="s">
        <v>6542</v>
      </c>
      <c r="D1089" t="s">
        <v>11985</v>
      </c>
      <c r="E1089" t="s">
        <v>17391</v>
      </c>
      <c r="G1089" s="2"/>
    </row>
    <row r="1090" spans="1:7" x14ac:dyDescent="0.25">
      <c r="A1090" s="1">
        <v>1088</v>
      </c>
      <c r="B1090" t="s">
        <v>1092</v>
      </c>
      <c r="C1090" t="s">
        <v>6543</v>
      </c>
      <c r="D1090" t="s">
        <v>11986</v>
      </c>
      <c r="E1090" t="s">
        <v>17392</v>
      </c>
      <c r="G1090" s="2"/>
    </row>
    <row r="1091" spans="1:7" x14ac:dyDescent="0.25">
      <c r="A1091" s="1">
        <v>1089</v>
      </c>
      <c r="B1091" t="s">
        <v>1093</v>
      </c>
      <c r="C1091" t="s">
        <v>6544</v>
      </c>
      <c r="D1091" t="s">
        <v>11987</v>
      </c>
      <c r="E1091" t="s">
        <v>17393</v>
      </c>
      <c r="G1091" s="2"/>
    </row>
    <row r="1092" spans="1:7" x14ac:dyDescent="0.25">
      <c r="A1092" s="1">
        <v>1090</v>
      </c>
      <c r="B1092" t="s">
        <v>1094</v>
      </c>
      <c r="C1092" t="s">
        <v>6545</v>
      </c>
      <c r="D1092" t="s">
        <v>11988</v>
      </c>
      <c r="E1092" t="s">
        <v>17394</v>
      </c>
      <c r="G1092" s="2"/>
    </row>
    <row r="1093" spans="1:7" x14ac:dyDescent="0.25">
      <c r="A1093" s="1">
        <v>1091</v>
      </c>
      <c r="B1093" t="s">
        <v>1095</v>
      </c>
      <c r="C1093" t="s">
        <v>6546</v>
      </c>
      <c r="D1093" t="s">
        <v>11989</v>
      </c>
      <c r="E1093" t="s">
        <v>17395</v>
      </c>
      <c r="G1093" s="2"/>
    </row>
    <row r="1094" spans="1:7" x14ac:dyDescent="0.25">
      <c r="A1094" s="1">
        <v>1092</v>
      </c>
      <c r="B1094" t="s">
        <v>1096</v>
      </c>
      <c r="C1094" t="s">
        <v>6547</v>
      </c>
      <c r="D1094" t="s">
        <v>11990</v>
      </c>
      <c r="E1094" t="s">
        <v>17396</v>
      </c>
      <c r="G1094" s="2"/>
    </row>
    <row r="1095" spans="1:7" x14ac:dyDescent="0.25">
      <c r="A1095" s="1">
        <v>1093</v>
      </c>
      <c r="B1095" t="s">
        <v>1097</v>
      </c>
      <c r="C1095" t="s">
        <v>6548</v>
      </c>
      <c r="D1095" t="s">
        <v>11991</v>
      </c>
      <c r="E1095" t="s">
        <v>17091</v>
      </c>
      <c r="G1095" s="2"/>
    </row>
    <row r="1096" spans="1:7" x14ac:dyDescent="0.25">
      <c r="A1096" s="1">
        <v>1094</v>
      </c>
      <c r="B1096" t="s">
        <v>1098</v>
      </c>
      <c r="C1096" t="s">
        <v>6549</v>
      </c>
      <c r="D1096" t="s">
        <v>11992</v>
      </c>
      <c r="E1096" t="s">
        <v>16347</v>
      </c>
      <c r="G1096" s="2"/>
    </row>
    <row r="1097" spans="1:7" x14ac:dyDescent="0.25">
      <c r="A1097" s="1">
        <v>1095</v>
      </c>
      <c r="B1097" t="s">
        <v>1099</v>
      </c>
      <c r="C1097" t="s">
        <v>6550</v>
      </c>
      <c r="D1097" t="s">
        <v>11993</v>
      </c>
      <c r="E1097" t="s">
        <v>17397</v>
      </c>
      <c r="G1097" s="2"/>
    </row>
    <row r="1098" spans="1:7" x14ac:dyDescent="0.25">
      <c r="A1098" s="1">
        <v>1096</v>
      </c>
      <c r="B1098" t="s">
        <v>1100</v>
      </c>
      <c r="C1098" t="s">
        <v>6551</v>
      </c>
      <c r="D1098" t="s">
        <v>11994</v>
      </c>
      <c r="E1098" t="s">
        <v>16347</v>
      </c>
      <c r="G1098" s="2"/>
    </row>
    <row r="1099" spans="1:7" x14ac:dyDescent="0.25">
      <c r="A1099" s="1">
        <v>1097</v>
      </c>
      <c r="B1099" t="s">
        <v>1101</v>
      </c>
      <c r="C1099" t="s">
        <v>6552</v>
      </c>
      <c r="D1099" t="s">
        <v>11995</v>
      </c>
      <c r="E1099" t="s">
        <v>17398</v>
      </c>
      <c r="G1099" s="2"/>
    </row>
    <row r="1100" spans="1:7" x14ac:dyDescent="0.25">
      <c r="A1100" s="1">
        <v>1098</v>
      </c>
      <c r="B1100" t="s">
        <v>1102</v>
      </c>
      <c r="C1100" t="s">
        <v>6553</v>
      </c>
      <c r="D1100" t="s">
        <v>11996</v>
      </c>
      <c r="E1100" t="s">
        <v>17399</v>
      </c>
      <c r="G1100" s="2"/>
    </row>
    <row r="1101" spans="1:7" x14ac:dyDescent="0.25">
      <c r="A1101" s="1">
        <v>1099</v>
      </c>
      <c r="B1101" t="s">
        <v>1103</v>
      </c>
      <c r="C1101" t="s">
        <v>6554</v>
      </c>
      <c r="D1101" t="s">
        <v>11997</v>
      </c>
      <c r="E1101" t="s">
        <v>17400</v>
      </c>
      <c r="G1101" s="2"/>
    </row>
    <row r="1102" spans="1:7" x14ac:dyDescent="0.25">
      <c r="A1102" s="1">
        <v>1100</v>
      </c>
      <c r="B1102" t="s">
        <v>1104</v>
      </c>
      <c r="C1102" t="s">
        <v>6555</v>
      </c>
      <c r="D1102" t="s">
        <v>11998</v>
      </c>
      <c r="E1102" t="s">
        <v>17401</v>
      </c>
      <c r="G1102" s="2"/>
    </row>
    <row r="1103" spans="1:7" x14ac:dyDescent="0.25">
      <c r="A1103" s="1">
        <v>1101</v>
      </c>
      <c r="B1103" t="s">
        <v>1105</v>
      </c>
      <c r="C1103" t="s">
        <v>6556</v>
      </c>
      <c r="D1103" t="s">
        <v>11999</v>
      </c>
      <c r="E1103" t="s">
        <v>17402</v>
      </c>
      <c r="G1103" s="2"/>
    </row>
    <row r="1104" spans="1:7" x14ac:dyDescent="0.25">
      <c r="A1104" s="1">
        <v>1102</v>
      </c>
      <c r="B1104" t="s">
        <v>1106</v>
      </c>
      <c r="C1104" t="s">
        <v>6557</v>
      </c>
      <c r="D1104" t="s">
        <v>12000</v>
      </c>
      <c r="E1104" t="s">
        <v>17403</v>
      </c>
      <c r="G1104" s="2"/>
    </row>
    <row r="1105" spans="1:7" x14ac:dyDescent="0.25">
      <c r="A1105" s="1">
        <v>1103</v>
      </c>
      <c r="B1105" t="s">
        <v>1107</v>
      </c>
      <c r="C1105" t="s">
        <v>6558</v>
      </c>
      <c r="D1105" t="s">
        <v>12001</v>
      </c>
      <c r="E1105" t="s">
        <v>17404</v>
      </c>
      <c r="G1105" s="2"/>
    </row>
    <row r="1106" spans="1:7" x14ac:dyDescent="0.25">
      <c r="A1106" s="1">
        <v>1104</v>
      </c>
      <c r="B1106" t="s">
        <v>1108</v>
      </c>
      <c r="C1106" t="s">
        <v>6559</v>
      </c>
      <c r="D1106" t="s">
        <v>12002</v>
      </c>
      <c r="E1106" t="s">
        <v>17405</v>
      </c>
      <c r="G1106" s="2"/>
    </row>
    <row r="1107" spans="1:7" x14ac:dyDescent="0.25">
      <c r="A1107" s="1">
        <v>1105</v>
      </c>
      <c r="B1107" t="s">
        <v>1109</v>
      </c>
      <c r="C1107" t="s">
        <v>6560</v>
      </c>
      <c r="D1107" t="s">
        <v>12003</v>
      </c>
      <c r="E1107" t="s">
        <v>17406</v>
      </c>
      <c r="G1107" s="2"/>
    </row>
    <row r="1108" spans="1:7" x14ac:dyDescent="0.25">
      <c r="A1108" s="1">
        <v>1106</v>
      </c>
      <c r="B1108" t="s">
        <v>1110</v>
      </c>
      <c r="C1108" t="s">
        <v>6561</v>
      </c>
      <c r="D1108" t="s">
        <v>12004</v>
      </c>
      <c r="E1108" t="s">
        <v>17407</v>
      </c>
      <c r="G1108" s="2"/>
    </row>
    <row r="1109" spans="1:7" x14ac:dyDescent="0.25">
      <c r="A1109" s="1">
        <v>1107</v>
      </c>
      <c r="B1109" t="s">
        <v>1111</v>
      </c>
      <c r="C1109" t="s">
        <v>6562</v>
      </c>
      <c r="D1109" t="s">
        <v>12005</v>
      </c>
      <c r="E1109" t="s">
        <v>17408</v>
      </c>
      <c r="G1109" s="2"/>
    </row>
    <row r="1110" spans="1:7" x14ac:dyDescent="0.25">
      <c r="A1110" s="1">
        <v>1108</v>
      </c>
      <c r="B1110" t="s">
        <v>1112</v>
      </c>
      <c r="C1110" t="s">
        <v>6563</v>
      </c>
      <c r="D1110" t="s">
        <v>12006</v>
      </c>
      <c r="E1110" t="s">
        <v>17409</v>
      </c>
      <c r="G1110" s="2"/>
    </row>
    <row r="1111" spans="1:7" x14ac:dyDescent="0.25">
      <c r="A1111" s="1">
        <v>1109</v>
      </c>
      <c r="B1111" t="s">
        <v>1113</v>
      </c>
      <c r="C1111" t="s">
        <v>6564</v>
      </c>
      <c r="D1111" t="s">
        <v>12007</v>
      </c>
      <c r="E1111" t="s">
        <v>17410</v>
      </c>
      <c r="G1111" s="2"/>
    </row>
    <row r="1112" spans="1:7" x14ac:dyDescent="0.25">
      <c r="A1112" s="1">
        <v>1110</v>
      </c>
      <c r="B1112" t="s">
        <v>1114</v>
      </c>
      <c r="C1112" t="s">
        <v>6565</v>
      </c>
      <c r="D1112" t="s">
        <v>12008</v>
      </c>
      <c r="E1112" t="s">
        <v>17411</v>
      </c>
      <c r="G1112" s="2"/>
    </row>
    <row r="1113" spans="1:7" x14ac:dyDescent="0.25">
      <c r="A1113" s="1">
        <v>1111</v>
      </c>
      <c r="B1113" t="s">
        <v>1115</v>
      </c>
      <c r="C1113" t="s">
        <v>6566</v>
      </c>
      <c r="D1113" t="s">
        <v>12009</v>
      </c>
      <c r="E1113" t="s">
        <v>17412</v>
      </c>
      <c r="G1113" s="2"/>
    </row>
    <row r="1114" spans="1:7" x14ac:dyDescent="0.25">
      <c r="A1114" s="1">
        <v>1112</v>
      </c>
      <c r="B1114" t="s">
        <v>1116</v>
      </c>
      <c r="C1114" t="s">
        <v>6567</v>
      </c>
      <c r="D1114" t="s">
        <v>12010</v>
      </c>
      <c r="E1114" t="s">
        <v>17413</v>
      </c>
      <c r="G1114" s="2"/>
    </row>
    <row r="1115" spans="1:7" x14ac:dyDescent="0.25">
      <c r="A1115" s="1">
        <v>1113</v>
      </c>
      <c r="B1115" t="s">
        <v>1117</v>
      </c>
      <c r="C1115" t="s">
        <v>6568</v>
      </c>
      <c r="D1115" t="s">
        <v>12011</v>
      </c>
      <c r="E1115" t="s">
        <v>17414</v>
      </c>
      <c r="G1115" s="2"/>
    </row>
    <row r="1116" spans="1:7" x14ac:dyDescent="0.25">
      <c r="A1116" s="1">
        <v>1114</v>
      </c>
      <c r="B1116" t="s">
        <v>1118</v>
      </c>
      <c r="C1116" t="s">
        <v>6569</v>
      </c>
      <c r="D1116" t="s">
        <v>12012</v>
      </c>
      <c r="E1116" t="s">
        <v>17415</v>
      </c>
      <c r="G1116" s="2"/>
    </row>
    <row r="1117" spans="1:7" x14ac:dyDescent="0.25">
      <c r="A1117" s="1">
        <v>1115</v>
      </c>
      <c r="B1117" t="s">
        <v>1119</v>
      </c>
      <c r="C1117" t="s">
        <v>6570</v>
      </c>
      <c r="D1117" t="s">
        <v>12013</v>
      </c>
      <c r="E1117" t="s">
        <v>17416</v>
      </c>
      <c r="G1117" s="2"/>
    </row>
    <row r="1118" spans="1:7" x14ac:dyDescent="0.25">
      <c r="A1118" s="1">
        <v>1116</v>
      </c>
      <c r="B1118" t="s">
        <v>1120</v>
      </c>
      <c r="C1118" t="s">
        <v>6571</v>
      </c>
      <c r="D1118" t="s">
        <v>12014</v>
      </c>
      <c r="E1118" t="s">
        <v>17417</v>
      </c>
      <c r="G1118" s="2"/>
    </row>
    <row r="1119" spans="1:7" x14ac:dyDescent="0.25">
      <c r="A1119" s="1">
        <v>1117</v>
      </c>
      <c r="B1119" t="s">
        <v>1121</v>
      </c>
      <c r="C1119" t="s">
        <v>6572</v>
      </c>
      <c r="D1119" t="s">
        <v>12015</v>
      </c>
      <c r="E1119" t="s">
        <v>17418</v>
      </c>
      <c r="G1119" s="2"/>
    </row>
    <row r="1120" spans="1:7" x14ac:dyDescent="0.25">
      <c r="A1120" s="1">
        <v>1118</v>
      </c>
      <c r="B1120" t="s">
        <v>1122</v>
      </c>
      <c r="C1120" t="s">
        <v>6573</v>
      </c>
      <c r="D1120" t="s">
        <v>12016</v>
      </c>
      <c r="E1120" t="s">
        <v>17419</v>
      </c>
      <c r="G1120" s="2"/>
    </row>
    <row r="1121" spans="1:7" x14ac:dyDescent="0.25">
      <c r="A1121" s="1">
        <v>1119</v>
      </c>
      <c r="B1121" t="s">
        <v>1123</v>
      </c>
      <c r="C1121" t="s">
        <v>6574</v>
      </c>
      <c r="D1121" t="s">
        <v>12017</v>
      </c>
      <c r="E1121" t="s">
        <v>17420</v>
      </c>
      <c r="G1121" s="2"/>
    </row>
    <row r="1122" spans="1:7" x14ac:dyDescent="0.25">
      <c r="A1122" s="1">
        <v>1120</v>
      </c>
      <c r="B1122" t="s">
        <v>1124</v>
      </c>
      <c r="C1122" t="s">
        <v>6575</v>
      </c>
      <c r="D1122" t="s">
        <v>12018</v>
      </c>
      <c r="E1122" t="s">
        <v>17421</v>
      </c>
      <c r="G1122" s="2"/>
    </row>
    <row r="1123" spans="1:7" x14ac:dyDescent="0.25">
      <c r="A1123" s="1">
        <v>1121</v>
      </c>
      <c r="B1123" t="s">
        <v>1125</v>
      </c>
      <c r="C1123" t="s">
        <v>6576</v>
      </c>
      <c r="D1123" t="s">
        <v>12019</v>
      </c>
      <c r="E1123" t="s">
        <v>17422</v>
      </c>
      <c r="G1123" s="2"/>
    </row>
    <row r="1124" spans="1:7" x14ac:dyDescent="0.25">
      <c r="A1124" s="1">
        <v>1122</v>
      </c>
      <c r="B1124" t="s">
        <v>1126</v>
      </c>
      <c r="C1124" t="s">
        <v>6577</v>
      </c>
      <c r="D1124" t="s">
        <v>12020</v>
      </c>
      <c r="E1124" t="s">
        <v>17423</v>
      </c>
      <c r="G1124" s="2"/>
    </row>
    <row r="1125" spans="1:7" x14ac:dyDescent="0.25">
      <c r="A1125" s="1">
        <v>1123</v>
      </c>
      <c r="B1125" t="s">
        <v>1127</v>
      </c>
      <c r="C1125" t="s">
        <v>6578</v>
      </c>
      <c r="D1125" t="s">
        <v>12021</v>
      </c>
      <c r="E1125" t="s">
        <v>17424</v>
      </c>
      <c r="G1125" s="2"/>
    </row>
    <row r="1126" spans="1:7" x14ac:dyDescent="0.25">
      <c r="A1126" s="1">
        <v>1124</v>
      </c>
      <c r="B1126" t="s">
        <v>1128</v>
      </c>
      <c r="C1126" t="s">
        <v>6579</v>
      </c>
      <c r="D1126" t="s">
        <v>12022</v>
      </c>
      <c r="E1126" t="s">
        <v>17425</v>
      </c>
      <c r="G1126" s="2"/>
    </row>
    <row r="1127" spans="1:7" x14ac:dyDescent="0.25">
      <c r="A1127" s="1">
        <v>1125</v>
      </c>
      <c r="B1127" t="s">
        <v>1129</v>
      </c>
      <c r="C1127" t="s">
        <v>6580</v>
      </c>
      <c r="D1127" t="s">
        <v>12023</v>
      </c>
      <c r="E1127" t="s">
        <v>17426</v>
      </c>
      <c r="G1127" s="2"/>
    </row>
    <row r="1128" spans="1:7" x14ac:dyDescent="0.25">
      <c r="A1128" s="1">
        <v>1126</v>
      </c>
      <c r="B1128" t="s">
        <v>1130</v>
      </c>
      <c r="C1128" t="s">
        <v>6581</v>
      </c>
      <c r="D1128" t="s">
        <v>12024</v>
      </c>
      <c r="E1128" t="s">
        <v>17427</v>
      </c>
      <c r="G1128" s="2"/>
    </row>
    <row r="1129" spans="1:7" x14ac:dyDescent="0.25">
      <c r="A1129" s="1">
        <v>1127</v>
      </c>
      <c r="B1129" t="s">
        <v>1131</v>
      </c>
      <c r="C1129" t="s">
        <v>6582</v>
      </c>
      <c r="D1129" t="s">
        <v>12025</v>
      </c>
      <c r="E1129" t="s">
        <v>17428</v>
      </c>
      <c r="G1129" s="2"/>
    </row>
    <row r="1130" spans="1:7" x14ac:dyDescent="0.25">
      <c r="A1130" s="1">
        <v>1128</v>
      </c>
      <c r="B1130" t="s">
        <v>1132</v>
      </c>
      <c r="C1130" t="s">
        <v>6583</v>
      </c>
      <c r="D1130" t="s">
        <v>12026</v>
      </c>
      <c r="E1130" t="s">
        <v>17429</v>
      </c>
      <c r="G1130" s="2"/>
    </row>
    <row r="1131" spans="1:7" x14ac:dyDescent="0.25">
      <c r="A1131" s="1">
        <v>1129</v>
      </c>
      <c r="B1131" t="s">
        <v>1133</v>
      </c>
      <c r="C1131" t="s">
        <v>6584</v>
      </c>
      <c r="D1131" t="s">
        <v>12027</v>
      </c>
      <c r="E1131" t="s">
        <v>17430</v>
      </c>
      <c r="G1131" s="2"/>
    </row>
    <row r="1132" spans="1:7" x14ac:dyDescent="0.25">
      <c r="A1132" s="1">
        <v>1130</v>
      </c>
      <c r="B1132" t="s">
        <v>1134</v>
      </c>
      <c r="C1132" t="s">
        <v>6585</v>
      </c>
      <c r="D1132" t="s">
        <v>12028</v>
      </c>
      <c r="E1132" t="s">
        <v>17431</v>
      </c>
      <c r="G1132" s="2"/>
    </row>
    <row r="1133" spans="1:7" x14ac:dyDescent="0.25">
      <c r="A1133" s="1">
        <v>1131</v>
      </c>
      <c r="B1133" t="s">
        <v>1135</v>
      </c>
      <c r="C1133" t="s">
        <v>6586</v>
      </c>
      <c r="D1133" t="s">
        <v>12029</v>
      </c>
      <c r="E1133" t="s">
        <v>17432</v>
      </c>
      <c r="G1133" s="2"/>
    </row>
    <row r="1134" spans="1:7" x14ac:dyDescent="0.25">
      <c r="A1134" s="1">
        <v>1132</v>
      </c>
      <c r="B1134" t="s">
        <v>1136</v>
      </c>
      <c r="C1134" t="s">
        <v>6587</v>
      </c>
      <c r="D1134" t="s">
        <v>12030</v>
      </c>
      <c r="E1134" t="s">
        <v>17433</v>
      </c>
      <c r="G1134" s="2"/>
    </row>
    <row r="1135" spans="1:7" x14ac:dyDescent="0.25">
      <c r="A1135" s="1">
        <v>1133</v>
      </c>
      <c r="B1135" t="s">
        <v>1137</v>
      </c>
      <c r="C1135" t="s">
        <v>6588</v>
      </c>
      <c r="D1135" t="s">
        <v>12031</v>
      </c>
      <c r="E1135" t="s">
        <v>17434</v>
      </c>
      <c r="G1135" s="2"/>
    </row>
    <row r="1136" spans="1:7" x14ac:dyDescent="0.25">
      <c r="A1136" s="1">
        <v>1134</v>
      </c>
      <c r="B1136" t="s">
        <v>1138</v>
      </c>
      <c r="C1136" t="s">
        <v>6589</v>
      </c>
      <c r="D1136" t="s">
        <v>12032</v>
      </c>
      <c r="E1136" t="s">
        <v>17435</v>
      </c>
      <c r="G1136" s="2"/>
    </row>
    <row r="1137" spans="1:7" x14ac:dyDescent="0.25">
      <c r="A1137" s="1">
        <v>1135</v>
      </c>
      <c r="B1137" t="s">
        <v>1139</v>
      </c>
      <c r="C1137" t="s">
        <v>6590</v>
      </c>
      <c r="D1137" t="s">
        <v>12033</v>
      </c>
      <c r="E1137" t="s">
        <v>17436</v>
      </c>
      <c r="G1137" s="2"/>
    </row>
    <row r="1138" spans="1:7" x14ac:dyDescent="0.25">
      <c r="A1138" s="1">
        <v>1136</v>
      </c>
      <c r="B1138" t="s">
        <v>1140</v>
      </c>
      <c r="C1138" t="s">
        <v>6591</v>
      </c>
      <c r="D1138" t="s">
        <v>12034</v>
      </c>
      <c r="E1138" t="s">
        <v>17437</v>
      </c>
      <c r="G1138" s="2"/>
    </row>
    <row r="1139" spans="1:7" x14ac:dyDescent="0.25">
      <c r="A1139" s="1">
        <v>1137</v>
      </c>
      <c r="B1139" t="s">
        <v>1141</v>
      </c>
      <c r="C1139" t="s">
        <v>6592</v>
      </c>
      <c r="D1139" t="s">
        <v>12035</v>
      </c>
      <c r="E1139" t="s">
        <v>17438</v>
      </c>
      <c r="G1139" s="2"/>
    </row>
    <row r="1140" spans="1:7" x14ac:dyDescent="0.25">
      <c r="A1140" s="1">
        <v>1138</v>
      </c>
      <c r="B1140" t="s">
        <v>1142</v>
      </c>
      <c r="C1140" t="s">
        <v>6593</v>
      </c>
      <c r="D1140" t="s">
        <v>12036</v>
      </c>
      <c r="E1140" t="s">
        <v>17439</v>
      </c>
      <c r="G1140" s="2"/>
    </row>
    <row r="1141" spans="1:7" x14ac:dyDescent="0.25">
      <c r="A1141" s="1">
        <v>1139</v>
      </c>
      <c r="B1141" t="s">
        <v>1143</v>
      </c>
      <c r="C1141" t="s">
        <v>6594</v>
      </c>
      <c r="D1141" t="s">
        <v>12037</v>
      </c>
      <c r="E1141" t="s">
        <v>17440</v>
      </c>
      <c r="G1141" s="2"/>
    </row>
    <row r="1142" spans="1:7" x14ac:dyDescent="0.25">
      <c r="A1142" s="1">
        <v>1140</v>
      </c>
      <c r="B1142" t="s">
        <v>1144</v>
      </c>
      <c r="C1142" t="s">
        <v>6595</v>
      </c>
      <c r="D1142" t="s">
        <v>12038</v>
      </c>
      <c r="E1142" t="s">
        <v>17441</v>
      </c>
      <c r="G1142" s="2"/>
    </row>
    <row r="1143" spans="1:7" x14ac:dyDescent="0.25">
      <c r="A1143" s="1">
        <v>1141</v>
      </c>
      <c r="B1143" t="s">
        <v>1145</v>
      </c>
      <c r="C1143" t="s">
        <v>6596</v>
      </c>
      <c r="D1143" t="s">
        <v>12039</v>
      </c>
      <c r="E1143" t="s">
        <v>17442</v>
      </c>
      <c r="G1143" s="2"/>
    </row>
    <row r="1144" spans="1:7" x14ac:dyDescent="0.25">
      <c r="A1144" s="1">
        <v>1142</v>
      </c>
      <c r="B1144" t="s">
        <v>1146</v>
      </c>
      <c r="C1144" t="s">
        <v>6597</v>
      </c>
      <c r="D1144" t="s">
        <v>12040</v>
      </c>
      <c r="E1144" t="s">
        <v>17443</v>
      </c>
      <c r="G1144" s="2"/>
    </row>
    <row r="1145" spans="1:7" x14ac:dyDescent="0.25">
      <c r="A1145" s="1">
        <v>1143</v>
      </c>
      <c r="B1145" t="s">
        <v>1147</v>
      </c>
      <c r="C1145" t="s">
        <v>6598</v>
      </c>
      <c r="D1145" t="s">
        <v>12041</v>
      </c>
      <c r="E1145" t="s">
        <v>16347</v>
      </c>
      <c r="G1145" s="2"/>
    </row>
    <row r="1146" spans="1:7" x14ac:dyDescent="0.25">
      <c r="A1146" s="1">
        <v>1144</v>
      </c>
      <c r="B1146" t="s">
        <v>1148</v>
      </c>
      <c r="C1146" t="s">
        <v>6599</v>
      </c>
      <c r="D1146" t="s">
        <v>12042</v>
      </c>
      <c r="E1146" t="s">
        <v>17444</v>
      </c>
      <c r="G1146" s="2"/>
    </row>
    <row r="1147" spans="1:7" x14ac:dyDescent="0.25">
      <c r="A1147" s="1">
        <v>1145</v>
      </c>
      <c r="B1147" t="s">
        <v>1149</v>
      </c>
      <c r="C1147" t="s">
        <v>6600</v>
      </c>
      <c r="D1147" t="s">
        <v>12043</v>
      </c>
      <c r="E1147" t="s">
        <v>17445</v>
      </c>
      <c r="G1147" s="2"/>
    </row>
    <row r="1148" spans="1:7" x14ac:dyDescent="0.25">
      <c r="A1148" s="1">
        <v>1146</v>
      </c>
      <c r="B1148" t="s">
        <v>1150</v>
      </c>
      <c r="C1148" t="s">
        <v>6601</v>
      </c>
      <c r="D1148" t="s">
        <v>12044</v>
      </c>
      <c r="E1148" t="s">
        <v>17446</v>
      </c>
      <c r="G1148" s="2"/>
    </row>
    <row r="1149" spans="1:7" x14ac:dyDescent="0.25">
      <c r="A1149" s="1">
        <v>1147</v>
      </c>
      <c r="B1149" t="s">
        <v>1151</v>
      </c>
      <c r="C1149" t="s">
        <v>6602</v>
      </c>
      <c r="D1149" t="s">
        <v>12045</v>
      </c>
      <c r="E1149" t="s">
        <v>17447</v>
      </c>
      <c r="G1149" s="2"/>
    </row>
    <row r="1150" spans="1:7" x14ac:dyDescent="0.25">
      <c r="A1150" s="1">
        <v>1148</v>
      </c>
      <c r="B1150" t="s">
        <v>1152</v>
      </c>
      <c r="C1150" t="s">
        <v>6603</v>
      </c>
      <c r="D1150" t="s">
        <v>12046</v>
      </c>
      <c r="E1150" t="s">
        <v>16347</v>
      </c>
      <c r="G1150" s="2"/>
    </row>
    <row r="1151" spans="1:7" x14ac:dyDescent="0.25">
      <c r="A1151" s="1">
        <v>1149</v>
      </c>
      <c r="B1151" t="s">
        <v>1153</v>
      </c>
      <c r="C1151" t="s">
        <v>6604</v>
      </c>
      <c r="D1151" t="s">
        <v>12047</v>
      </c>
      <c r="E1151" t="s">
        <v>17448</v>
      </c>
      <c r="G1151" s="2"/>
    </row>
    <row r="1152" spans="1:7" x14ac:dyDescent="0.25">
      <c r="A1152" s="1">
        <v>1150</v>
      </c>
      <c r="B1152" t="s">
        <v>1154</v>
      </c>
      <c r="C1152" t="s">
        <v>6605</v>
      </c>
      <c r="D1152" t="s">
        <v>12048</v>
      </c>
      <c r="E1152" t="s">
        <v>17449</v>
      </c>
      <c r="G1152" s="2"/>
    </row>
    <row r="1153" spans="1:7" x14ac:dyDescent="0.25">
      <c r="A1153" s="1">
        <v>1151</v>
      </c>
      <c r="B1153" t="s">
        <v>1155</v>
      </c>
      <c r="C1153" t="s">
        <v>6606</v>
      </c>
      <c r="D1153" t="s">
        <v>12049</v>
      </c>
      <c r="E1153" t="s">
        <v>17450</v>
      </c>
      <c r="G1153" s="2"/>
    </row>
    <row r="1154" spans="1:7" x14ac:dyDescent="0.25">
      <c r="A1154" s="1">
        <v>1152</v>
      </c>
      <c r="B1154" t="s">
        <v>1156</v>
      </c>
      <c r="C1154" t="s">
        <v>6607</v>
      </c>
      <c r="D1154" t="s">
        <v>12050</v>
      </c>
      <c r="E1154" t="s">
        <v>17451</v>
      </c>
      <c r="G1154" s="2"/>
    </row>
    <row r="1155" spans="1:7" x14ac:dyDescent="0.25">
      <c r="A1155" s="1">
        <v>1153</v>
      </c>
      <c r="B1155" t="s">
        <v>1157</v>
      </c>
      <c r="C1155" t="s">
        <v>6608</v>
      </c>
      <c r="D1155" t="s">
        <v>12051</v>
      </c>
      <c r="E1155" t="s">
        <v>17452</v>
      </c>
      <c r="G1155" s="2"/>
    </row>
    <row r="1156" spans="1:7" x14ac:dyDescent="0.25">
      <c r="A1156" s="1">
        <v>1154</v>
      </c>
      <c r="B1156" t="s">
        <v>1158</v>
      </c>
      <c r="C1156" t="s">
        <v>6609</v>
      </c>
      <c r="D1156" t="s">
        <v>12052</v>
      </c>
      <c r="E1156" t="s">
        <v>17453</v>
      </c>
      <c r="G1156" s="2"/>
    </row>
    <row r="1157" spans="1:7" x14ac:dyDescent="0.25">
      <c r="A1157" s="1">
        <v>1155</v>
      </c>
      <c r="B1157" t="s">
        <v>1159</v>
      </c>
      <c r="C1157" t="s">
        <v>6610</v>
      </c>
      <c r="D1157" t="s">
        <v>12053</v>
      </c>
      <c r="E1157" t="s">
        <v>17454</v>
      </c>
      <c r="G1157" s="2"/>
    </row>
    <row r="1158" spans="1:7" x14ac:dyDescent="0.25">
      <c r="A1158" s="1">
        <v>1156</v>
      </c>
      <c r="B1158" t="s">
        <v>1160</v>
      </c>
      <c r="C1158" t="s">
        <v>6611</v>
      </c>
      <c r="D1158" t="s">
        <v>12054</v>
      </c>
      <c r="E1158" t="s">
        <v>17455</v>
      </c>
      <c r="G1158" s="2"/>
    </row>
    <row r="1159" spans="1:7" x14ac:dyDescent="0.25">
      <c r="A1159" s="1">
        <v>1157</v>
      </c>
      <c r="B1159" t="s">
        <v>1161</v>
      </c>
      <c r="C1159" t="s">
        <v>6612</v>
      </c>
      <c r="D1159" t="s">
        <v>12055</v>
      </c>
      <c r="E1159" t="s">
        <v>17456</v>
      </c>
      <c r="G1159" s="2"/>
    </row>
    <row r="1160" spans="1:7" x14ac:dyDescent="0.25">
      <c r="A1160" s="1">
        <v>1158</v>
      </c>
      <c r="B1160" t="s">
        <v>1162</v>
      </c>
      <c r="C1160" t="s">
        <v>6613</v>
      </c>
      <c r="D1160" t="s">
        <v>12056</v>
      </c>
      <c r="E1160" t="s">
        <v>17457</v>
      </c>
      <c r="G1160" s="2"/>
    </row>
    <row r="1161" spans="1:7" x14ac:dyDescent="0.25">
      <c r="A1161" s="1">
        <v>1159</v>
      </c>
      <c r="B1161" t="s">
        <v>1163</v>
      </c>
      <c r="C1161" t="s">
        <v>6614</v>
      </c>
      <c r="D1161" t="s">
        <v>12057</v>
      </c>
      <c r="E1161" t="s">
        <v>17458</v>
      </c>
      <c r="G1161" s="2"/>
    </row>
    <row r="1162" spans="1:7" x14ac:dyDescent="0.25">
      <c r="A1162" s="1">
        <v>1160</v>
      </c>
      <c r="B1162" t="s">
        <v>1164</v>
      </c>
      <c r="C1162" t="s">
        <v>6615</v>
      </c>
      <c r="D1162" t="s">
        <v>12058</v>
      </c>
      <c r="E1162" t="s">
        <v>17459</v>
      </c>
      <c r="G1162" s="2"/>
    </row>
    <row r="1163" spans="1:7" x14ac:dyDescent="0.25">
      <c r="A1163" s="1">
        <v>1161</v>
      </c>
      <c r="B1163" t="s">
        <v>1165</v>
      </c>
      <c r="C1163" t="s">
        <v>6616</v>
      </c>
      <c r="D1163" t="s">
        <v>12059</v>
      </c>
      <c r="E1163" t="s">
        <v>17460</v>
      </c>
      <c r="G1163" s="2"/>
    </row>
    <row r="1164" spans="1:7" x14ac:dyDescent="0.25">
      <c r="A1164" s="1">
        <v>1162</v>
      </c>
      <c r="B1164" t="s">
        <v>1166</v>
      </c>
      <c r="C1164" t="s">
        <v>6617</v>
      </c>
      <c r="D1164" t="s">
        <v>12060</v>
      </c>
      <c r="E1164" t="s">
        <v>17461</v>
      </c>
      <c r="G1164" s="2"/>
    </row>
    <row r="1165" spans="1:7" x14ac:dyDescent="0.25">
      <c r="A1165" s="1">
        <v>1163</v>
      </c>
      <c r="B1165" t="s">
        <v>1167</v>
      </c>
      <c r="C1165" t="s">
        <v>6618</v>
      </c>
      <c r="D1165" t="s">
        <v>12061</v>
      </c>
      <c r="E1165" t="s">
        <v>17462</v>
      </c>
      <c r="G1165" s="2"/>
    </row>
    <row r="1166" spans="1:7" x14ac:dyDescent="0.25">
      <c r="A1166" s="1">
        <v>1164</v>
      </c>
      <c r="B1166" t="s">
        <v>1168</v>
      </c>
      <c r="C1166" t="s">
        <v>6619</v>
      </c>
      <c r="D1166" t="s">
        <v>12062</v>
      </c>
      <c r="E1166" t="s">
        <v>17463</v>
      </c>
      <c r="G1166" s="2"/>
    </row>
    <row r="1167" spans="1:7" x14ac:dyDescent="0.25">
      <c r="A1167" s="1">
        <v>1165</v>
      </c>
      <c r="B1167" t="s">
        <v>1169</v>
      </c>
      <c r="C1167" t="s">
        <v>6620</v>
      </c>
      <c r="D1167" t="s">
        <v>12063</v>
      </c>
      <c r="E1167" t="s">
        <v>17464</v>
      </c>
      <c r="G1167" s="2"/>
    </row>
    <row r="1168" spans="1:7" x14ac:dyDescent="0.25">
      <c r="A1168" s="1">
        <v>1166</v>
      </c>
      <c r="B1168" t="s">
        <v>1170</v>
      </c>
      <c r="C1168" t="s">
        <v>6621</v>
      </c>
      <c r="D1168" t="s">
        <v>12064</v>
      </c>
      <c r="E1168" t="s">
        <v>17465</v>
      </c>
      <c r="G1168" s="2"/>
    </row>
    <row r="1169" spans="1:7" x14ac:dyDescent="0.25">
      <c r="A1169" s="1">
        <v>1167</v>
      </c>
      <c r="B1169" t="s">
        <v>1171</v>
      </c>
      <c r="C1169" t="s">
        <v>6622</v>
      </c>
      <c r="D1169" t="s">
        <v>12065</v>
      </c>
      <c r="E1169" t="s">
        <v>17466</v>
      </c>
      <c r="G1169" s="2"/>
    </row>
    <row r="1170" spans="1:7" x14ac:dyDescent="0.25">
      <c r="A1170" s="1">
        <v>1168</v>
      </c>
      <c r="B1170" t="s">
        <v>1172</v>
      </c>
      <c r="C1170" t="s">
        <v>6623</v>
      </c>
      <c r="D1170" t="s">
        <v>12066</v>
      </c>
      <c r="E1170" t="s">
        <v>17467</v>
      </c>
      <c r="G1170" s="2"/>
    </row>
    <row r="1171" spans="1:7" x14ac:dyDescent="0.25">
      <c r="A1171" s="1">
        <v>1169</v>
      </c>
      <c r="B1171" t="s">
        <v>1173</v>
      </c>
      <c r="C1171" t="s">
        <v>6624</v>
      </c>
      <c r="D1171" t="s">
        <v>12067</v>
      </c>
      <c r="E1171" t="s">
        <v>17468</v>
      </c>
      <c r="G1171" s="2"/>
    </row>
    <row r="1172" spans="1:7" x14ac:dyDescent="0.25">
      <c r="A1172" s="1">
        <v>1170</v>
      </c>
      <c r="B1172" t="s">
        <v>1174</v>
      </c>
      <c r="C1172" t="s">
        <v>6625</v>
      </c>
      <c r="D1172" t="s">
        <v>12068</v>
      </c>
      <c r="E1172" t="s">
        <v>17469</v>
      </c>
      <c r="G1172" s="2"/>
    </row>
    <row r="1173" spans="1:7" x14ac:dyDescent="0.25">
      <c r="A1173" s="1">
        <v>1171</v>
      </c>
      <c r="B1173" t="s">
        <v>1175</v>
      </c>
      <c r="C1173" t="s">
        <v>6626</v>
      </c>
      <c r="D1173" t="s">
        <v>12069</v>
      </c>
      <c r="E1173" t="s">
        <v>17470</v>
      </c>
      <c r="G1173" s="2"/>
    </row>
    <row r="1174" spans="1:7" x14ac:dyDescent="0.25">
      <c r="A1174" s="1">
        <v>1172</v>
      </c>
      <c r="B1174" t="s">
        <v>1176</v>
      </c>
      <c r="C1174" t="s">
        <v>6627</v>
      </c>
      <c r="D1174" t="s">
        <v>12070</v>
      </c>
      <c r="E1174" t="s">
        <v>17471</v>
      </c>
      <c r="G1174" s="2"/>
    </row>
    <row r="1175" spans="1:7" x14ac:dyDescent="0.25">
      <c r="A1175" s="1">
        <v>1173</v>
      </c>
      <c r="B1175" t="s">
        <v>1177</v>
      </c>
      <c r="C1175" t="s">
        <v>6628</v>
      </c>
      <c r="D1175" t="s">
        <v>12071</v>
      </c>
      <c r="E1175" t="s">
        <v>17472</v>
      </c>
      <c r="G1175" s="2"/>
    </row>
    <row r="1176" spans="1:7" x14ac:dyDescent="0.25">
      <c r="A1176" s="1">
        <v>1174</v>
      </c>
      <c r="B1176" t="s">
        <v>1178</v>
      </c>
      <c r="C1176" t="s">
        <v>6629</v>
      </c>
      <c r="D1176" t="s">
        <v>12072</v>
      </c>
      <c r="E1176" t="s">
        <v>17473</v>
      </c>
      <c r="G1176" s="2"/>
    </row>
    <row r="1177" spans="1:7" x14ac:dyDescent="0.25">
      <c r="A1177" s="1">
        <v>1175</v>
      </c>
      <c r="B1177" t="s">
        <v>1179</v>
      </c>
      <c r="C1177" t="s">
        <v>6630</v>
      </c>
      <c r="D1177" t="s">
        <v>12073</v>
      </c>
      <c r="E1177" t="s">
        <v>17474</v>
      </c>
      <c r="G1177" s="2"/>
    </row>
    <row r="1178" spans="1:7" x14ac:dyDescent="0.25">
      <c r="A1178" s="1">
        <v>1176</v>
      </c>
      <c r="B1178" t="s">
        <v>1180</v>
      </c>
      <c r="C1178" t="s">
        <v>6631</v>
      </c>
      <c r="D1178" t="s">
        <v>12074</v>
      </c>
      <c r="E1178" t="s">
        <v>17475</v>
      </c>
      <c r="G1178" s="2"/>
    </row>
    <row r="1179" spans="1:7" x14ac:dyDescent="0.25">
      <c r="A1179" s="1">
        <v>1177</v>
      </c>
      <c r="B1179" t="s">
        <v>1181</v>
      </c>
      <c r="C1179" t="s">
        <v>6632</v>
      </c>
      <c r="D1179" t="s">
        <v>12075</v>
      </c>
      <c r="E1179" t="s">
        <v>17476</v>
      </c>
      <c r="G1179" s="2"/>
    </row>
    <row r="1180" spans="1:7" x14ac:dyDescent="0.25">
      <c r="A1180" s="1">
        <v>1178</v>
      </c>
      <c r="B1180" t="s">
        <v>1182</v>
      </c>
      <c r="C1180" t="s">
        <v>6633</v>
      </c>
      <c r="D1180" t="s">
        <v>12076</v>
      </c>
      <c r="E1180" t="s">
        <v>17477</v>
      </c>
      <c r="G1180" s="2"/>
    </row>
    <row r="1181" spans="1:7" x14ac:dyDescent="0.25">
      <c r="A1181" s="1">
        <v>1179</v>
      </c>
      <c r="B1181" t="s">
        <v>1183</v>
      </c>
      <c r="C1181" t="s">
        <v>6634</v>
      </c>
      <c r="D1181" t="s">
        <v>12077</v>
      </c>
      <c r="E1181" t="s">
        <v>17478</v>
      </c>
      <c r="G1181" s="2"/>
    </row>
    <row r="1182" spans="1:7" x14ac:dyDescent="0.25">
      <c r="A1182" s="1">
        <v>1180</v>
      </c>
      <c r="B1182" t="s">
        <v>1184</v>
      </c>
      <c r="C1182" t="s">
        <v>6635</v>
      </c>
      <c r="D1182" t="s">
        <v>12078</v>
      </c>
      <c r="E1182" t="s">
        <v>17479</v>
      </c>
      <c r="G1182" s="2"/>
    </row>
    <row r="1183" spans="1:7" x14ac:dyDescent="0.25">
      <c r="A1183" s="1">
        <v>1181</v>
      </c>
      <c r="B1183" t="s">
        <v>1185</v>
      </c>
      <c r="C1183" t="s">
        <v>6636</v>
      </c>
      <c r="D1183" t="s">
        <v>12079</v>
      </c>
      <c r="E1183" t="s">
        <v>17480</v>
      </c>
      <c r="G1183" s="2"/>
    </row>
    <row r="1184" spans="1:7" x14ac:dyDescent="0.25">
      <c r="A1184" s="1">
        <v>1182</v>
      </c>
      <c r="B1184" t="s">
        <v>1186</v>
      </c>
      <c r="C1184" t="s">
        <v>6637</v>
      </c>
      <c r="D1184" t="s">
        <v>12080</v>
      </c>
      <c r="E1184" t="s">
        <v>17481</v>
      </c>
      <c r="G1184" s="2"/>
    </row>
    <row r="1185" spans="1:7" x14ac:dyDescent="0.25">
      <c r="A1185" s="1">
        <v>1183</v>
      </c>
      <c r="B1185" t="s">
        <v>1187</v>
      </c>
      <c r="C1185" t="s">
        <v>6638</v>
      </c>
      <c r="D1185" t="s">
        <v>12081</v>
      </c>
      <c r="E1185" t="s">
        <v>17482</v>
      </c>
      <c r="G1185" s="2"/>
    </row>
    <row r="1186" spans="1:7" x14ac:dyDescent="0.25">
      <c r="A1186" s="1">
        <v>1184</v>
      </c>
      <c r="B1186" t="s">
        <v>1188</v>
      </c>
      <c r="C1186" t="s">
        <v>6639</v>
      </c>
      <c r="D1186" t="s">
        <v>12082</v>
      </c>
      <c r="E1186" t="s">
        <v>17483</v>
      </c>
      <c r="G1186" s="2"/>
    </row>
    <row r="1187" spans="1:7" x14ac:dyDescent="0.25">
      <c r="A1187" s="1">
        <v>1185</v>
      </c>
      <c r="B1187" t="s">
        <v>1189</v>
      </c>
      <c r="C1187" t="s">
        <v>6640</v>
      </c>
      <c r="D1187" t="s">
        <v>12083</v>
      </c>
      <c r="E1187" t="s">
        <v>17484</v>
      </c>
      <c r="G1187" s="2"/>
    </row>
    <row r="1188" spans="1:7" x14ac:dyDescent="0.25">
      <c r="A1188" s="1">
        <v>1186</v>
      </c>
      <c r="B1188" t="s">
        <v>1190</v>
      </c>
      <c r="C1188" t="s">
        <v>6641</v>
      </c>
      <c r="D1188" t="s">
        <v>12084</v>
      </c>
      <c r="E1188" t="s">
        <v>17485</v>
      </c>
      <c r="G1188" s="2"/>
    </row>
    <row r="1189" spans="1:7" x14ac:dyDescent="0.25">
      <c r="A1189" s="1">
        <v>1187</v>
      </c>
      <c r="B1189" t="s">
        <v>1191</v>
      </c>
      <c r="C1189" t="s">
        <v>6642</v>
      </c>
      <c r="D1189" t="s">
        <v>12085</v>
      </c>
      <c r="E1189" t="s">
        <v>17486</v>
      </c>
      <c r="G1189" s="2"/>
    </row>
    <row r="1190" spans="1:7" x14ac:dyDescent="0.25">
      <c r="A1190" s="1">
        <v>1188</v>
      </c>
      <c r="B1190" t="s">
        <v>1192</v>
      </c>
      <c r="C1190" t="s">
        <v>6643</v>
      </c>
      <c r="D1190" t="s">
        <v>12086</v>
      </c>
      <c r="E1190" t="s">
        <v>17487</v>
      </c>
      <c r="G1190" s="2"/>
    </row>
    <row r="1191" spans="1:7" x14ac:dyDescent="0.25">
      <c r="A1191" s="1">
        <v>1189</v>
      </c>
      <c r="B1191" t="s">
        <v>1193</v>
      </c>
      <c r="C1191" t="s">
        <v>6644</v>
      </c>
      <c r="D1191" t="s">
        <v>12087</v>
      </c>
      <c r="E1191" t="s">
        <v>17488</v>
      </c>
      <c r="G1191" s="2"/>
    </row>
    <row r="1192" spans="1:7" x14ac:dyDescent="0.25">
      <c r="A1192" s="1">
        <v>1190</v>
      </c>
      <c r="B1192" t="s">
        <v>1194</v>
      </c>
      <c r="C1192" t="s">
        <v>6645</v>
      </c>
      <c r="D1192" t="s">
        <v>12088</v>
      </c>
      <c r="E1192" t="s">
        <v>17489</v>
      </c>
      <c r="G1192" s="2"/>
    </row>
    <row r="1193" spans="1:7" x14ac:dyDescent="0.25">
      <c r="A1193" s="1">
        <v>1191</v>
      </c>
      <c r="B1193" t="s">
        <v>1195</v>
      </c>
      <c r="C1193" t="s">
        <v>6646</v>
      </c>
      <c r="D1193" t="s">
        <v>12089</v>
      </c>
      <c r="E1193" t="s">
        <v>17490</v>
      </c>
      <c r="G1193" s="2"/>
    </row>
    <row r="1194" spans="1:7" x14ac:dyDescent="0.25">
      <c r="A1194" s="1">
        <v>1192</v>
      </c>
      <c r="B1194" t="s">
        <v>1196</v>
      </c>
      <c r="C1194" t="s">
        <v>6647</v>
      </c>
      <c r="D1194" t="s">
        <v>12090</v>
      </c>
      <c r="E1194" t="s">
        <v>17491</v>
      </c>
      <c r="G1194" s="2"/>
    </row>
    <row r="1195" spans="1:7" x14ac:dyDescent="0.25">
      <c r="A1195" s="1">
        <v>1193</v>
      </c>
      <c r="B1195" t="s">
        <v>1197</v>
      </c>
      <c r="C1195" t="s">
        <v>6648</v>
      </c>
      <c r="D1195" t="s">
        <v>12091</v>
      </c>
      <c r="E1195" t="s">
        <v>17492</v>
      </c>
      <c r="G1195" s="2"/>
    </row>
    <row r="1196" spans="1:7" x14ac:dyDescent="0.25">
      <c r="A1196" s="1">
        <v>1194</v>
      </c>
      <c r="B1196" t="s">
        <v>1198</v>
      </c>
      <c r="C1196" t="s">
        <v>6649</v>
      </c>
      <c r="D1196" t="s">
        <v>12092</v>
      </c>
      <c r="E1196" t="s">
        <v>17493</v>
      </c>
      <c r="G1196" s="2"/>
    </row>
    <row r="1197" spans="1:7" x14ac:dyDescent="0.25">
      <c r="A1197" s="1">
        <v>1195</v>
      </c>
      <c r="B1197" t="s">
        <v>1199</v>
      </c>
      <c r="C1197" t="s">
        <v>6650</v>
      </c>
      <c r="D1197" t="s">
        <v>12093</v>
      </c>
      <c r="E1197" t="s">
        <v>17494</v>
      </c>
      <c r="G1197" s="2"/>
    </row>
    <row r="1198" spans="1:7" x14ac:dyDescent="0.25">
      <c r="A1198" s="1">
        <v>1196</v>
      </c>
      <c r="B1198" t="s">
        <v>1200</v>
      </c>
      <c r="C1198" t="s">
        <v>6651</v>
      </c>
      <c r="D1198" t="s">
        <v>12094</v>
      </c>
      <c r="E1198" t="s">
        <v>17495</v>
      </c>
      <c r="G1198" s="2"/>
    </row>
    <row r="1199" spans="1:7" x14ac:dyDescent="0.25">
      <c r="A1199" s="1">
        <v>1197</v>
      </c>
      <c r="B1199" t="s">
        <v>1201</v>
      </c>
      <c r="C1199" t="s">
        <v>6652</v>
      </c>
      <c r="D1199" t="s">
        <v>12095</v>
      </c>
      <c r="E1199" t="s">
        <v>17496</v>
      </c>
      <c r="G1199" s="2"/>
    </row>
    <row r="1200" spans="1:7" x14ac:dyDescent="0.25">
      <c r="A1200" s="1">
        <v>1198</v>
      </c>
      <c r="B1200" t="s">
        <v>1202</v>
      </c>
      <c r="C1200" t="s">
        <v>6653</v>
      </c>
      <c r="D1200" t="s">
        <v>12096</v>
      </c>
      <c r="E1200" t="s">
        <v>17497</v>
      </c>
      <c r="G1200" s="2"/>
    </row>
    <row r="1201" spans="1:7" x14ac:dyDescent="0.25">
      <c r="A1201" s="1">
        <v>1199</v>
      </c>
      <c r="B1201" t="s">
        <v>1203</v>
      </c>
      <c r="C1201" t="s">
        <v>6654</v>
      </c>
      <c r="D1201" t="s">
        <v>12097</v>
      </c>
      <c r="E1201" t="s">
        <v>17498</v>
      </c>
      <c r="G1201" s="2"/>
    </row>
    <row r="1202" spans="1:7" x14ac:dyDescent="0.25">
      <c r="A1202" s="1">
        <v>1200</v>
      </c>
      <c r="B1202" t="s">
        <v>1204</v>
      </c>
      <c r="C1202" t="s">
        <v>6655</v>
      </c>
      <c r="D1202" t="s">
        <v>12098</v>
      </c>
      <c r="E1202" t="s">
        <v>17499</v>
      </c>
      <c r="G1202" s="2"/>
    </row>
    <row r="1203" spans="1:7" x14ac:dyDescent="0.25">
      <c r="A1203" s="1">
        <v>1201</v>
      </c>
      <c r="B1203" t="s">
        <v>1205</v>
      </c>
      <c r="C1203" t="s">
        <v>6656</v>
      </c>
      <c r="D1203" t="s">
        <v>12099</v>
      </c>
      <c r="E1203" t="s">
        <v>17500</v>
      </c>
      <c r="G1203" s="2"/>
    </row>
    <row r="1204" spans="1:7" x14ac:dyDescent="0.25">
      <c r="A1204" s="1">
        <v>1202</v>
      </c>
      <c r="B1204" t="s">
        <v>1206</v>
      </c>
      <c r="C1204" t="s">
        <v>6657</v>
      </c>
      <c r="D1204" t="s">
        <v>12100</v>
      </c>
      <c r="E1204" t="s">
        <v>17501</v>
      </c>
      <c r="G1204" s="2"/>
    </row>
    <row r="1205" spans="1:7" x14ac:dyDescent="0.25">
      <c r="A1205" s="1">
        <v>1203</v>
      </c>
      <c r="B1205" t="s">
        <v>1207</v>
      </c>
      <c r="C1205" t="s">
        <v>6658</v>
      </c>
      <c r="D1205" t="s">
        <v>12101</v>
      </c>
      <c r="E1205" t="s">
        <v>17502</v>
      </c>
      <c r="G1205" s="2"/>
    </row>
    <row r="1206" spans="1:7" x14ac:dyDescent="0.25">
      <c r="A1206" s="1">
        <v>1204</v>
      </c>
      <c r="B1206" t="s">
        <v>1208</v>
      </c>
      <c r="C1206" t="s">
        <v>6659</v>
      </c>
      <c r="D1206" t="s">
        <v>12102</v>
      </c>
      <c r="E1206" t="s">
        <v>17503</v>
      </c>
      <c r="G1206" s="2"/>
    </row>
    <row r="1207" spans="1:7" x14ac:dyDescent="0.25">
      <c r="A1207" s="1">
        <v>1205</v>
      </c>
      <c r="B1207" t="s">
        <v>1209</v>
      </c>
      <c r="C1207" t="s">
        <v>6660</v>
      </c>
      <c r="D1207" t="s">
        <v>12103</v>
      </c>
      <c r="E1207" t="s">
        <v>17504</v>
      </c>
      <c r="G1207" s="2"/>
    </row>
    <row r="1208" spans="1:7" x14ac:dyDescent="0.25">
      <c r="A1208" s="1">
        <v>1206</v>
      </c>
      <c r="B1208" t="s">
        <v>1210</v>
      </c>
      <c r="C1208" t="s">
        <v>6661</v>
      </c>
      <c r="D1208" t="s">
        <v>12104</v>
      </c>
      <c r="E1208" t="s">
        <v>17505</v>
      </c>
      <c r="G1208" s="2"/>
    </row>
    <row r="1209" spans="1:7" x14ac:dyDescent="0.25">
      <c r="A1209" s="1">
        <v>1207</v>
      </c>
      <c r="B1209" t="s">
        <v>1211</v>
      </c>
      <c r="C1209" t="s">
        <v>6662</v>
      </c>
      <c r="D1209" t="s">
        <v>12105</v>
      </c>
      <c r="E1209" t="s">
        <v>17506</v>
      </c>
      <c r="G1209" s="2"/>
    </row>
    <row r="1210" spans="1:7" x14ac:dyDescent="0.25">
      <c r="A1210" s="1">
        <v>1208</v>
      </c>
      <c r="B1210" t="s">
        <v>1212</v>
      </c>
      <c r="C1210" t="s">
        <v>6663</v>
      </c>
      <c r="D1210" t="s">
        <v>12106</v>
      </c>
      <c r="E1210" t="s">
        <v>17507</v>
      </c>
      <c r="G1210" s="2"/>
    </row>
    <row r="1211" spans="1:7" x14ac:dyDescent="0.25">
      <c r="A1211" s="1">
        <v>1209</v>
      </c>
      <c r="B1211" t="s">
        <v>1213</v>
      </c>
      <c r="C1211" t="s">
        <v>6664</v>
      </c>
      <c r="D1211" t="s">
        <v>12107</v>
      </c>
      <c r="E1211" t="s">
        <v>17508</v>
      </c>
      <c r="G1211" s="2"/>
    </row>
    <row r="1212" spans="1:7" x14ac:dyDescent="0.25">
      <c r="A1212" s="1">
        <v>1210</v>
      </c>
      <c r="B1212" t="s">
        <v>1214</v>
      </c>
      <c r="C1212" t="s">
        <v>6665</v>
      </c>
      <c r="D1212" t="s">
        <v>12108</v>
      </c>
      <c r="E1212" t="s">
        <v>17509</v>
      </c>
      <c r="G1212" s="2"/>
    </row>
    <row r="1213" spans="1:7" x14ac:dyDescent="0.25">
      <c r="A1213" s="1">
        <v>1211</v>
      </c>
      <c r="B1213" t="s">
        <v>1215</v>
      </c>
      <c r="C1213" t="s">
        <v>6666</v>
      </c>
      <c r="D1213" t="s">
        <v>12109</v>
      </c>
      <c r="E1213" t="s">
        <v>17510</v>
      </c>
      <c r="G1213" s="2"/>
    </row>
    <row r="1214" spans="1:7" x14ac:dyDescent="0.25">
      <c r="A1214" s="1">
        <v>1212</v>
      </c>
      <c r="B1214" t="s">
        <v>1216</v>
      </c>
      <c r="C1214" t="s">
        <v>6667</v>
      </c>
      <c r="D1214" t="s">
        <v>12110</v>
      </c>
      <c r="E1214" t="s">
        <v>17511</v>
      </c>
      <c r="G1214" s="2"/>
    </row>
    <row r="1215" spans="1:7" x14ac:dyDescent="0.25">
      <c r="A1215" s="1">
        <v>1213</v>
      </c>
      <c r="B1215" t="s">
        <v>1217</v>
      </c>
      <c r="C1215" t="s">
        <v>6668</v>
      </c>
      <c r="D1215" t="s">
        <v>12111</v>
      </c>
      <c r="E1215" t="s">
        <v>16620</v>
      </c>
      <c r="G1215" s="2"/>
    </row>
    <row r="1216" spans="1:7" x14ac:dyDescent="0.25">
      <c r="A1216" s="1">
        <v>1214</v>
      </c>
      <c r="B1216" t="s">
        <v>1218</v>
      </c>
      <c r="C1216" t="s">
        <v>6669</v>
      </c>
      <c r="D1216" t="s">
        <v>12112</v>
      </c>
      <c r="E1216" t="s">
        <v>17512</v>
      </c>
      <c r="G1216" s="2"/>
    </row>
    <row r="1217" spans="1:7" x14ac:dyDescent="0.25">
      <c r="A1217" s="1">
        <v>1215</v>
      </c>
      <c r="B1217" t="s">
        <v>1219</v>
      </c>
      <c r="C1217" t="s">
        <v>6670</v>
      </c>
      <c r="D1217" t="s">
        <v>12113</v>
      </c>
      <c r="E1217" t="s">
        <v>17513</v>
      </c>
      <c r="G1217" s="2"/>
    </row>
    <row r="1218" spans="1:7" x14ac:dyDescent="0.25">
      <c r="A1218" s="1">
        <v>1216</v>
      </c>
      <c r="B1218" t="s">
        <v>1220</v>
      </c>
      <c r="C1218" t="s">
        <v>6671</v>
      </c>
      <c r="D1218" t="s">
        <v>12114</v>
      </c>
      <c r="E1218" t="s">
        <v>17514</v>
      </c>
      <c r="G1218" s="2"/>
    </row>
    <row r="1219" spans="1:7" x14ac:dyDescent="0.25">
      <c r="A1219" s="1">
        <v>1217</v>
      </c>
      <c r="B1219" t="s">
        <v>1221</v>
      </c>
      <c r="C1219" t="s">
        <v>6672</v>
      </c>
      <c r="D1219" t="s">
        <v>12115</v>
      </c>
      <c r="E1219" t="s">
        <v>17515</v>
      </c>
      <c r="G1219" s="2"/>
    </row>
    <row r="1220" spans="1:7" x14ac:dyDescent="0.25">
      <c r="A1220" s="1">
        <v>1218</v>
      </c>
      <c r="B1220" t="s">
        <v>1222</v>
      </c>
      <c r="C1220" t="s">
        <v>6673</v>
      </c>
      <c r="D1220" t="s">
        <v>12116</v>
      </c>
      <c r="E1220" t="s">
        <v>17516</v>
      </c>
      <c r="G1220" s="2"/>
    </row>
    <row r="1221" spans="1:7" x14ac:dyDescent="0.25">
      <c r="A1221" s="1">
        <v>1219</v>
      </c>
      <c r="B1221" t="s">
        <v>1223</v>
      </c>
      <c r="C1221" t="s">
        <v>6674</v>
      </c>
      <c r="D1221" t="s">
        <v>12117</v>
      </c>
      <c r="E1221" t="s">
        <v>17517</v>
      </c>
      <c r="G1221" s="2"/>
    </row>
    <row r="1222" spans="1:7" x14ac:dyDescent="0.25">
      <c r="A1222" s="1">
        <v>1220</v>
      </c>
      <c r="B1222" t="s">
        <v>1224</v>
      </c>
      <c r="C1222" t="s">
        <v>6675</v>
      </c>
      <c r="D1222" t="s">
        <v>12118</v>
      </c>
      <c r="E1222" t="s">
        <v>17518</v>
      </c>
      <c r="G1222" s="2"/>
    </row>
    <row r="1223" spans="1:7" x14ac:dyDescent="0.25">
      <c r="A1223" s="1">
        <v>1221</v>
      </c>
      <c r="B1223" t="s">
        <v>1225</v>
      </c>
      <c r="C1223" t="s">
        <v>6676</v>
      </c>
      <c r="D1223" t="s">
        <v>12119</v>
      </c>
      <c r="E1223" t="s">
        <v>17519</v>
      </c>
      <c r="G1223" s="2"/>
    </row>
    <row r="1224" spans="1:7" x14ac:dyDescent="0.25">
      <c r="A1224" s="1">
        <v>1222</v>
      </c>
      <c r="B1224" t="s">
        <v>1226</v>
      </c>
      <c r="C1224" t="s">
        <v>6677</v>
      </c>
      <c r="D1224" t="s">
        <v>12120</v>
      </c>
      <c r="E1224" t="s">
        <v>17520</v>
      </c>
      <c r="G1224" s="2"/>
    </row>
    <row r="1225" spans="1:7" x14ac:dyDescent="0.25">
      <c r="A1225" s="1">
        <v>1223</v>
      </c>
      <c r="B1225" t="s">
        <v>1227</v>
      </c>
      <c r="C1225" t="s">
        <v>6678</v>
      </c>
      <c r="D1225" t="s">
        <v>12121</v>
      </c>
      <c r="E1225" t="s">
        <v>17521</v>
      </c>
      <c r="G1225" s="2"/>
    </row>
    <row r="1226" spans="1:7" x14ac:dyDescent="0.25">
      <c r="A1226" s="1">
        <v>1224</v>
      </c>
      <c r="B1226" t="s">
        <v>1228</v>
      </c>
      <c r="C1226" t="s">
        <v>6679</v>
      </c>
      <c r="D1226" t="s">
        <v>12122</v>
      </c>
      <c r="E1226" t="s">
        <v>17522</v>
      </c>
      <c r="G1226" s="2"/>
    </row>
    <row r="1227" spans="1:7" x14ac:dyDescent="0.25">
      <c r="A1227" s="1">
        <v>1225</v>
      </c>
      <c r="B1227" t="s">
        <v>1229</v>
      </c>
      <c r="C1227" t="s">
        <v>6680</v>
      </c>
      <c r="D1227" t="s">
        <v>12123</v>
      </c>
      <c r="E1227" t="s">
        <v>17523</v>
      </c>
      <c r="G1227" s="2"/>
    </row>
    <row r="1228" spans="1:7" x14ac:dyDescent="0.25">
      <c r="A1228" s="1">
        <v>1226</v>
      </c>
      <c r="B1228" t="s">
        <v>1230</v>
      </c>
      <c r="C1228" t="s">
        <v>6681</v>
      </c>
      <c r="D1228" t="s">
        <v>12124</v>
      </c>
      <c r="E1228" t="s">
        <v>17524</v>
      </c>
      <c r="G1228" s="2"/>
    </row>
    <row r="1229" spans="1:7" x14ac:dyDescent="0.25">
      <c r="A1229" s="1">
        <v>1227</v>
      </c>
      <c r="B1229" t="s">
        <v>1231</v>
      </c>
      <c r="C1229" t="s">
        <v>6682</v>
      </c>
      <c r="D1229" t="s">
        <v>12125</v>
      </c>
      <c r="E1229" t="s">
        <v>17525</v>
      </c>
      <c r="G1229" s="2"/>
    </row>
    <row r="1230" spans="1:7" x14ac:dyDescent="0.25">
      <c r="A1230" s="1">
        <v>1228</v>
      </c>
      <c r="B1230" t="s">
        <v>1232</v>
      </c>
      <c r="C1230" t="s">
        <v>6683</v>
      </c>
      <c r="D1230" t="s">
        <v>12126</v>
      </c>
      <c r="E1230" t="s">
        <v>17526</v>
      </c>
      <c r="G1230" s="2"/>
    </row>
    <row r="1231" spans="1:7" x14ac:dyDescent="0.25">
      <c r="A1231" s="1">
        <v>1229</v>
      </c>
      <c r="B1231" t="s">
        <v>1233</v>
      </c>
      <c r="C1231" t="s">
        <v>6684</v>
      </c>
      <c r="D1231" t="s">
        <v>12127</v>
      </c>
      <c r="E1231" t="s">
        <v>17527</v>
      </c>
      <c r="G1231" s="2"/>
    </row>
    <row r="1232" spans="1:7" x14ac:dyDescent="0.25">
      <c r="A1232" s="1">
        <v>1230</v>
      </c>
      <c r="B1232" t="s">
        <v>1234</v>
      </c>
      <c r="C1232" t="s">
        <v>6685</v>
      </c>
      <c r="D1232" t="s">
        <v>12128</v>
      </c>
      <c r="E1232" t="s">
        <v>16620</v>
      </c>
      <c r="G1232" s="2"/>
    </row>
    <row r="1233" spans="1:7" x14ac:dyDescent="0.25">
      <c r="A1233" s="1">
        <v>1231</v>
      </c>
      <c r="B1233" t="s">
        <v>1235</v>
      </c>
      <c r="C1233" t="s">
        <v>6686</v>
      </c>
      <c r="D1233" t="s">
        <v>12129</v>
      </c>
      <c r="E1233" t="s">
        <v>17528</v>
      </c>
      <c r="G1233" s="2"/>
    </row>
    <row r="1234" spans="1:7" x14ac:dyDescent="0.25">
      <c r="A1234" s="1">
        <v>1232</v>
      </c>
      <c r="B1234" t="s">
        <v>1236</v>
      </c>
      <c r="C1234" t="s">
        <v>6687</v>
      </c>
      <c r="D1234" t="s">
        <v>12130</v>
      </c>
      <c r="E1234" t="s">
        <v>17529</v>
      </c>
      <c r="G1234" s="2"/>
    </row>
    <row r="1235" spans="1:7" x14ac:dyDescent="0.25">
      <c r="A1235" s="1">
        <v>1233</v>
      </c>
      <c r="B1235" t="s">
        <v>1237</v>
      </c>
      <c r="C1235" t="s">
        <v>6688</v>
      </c>
      <c r="D1235" t="s">
        <v>12131</v>
      </c>
      <c r="E1235" t="s">
        <v>17530</v>
      </c>
      <c r="G1235" s="2"/>
    </row>
    <row r="1236" spans="1:7" x14ac:dyDescent="0.25">
      <c r="A1236" s="1">
        <v>1234</v>
      </c>
      <c r="B1236" t="s">
        <v>1238</v>
      </c>
      <c r="C1236" t="s">
        <v>6689</v>
      </c>
      <c r="D1236" t="s">
        <v>12132</v>
      </c>
      <c r="E1236" t="s">
        <v>17531</v>
      </c>
      <c r="G1236" s="2"/>
    </row>
    <row r="1237" spans="1:7" x14ac:dyDescent="0.25">
      <c r="A1237" s="1">
        <v>1235</v>
      </c>
      <c r="B1237" t="s">
        <v>1239</v>
      </c>
      <c r="C1237" t="s">
        <v>6690</v>
      </c>
      <c r="D1237" t="s">
        <v>12133</v>
      </c>
      <c r="E1237" t="s">
        <v>17532</v>
      </c>
      <c r="G1237" s="2"/>
    </row>
    <row r="1238" spans="1:7" x14ac:dyDescent="0.25">
      <c r="A1238" s="1">
        <v>1236</v>
      </c>
      <c r="B1238" t="s">
        <v>1240</v>
      </c>
      <c r="C1238" t="s">
        <v>6691</v>
      </c>
      <c r="D1238" t="s">
        <v>12134</v>
      </c>
      <c r="E1238" t="s">
        <v>17533</v>
      </c>
      <c r="G1238" s="2"/>
    </row>
    <row r="1239" spans="1:7" x14ac:dyDescent="0.25">
      <c r="A1239" s="1">
        <v>1237</v>
      </c>
      <c r="B1239" t="s">
        <v>1241</v>
      </c>
      <c r="C1239" t="s">
        <v>6692</v>
      </c>
      <c r="D1239" t="s">
        <v>12135</v>
      </c>
      <c r="E1239" t="s">
        <v>17534</v>
      </c>
      <c r="G1239" s="2"/>
    </row>
    <row r="1240" spans="1:7" x14ac:dyDescent="0.25">
      <c r="A1240" s="1">
        <v>1238</v>
      </c>
      <c r="B1240" t="s">
        <v>1242</v>
      </c>
      <c r="C1240" t="s">
        <v>6693</v>
      </c>
      <c r="D1240" t="s">
        <v>12136</v>
      </c>
      <c r="E1240" t="s">
        <v>17535</v>
      </c>
      <c r="G1240" s="2"/>
    </row>
    <row r="1241" spans="1:7" x14ac:dyDescent="0.25">
      <c r="A1241" s="1">
        <v>1239</v>
      </c>
      <c r="B1241" t="s">
        <v>1243</v>
      </c>
      <c r="C1241" t="s">
        <v>6694</v>
      </c>
      <c r="D1241" t="s">
        <v>12137</v>
      </c>
      <c r="E1241" t="s">
        <v>17536</v>
      </c>
      <c r="G1241" s="2"/>
    </row>
    <row r="1242" spans="1:7" x14ac:dyDescent="0.25">
      <c r="A1242" s="1">
        <v>1240</v>
      </c>
      <c r="B1242" t="s">
        <v>1244</v>
      </c>
      <c r="C1242" t="s">
        <v>6695</v>
      </c>
      <c r="D1242" t="s">
        <v>12138</v>
      </c>
      <c r="E1242" t="s">
        <v>16555</v>
      </c>
      <c r="G1242" s="2"/>
    </row>
    <row r="1243" spans="1:7" x14ac:dyDescent="0.25">
      <c r="A1243" s="1">
        <v>1241</v>
      </c>
      <c r="B1243" t="s">
        <v>1245</v>
      </c>
      <c r="C1243" t="s">
        <v>6696</v>
      </c>
      <c r="D1243" t="s">
        <v>12139</v>
      </c>
      <c r="E1243" t="s">
        <v>17537</v>
      </c>
      <c r="G1243" s="2"/>
    </row>
    <row r="1244" spans="1:7" x14ac:dyDescent="0.25">
      <c r="A1244" s="1">
        <v>1242</v>
      </c>
      <c r="B1244" t="s">
        <v>1246</v>
      </c>
      <c r="C1244" t="s">
        <v>6697</v>
      </c>
      <c r="D1244" t="s">
        <v>12140</v>
      </c>
      <c r="E1244" t="s">
        <v>17538</v>
      </c>
      <c r="G1244" s="2"/>
    </row>
    <row r="1245" spans="1:7" x14ac:dyDescent="0.25">
      <c r="A1245" s="1">
        <v>1243</v>
      </c>
      <c r="B1245" t="s">
        <v>1247</v>
      </c>
      <c r="C1245" t="s">
        <v>6698</v>
      </c>
      <c r="D1245" t="s">
        <v>12141</v>
      </c>
      <c r="E1245" t="s">
        <v>17539</v>
      </c>
      <c r="G1245" s="2"/>
    </row>
    <row r="1246" spans="1:7" x14ac:dyDescent="0.25">
      <c r="A1246" s="1">
        <v>1244</v>
      </c>
      <c r="B1246" t="s">
        <v>1248</v>
      </c>
      <c r="C1246" t="s">
        <v>6699</v>
      </c>
      <c r="D1246" t="s">
        <v>12142</v>
      </c>
      <c r="E1246" t="s">
        <v>17540</v>
      </c>
      <c r="G1246" s="2"/>
    </row>
    <row r="1247" spans="1:7" x14ac:dyDescent="0.25">
      <c r="A1247" s="1">
        <v>1245</v>
      </c>
      <c r="B1247" t="s">
        <v>1249</v>
      </c>
      <c r="C1247" t="s">
        <v>6700</v>
      </c>
      <c r="D1247" t="s">
        <v>12143</v>
      </c>
      <c r="E1247" t="s">
        <v>17541</v>
      </c>
      <c r="G1247" s="2"/>
    </row>
    <row r="1248" spans="1:7" x14ac:dyDescent="0.25">
      <c r="A1248" s="1">
        <v>1246</v>
      </c>
      <c r="B1248" t="s">
        <v>1250</v>
      </c>
      <c r="C1248" t="s">
        <v>6701</v>
      </c>
      <c r="D1248" t="s">
        <v>12144</v>
      </c>
      <c r="E1248" t="s">
        <v>17542</v>
      </c>
      <c r="G1248" s="2"/>
    </row>
    <row r="1249" spans="1:7" x14ac:dyDescent="0.25">
      <c r="A1249" s="1">
        <v>1247</v>
      </c>
      <c r="B1249" t="s">
        <v>1251</v>
      </c>
      <c r="C1249" t="s">
        <v>6702</v>
      </c>
      <c r="D1249" t="s">
        <v>12145</v>
      </c>
      <c r="E1249" t="s">
        <v>17543</v>
      </c>
      <c r="G1249" s="2"/>
    </row>
    <row r="1250" spans="1:7" x14ac:dyDescent="0.25">
      <c r="A1250" s="1">
        <v>1248</v>
      </c>
      <c r="B1250" t="s">
        <v>1252</v>
      </c>
      <c r="C1250" t="s">
        <v>6703</v>
      </c>
      <c r="D1250" t="s">
        <v>12146</v>
      </c>
      <c r="E1250" t="s">
        <v>17544</v>
      </c>
      <c r="G1250" s="2"/>
    </row>
    <row r="1251" spans="1:7" x14ac:dyDescent="0.25">
      <c r="A1251" s="1">
        <v>1249</v>
      </c>
      <c r="B1251" t="s">
        <v>1253</v>
      </c>
      <c r="C1251" t="s">
        <v>6704</v>
      </c>
      <c r="D1251" t="s">
        <v>12147</v>
      </c>
      <c r="E1251" t="s">
        <v>17545</v>
      </c>
      <c r="G1251" s="2"/>
    </row>
    <row r="1252" spans="1:7" x14ac:dyDescent="0.25">
      <c r="A1252" s="1">
        <v>1250</v>
      </c>
      <c r="B1252" t="s">
        <v>1254</v>
      </c>
      <c r="C1252" t="s">
        <v>6705</v>
      </c>
      <c r="D1252" t="s">
        <v>12148</v>
      </c>
      <c r="E1252" t="s">
        <v>17546</v>
      </c>
      <c r="G1252" s="2"/>
    </row>
    <row r="1253" spans="1:7" x14ac:dyDescent="0.25">
      <c r="A1253" s="1">
        <v>1251</v>
      </c>
      <c r="B1253" t="s">
        <v>1255</v>
      </c>
      <c r="C1253" t="s">
        <v>6706</v>
      </c>
      <c r="D1253" t="s">
        <v>12149</v>
      </c>
      <c r="E1253" t="s">
        <v>17547</v>
      </c>
      <c r="G1253" s="2"/>
    </row>
    <row r="1254" spans="1:7" x14ac:dyDescent="0.25">
      <c r="A1254" s="1">
        <v>1252</v>
      </c>
      <c r="B1254" t="s">
        <v>1256</v>
      </c>
      <c r="C1254" t="s">
        <v>6707</v>
      </c>
      <c r="D1254" t="s">
        <v>12150</v>
      </c>
      <c r="E1254" t="s">
        <v>17548</v>
      </c>
      <c r="G1254" s="2"/>
    </row>
    <row r="1255" spans="1:7" x14ac:dyDescent="0.25">
      <c r="A1255" s="1">
        <v>1253</v>
      </c>
      <c r="B1255" t="s">
        <v>1257</v>
      </c>
      <c r="C1255" t="s">
        <v>6708</v>
      </c>
      <c r="D1255" t="s">
        <v>12151</v>
      </c>
      <c r="E1255" t="s">
        <v>17549</v>
      </c>
      <c r="G1255" s="2"/>
    </row>
    <row r="1256" spans="1:7" x14ac:dyDescent="0.25">
      <c r="A1256" s="1">
        <v>1254</v>
      </c>
      <c r="B1256" t="s">
        <v>1258</v>
      </c>
      <c r="C1256" t="s">
        <v>6709</v>
      </c>
      <c r="D1256" t="s">
        <v>12152</v>
      </c>
      <c r="E1256" t="s">
        <v>17550</v>
      </c>
      <c r="G1256" s="2"/>
    </row>
    <row r="1257" spans="1:7" x14ac:dyDescent="0.25">
      <c r="A1257" s="1">
        <v>1255</v>
      </c>
      <c r="B1257" t="s">
        <v>1259</v>
      </c>
      <c r="C1257" t="s">
        <v>6710</v>
      </c>
      <c r="D1257" t="s">
        <v>12153</v>
      </c>
      <c r="E1257" t="s">
        <v>17551</v>
      </c>
      <c r="G1257" s="2"/>
    </row>
    <row r="1258" spans="1:7" x14ac:dyDescent="0.25">
      <c r="A1258" s="1">
        <v>1256</v>
      </c>
      <c r="B1258" t="s">
        <v>1260</v>
      </c>
      <c r="C1258" t="s">
        <v>6711</v>
      </c>
      <c r="D1258" t="s">
        <v>12154</v>
      </c>
      <c r="E1258" t="s">
        <v>17552</v>
      </c>
      <c r="G1258" s="2"/>
    </row>
    <row r="1259" spans="1:7" x14ac:dyDescent="0.25">
      <c r="A1259" s="1">
        <v>1257</v>
      </c>
      <c r="B1259" t="s">
        <v>1261</v>
      </c>
      <c r="C1259" t="s">
        <v>6712</v>
      </c>
      <c r="D1259" t="s">
        <v>12155</v>
      </c>
      <c r="E1259" t="s">
        <v>17553</v>
      </c>
      <c r="G1259" s="2"/>
    </row>
    <row r="1260" spans="1:7" x14ac:dyDescent="0.25">
      <c r="A1260" s="1">
        <v>1258</v>
      </c>
      <c r="B1260" t="s">
        <v>1262</v>
      </c>
      <c r="C1260" t="s">
        <v>6713</v>
      </c>
      <c r="D1260" t="s">
        <v>12156</v>
      </c>
      <c r="E1260" t="s">
        <v>17554</v>
      </c>
      <c r="G1260" s="2"/>
    </row>
    <row r="1261" spans="1:7" x14ac:dyDescent="0.25">
      <c r="A1261" s="1">
        <v>1259</v>
      </c>
      <c r="B1261" t="s">
        <v>1263</v>
      </c>
      <c r="C1261" t="s">
        <v>6714</v>
      </c>
      <c r="D1261" t="s">
        <v>12157</v>
      </c>
      <c r="E1261" t="s">
        <v>17555</v>
      </c>
      <c r="G1261" s="2"/>
    </row>
    <row r="1262" spans="1:7" x14ac:dyDescent="0.25">
      <c r="A1262" s="1">
        <v>1260</v>
      </c>
      <c r="B1262" t="s">
        <v>1264</v>
      </c>
      <c r="C1262" t="s">
        <v>6715</v>
      </c>
      <c r="D1262" t="s">
        <v>12158</v>
      </c>
      <c r="E1262" t="s">
        <v>17556</v>
      </c>
      <c r="G1262" s="2"/>
    </row>
    <row r="1263" spans="1:7" x14ac:dyDescent="0.25">
      <c r="A1263" s="1">
        <v>1261</v>
      </c>
      <c r="B1263" t="s">
        <v>1265</v>
      </c>
      <c r="C1263" t="s">
        <v>6716</v>
      </c>
      <c r="D1263" t="s">
        <v>12159</v>
      </c>
      <c r="E1263" t="s">
        <v>17557</v>
      </c>
      <c r="G1263" s="2"/>
    </row>
    <row r="1264" spans="1:7" x14ac:dyDescent="0.25">
      <c r="A1264" s="1">
        <v>1262</v>
      </c>
      <c r="B1264" t="s">
        <v>1266</v>
      </c>
      <c r="C1264" t="s">
        <v>6717</v>
      </c>
      <c r="D1264" t="s">
        <v>12160</v>
      </c>
      <c r="E1264" t="s">
        <v>17558</v>
      </c>
      <c r="G1264" s="2"/>
    </row>
    <row r="1265" spans="1:7" x14ac:dyDescent="0.25">
      <c r="A1265" s="1">
        <v>1263</v>
      </c>
      <c r="B1265" t="s">
        <v>1267</v>
      </c>
      <c r="C1265" t="s">
        <v>6718</v>
      </c>
      <c r="D1265" t="s">
        <v>12161</v>
      </c>
      <c r="E1265" t="s">
        <v>17559</v>
      </c>
      <c r="G1265" s="2"/>
    </row>
    <row r="1266" spans="1:7" x14ac:dyDescent="0.25">
      <c r="A1266" s="1">
        <v>1264</v>
      </c>
      <c r="B1266" t="s">
        <v>1268</v>
      </c>
      <c r="C1266" t="s">
        <v>6719</v>
      </c>
      <c r="D1266" t="s">
        <v>12162</v>
      </c>
      <c r="E1266" t="s">
        <v>17560</v>
      </c>
      <c r="G1266" s="2"/>
    </row>
    <row r="1267" spans="1:7" x14ac:dyDescent="0.25">
      <c r="A1267" s="1">
        <v>1265</v>
      </c>
      <c r="B1267" t="s">
        <v>1269</v>
      </c>
      <c r="C1267" t="s">
        <v>6720</v>
      </c>
      <c r="D1267" t="s">
        <v>12163</v>
      </c>
      <c r="E1267" t="s">
        <v>17561</v>
      </c>
      <c r="G1267" s="2"/>
    </row>
    <row r="1268" spans="1:7" x14ac:dyDescent="0.25">
      <c r="A1268" s="1">
        <v>1266</v>
      </c>
      <c r="B1268" t="s">
        <v>1270</v>
      </c>
      <c r="C1268" t="s">
        <v>6721</v>
      </c>
      <c r="D1268" t="s">
        <v>12164</v>
      </c>
      <c r="E1268" t="s">
        <v>17562</v>
      </c>
      <c r="G1268" s="2"/>
    </row>
    <row r="1269" spans="1:7" x14ac:dyDescent="0.25">
      <c r="A1269" s="1">
        <v>1267</v>
      </c>
      <c r="B1269" t="s">
        <v>1271</v>
      </c>
      <c r="C1269" t="s">
        <v>6722</v>
      </c>
      <c r="D1269" t="s">
        <v>12165</v>
      </c>
      <c r="E1269" t="s">
        <v>17563</v>
      </c>
      <c r="G1269" s="2"/>
    </row>
    <row r="1270" spans="1:7" x14ac:dyDescent="0.25">
      <c r="A1270" s="1">
        <v>1268</v>
      </c>
      <c r="B1270" t="s">
        <v>1272</v>
      </c>
      <c r="C1270" t="s">
        <v>6723</v>
      </c>
      <c r="D1270" t="s">
        <v>12166</v>
      </c>
      <c r="E1270" t="s">
        <v>17564</v>
      </c>
      <c r="G1270" s="2"/>
    </row>
    <row r="1271" spans="1:7" x14ac:dyDescent="0.25">
      <c r="A1271" s="1">
        <v>1269</v>
      </c>
      <c r="B1271" t="s">
        <v>1273</v>
      </c>
      <c r="C1271" t="s">
        <v>6724</v>
      </c>
      <c r="D1271" t="s">
        <v>12167</v>
      </c>
      <c r="E1271" t="s">
        <v>17565</v>
      </c>
      <c r="G1271" s="2"/>
    </row>
    <row r="1272" spans="1:7" x14ac:dyDescent="0.25">
      <c r="A1272" s="1">
        <v>1270</v>
      </c>
      <c r="B1272" t="s">
        <v>1274</v>
      </c>
      <c r="C1272" t="s">
        <v>6725</v>
      </c>
      <c r="D1272" t="s">
        <v>12168</v>
      </c>
      <c r="E1272" t="s">
        <v>17566</v>
      </c>
      <c r="G1272" s="2"/>
    </row>
    <row r="1273" spans="1:7" x14ac:dyDescent="0.25">
      <c r="A1273" s="1">
        <v>1271</v>
      </c>
      <c r="B1273" t="s">
        <v>1275</v>
      </c>
      <c r="C1273" t="s">
        <v>6726</v>
      </c>
      <c r="D1273" t="s">
        <v>12169</v>
      </c>
      <c r="E1273" t="s">
        <v>17567</v>
      </c>
      <c r="G1273" s="2"/>
    </row>
    <row r="1274" spans="1:7" x14ac:dyDescent="0.25">
      <c r="A1274" s="1">
        <v>1272</v>
      </c>
      <c r="B1274" t="s">
        <v>1276</v>
      </c>
      <c r="C1274" t="s">
        <v>6727</v>
      </c>
      <c r="D1274" t="s">
        <v>12170</v>
      </c>
      <c r="E1274" t="s">
        <v>17568</v>
      </c>
      <c r="G1274" s="2"/>
    </row>
    <row r="1275" spans="1:7" x14ac:dyDescent="0.25">
      <c r="A1275" s="1">
        <v>1273</v>
      </c>
      <c r="B1275" t="s">
        <v>1277</v>
      </c>
      <c r="C1275" t="s">
        <v>6728</v>
      </c>
      <c r="D1275" t="s">
        <v>12171</v>
      </c>
      <c r="E1275" t="s">
        <v>17569</v>
      </c>
      <c r="G1275" s="2"/>
    </row>
    <row r="1276" spans="1:7" x14ac:dyDescent="0.25">
      <c r="A1276" s="1">
        <v>1274</v>
      </c>
      <c r="B1276" t="s">
        <v>1278</v>
      </c>
      <c r="C1276" t="s">
        <v>6729</v>
      </c>
      <c r="D1276" t="s">
        <v>12172</v>
      </c>
      <c r="E1276" t="s">
        <v>17570</v>
      </c>
      <c r="G1276" s="2"/>
    </row>
    <row r="1277" spans="1:7" x14ac:dyDescent="0.25">
      <c r="A1277" s="1">
        <v>1275</v>
      </c>
      <c r="B1277" t="s">
        <v>1279</v>
      </c>
      <c r="C1277" t="s">
        <v>6730</v>
      </c>
      <c r="D1277" t="s">
        <v>12173</v>
      </c>
      <c r="E1277" t="s">
        <v>17571</v>
      </c>
      <c r="G1277" s="2"/>
    </row>
    <row r="1278" spans="1:7" x14ac:dyDescent="0.25">
      <c r="A1278" s="1">
        <v>1276</v>
      </c>
      <c r="B1278" t="s">
        <v>1280</v>
      </c>
      <c r="C1278" t="s">
        <v>6731</v>
      </c>
      <c r="D1278" t="s">
        <v>12174</v>
      </c>
      <c r="E1278" t="s">
        <v>17572</v>
      </c>
      <c r="G1278" s="2"/>
    </row>
    <row r="1279" spans="1:7" x14ac:dyDescent="0.25">
      <c r="A1279" s="1">
        <v>1277</v>
      </c>
      <c r="B1279" t="s">
        <v>1281</v>
      </c>
      <c r="C1279" t="s">
        <v>6732</v>
      </c>
      <c r="D1279" t="s">
        <v>12175</v>
      </c>
      <c r="E1279" t="s">
        <v>17573</v>
      </c>
      <c r="G1279" s="2"/>
    </row>
    <row r="1280" spans="1:7" x14ac:dyDescent="0.25">
      <c r="A1280" s="1">
        <v>1278</v>
      </c>
      <c r="B1280" t="s">
        <v>1282</v>
      </c>
      <c r="C1280" t="s">
        <v>6733</v>
      </c>
      <c r="D1280" t="s">
        <v>12176</v>
      </c>
      <c r="E1280" t="s">
        <v>17574</v>
      </c>
      <c r="G1280" s="2"/>
    </row>
    <row r="1281" spans="1:7" x14ac:dyDescent="0.25">
      <c r="A1281" s="1">
        <v>1279</v>
      </c>
      <c r="B1281" t="s">
        <v>1283</v>
      </c>
      <c r="C1281" t="s">
        <v>6734</v>
      </c>
      <c r="D1281" t="s">
        <v>12177</v>
      </c>
      <c r="E1281" t="s">
        <v>17575</v>
      </c>
      <c r="G1281" s="2"/>
    </row>
    <row r="1282" spans="1:7" x14ac:dyDescent="0.25">
      <c r="A1282" s="1">
        <v>1280</v>
      </c>
      <c r="B1282" t="s">
        <v>1284</v>
      </c>
      <c r="C1282" t="s">
        <v>6735</v>
      </c>
      <c r="D1282" t="s">
        <v>12178</v>
      </c>
      <c r="E1282" t="s">
        <v>17576</v>
      </c>
      <c r="G1282" s="2"/>
    </row>
    <row r="1283" spans="1:7" x14ac:dyDescent="0.25">
      <c r="A1283" s="1">
        <v>1281</v>
      </c>
      <c r="B1283" t="s">
        <v>1285</v>
      </c>
      <c r="C1283" t="s">
        <v>6736</v>
      </c>
      <c r="D1283" t="s">
        <v>12179</v>
      </c>
      <c r="E1283" t="s">
        <v>17577</v>
      </c>
      <c r="G1283" s="2"/>
    </row>
    <row r="1284" spans="1:7" x14ac:dyDescent="0.25">
      <c r="A1284" s="1">
        <v>1282</v>
      </c>
      <c r="B1284" t="s">
        <v>1286</v>
      </c>
      <c r="C1284" t="s">
        <v>6737</v>
      </c>
      <c r="D1284" t="s">
        <v>12180</v>
      </c>
      <c r="E1284" t="s">
        <v>17578</v>
      </c>
      <c r="G1284" s="2"/>
    </row>
    <row r="1285" spans="1:7" x14ac:dyDescent="0.25">
      <c r="A1285" s="1">
        <v>1283</v>
      </c>
      <c r="B1285" t="s">
        <v>1287</v>
      </c>
      <c r="C1285" t="s">
        <v>6738</v>
      </c>
      <c r="D1285" t="s">
        <v>12181</v>
      </c>
      <c r="E1285" t="s">
        <v>17579</v>
      </c>
      <c r="G1285" s="2"/>
    </row>
    <row r="1286" spans="1:7" x14ac:dyDescent="0.25">
      <c r="A1286" s="1">
        <v>1284</v>
      </c>
      <c r="B1286" t="s">
        <v>1288</v>
      </c>
      <c r="C1286" t="s">
        <v>6739</v>
      </c>
      <c r="D1286" t="s">
        <v>12182</v>
      </c>
      <c r="E1286" t="s">
        <v>17580</v>
      </c>
      <c r="G1286" s="2"/>
    </row>
    <row r="1287" spans="1:7" x14ac:dyDescent="0.25">
      <c r="A1287" s="1">
        <v>1285</v>
      </c>
      <c r="B1287" t="s">
        <v>1289</v>
      </c>
      <c r="C1287" t="s">
        <v>6740</v>
      </c>
      <c r="D1287" t="s">
        <v>12183</v>
      </c>
      <c r="E1287" t="s">
        <v>17581</v>
      </c>
      <c r="G1287" s="2"/>
    </row>
    <row r="1288" spans="1:7" x14ac:dyDescent="0.25">
      <c r="A1288" s="1">
        <v>1286</v>
      </c>
      <c r="B1288" t="s">
        <v>1290</v>
      </c>
      <c r="C1288" t="s">
        <v>6741</v>
      </c>
      <c r="D1288" t="s">
        <v>12184</v>
      </c>
      <c r="E1288" t="s">
        <v>17582</v>
      </c>
      <c r="G1288" s="2"/>
    </row>
    <row r="1289" spans="1:7" x14ac:dyDescent="0.25">
      <c r="A1289" s="1">
        <v>1287</v>
      </c>
      <c r="B1289" t="s">
        <v>1291</v>
      </c>
      <c r="C1289" t="s">
        <v>6742</v>
      </c>
      <c r="D1289" t="s">
        <v>12185</v>
      </c>
      <c r="E1289" t="s">
        <v>17583</v>
      </c>
      <c r="G1289" s="2"/>
    </row>
    <row r="1290" spans="1:7" x14ac:dyDescent="0.25">
      <c r="A1290" s="1">
        <v>1288</v>
      </c>
      <c r="B1290" t="s">
        <v>1292</v>
      </c>
      <c r="C1290" t="s">
        <v>6743</v>
      </c>
      <c r="D1290" t="s">
        <v>12186</v>
      </c>
      <c r="E1290" t="s">
        <v>17584</v>
      </c>
      <c r="G1290" s="2"/>
    </row>
    <row r="1291" spans="1:7" x14ac:dyDescent="0.25">
      <c r="A1291" s="1">
        <v>1289</v>
      </c>
      <c r="B1291" t="s">
        <v>1293</v>
      </c>
      <c r="C1291" t="s">
        <v>6744</v>
      </c>
      <c r="D1291" t="s">
        <v>12187</v>
      </c>
      <c r="E1291" t="s">
        <v>17585</v>
      </c>
      <c r="G1291" s="2"/>
    </row>
    <row r="1292" spans="1:7" x14ac:dyDescent="0.25">
      <c r="A1292" s="1">
        <v>1290</v>
      </c>
      <c r="B1292" t="s">
        <v>1294</v>
      </c>
      <c r="C1292" t="s">
        <v>6745</v>
      </c>
      <c r="D1292" t="s">
        <v>12188</v>
      </c>
      <c r="E1292" t="s">
        <v>17586</v>
      </c>
      <c r="G1292" s="2"/>
    </row>
    <row r="1293" spans="1:7" x14ac:dyDescent="0.25">
      <c r="A1293" s="1">
        <v>1291</v>
      </c>
      <c r="B1293" t="s">
        <v>1295</v>
      </c>
      <c r="C1293" t="s">
        <v>6746</v>
      </c>
      <c r="D1293" t="s">
        <v>12189</v>
      </c>
      <c r="E1293" t="s">
        <v>17587</v>
      </c>
      <c r="G1293" s="2"/>
    </row>
    <row r="1294" spans="1:7" x14ac:dyDescent="0.25">
      <c r="A1294" s="1">
        <v>1292</v>
      </c>
      <c r="B1294" t="s">
        <v>1296</v>
      </c>
      <c r="C1294" t="s">
        <v>6747</v>
      </c>
      <c r="D1294" t="s">
        <v>12190</v>
      </c>
      <c r="E1294" t="s">
        <v>17588</v>
      </c>
      <c r="G1294" s="2"/>
    </row>
    <row r="1295" spans="1:7" x14ac:dyDescent="0.25">
      <c r="A1295" s="1">
        <v>1293</v>
      </c>
      <c r="B1295" t="s">
        <v>1297</v>
      </c>
      <c r="C1295" t="s">
        <v>6748</v>
      </c>
      <c r="D1295" t="s">
        <v>12191</v>
      </c>
      <c r="E1295" t="s">
        <v>17589</v>
      </c>
      <c r="G1295" s="2"/>
    </row>
    <row r="1296" spans="1:7" x14ac:dyDescent="0.25">
      <c r="A1296" s="1">
        <v>1294</v>
      </c>
      <c r="B1296" t="s">
        <v>1298</v>
      </c>
      <c r="C1296" t="s">
        <v>6749</v>
      </c>
      <c r="D1296" t="s">
        <v>12192</v>
      </c>
      <c r="E1296" t="s">
        <v>17590</v>
      </c>
      <c r="G1296" s="2"/>
    </row>
    <row r="1297" spans="1:7" x14ac:dyDescent="0.25">
      <c r="A1297" s="1">
        <v>1295</v>
      </c>
      <c r="B1297" t="s">
        <v>1299</v>
      </c>
      <c r="C1297" t="s">
        <v>6750</v>
      </c>
      <c r="D1297" t="s">
        <v>12193</v>
      </c>
      <c r="E1297" t="s">
        <v>17591</v>
      </c>
      <c r="G1297" s="2"/>
    </row>
    <row r="1298" spans="1:7" x14ac:dyDescent="0.25">
      <c r="A1298" s="1">
        <v>1296</v>
      </c>
      <c r="B1298" t="s">
        <v>1300</v>
      </c>
      <c r="C1298" t="s">
        <v>6751</v>
      </c>
      <c r="D1298" t="s">
        <v>12194</v>
      </c>
      <c r="E1298" t="s">
        <v>16620</v>
      </c>
      <c r="G1298" s="2"/>
    </row>
    <row r="1299" spans="1:7" x14ac:dyDescent="0.25">
      <c r="A1299" s="1">
        <v>1297</v>
      </c>
      <c r="B1299" t="s">
        <v>1301</v>
      </c>
      <c r="C1299" t="s">
        <v>6752</v>
      </c>
      <c r="D1299" t="s">
        <v>12195</v>
      </c>
      <c r="E1299" t="s">
        <v>17592</v>
      </c>
      <c r="G1299" s="2"/>
    </row>
    <row r="1300" spans="1:7" x14ac:dyDescent="0.25">
      <c r="A1300" s="1">
        <v>1298</v>
      </c>
      <c r="B1300" t="s">
        <v>1302</v>
      </c>
      <c r="C1300" t="s">
        <v>6753</v>
      </c>
      <c r="D1300" t="s">
        <v>12196</v>
      </c>
      <c r="E1300" t="s">
        <v>17593</v>
      </c>
      <c r="G1300" s="2"/>
    </row>
    <row r="1301" spans="1:7" x14ac:dyDescent="0.25">
      <c r="A1301" s="1">
        <v>1299</v>
      </c>
      <c r="B1301" t="s">
        <v>1303</v>
      </c>
      <c r="C1301" t="s">
        <v>6754</v>
      </c>
      <c r="D1301" t="s">
        <v>12197</v>
      </c>
      <c r="E1301" t="s">
        <v>17594</v>
      </c>
      <c r="G1301" s="2"/>
    </row>
    <row r="1302" spans="1:7" x14ac:dyDescent="0.25">
      <c r="A1302" s="1">
        <v>1300</v>
      </c>
      <c r="B1302" t="s">
        <v>1304</v>
      </c>
      <c r="C1302" t="s">
        <v>6755</v>
      </c>
      <c r="D1302" t="s">
        <v>12198</v>
      </c>
      <c r="E1302" t="s">
        <v>17595</v>
      </c>
      <c r="G1302" s="2"/>
    </row>
    <row r="1303" spans="1:7" x14ac:dyDescent="0.25">
      <c r="A1303" s="1">
        <v>1301</v>
      </c>
      <c r="B1303" t="s">
        <v>1305</v>
      </c>
      <c r="C1303" t="s">
        <v>6756</v>
      </c>
      <c r="D1303" t="s">
        <v>12199</v>
      </c>
      <c r="E1303" t="s">
        <v>17596</v>
      </c>
      <c r="G1303" s="2"/>
    </row>
    <row r="1304" spans="1:7" x14ac:dyDescent="0.25">
      <c r="A1304" s="1">
        <v>1302</v>
      </c>
      <c r="B1304" t="s">
        <v>1306</v>
      </c>
      <c r="C1304" t="s">
        <v>6757</v>
      </c>
      <c r="D1304" t="s">
        <v>12200</v>
      </c>
      <c r="E1304" t="s">
        <v>17597</v>
      </c>
      <c r="G1304" s="2"/>
    </row>
    <row r="1305" spans="1:7" x14ac:dyDescent="0.25">
      <c r="A1305" s="1">
        <v>1303</v>
      </c>
      <c r="B1305" t="s">
        <v>1307</v>
      </c>
      <c r="C1305" t="s">
        <v>6758</v>
      </c>
      <c r="D1305" t="s">
        <v>12201</v>
      </c>
      <c r="E1305" t="s">
        <v>17598</v>
      </c>
      <c r="G1305" s="2"/>
    </row>
    <row r="1306" spans="1:7" x14ac:dyDescent="0.25">
      <c r="A1306" s="1">
        <v>1304</v>
      </c>
      <c r="B1306" t="s">
        <v>1308</v>
      </c>
      <c r="C1306" t="s">
        <v>6759</v>
      </c>
      <c r="D1306" t="s">
        <v>12202</v>
      </c>
      <c r="E1306" t="s">
        <v>17599</v>
      </c>
      <c r="G1306" s="2"/>
    </row>
    <row r="1307" spans="1:7" x14ac:dyDescent="0.25">
      <c r="A1307" s="1">
        <v>1305</v>
      </c>
      <c r="B1307" t="s">
        <v>1309</v>
      </c>
      <c r="C1307" t="s">
        <v>6760</v>
      </c>
      <c r="D1307" t="s">
        <v>12203</v>
      </c>
      <c r="E1307" t="s">
        <v>17600</v>
      </c>
      <c r="G1307" s="2"/>
    </row>
    <row r="1308" spans="1:7" x14ac:dyDescent="0.25">
      <c r="A1308" s="1">
        <v>1306</v>
      </c>
      <c r="B1308" t="s">
        <v>1310</v>
      </c>
      <c r="C1308" t="s">
        <v>6761</v>
      </c>
      <c r="D1308" t="s">
        <v>12204</v>
      </c>
      <c r="E1308" t="s">
        <v>17601</v>
      </c>
      <c r="G1308" s="2"/>
    </row>
    <row r="1309" spans="1:7" x14ac:dyDescent="0.25">
      <c r="A1309" s="1">
        <v>1307</v>
      </c>
      <c r="B1309" t="s">
        <v>1311</v>
      </c>
      <c r="C1309" t="s">
        <v>6762</v>
      </c>
      <c r="D1309" t="s">
        <v>12205</v>
      </c>
      <c r="E1309" t="s">
        <v>17602</v>
      </c>
      <c r="G1309" s="2"/>
    </row>
    <row r="1310" spans="1:7" x14ac:dyDescent="0.25">
      <c r="A1310" s="1">
        <v>1308</v>
      </c>
      <c r="B1310" t="s">
        <v>1312</v>
      </c>
      <c r="C1310" t="s">
        <v>6763</v>
      </c>
      <c r="D1310" t="s">
        <v>12206</v>
      </c>
      <c r="E1310" t="s">
        <v>17603</v>
      </c>
      <c r="G1310" s="2"/>
    </row>
    <row r="1311" spans="1:7" x14ac:dyDescent="0.25">
      <c r="A1311" s="1">
        <v>1309</v>
      </c>
      <c r="B1311" t="s">
        <v>1313</v>
      </c>
      <c r="C1311" t="s">
        <v>6764</v>
      </c>
      <c r="D1311" t="s">
        <v>12207</v>
      </c>
      <c r="E1311" t="s">
        <v>17604</v>
      </c>
      <c r="G1311" s="2"/>
    </row>
    <row r="1312" spans="1:7" x14ac:dyDescent="0.25">
      <c r="A1312" s="1">
        <v>1310</v>
      </c>
      <c r="B1312" t="s">
        <v>1314</v>
      </c>
      <c r="C1312" t="s">
        <v>6765</v>
      </c>
      <c r="D1312" t="s">
        <v>12208</v>
      </c>
      <c r="E1312" t="s">
        <v>17605</v>
      </c>
      <c r="G1312" s="2"/>
    </row>
    <row r="1313" spans="1:7" x14ac:dyDescent="0.25">
      <c r="A1313" s="1">
        <v>1311</v>
      </c>
      <c r="B1313" t="s">
        <v>1315</v>
      </c>
      <c r="C1313" t="s">
        <v>6766</v>
      </c>
      <c r="D1313" t="s">
        <v>12209</v>
      </c>
      <c r="E1313" t="s">
        <v>17606</v>
      </c>
      <c r="G1313" s="2"/>
    </row>
    <row r="1314" spans="1:7" x14ac:dyDescent="0.25">
      <c r="A1314" s="1">
        <v>1312</v>
      </c>
      <c r="B1314" t="s">
        <v>1316</v>
      </c>
      <c r="C1314" t="s">
        <v>6767</v>
      </c>
      <c r="D1314" t="s">
        <v>12210</v>
      </c>
      <c r="E1314" t="s">
        <v>17607</v>
      </c>
      <c r="G1314" s="2"/>
    </row>
    <row r="1315" spans="1:7" x14ac:dyDescent="0.25">
      <c r="A1315" s="1">
        <v>1313</v>
      </c>
      <c r="B1315" t="s">
        <v>1317</v>
      </c>
      <c r="C1315" t="s">
        <v>6768</v>
      </c>
      <c r="D1315" t="s">
        <v>12211</v>
      </c>
      <c r="E1315" t="s">
        <v>17608</v>
      </c>
      <c r="G1315" s="2"/>
    </row>
    <row r="1316" spans="1:7" x14ac:dyDescent="0.25">
      <c r="A1316" s="1">
        <v>1314</v>
      </c>
      <c r="B1316" t="s">
        <v>1318</v>
      </c>
      <c r="C1316" t="s">
        <v>6769</v>
      </c>
      <c r="D1316" t="s">
        <v>12212</v>
      </c>
      <c r="E1316" t="s">
        <v>17609</v>
      </c>
      <c r="G1316" s="2"/>
    </row>
    <row r="1317" spans="1:7" x14ac:dyDescent="0.25">
      <c r="A1317" s="1">
        <v>1315</v>
      </c>
      <c r="B1317" t="s">
        <v>1319</v>
      </c>
      <c r="C1317" t="s">
        <v>6770</v>
      </c>
      <c r="D1317" t="s">
        <v>12213</v>
      </c>
      <c r="E1317" t="s">
        <v>17162</v>
      </c>
      <c r="G1317" s="2"/>
    </row>
    <row r="1318" spans="1:7" x14ac:dyDescent="0.25">
      <c r="A1318" s="1">
        <v>1316</v>
      </c>
      <c r="B1318" t="s">
        <v>1320</v>
      </c>
      <c r="C1318" t="s">
        <v>6771</v>
      </c>
      <c r="D1318" t="s">
        <v>12214</v>
      </c>
      <c r="E1318" t="s">
        <v>17610</v>
      </c>
      <c r="G1318" s="2"/>
    </row>
    <row r="1319" spans="1:7" x14ac:dyDescent="0.25">
      <c r="A1319" s="1">
        <v>1317</v>
      </c>
      <c r="B1319" t="s">
        <v>1321</v>
      </c>
      <c r="C1319" t="s">
        <v>6772</v>
      </c>
      <c r="D1319" t="s">
        <v>12215</v>
      </c>
      <c r="E1319" t="s">
        <v>17611</v>
      </c>
      <c r="G1319" s="2"/>
    </row>
    <row r="1320" spans="1:7" x14ac:dyDescent="0.25">
      <c r="A1320" s="1">
        <v>1318</v>
      </c>
      <c r="B1320" t="s">
        <v>1322</v>
      </c>
      <c r="C1320" t="s">
        <v>6773</v>
      </c>
      <c r="D1320" t="s">
        <v>12216</v>
      </c>
      <c r="E1320" t="s">
        <v>17612</v>
      </c>
      <c r="G1320" s="2"/>
    </row>
    <row r="1321" spans="1:7" x14ac:dyDescent="0.25">
      <c r="A1321" s="1">
        <v>1319</v>
      </c>
      <c r="B1321" t="s">
        <v>1323</v>
      </c>
      <c r="C1321" t="s">
        <v>6774</v>
      </c>
      <c r="D1321" t="s">
        <v>12217</v>
      </c>
      <c r="E1321" t="s">
        <v>17613</v>
      </c>
      <c r="G1321" s="2"/>
    </row>
    <row r="1322" spans="1:7" x14ac:dyDescent="0.25">
      <c r="A1322" s="1">
        <v>1320</v>
      </c>
      <c r="B1322" t="s">
        <v>1324</v>
      </c>
      <c r="C1322" t="s">
        <v>6775</v>
      </c>
      <c r="D1322" t="s">
        <v>12218</v>
      </c>
      <c r="E1322" t="s">
        <v>17614</v>
      </c>
      <c r="G1322" s="2"/>
    </row>
    <row r="1323" spans="1:7" x14ac:dyDescent="0.25">
      <c r="A1323" s="1">
        <v>1321</v>
      </c>
      <c r="B1323" t="s">
        <v>1325</v>
      </c>
      <c r="C1323" t="s">
        <v>6776</v>
      </c>
      <c r="D1323" t="s">
        <v>12219</v>
      </c>
      <c r="E1323" t="s">
        <v>17615</v>
      </c>
      <c r="G1323" s="2"/>
    </row>
    <row r="1324" spans="1:7" x14ac:dyDescent="0.25">
      <c r="A1324" s="1">
        <v>1322</v>
      </c>
      <c r="B1324" t="s">
        <v>1326</v>
      </c>
      <c r="C1324" t="s">
        <v>6777</v>
      </c>
      <c r="D1324" t="s">
        <v>12220</v>
      </c>
      <c r="E1324" t="s">
        <v>17616</v>
      </c>
      <c r="G1324" s="2"/>
    </row>
    <row r="1325" spans="1:7" x14ac:dyDescent="0.25">
      <c r="A1325" s="1">
        <v>1323</v>
      </c>
      <c r="B1325" t="s">
        <v>1327</v>
      </c>
      <c r="C1325" t="s">
        <v>6778</v>
      </c>
      <c r="D1325" t="s">
        <v>12221</v>
      </c>
      <c r="E1325" t="s">
        <v>17617</v>
      </c>
      <c r="G1325" s="2"/>
    </row>
    <row r="1326" spans="1:7" x14ac:dyDescent="0.25">
      <c r="A1326" s="1">
        <v>1324</v>
      </c>
      <c r="B1326" t="s">
        <v>1328</v>
      </c>
      <c r="C1326" t="s">
        <v>6779</v>
      </c>
      <c r="D1326" t="s">
        <v>12222</v>
      </c>
      <c r="E1326" t="s">
        <v>17618</v>
      </c>
      <c r="G1326" s="2"/>
    </row>
    <row r="1327" spans="1:7" x14ac:dyDescent="0.25">
      <c r="A1327" s="1">
        <v>1325</v>
      </c>
      <c r="B1327" t="s">
        <v>1329</v>
      </c>
      <c r="C1327" t="s">
        <v>6780</v>
      </c>
      <c r="D1327" t="s">
        <v>12223</v>
      </c>
      <c r="E1327" t="s">
        <v>17619</v>
      </c>
      <c r="G1327" s="2"/>
    </row>
    <row r="1328" spans="1:7" x14ac:dyDescent="0.25">
      <c r="A1328" s="1">
        <v>1326</v>
      </c>
      <c r="B1328" t="s">
        <v>1330</v>
      </c>
      <c r="C1328" t="s">
        <v>6781</v>
      </c>
      <c r="D1328" t="s">
        <v>12224</v>
      </c>
      <c r="E1328" t="s">
        <v>17620</v>
      </c>
      <c r="G1328" s="2"/>
    </row>
    <row r="1329" spans="1:7" x14ac:dyDescent="0.25">
      <c r="A1329" s="1">
        <v>1327</v>
      </c>
      <c r="B1329" t="s">
        <v>1331</v>
      </c>
      <c r="C1329" t="s">
        <v>6782</v>
      </c>
      <c r="D1329" t="s">
        <v>12225</v>
      </c>
      <c r="E1329" t="s">
        <v>17621</v>
      </c>
      <c r="G1329" s="2"/>
    </row>
    <row r="1330" spans="1:7" x14ac:dyDescent="0.25">
      <c r="A1330" s="1">
        <v>1328</v>
      </c>
      <c r="B1330" t="s">
        <v>1332</v>
      </c>
      <c r="C1330" t="s">
        <v>6783</v>
      </c>
      <c r="D1330" t="s">
        <v>12226</v>
      </c>
      <c r="E1330" t="s">
        <v>17622</v>
      </c>
      <c r="G1330" s="2"/>
    </row>
    <row r="1331" spans="1:7" x14ac:dyDescent="0.25">
      <c r="A1331" s="1">
        <v>1329</v>
      </c>
      <c r="B1331" t="s">
        <v>1333</v>
      </c>
      <c r="C1331" t="s">
        <v>6784</v>
      </c>
      <c r="D1331" t="s">
        <v>12227</v>
      </c>
      <c r="E1331" t="s">
        <v>17623</v>
      </c>
      <c r="G1331" s="2"/>
    </row>
    <row r="1332" spans="1:7" x14ac:dyDescent="0.25">
      <c r="A1332" s="1">
        <v>1330</v>
      </c>
      <c r="B1332" t="s">
        <v>1334</v>
      </c>
      <c r="C1332" t="s">
        <v>6785</v>
      </c>
      <c r="D1332" t="s">
        <v>12228</v>
      </c>
      <c r="E1332" t="s">
        <v>17624</v>
      </c>
      <c r="G1332" s="2"/>
    </row>
    <row r="1333" spans="1:7" x14ac:dyDescent="0.25">
      <c r="A1333" s="1">
        <v>1331</v>
      </c>
      <c r="B1333" t="s">
        <v>1335</v>
      </c>
      <c r="C1333" t="s">
        <v>6786</v>
      </c>
      <c r="D1333" t="s">
        <v>12229</v>
      </c>
      <c r="E1333" t="s">
        <v>16347</v>
      </c>
      <c r="G1333" s="2"/>
    </row>
    <row r="1334" spans="1:7" x14ac:dyDescent="0.25">
      <c r="A1334" s="1">
        <v>1332</v>
      </c>
      <c r="B1334" t="s">
        <v>1336</v>
      </c>
      <c r="C1334" t="s">
        <v>6787</v>
      </c>
      <c r="D1334" t="s">
        <v>12230</v>
      </c>
      <c r="E1334" t="s">
        <v>17625</v>
      </c>
      <c r="G1334" s="2"/>
    </row>
    <row r="1335" spans="1:7" x14ac:dyDescent="0.25">
      <c r="A1335" s="1">
        <v>1333</v>
      </c>
      <c r="B1335" t="s">
        <v>1337</v>
      </c>
      <c r="C1335" t="s">
        <v>6788</v>
      </c>
      <c r="D1335" t="s">
        <v>12231</v>
      </c>
      <c r="E1335" t="s">
        <v>17626</v>
      </c>
      <c r="G1335" s="2"/>
    </row>
    <row r="1336" spans="1:7" x14ac:dyDescent="0.25">
      <c r="A1336" s="1">
        <v>1334</v>
      </c>
      <c r="B1336" t="s">
        <v>1338</v>
      </c>
      <c r="C1336" t="s">
        <v>6789</v>
      </c>
      <c r="D1336" t="s">
        <v>12232</v>
      </c>
      <c r="E1336" t="s">
        <v>17627</v>
      </c>
      <c r="G1336" s="2"/>
    </row>
    <row r="1337" spans="1:7" x14ac:dyDescent="0.25">
      <c r="A1337" s="1">
        <v>1335</v>
      </c>
      <c r="B1337" t="s">
        <v>1339</v>
      </c>
      <c r="C1337" t="s">
        <v>6790</v>
      </c>
      <c r="D1337" t="s">
        <v>12233</v>
      </c>
      <c r="E1337" t="s">
        <v>17628</v>
      </c>
      <c r="G1337" s="2"/>
    </row>
    <row r="1338" spans="1:7" x14ac:dyDescent="0.25">
      <c r="A1338" s="1">
        <v>1336</v>
      </c>
      <c r="B1338" t="s">
        <v>1340</v>
      </c>
      <c r="C1338" t="s">
        <v>6791</v>
      </c>
      <c r="D1338" t="s">
        <v>12234</v>
      </c>
      <c r="E1338" t="s">
        <v>17629</v>
      </c>
      <c r="G1338" s="2"/>
    </row>
    <row r="1339" spans="1:7" x14ac:dyDescent="0.25">
      <c r="A1339" s="1">
        <v>1337</v>
      </c>
      <c r="B1339" t="s">
        <v>1341</v>
      </c>
      <c r="C1339" t="s">
        <v>6792</v>
      </c>
      <c r="D1339" t="s">
        <v>12235</v>
      </c>
      <c r="E1339" t="s">
        <v>17630</v>
      </c>
      <c r="G1339" s="2"/>
    </row>
    <row r="1340" spans="1:7" x14ac:dyDescent="0.25">
      <c r="A1340" s="1">
        <v>1338</v>
      </c>
      <c r="B1340" t="s">
        <v>1342</v>
      </c>
      <c r="C1340" t="s">
        <v>6793</v>
      </c>
      <c r="D1340" t="s">
        <v>12236</v>
      </c>
      <c r="E1340" t="s">
        <v>17631</v>
      </c>
      <c r="G1340" s="2"/>
    </row>
    <row r="1341" spans="1:7" x14ac:dyDescent="0.25">
      <c r="A1341" s="1">
        <v>1339</v>
      </c>
      <c r="B1341" t="s">
        <v>1343</v>
      </c>
      <c r="C1341" t="s">
        <v>6794</v>
      </c>
      <c r="D1341" t="s">
        <v>12237</v>
      </c>
      <c r="E1341" t="s">
        <v>17632</v>
      </c>
      <c r="G1341" s="2"/>
    </row>
    <row r="1342" spans="1:7" x14ac:dyDescent="0.25">
      <c r="A1342" s="1">
        <v>1340</v>
      </c>
      <c r="B1342" t="s">
        <v>1344</v>
      </c>
      <c r="C1342" t="s">
        <v>6795</v>
      </c>
      <c r="D1342" t="s">
        <v>12238</v>
      </c>
      <c r="E1342" t="s">
        <v>17633</v>
      </c>
      <c r="G1342" s="2"/>
    </row>
    <row r="1343" spans="1:7" x14ac:dyDescent="0.25">
      <c r="A1343" s="1">
        <v>1341</v>
      </c>
      <c r="B1343" t="s">
        <v>1345</v>
      </c>
      <c r="C1343" t="s">
        <v>6796</v>
      </c>
      <c r="D1343" t="s">
        <v>12239</v>
      </c>
      <c r="E1343" t="s">
        <v>17634</v>
      </c>
      <c r="G1343" s="2"/>
    </row>
    <row r="1344" spans="1:7" x14ac:dyDescent="0.25">
      <c r="A1344" s="1">
        <v>1342</v>
      </c>
      <c r="B1344" t="s">
        <v>1346</v>
      </c>
      <c r="C1344" t="s">
        <v>6797</v>
      </c>
      <c r="D1344" t="s">
        <v>12240</v>
      </c>
      <c r="E1344" t="s">
        <v>17635</v>
      </c>
      <c r="G1344" s="2"/>
    </row>
    <row r="1345" spans="1:7" x14ac:dyDescent="0.25">
      <c r="A1345" s="1">
        <v>1343</v>
      </c>
      <c r="B1345" t="s">
        <v>1347</v>
      </c>
      <c r="C1345" t="s">
        <v>6798</v>
      </c>
      <c r="D1345" t="s">
        <v>12241</v>
      </c>
      <c r="E1345" t="s">
        <v>17636</v>
      </c>
      <c r="G1345" s="2"/>
    </row>
    <row r="1346" spans="1:7" x14ac:dyDescent="0.25">
      <c r="A1346" s="1">
        <v>1344</v>
      </c>
      <c r="B1346" t="s">
        <v>1348</v>
      </c>
      <c r="C1346" t="s">
        <v>6799</v>
      </c>
      <c r="D1346" t="s">
        <v>12242</v>
      </c>
      <c r="E1346" t="s">
        <v>17637</v>
      </c>
      <c r="G1346" s="2"/>
    </row>
    <row r="1347" spans="1:7" x14ac:dyDescent="0.25">
      <c r="A1347" s="1">
        <v>1345</v>
      </c>
      <c r="B1347" t="s">
        <v>1349</v>
      </c>
      <c r="C1347" t="s">
        <v>6800</v>
      </c>
      <c r="D1347" t="s">
        <v>12243</v>
      </c>
      <c r="E1347" t="s">
        <v>17638</v>
      </c>
      <c r="G1347" s="2"/>
    </row>
    <row r="1348" spans="1:7" x14ac:dyDescent="0.25">
      <c r="A1348" s="1">
        <v>1346</v>
      </c>
      <c r="B1348" t="s">
        <v>1350</v>
      </c>
      <c r="C1348" t="s">
        <v>6801</v>
      </c>
      <c r="D1348" t="s">
        <v>12244</v>
      </c>
      <c r="E1348" t="s">
        <v>17639</v>
      </c>
      <c r="G1348" s="2"/>
    </row>
    <row r="1349" spans="1:7" x14ac:dyDescent="0.25">
      <c r="A1349" s="1">
        <v>1347</v>
      </c>
      <c r="B1349" t="s">
        <v>1351</v>
      </c>
      <c r="C1349" t="s">
        <v>6802</v>
      </c>
      <c r="D1349" t="s">
        <v>12245</v>
      </c>
      <c r="E1349" t="s">
        <v>17640</v>
      </c>
      <c r="G1349" s="2"/>
    </row>
    <row r="1350" spans="1:7" x14ac:dyDescent="0.25">
      <c r="A1350" s="1">
        <v>1348</v>
      </c>
      <c r="B1350" t="s">
        <v>1352</v>
      </c>
      <c r="C1350" t="s">
        <v>6803</v>
      </c>
      <c r="D1350" t="s">
        <v>12246</v>
      </c>
      <c r="E1350" t="s">
        <v>17641</v>
      </c>
      <c r="G1350" s="2"/>
    </row>
    <row r="1351" spans="1:7" x14ac:dyDescent="0.25">
      <c r="A1351" s="1">
        <v>1349</v>
      </c>
      <c r="B1351" t="s">
        <v>1353</v>
      </c>
      <c r="C1351" t="s">
        <v>6804</v>
      </c>
      <c r="D1351" t="s">
        <v>12247</v>
      </c>
      <c r="E1351" t="s">
        <v>17642</v>
      </c>
      <c r="G1351" s="2"/>
    </row>
    <row r="1352" spans="1:7" x14ac:dyDescent="0.25">
      <c r="A1352" s="1">
        <v>1350</v>
      </c>
      <c r="B1352" t="s">
        <v>1354</v>
      </c>
      <c r="C1352" t="s">
        <v>6805</v>
      </c>
      <c r="D1352" t="s">
        <v>12248</v>
      </c>
      <c r="E1352" t="s">
        <v>17643</v>
      </c>
      <c r="G1352" s="2"/>
    </row>
    <row r="1353" spans="1:7" x14ac:dyDescent="0.25">
      <c r="A1353" s="1">
        <v>1351</v>
      </c>
      <c r="B1353" t="s">
        <v>1355</v>
      </c>
      <c r="C1353" t="s">
        <v>6806</v>
      </c>
      <c r="D1353" t="s">
        <v>12249</v>
      </c>
      <c r="E1353" t="s">
        <v>17644</v>
      </c>
      <c r="G1353" s="2"/>
    </row>
    <row r="1354" spans="1:7" x14ac:dyDescent="0.25">
      <c r="A1354" s="1">
        <v>1352</v>
      </c>
      <c r="B1354" t="s">
        <v>1356</v>
      </c>
      <c r="C1354" t="s">
        <v>6807</v>
      </c>
      <c r="D1354" t="s">
        <v>12250</v>
      </c>
      <c r="E1354" t="s">
        <v>17645</v>
      </c>
      <c r="G1354" s="2"/>
    </row>
    <row r="1355" spans="1:7" x14ac:dyDescent="0.25">
      <c r="A1355" s="1">
        <v>1353</v>
      </c>
      <c r="B1355" t="s">
        <v>1357</v>
      </c>
      <c r="C1355" t="s">
        <v>6808</v>
      </c>
      <c r="D1355" t="s">
        <v>12251</v>
      </c>
      <c r="E1355" t="s">
        <v>17646</v>
      </c>
      <c r="G1355" s="2"/>
    </row>
    <row r="1356" spans="1:7" x14ac:dyDescent="0.25">
      <c r="A1356" s="1">
        <v>1354</v>
      </c>
      <c r="B1356" t="s">
        <v>1358</v>
      </c>
      <c r="C1356" t="s">
        <v>6809</v>
      </c>
      <c r="D1356" t="s">
        <v>12252</v>
      </c>
      <c r="E1356" t="s">
        <v>16347</v>
      </c>
      <c r="G1356" s="2"/>
    </row>
    <row r="1357" spans="1:7" x14ac:dyDescent="0.25">
      <c r="A1357" s="1">
        <v>1355</v>
      </c>
      <c r="B1357" t="s">
        <v>1359</v>
      </c>
      <c r="C1357" t="s">
        <v>6810</v>
      </c>
      <c r="D1357" t="s">
        <v>12253</v>
      </c>
      <c r="E1357" t="s">
        <v>17647</v>
      </c>
      <c r="G1357" s="2"/>
    </row>
    <row r="1358" spans="1:7" x14ac:dyDescent="0.25">
      <c r="A1358" s="1">
        <v>1356</v>
      </c>
      <c r="B1358" t="s">
        <v>1360</v>
      </c>
      <c r="C1358" t="s">
        <v>6811</v>
      </c>
      <c r="D1358" t="s">
        <v>12254</v>
      </c>
      <c r="E1358" t="s">
        <v>17648</v>
      </c>
      <c r="G1358" s="2"/>
    </row>
    <row r="1359" spans="1:7" x14ac:dyDescent="0.25">
      <c r="A1359" s="1">
        <v>1357</v>
      </c>
      <c r="B1359" t="s">
        <v>1361</v>
      </c>
      <c r="C1359" t="s">
        <v>6812</v>
      </c>
      <c r="D1359" t="s">
        <v>12255</v>
      </c>
      <c r="E1359" t="s">
        <v>17649</v>
      </c>
      <c r="G1359" s="2"/>
    </row>
    <row r="1360" spans="1:7" x14ac:dyDescent="0.25">
      <c r="A1360" s="1">
        <v>1358</v>
      </c>
      <c r="B1360" t="s">
        <v>1362</v>
      </c>
      <c r="C1360" t="s">
        <v>6813</v>
      </c>
      <c r="D1360" t="s">
        <v>12256</v>
      </c>
      <c r="E1360" t="s">
        <v>17650</v>
      </c>
      <c r="G1360" s="2"/>
    </row>
    <row r="1361" spans="1:7" x14ac:dyDescent="0.25">
      <c r="A1361" s="1">
        <v>1359</v>
      </c>
      <c r="B1361" t="s">
        <v>1363</v>
      </c>
      <c r="C1361" t="s">
        <v>6814</v>
      </c>
      <c r="D1361" t="s">
        <v>12257</v>
      </c>
      <c r="E1361" t="s">
        <v>17651</v>
      </c>
      <c r="G1361" s="2"/>
    </row>
    <row r="1362" spans="1:7" x14ac:dyDescent="0.25">
      <c r="A1362" s="1">
        <v>1360</v>
      </c>
      <c r="B1362" t="s">
        <v>1364</v>
      </c>
      <c r="C1362" t="s">
        <v>6815</v>
      </c>
      <c r="D1362" t="s">
        <v>12258</v>
      </c>
      <c r="E1362" t="s">
        <v>17652</v>
      </c>
      <c r="G1362" s="2"/>
    </row>
    <row r="1363" spans="1:7" x14ac:dyDescent="0.25">
      <c r="A1363" s="1">
        <v>1361</v>
      </c>
      <c r="B1363" t="s">
        <v>1365</v>
      </c>
      <c r="C1363" t="s">
        <v>6816</v>
      </c>
      <c r="D1363" t="s">
        <v>12259</v>
      </c>
      <c r="E1363" t="s">
        <v>17653</v>
      </c>
      <c r="G1363" s="2"/>
    </row>
    <row r="1364" spans="1:7" x14ac:dyDescent="0.25">
      <c r="A1364" s="1">
        <v>1362</v>
      </c>
      <c r="B1364" t="s">
        <v>1366</v>
      </c>
      <c r="C1364" t="s">
        <v>6817</v>
      </c>
      <c r="D1364" t="s">
        <v>12260</v>
      </c>
      <c r="E1364" t="s">
        <v>16347</v>
      </c>
      <c r="G1364" s="2"/>
    </row>
    <row r="1365" spans="1:7" x14ac:dyDescent="0.25">
      <c r="A1365" s="1">
        <v>1363</v>
      </c>
      <c r="B1365" t="s">
        <v>1367</v>
      </c>
      <c r="C1365" t="s">
        <v>6818</v>
      </c>
      <c r="D1365" t="s">
        <v>12261</v>
      </c>
      <c r="E1365" t="s">
        <v>17654</v>
      </c>
      <c r="G1365" s="2"/>
    </row>
    <row r="1366" spans="1:7" x14ac:dyDescent="0.25">
      <c r="A1366" s="1">
        <v>1364</v>
      </c>
      <c r="B1366" t="s">
        <v>1368</v>
      </c>
      <c r="C1366" t="s">
        <v>6819</v>
      </c>
      <c r="D1366" t="s">
        <v>12262</v>
      </c>
      <c r="E1366" t="s">
        <v>17655</v>
      </c>
      <c r="G1366" s="2"/>
    </row>
    <row r="1367" spans="1:7" x14ac:dyDescent="0.25">
      <c r="A1367" s="1">
        <v>1365</v>
      </c>
      <c r="B1367" t="s">
        <v>1369</v>
      </c>
      <c r="C1367" t="s">
        <v>6820</v>
      </c>
      <c r="D1367" t="s">
        <v>12263</v>
      </c>
      <c r="E1367" t="s">
        <v>17656</v>
      </c>
      <c r="G1367" s="2"/>
    </row>
    <row r="1368" spans="1:7" x14ac:dyDescent="0.25">
      <c r="A1368" s="1">
        <v>1366</v>
      </c>
      <c r="B1368" t="s">
        <v>1370</v>
      </c>
      <c r="C1368" t="s">
        <v>6821</v>
      </c>
      <c r="D1368" t="s">
        <v>12264</v>
      </c>
      <c r="E1368" t="s">
        <v>17657</v>
      </c>
      <c r="G1368" s="2"/>
    </row>
    <row r="1369" spans="1:7" x14ac:dyDescent="0.25">
      <c r="A1369" s="1">
        <v>1367</v>
      </c>
      <c r="B1369" t="s">
        <v>1371</v>
      </c>
      <c r="C1369" t="s">
        <v>6822</v>
      </c>
      <c r="D1369" t="s">
        <v>12265</v>
      </c>
      <c r="E1369" t="s">
        <v>17658</v>
      </c>
      <c r="G1369" s="2"/>
    </row>
    <row r="1370" spans="1:7" x14ac:dyDescent="0.25">
      <c r="A1370" s="1">
        <v>1368</v>
      </c>
      <c r="B1370" t="s">
        <v>1372</v>
      </c>
      <c r="C1370" t="s">
        <v>6823</v>
      </c>
      <c r="D1370" t="s">
        <v>12266</v>
      </c>
      <c r="E1370" t="s">
        <v>17659</v>
      </c>
      <c r="G1370" s="2"/>
    </row>
    <row r="1371" spans="1:7" x14ac:dyDescent="0.25">
      <c r="A1371" s="1">
        <v>1369</v>
      </c>
      <c r="B1371" t="s">
        <v>1373</v>
      </c>
      <c r="C1371" t="s">
        <v>6824</v>
      </c>
      <c r="D1371" t="s">
        <v>12267</v>
      </c>
      <c r="E1371" t="s">
        <v>17660</v>
      </c>
      <c r="G1371" s="2"/>
    </row>
    <row r="1372" spans="1:7" x14ac:dyDescent="0.25">
      <c r="A1372" s="1">
        <v>1370</v>
      </c>
      <c r="B1372" t="s">
        <v>1374</v>
      </c>
      <c r="C1372" t="s">
        <v>6825</v>
      </c>
      <c r="D1372" t="s">
        <v>12268</v>
      </c>
      <c r="E1372" t="s">
        <v>17661</v>
      </c>
      <c r="G1372" s="2"/>
    </row>
    <row r="1373" spans="1:7" x14ac:dyDescent="0.25">
      <c r="A1373" s="1">
        <v>1371</v>
      </c>
      <c r="B1373" t="s">
        <v>1375</v>
      </c>
      <c r="C1373" t="s">
        <v>6826</v>
      </c>
      <c r="D1373" t="s">
        <v>12269</v>
      </c>
      <c r="E1373" t="s">
        <v>17662</v>
      </c>
      <c r="G1373" s="2"/>
    </row>
    <row r="1374" spans="1:7" x14ac:dyDescent="0.25">
      <c r="A1374" s="1">
        <v>1372</v>
      </c>
      <c r="B1374" t="s">
        <v>1376</v>
      </c>
      <c r="C1374" t="s">
        <v>6827</v>
      </c>
      <c r="D1374" t="s">
        <v>12270</v>
      </c>
      <c r="E1374" t="s">
        <v>17663</v>
      </c>
      <c r="G1374" s="2"/>
    </row>
    <row r="1375" spans="1:7" x14ac:dyDescent="0.25">
      <c r="A1375" s="1">
        <v>1373</v>
      </c>
      <c r="B1375" t="s">
        <v>1377</v>
      </c>
      <c r="C1375" t="s">
        <v>6828</v>
      </c>
      <c r="D1375" t="s">
        <v>12271</v>
      </c>
      <c r="E1375" t="s">
        <v>17664</v>
      </c>
      <c r="G1375" s="2"/>
    </row>
    <row r="1376" spans="1:7" x14ac:dyDescent="0.25">
      <c r="A1376" s="1">
        <v>1374</v>
      </c>
      <c r="B1376" t="s">
        <v>1378</v>
      </c>
      <c r="C1376" t="s">
        <v>6829</v>
      </c>
      <c r="D1376" t="s">
        <v>12272</v>
      </c>
      <c r="E1376" t="s">
        <v>17665</v>
      </c>
      <c r="G1376" s="2"/>
    </row>
    <row r="1377" spans="1:7" x14ac:dyDescent="0.25">
      <c r="A1377" s="1">
        <v>1375</v>
      </c>
      <c r="B1377" t="s">
        <v>1379</v>
      </c>
      <c r="C1377" t="s">
        <v>6830</v>
      </c>
      <c r="D1377" t="s">
        <v>12273</v>
      </c>
      <c r="E1377" t="s">
        <v>17666</v>
      </c>
      <c r="G1377" s="2"/>
    </row>
    <row r="1378" spans="1:7" x14ac:dyDescent="0.25">
      <c r="A1378" s="1">
        <v>1376</v>
      </c>
      <c r="B1378" t="s">
        <v>1380</v>
      </c>
      <c r="C1378" t="s">
        <v>6831</v>
      </c>
      <c r="D1378" t="s">
        <v>12274</v>
      </c>
      <c r="E1378" t="s">
        <v>17667</v>
      </c>
      <c r="G1378" s="2"/>
    </row>
    <row r="1379" spans="1:7" x14ac:dyDescent="0.25">
      <c r="A1379" s="1">
        <v>1377</v>
      </c>
      <c r="B1379" t="s">
        <v>1381</v>
      </c>
      <c r="C1379" t="s">
        <v>6832</v>
      </c>
      <c r="D1379" t="s">
        <v>12275</v>
      </c>
      <c r="E1379" t="s">
        <v>17668</v>
      </c>
      <c r="G1379" s="2"/>
    </row>
    <row r="1380" spans="1:7" x14ac:dyDescent="0.25">
      <c r="A1380" s="1">
        <v>1378</v>
      </c>
      <c r="B1380" t="s">
        <v>1382</v>
      </c>
      <c r="C1380" t="s">
        <v>6833</v>
      </c>
      <c r="D1380" t="s">
        <v>12276</v>
      </c>
      <c r="E1380" t="s">
        <v>17669</v>
      </c>
      <c r="G1380" s="2"/>
    </row>
    <row r="1381" spans="1:7" x14ac:dyDescent="0.25">
      <c r="A1381" s="1">
        <v>1379</v>
      </c>
      <c r="B1381" t="s">
        <v>1383</v>
      </c>
      <c r="C1381" t="s">
        <v>6834</v>
      </c>
      <c r="D1381" t="s">
        <v>12277</v>
      </c>
      <c r="E1381" t="s">
        <v>17670</v>
      </c>
      <c r="G1381" s="2"/>
    </row>
    <row r="1382" spans="1:7" x14ac:dyDescent="0.25">
      <c r="A1382" s="1">
        <v>1380</v>
      </c>
      <c r="B1382" t="s">
        <v>1384</v>
      </c>
      <c r="C1382" t="s">
        <v>6835</v>
      </c>
      <c r="D1382" t="s">
        <v>12278</v>
      </c>
      <c r="E1382" t="s">
        <v>17671</v>
      </c>
      <c r="G1382" s="2"/>
    </row>
    <row r="1383" spans="1:7" x14ac:dyDescent="0.25">
      <c r="A1383" s="1">
        <v>1381</v>
      </c>
      <c r="B1383" t="s">
        <v>1385</v>
      </c>
      <c r="C1383" t="s">
        <v>6836</v>
      </c>
      <c r="D1383" t="s">
        <v>12279</v>
      </c>
      <c r="E1383" t="s">
        <v>17672</v>
      </c>
      <c r="G1383" s="2"/>
    </row>
    <row r="1384" spans="1:7" x14ac:dyDescent="0.25">
      <c r="A1384" s="1">
        <v>1382</v>
      </c>
      <c r="B1384" t="s">
        <v>1386</v>
      </c>
      <c r="C1384" t="s">
        <v>6837</v>
      </c>
      <c r="D1384" t="s">
        <v>12280</v>
      </c>
      <c r="E1384" t="s">
        <v>17673</v>
      </c>
      <c r="G1384" s="2"/>
    </row>
    <row r="1385" spans="1:7" x14ac:dyDescent="0.25">
      <c r="A1385" s="1">
        <v>1383</v>
      </c>
      <c r="B1385" t="s">
        <v>1387</v>
      </c>
      <c r="C1385" t="s">
        <v>6838</v>
      </c>
      <c r="D1385" t="s">
        <v>12281</v>
      </c>
      <c r="E1385" t="s">
        <v>17674</v>
      </c>
      <c r="G1385" s="2"/>
    </row>
    <row r="1386" spans="1:7" x14ac:dyDescent="0.25">
      <c r="A1386" s="1">
        <v>1384</v>
      </c>
      <c r="B1386" t="s">
        <v>1388</v>
      </c>
      <c r="C1386" t="s">
        <v>6839</v>
      </c>
      <c r="D1386" t="s">
        <v>12282</v>
      </c>
      <c r="E1386" t="s">
        <v>17675</v>
      </c>
      <c r="G1386" s="2"/>
    </row>
    <row r="1387" spans="1:7" x14ac:dyDescent="0.25">
      <c r="A1387" s="1">
        <v>1385</v>
      </c>
      <c r="B1387" t="s">
        <v>1389</v>
      </c>
      <c r="C1387" t="s">
        <v>6840</v>
      </c>
      <c r="D1387" t="s">
        <v>12283</v>
      </c>
      <c r="E1387" t="s">
        <v>17676</v>
      </c>
      <c r="G1387" s="2"/>
    </row>
    <row r="1388" spans="1:7" x14ac:dyDescent="0.25">
      <c r="A1388" s="1">
        <v>1386</v>
      </c>
      <c r="B1388" t="s">
        <v>1390</v>
      </c>
      <c r="C1388" t="s">
        <v>6841</v>
      </c>
      <c r="D1388" t="s">
        <v>12284</v>
      </c>
      <c r="E1388" t="s">
        <v>17677</v>
      </c>
      <c r="G1388" s="2"/>
    </row>
    <row r="1389" spans="1:7" x14ac:dyDescent="0.25">
      <c r="A1389" s="1">
        <v>1387</v>
      </c>
      <c r="B1389" t="s">
        <v>1391</v>
      </c>
      <c r="C1389" t="s">
        <v>6842</v>
      </c>
      <c r="D1389" t="s">
        <v>12285</v>
      </c>
      <c r="E1389" t="s">
        <v>17678</v>
      </c>
      <c r="G1389" s="2"/>
    </row>
    <row r="1390" spans="1:7" x14ac:dyDescent="0.25">
      <c r="A1390" s="1">
        <v>1388</v>
      </c>
      <c r="B1390" t="s">
        <v>1392</v>
      </c>
      <c r="C1390" t="s">
        <v>6843</v>
      </c>
      <c r="D1390" t="s">
        <v>12286</v>
      </c>
      <c r="E1390" t="s">
        <v>17679</v>
      </c>
      <c r="G1390" s="2"/>
    </row>
    <row r="1391" spans="1:7" x14ac:dyDescent="0.25">
      <c r="A1391" s="1">
        <v>1389</v>
      </c>
      <c r="B1391" t="s">
        <v>1393</v>
      </c>
      <c r="C1391" t="s">
        <v>6844</v>
      </c>
      <c r="D1391" t="s">
        <v>12287</v>
      </c>
      <c r="E1391" t="s">
        <v>17680</v>
      </c>
      <c r="G1391" s="2"/>
    </row>
    <row r="1392" spans="1:7" x14ac:dyDescent="0.25">
      <c r="A1392" s="1">
        <v>1390</v>
      </c>
      <c r="B1392" t="s">
        <v>1394</v>
      </c>
      <c r="C1392" t="s">
        <v>6845</v>
      </c>
      <c r="D1392" t="s">
        <v>12288</v>
      </c>
      <c r="E1392" t="s">
        <v>17681</v>
      </c>
      <c r="G1392" s="2"/>
    </row>
    <row r="1393" spans="1:7" x14ac:dyDescent="0.25">
      <c r="A1393" s="1">
        <v>1391</v>
      </c>
      <c r="B1393" t="s">
        <v>1395</v>
      </c>
      <c r="C1393" t="s">
        <v>6846</v>
      </c>
      <c r="D1393" t="s">
        <v>12289</v>
      </c>
      <c r="E1393" t="s">
        <v>17682</v>
      </c>
      <c r="G1393" s="2"/>
    </row>
    <row r="1394" spans="1:7" x14ac:dyDescent="0.25">
      <c r="A1394" s="1">
        <v>1392</v>
      </c>
      <c r="B1394" t="s">
        <v>1396</v>
      </c>
      <c r="C1394" t="s">
        <v>6847</v>
      </c>
      <c r="D1394" t="s">
        <v>12290</v>
      </c>
      <c r="E1394" t="s">
        <v>17683</v>
      </c>
      <c r="G1394" s="2"/>
    </row>
    <row r="1395" spans="1:7" x14ac:dyDescent="0.25">
      <c r="A1395" s="1">
        <v>1393</v>
      </c>
      <c r="B1395" t="s">
        <v>1397</v>
      </c>
      <c r="C1395" t="s">
        <v>6848</v>
      </c>
      <c r="D1395" t="s">
        <v>12291</v>
      </c>
      <c r="E1395" t="s">
        <v>17684</v>
      </c>
      <c r="G1395" s="2"/>
    </row>
    <row r="1396" spans="1:7" x14ac:dyDescent="0.25">
      <c r="A1396" s="1">
        <v>1394</v>
      </c>
      <c r="B1396" t="s">
        <v>1398</v>
      </c>
      <c r="C1396" t="s">
        <v>6849</v>
      </c>
      <c r="D1396" t="s">
        <v>12292</v>
      </c>
      <c r="E1396" t="s">
        <v>17685</v>
      </c>
      <c r="G1396" s="2"/>
    </row>
    <row r="1397" spans="1:7" x14ac:dyDescent="0.25">
      <c r="A1397" s="1">
        <v>1395</v>
      </c>
      <c r="B1397" t="s">
        <v>1399</v>
      </c>
      <c r="C1397" t="s">
        <v>6850</v>
      </c>
      <c r="D1397" t="s">
        <v>12293</v>
      </c>
      <c r="E1397" t="s">
        <v>17686</v>
      </c>
      <c r="G1397" s="2"/>
    </row>
    <row r="1398" spans="1:7" x14ac:dyDescent="0.25">
      <c r="A1398" s="1">
        <v>1396</v>
      </c>
      <c r="B1398" t="s">
        <v>1400</v>
      </c>
      <c r="C1398" t="s">
        <v>6851</v>
      </c>
      <c r="D1398" t="s">
        <v>12294</v>
      </c>
      <c r="E1398" t="s">
        <v>16555</v>
      </c>
      <c r="G1398" s="2"/>
    </row>
    <row r="1399" spans="1:7" x14ac:dyDescent="0.25">
      <c r="A1399" s="1">
        <v>1397</v>
      </c>
      <c r="B1399" t="s">
        <v>1401</v>
      </c>
      <c r="C1399" t="s">
        <v>6852</v>
      </c>
      <c r="D1399" t="s">
        <v>12295</v>
      </c>
      <c r="E1399" t="s">
        <v>17687</v>
      </c>
      <c r="G1399" s="2"/>
    </row>
    <row r="1400" spans="1:7" x14ac:dyDescent="0.25">
      <c r="A1400" s="1">
        <v>1398</v>
      </c>
      <c r="B1400" t="s">
        <v>1402</v>
      </c>
      <c r="C1400" t="s">
        <v>6853</v>
      </c>
      <c r="D1400" t="s">
        <v>12296</v>
      </c>
      <c r="E1400" t="s">
        <v>17688</v>
      </c>
      <c r="G1400" s="2"/>
    </row>
    <row r="1401" spans="1:7" x14ac:dyDescent="0.25">
      <c r="A1401" s="1">
        <v>1399</v>
      </c>
      <c r="B1401" t="s">
        <v>1403</v>
      </c>
      <c r="C1401" t="s">
        <v>6854</v>
      </c>
      <c r="D1401" t="s">
        <v>12297</v>
      </c>
      <c r="E1401" t="s">
        <v>17689</v>
      </c>
      <c r="G1401" s="2"/>
    </row>
    <row r="1402" spans="1:7" x14ac:dyDescent="0.25">
      <c r="A1402" s="1">
        <v>1400</v>
      </c>
      <c r="B1402" t="s">
        <v>1404</v>
      </c>
      <c r="C1402" t="s">
        <v>6855</v>
      </c>
      <c r="D1402" t="s">
        <v>12298</v>
      </c>
      <c r="E1402" t="s">
        <v>17690</v>
      </c>
      <c r="G1402" s="2"/>
    </row>
    <row r="1403" spans="1:7" x14ac:dyDescent="0.25">
      <c r="A1403" s="1">
        <v>1401</v>
      </c>
      <c r="B1403" t="s">
        <v>1405</v>
      </c>
      <c r="C1403" t="s">
        <v>6856</v>
      </c>
      <c r="D1403" t="s">
        <v>12299</v>
      </c>
      <c r="E1403" t="s">
        <v>17691</v>
      </c>
      <c r="G1403" s="2"/>
    </row>
    <row r="1404" spans="1:7" x14ac:dyDescent="0.25">
      <c r="A1404" s="1">
        <v>1402</v>
      </c>
      <c r="B1404" t="s">
        <v>1406</v>
      </c>
      <c r="C1404" t="s">
        <v>6857</v>
      </c>
      <c r="D1404" t="s">
        <v>12300</v>
      </c>
      <c r="E1404" t="s">
        <v>17692</v>
      </c>
      <c r="G1404" s="2"/>
    </row>
    <row r="1405" spans="1:7" x14ac:dyDescent="0.25">
      <c r="A1405" s="1">
        <v>1403</v>
      </c>
      <c r="B1405" t="s">
        <v>1407</v>
      </c>
      <c r="C1405" t="s">
        <v>6858</v>
      </c>
      <c r="D1405" t="s">
        <v>12301</v>
      </c>
      <c r="E1405" t="s">
        <v>17693</v>
      </c>
      <c r="G1405" s="2"/>
    </row>
    <row r="1406" spans="1:7" x14ac:dyDescent="0.25">
      <c r="A1406" s="1">
        <v>1404</v>
      </c>
      <c r="B1406" t="s">
        <v>1408</v>
      </c>
      <c r="C1406" t="s">
        <v>6859</v>
      </c>
      <c r="D1406" t="s">
        <v>12302</v>
      </c>
      <c r="E1406" t="s">
        <v>17694</v>
      </c>
      <c r="G1406" s="2"/>
    </row>
    <row r="1407" spans="1:7" x14ac:dyDescent="0.25">
      <c r="A1407" s="1">
        <v>1405</v>
      </c>
      <c r="B1407" t="s">
        <v>1409</v>
      </c>
      <c r="C1407" t="s">
        <v>6860</v>
      </c>
      <c r="D1407" t="s">
        <v>12303</v>
      </c>
      <c r="E1407" t="s">
        <v>17695</v>
      </c>
      <c r="G1407" s="2"/>
    </row>
    <row r="1408" spans="1:7" x14ac:dyDescent="0.25">
      <c r="A1408" s="1">
        <v>1406</v>
      </c>
      <c r="B1408" t="s">
        <v>1410</v>
      </c>
      <c r="C1408" t="s">
        <v>6861</v>
      </c>
      <c r="D1408" t="s">
        <v>12304</v>
      </c>
      <c r="E1408" t="s">
        <v>17696</v>
      </c>
      <c r="G1408" s="2"/>
    </row>
    <row r="1409" spans="1:7" x14ac:dyDescent="0.25">
      <c r="A1409" s="1">
        <v>1407</v>
      </c>
      <c r="B1409" t="s">
        <v>1411</v>
      </c>
      <c r="C1409" t="s">
        <v>6862</v>
      </c>
      <c r="D1409" t="s">
        <v>12305</v>
      </c>
      <c r="E1409" t="s">
        <v>17697</v>
      </c>
      <c r="G1409" s="2"/>
    </row>
    <row r="1410" spans="1:7" x14ac:dyDescent="0.25">
      <c r="A1410" s="1">
        <v>1408</v>
      </c>
      <c r="B1410" t="s">
        <v>1412</v>
      </c>
      <c r="C1410" t="s">
        <v>6863</v>
      </c>
      <c r="D1410" t="s">
        <v>12306</v>
      </c>
      <c r="E1410" t="s">
        <v>17698</v>
      </c>
      <c r="G1410" s="2"/>
    </row>
    <row r="1411" spans="1:7" x14ac:dyDescent="0.25">
      <c r="A1411" s="1">
        <v>1409</v>
      </c>
      <c r="B1411" t="s">
        <v>1413</v>
      </c>
      <c r="C1411" t="s">
        <v>6864</v>
      </c>
      <c r="D1411" t="s">
        <v>12307</v>
      </c>
      <c r="E1411" t="s">
        <v>17699</v>
      </c>
      <c r="G1411" s="2"/>
    </row>
    <row r="1412" spans="1:7" x14ac:dyDescent="0.25">
      <c r="A1412" s="1">
        <v>1410</v>
      </c>
      <c r="B1412" t="s">
        <v>1414</v>
      </c>
      <c r="C1412" t="s">
        <v>6865</v>
      </c>
      <c r="D1412" t="s">
        <v>12308</v>
      </c>
      <c r="E1412" t="s">
        <v>17700</v>
      </c>
      <c r="G1412" s="2"/>
    </row>
    <row r="1413" spans="1:7" x14ac:dyDescent="0.25">
      <c r="A1413" s="1">
        <v>1411</v>
      </c>
      <c r="B1413" t="s">
        <v>1415</v>
      </c>
      <c r="C1413" t="s">
        <v>6866</v>
      </c>
      <c r="D1413" t="s">
        <v>12309</v>
      </c>
      <c r="E1413" t="s">
        <v>17701</v>
      </c>
      <c r="G1413" s="2"/>
    </row>
    <row r="1414" spans="1:7" x14ac:dyDescent="0.25">
      <c r="A1414" s="1">
        <v>1412</v>
      </c>
      <c r="B1414" t="s">
        <v>1416</v>
      </c>
      <c r="C1414" t="s">
        <v>6867</v>
      </c>
      <c r="D1414" t="s">
        <v>12310</v>
      </c>
      <c r="E1414" t="s">
        <v>17702</v>
      </c>
      <c r="G1414" s="2"/>
    </row>
    <row r="1415" spans="1:7" x14ac:dyDescent="0.25">
      <c r="A1415" s="1">
        <v>1413</v>
      </c>
      <c r="B1415" t="s">
        <v>1417</v>
      </c>
      <c r="C1415" t="s">
        <v>6868</v>
      </c>
      <c r="D1415" t="s">
        <v>12311</v>
      </c>
      <c r="E1415" t="s">
        <v>17703</v>
      </c>
      <c r="G1415" s="2"/>
    </row>
    <row r="1416" spans="1:7" x14ac:dyDescent="0.25">
      <c r="A1416" s="1">
        <v>1414</v>
      </c>
      <c r="B1416" t="s">
        <v>1418</v>
      </c>
      <c r="C1416" t="s">
        <v>6869</v>
      </c>
      <c r="D1416" t="s">
        <v>12312</v>
      </c>
      <c r="E1416" t="s">
        <v>17704</v>
      </c>
      <c r="G1416" s="2"/>
    </row>
    <row r="1417" spans="1:7" x14ac:dyDescent="0.25">
      <c r="A1417" s="1">
        <v>1415</v>
      </c>
      <c r="B1417" t="s">
        <v>1419</v>
      </c>
      <c r="C1417" t="s">
        <v>6870</v>
      </c>
      <c r="D1417" t="s">
        <v>12313</v>
      </c>
      <c r="E1417" t="s">
        <v>17705</v>
      </c>
      <c r="G1417" s="2"/>
    </row>
    <row r="1418" spans="1:7" x14ac:dyDescent="0.25">
      <c r="A1418" s="1">
        <v>1416</v>
      </c>
      <c r="B1418" t="s">
        <v>1420</v>
      </c>
      <c r="C1418" t="s">
        <v>6871</v>
      </c>
      <c r="D1418" t="s">
        <v>12314</v>
      </c>
      <c r="E1418" t="s">
        <v>17706</v>
      </c>
      <c r="G1418" s="2"/>
    </row>
    <row r="1419" spans="1:7" x14ac:dyDescent="0.25">
      <c r="A1419" s="1">
        <v>1417</v>
      </c>
      <c r="B1419" t="s">
        <v>1421</v>
      </c>
      <c r="C1419" t="s">
        <v>6872</v>
      </c>
      <c r="D1419" t="s">
        <v>12315</v>
      </c>
      <c r="E1419" t="s">
        <v>17707</v>
      </c>
      <c r="G1419" s="2"/>
    </row>
    <row r="1420" spans="1:7" x14ac:dyDescent="0.25">
      <c r="A1420" s="1">
        <v>1418</v>
      </c>
      <c r="B1420" t="s">
        <v>1422</v>
      </c>
      <c r="C1420" t="s">
        <v>6873</v>
      </c>
      <c r="D1420" t="s">
        <v>12316</v>
      </c>
      <c r="E1420" t="s">
        <v>17708</v>
      </c>
      <c r="G1420" s="2"/>
    </row>
    <row r="1421" spans="1:7" x14ac:dyDescent="0.25">
      <c r="A1421" s="1">
        <v>1419</v>
      </c>
      <c r="B1421" t="s">
        <v>1423</v>
      </c>
      <c r="C1421" t="s">
        <v>6874</v>
      </c>
      <c r="D1421" t="s">
        <v>12317</v>
      </c>
      <c r="E1421" t="s">
        <v>17709</v>
      </c>
      <c r="G1421" s="2"/>
    </row>
    <row r="1422" spans="1:7" x14ac:dyDescent="0.25">
      <c r="A1422" s="1">
        <v>1420</v>
      </c>
      <c r="B1422" t="s">
        <v>1424</v>
      </c>
      <c r="C1422" t="s">
        <v>6875</v>
      </c>
      <c r="D1422" t="s">
        <v>12318</v>
      </c>
      <c r="E1422" t="s">
        <v>17710</v>
      </c>
      <c r="G1422" s="2"/>
    </row>
    <row r="1423" spans="1:7" x14ac:dyDescent="0.25">
      <c r="A1423" s="1">
        <v>1421</v>
      </c>
      <c r="B1423" t="s">
        <v>1425</v>
      </c>
      <c r="C1423" t="s">
        <v>6876</v>
      </c>
      <c r="D1423" t="s">
        <v>12319</v>
      </c>
      <c r="E1423" t="s">
        <v>17711</v>
      </c>
      <c r="G1423" s="2"/>
    </row>
    <row r="1424" spans="1:7" x14ac:dyDescent="0.25">
      <c r="A1424" s="1">
        <v>1422</v>
      </c>
      <c r="B1424" t="s">
        <v>1426</v>
      </c>
      <c r="C1424" t="s">
        <v>6877</v>
      </c>
      <c r="D1424" t="s">
        <v>12320</v>
      </c>
      <c r="E1424" t="s">
        <v>17712</v>
      </c>
      <c r="G1424" s="2"/>
    </row>
    <row r="1425" spans="1:7" x14ac:dyDescent="0.25">
      <c r="A1425" s="1">
        <v>1423</v>
      </c>
      <c r="B1425" t="s">
        <v>1427</v>
      </c>
      <c r="C1425" t="s">
        <v>6878</v>
      </c>
      <c r="D1425" t="s">
        <v>12321</v>
      </c>
      <c r="E1425" t="s">
        <v>17713</v>
      </c>
      <c r="G1425" s="2"/>
    </row>
    <row r="1426" spans="1:7" x14ac:dyDescent="0.25">
      <c r="A1426" s="1">
        <v>1424</v>
      </c>
      <c r="B1426" t="s">
        <v>1428</v>
      </c>
      <c r="C1426" t="s">
        <v>6879</v>
      </c>
      <c r="D1426" t="s">
        <v>12322</v>
      </c>
      <c r="E1426" t="s">
        <v>17091</v>
      </c>
      <c r="G1426" s="2"/>
    </row>
    <row r="1427" spans="1:7" x14ac:dyDescent="0.25">
      <c r="A1427" s="1">
        <v>1425</v>
      </c>
      <c r="B1427" t="s">
        <v>1429</v>
      </c>
      <c r="C1427" t="s">
        <v>6880</v>
      </c>
      <c r="D1427" t="s">
        <v>12323</v>
      </c>
      <c r="E1427" t="s">
        <v>17714</v>
      </c>
      <c r="G1427" s="2"/>
    </row>
    <row r="1428" spans="1:7" x14ac:dyDescent="0.25">
      <c r="A1428" s="1">
        <v>1426</v>
      </c>
      <c r="B1428" t="s">
        <v>1430</v>
      </c>
      <c r="C1428" t="s">
        <v>6881</v>
      </c>
      <c r="D1428" t="s">
        <v>12324</v>
      </c>
      <c r="E1428" t="s">
        <v>17715</v>
      </c>
      <c r="G1428" s="2"/>
    </row>
    <row r="1429" spans="1:7" x14ac:dyDescent="0.25">
      <c r="A1429" s="1">
        <v>1427</v>
      </c>
      <c r="B1429" t="s">
        <v>1431</v>
      </c>
      <c r="C1429" t="s">
        <v>6882</v>
      </c>
      <c r="D1429" t="s">
        <v>12325</v>
      </c>
      <c r="E1429" t="s">
        <v>17716</v>
      </c>
      <c r="G1429" s="2"/>
    </row>
    <row r="1430" spans="1:7" x14ac:dyDescent="0.25">
      <c r="A1430" s="1">
        <v>1428</v>
      </c>
      <c r="B1430" t="s">
        <v>1432</v>
      </c>
      <c r="C1430" t="s">
        <v>6883</v>
      </c>
      <c r="D1430" t="s">
        <v>12326</v>
      </c>
      <c r="E1430" t="s">
        <v>17717</v>
      </c>
      <c r="G1430" s="2"/>
    </row>
    <row r="1431" spans="1:7" x14ac:dyDescent="0.25">
      <c r="A1431" s="1">
        <v>1429</v>
      </c>
      <c r="B1431" t="s">
        <v>1433</v>
      </c>
      <c r="C1431" t="s">
        <v>6884</v>
      </c>
      <c r="D1431" t="s">
        <v>12327</v>
      </c>
      <c r="E1431" t="s">
        <v>17718</v>
      </c>
      <c r="G1431" s="2"/>
    </row>
    <row r="1432" spans="1:7" x14ac:dyDescent="0.25">
      <c r="A1432" s="1">
        <v>1430</v>
      </c>
      <c r="B1432" t="s">
        <v>1434</v>
      </c>
      <c r="C1432" t="s">
        <v>6885</v>
      </c>
      <c r="D1432" t="s">
        <v>12328</v>
      </c>
      <c r="E1432" t="s">
        <v>17719</v>
      </c>
      <c r="G1432" s="2"/>
    </row>
    <row r="1433" spans="1:7" x14ac:dyDescent="0.25">
      <c r="A1433" s="1">
        <v>1431</v>
      </c>
      <c r="B1433" t="s">
        <v>1435</v>
      </c>
      <c r="C1433" t="s">
        <v>6886</v>
      </c>
      <c r="D1433" t="s">
        <v>12329</v>
      </c>
      <c r="E1433" t="s">
        <v>17720</v>
      </c>
      <c r="G1433" s="2"/>
    </row>
    <row r="1434" spans="1:7" x14ac:dyDescent="0.25">
      <c r="A1434" s="1">
        <v>1432</v>
      </c>
      <c r="B1434" t="s">
        <v>1436</v>
      </c>
      <c r="C1434" t="s">
        <v>6887</v>
      </c>
      <c r="D1434" t="s">
        <v>12330</v>
      </c>
      <c r="E1434" t="s">
        <v>17721</v>
      </c>
      <c r="G1434" s="2"/>
    </row>
    <row r="1435" spans="1:7" x14ac:dyDescent="0.25">
      <c r="A1435" s="1">
        <v>1433</v>
      </c>
      <c r="B1435" t="s">
        <v>1437</v>
      </c>
      <c r="C1435" t="s">
        <v>6888</v>
      </c>
      <c r="D1435" t="s">
        <v>12331</v>
      </c>
      <c r="E1435" t="s">
        <v>17722</v>
      </c>
      <c r="G1435" s="2"/>
    </row>
    <row r="1436" spans="1:7" x14ac:dyDescent="0.25">
      <c r="A1436" s="1">
        <v>1434</v>
      </c>
      <c r="B1436" t="s">
        <v>1438</v>
      </c>
      <c r="C1436" t="s">
        <v>6889</v>
      </c>
      <c r="D1436" t="s">
        <v>12332</v>
      </c>
      <c r="E1436" t="s">
        <v>17723</v>
      </c>
      <c r="G1436" s="2"/>
    </row>
    <row r="1437" spans="1:7" x14ac:dyDescent="0.25">
      <c r="A1437" s="1">
        <v>1435</v>
      </c>
      <c r="B1437" t="s">
        <v>1439</v>
      </c>
      <c r="C1437" t="s">
        <v>6890</v>
      </c>
      <c r="D1437" t="s">
        <v>12333</v>
      </c>
      <c r="E1437" t="s">
        <v>17724</v>
      </c>
      <c r="G1437" s="2"/>
    </row>
    <row r="1438" spans="1:7" x14ac:dyDescent="0.25">
      <c r="A1438" s="1">
        <v>1436</v>
      </c>
      <c r="B1438" t="s">
        <v>1440</v>
      </c>
      <c r="C1438" t="s">
        <v>6891</v>
      </c>
      <c r="D1438" t="s">
        <v>12334</v>
      </c>
      <c r="E1438" t="s">
        <v>17725</v>
      </c>
      <c r="G1438" s="2"/>
    </row>
    <row r="1439" spans="1:7" x14ac:dyDescent="0.25">
      <c r="A1439" s="1">
        <v>1437</v>
      </c>
      <c r="B1439" t="s">
        <v>1441</v>
      </c>
      <c r="C1439" t="s">
        <v>6892</v>
      </c>
      <c r="D1439" t="s">
        <v>12335</v>
      </c>
      <c r="E1439" t="s">
        <v>17726</v>
      </c>
      <c r="G1439" s="2"/>
    </row>
    <row r="1440" spans="1:7" x14ac:dyDescent="0.25">
      <c r="A1440" s="1">
        <v>1438</v>
      </c>
      <c r="B1440" t="s">
        <v>1442</v>
      </c>
      <c r="C1440" t="s">
        <v>6893</v>
      </c>
      <c r="D1440" t="s">
        <v>12336</v>
      </c>
      <c r="E1440" t="s">
        <v>17727</v>
      </c>
      <c r="G1440" s="2"/>
    </row>
    <row r="1441" spans="1:7" x14ac:dyDescent="0.25">
      <c r="A1441" s="1">
        <v>1439</v>
      </c>
      <c r="B1441" t="s">
        <v>1443</v>
      </c>
      <c r="C1441" t="s">
        <v>6894</v>
      </c>
      <c r="D1441" t="s">
        <v>12337</v>
      </c>
      <c r="E1441" t="s">
        <v>17728</v>
      </c>
      <c r="G1441" s="2"/>
    </row>
    <row r="1442" spans="1:7" x14ac:dyDescent="0.25">
      <c r="A1442" s="1">
        <v>1440</v>
      </c>
      <c r="B1442" t="s">
        <v>1444</v>
      </c>
      <c r="C1442" t="s">
        <v>6895</v>
      </c>
      <c r="D1442" t="s">
        <v>12338</v>
      </c>
      <c r="E1442" t="s">
        <v>17729</v>
      </c>
      <c r="G1442" s="2"/>
    </row>
    <row r="1443" spans="1:7" x14ac:dyDescent="0.25">
      <c r="A1443" s="1">
        <v>1441</v>
      </c>
      <c r="B1443" t="s">
        <v>1445</v>
      </c>
      <c r="C1443" t="s">
        <v>6896</v>
      </c>
      <c r="D1443" t="s">
        <v>12339</v>
      </c>
      <c r="E1443" t="s">
        <v>17730</v>
      </c>
      <c r="G1443" s="2"/>
    </row>
    <row r="1444" spans="1:7" x14ac:dyDescent="0.25">
      <c r="A1444" s="1">
        <v>1442</v>
      </c>
      <c r="B1444" t="s">
        <v>1446</v>
      </c>
      <c r="C1444" t="s">
        <v>6897</v>
      </c>
      <c r="D1444" t="s">
        <v>12340</v>
      </c>
      <c r="E1444" t="s">
        <v>17731</v>
      </c>
      <c r="G1444" s="2"/>
    </row>
    <row r="1445" spans="1:7" x14ac:dyDescent="0.25">
      <c r="A1445" s="1">
        <v>1443</v>
      </c>
      <c r="B1445" t="s">
        <v>1447</v>
      </c>
      <c r="C1445" t="s">
        <v>6898</v>
      </c>
      <c r="D1445" t="s">
        <v>12341</v>
      </c>
      <c r="E1445" t="s">
        <v>17732</v>
      </c>
      <c r="G1445" s="2"/>
    </row>
    <row r="1446" spans="1:7" x14ac:dyDescent="0.25">
      <c r="A1446" s="1">
        <v>1444</v>
      </c>
      <c r="B1446" t="s">
        <v>1448</v>
      </c>
      <c r="C1446" t="s">
        <v>6899</v>
      </c>
      <c r="D1446" t="s">
        <v>12342</v>
      </c>
      <c r="E1446" t="s">
        <v>17733</v>
      </c>
      <c r="G1446" s="2"/>
    </row>
    <row r="1447" spans="1:7" x14ac:dyDescent="0.25">
      <c r="A1447" s="1">
        <v>1445</v>
      </c>
      <c r="B1447" t="s">
        <v>1449</v>
      </c>
      <c r="C1447" t="s">
        <v>6900</v>
      </c>
      <c r="D1447" t="s">
        <v>12343</v>
      </c>
      <c r="E1447" t="s">
        <v>17734</v>
      </c>
      <c r="G1447" s="2"/>
    </row>
    <row r="1448" spans="1:7" x14ac:dyDescent="0.25">
      <c r="A1448" s="1">
        <v>1446</v>
      </c>
      <c r="B1448" t="s">
        <v>1450</v>
      </c>
      <c r="C1448" t="s">
        <v>6901</v>
      </c>
      <c r="D1448" t="s">
        <v>12344</v>
      </c>
      <c r="E1448" t="s">
        <v>17735</v>
      </c>
      <c r="G1448" s="2"/>
    </row>
    <row r="1449" spans="1:7" x14ac:dyDescent="0.25">
      <c r="A1449" s="1">
        <v>1447</v>
      </c>
      <c r="B1449" t="s">
        <v>1451</v>
      </c>
      <c r="C1449" t="s">
        <v>6902</v>
      </c>
      <c r="D1449" t="s">
        <v>12345</v>
      </c>
      <c r="E1449" t="s">
        <v>17736</v>
      </c>
      <c r="G1449" s="2"/>
    </row>
    <row r="1450" spans="1:7" x14ac:dyDescent="0.25">
      <c r="A1450" s="1">
        <v>1448</v>
      </c>
      <c r="B1450" t="s">
        <v>1452</v>
      </c>
      <c r="C1450" t="s">
        <v>6903</v>
      </c>
      <c r="D1450" t="s">
        <v>12346</v>
      </c>
      <c r="E1450" t="s">
        <v>17737</v>
      </c>
      <c r="G1450" s="2"/>
    </row>
    <row r="1451" spans="1:7" x14ac:dyDescent="0.25">
      <c r="A1451" s="1">
        <v>1449</v>
      </c>
      <c r="B1451" t="s">
        <v>1453</v>
      </c>
      <c r="C1451" t="s">
        <v>6904</v>
      </c>
      <c r="D1451" t="s">
        <v>12347</v>
      </c>
      <c r="E1451" t="s">
        <v>17738</v>
      </c>
      <c r="G1451" s="2"/>
    </row>
    <row r="1452" spans="1:7" x14ac:dyDescent="0.25">
      <c r="A1452" s="1">
        <v>1450</v>
      </c>
      <c r="B1452" t="s">
        <v>1454</v>
      </c>
      <c r="C1452" t="s">
        <v>6905</v>
      </c>
      <c r="D1452" t="s">
        <v>12348</v>
      </c>
      <c r="E1452" t="s">
        <v>17739</v>
      </c>
      <c r="G1452" s="2"/>
    </row>
    <row r="1453" spans="1:7" x14ac:dyDescent="0.25">
      <c r="A1453" s="1">
        <v>1451</v>
      </c>
      <c r="B1453" t="s">
        <v>1455</v>
      </c>
      <c r="C1453" t="s">
        <v>6906</v>
      </c>
      <c r="D1453" t="s">
        <v>12349</v>
      </c>
      <c r="E1453" t="s">
        <v>17740</v>
      </c>
      <c r="G1453" s="2"/>
    </row>
    <row r="1454" spans="1:7" x14ac:dyDescent="0.25">
      <c r="A1454" s="1">
        <v>1452</v>
      </c>
      <c r="B1454" t="s">
        <v>1456</v>
      </c>
      <c r="C1454" t="s">
        <v>6907</v>
      </c>
      <c r="D1454" t="s">
        <v>12350</v>
      </c>
      <c r="E1454" t="s">
        <v>17741</v>
      </c>
      <c r="G1454" s="2"/>
    </row>
    <row r="1455" spans="1:7" x14ac:dyDescent="0.25">
      <c r="A1455" s="1">
        <v>1453</v>
      </c>
      <c r="B1455" t="s">
        <v>1457</v>
      </c>
      <c r="C1455" t="s">
        <v>6908</v>
      </c>
      <c r="D1455" t="s">
        <v>12351</v>
      </c>
      <c r="E1455" t="s">
        <v>17742</v>
      </c>
      <c r="G1455" s="2"/>
    </row>
    <row r="1456" spans="1:7" x14ac:dyDescent="0.25">
      <c r="A1456" s="1">
        <v>1454</v>
      </c>
      <c r="B1456" t="s">
        <v>1458</v>
      </c>
      <c r="C1456" t="s">
        <v>6909</v>
      </c>
      <c r="D1456" t="s">
        <v>12352</v>
      </c>
      <c r="E1456" t="s">
        <v>17743</v>
      </c>
      <c r="G1456" s="2"/>
    </row>
    <row r="1457" spans="1:7" x14ac:dyDescent="0.25">
      <c r="A1457" s="1">
        <v>1455</v>
      </c>
      <c r="B1457" t="s">
        <v>1459</v>
      </c>
      <c r="C1457" t="s">
        <v>6910</v>
      </c>
      <c r="D1457" t="s">
        <v>12353</v>
      </c>
      <c r="E1457" t="s">
        <v>17744</v>
      </c>
      <c r="G1457" s="2"/>
    </row>
    <row r="1458" spans="1:7" x14ac:dyDescent="0.25">
      <c r="A1458" s="1">
        <v>1456</v>
      </c>
      <c r="B1458" t="s">
        <v>1460</v>
      </c>
      <c r="C1458" t="s">
        <v>6911</v>
      </c>
      <c r="D1458" t="s">
        <v>12354</v>
      </c>
      <c r="E1458" t="s">
        <v>17745</v>
      </c>
      <c r="G1458" s="2"/>
    </row>
    <row r="1459" spans="1:7" x14ac:dyDescent="0.25">
      <c r="A1459" s="1">
        <v>1457</v>
      </c>
      <c r="B1459" t="s">
        <v>1461</v>
      </c>
      <c r="C1459" t="s">
        <v>6912</v>
      </c>
      <c r="D1459" t="s">
        <v>12355</v>
      </c>
      <c r="E1459" t="s">
        <v>17746</v>
      </c>
      <c r="G1459" s="2"/>
    </row>
    <row r="1460" spans="1:7" x14ac:dyDescent="0.25">
      <c r="A1460" s="1">
        <v>1458</v>
      </c>
      <c r="B1460" t="s">
        <v>1462</v>
      </c>
      <c r="C1460" t="s">
        <v>6913</v>
      </c>
      <c r="D1460" t="s">
        <v>12356</v>
      </c>
      <c r="E1460" t="s">
        <v>17747</v>
      </c>
      <c r="G1460" s="2"/>
    </row>
    <row r="1461" spans="1:7" x14ac:dyDescent="0.25">
      <c r="A1461" s="1">
        <v>1459</v>
      </c>
      <c r="B1461" t="s">
        <v>1463</v>
      </c>
      <c r="C1461" t="s">
        <v>6914</v>
      </c>
      <c r="D1461" t="s">
        <v>12357</v>
      </c>
      <c r="E1461" t="s">
        <v>17748</v>
      </c>
      <c r="G1461" s="2"/>
    </row>
    <row r="1462" spans="1:7" x14ac:dyDescent="0.25">
      <c r="A1462" s="1">
        <v>1460</v>
      </c>
      <c r="B1462" t="s">
        <v>1464</v>
      </c>
      <c r="C1462" t="s">
        <v>6915</v>
      </c>
      <c r="D1462" t="s">
        <v>12358</v>
      </c>
      <c r="E1462" t="s">
        <v>17749</v>
      </c>
      <c r="G1462" s="2"/>
    </row>
    <row r="1463" spans="1:7" x14ac:dyDescent="0.25">
      <c r="A1463" s="1">
        <v>1461</v>
      </c>
      <c r="B1463" t="s">
        <v>1465</v>
      </c>
      <c r="C1463" t="s">
        <v>6916</v>
      </c>
      <c r="D1463" t="s">
        <v>12359</v>
      </c>
      <c r="E1463" t="s">
        <v>17750</v>
      </c>
      <c r="G1463" s="2"/>
    </row>
    <row r="1464" spans="1:7" x14ac:dyDescent="0.25">
      <c r="A1464" s="1">
        <v>1462</v>
      </c>
      <c r="B1464" t="s">
        <v>1466</v>
      </c>
      <c r="C1464" t="s">
        <v>6917</v>
      </c>
      <c r="D1464" t="s">
        <v>12360</v>
      </c>
      <c r="E1464" t="s">
        <v>17751</v>
      </c>
      <c r="G1464" s="2"/>
    </row>
    <row r="1465" spans="1:7" x14ac:dyDescent="0.25">
      <c r="A1465" s="1">
        <v>1463</v>
      </c>
      <c r="B1465" t="s">
        <v>1467</v>
      </c>
      <c r="C1465" t="s">
        <v>6918</v>
      </c>
      <c r="D1465" t="s">
        <v>12361</v>
      </c>
      <c r="E1465" t="s">
        <v>17752</v>
      </c>
      <c r="G1465" s="2"/>
    </row>
    <row r="1466" spans="1:7" x14ac:dyDescent="0.25">
      <c r="A1466" s="1">
        <v>1464</v>
      </c>
      <c r="B1466" t="s">
        <v>1468</v>
      </c>
      <c r="C1466" t="s">
        <v>6919</v>
      </c>
      <c r="D1466" t="s">
        <v>12362</v>
      </c>
      <c r="E1466" t="s">
        <v>17753</v>
      </c>
      <c r="G1466" s="2"/>
    </row>
    <row r="1467" spans="1:7" x14ac:dyDescent="0.25">
      <c r="A1467" s="1">
        <v>1465</v>
      </c>
      <c r="B1467" t="s">
        <v>1469</v>
      </c>
      <c r="C1467" t="s">
        <v>6920</v>
      </c>
      <c r="D1467" t="s">
        <v>12363</v>
      </c>
      <c r="E1467" t="s">
        <v>17754</v>
      </c>
      <c r="G1467" s="2"/>
    </row>
    <row r="1468" spans="1:7" x14ac:dyDescent="0.25">
      <c r="A1468" s="1">
        <v>1466</v>
      </c>
      <c r="B1468" t="s">
        <v>1470</v>
      </c>
      <c r="C1468" t="s">
        <v>6921</v>
      </c>
      <c r="D1468" t="s">
        <v>12364</v>
      </c>
      <c r="E1468" t="s">
        <v>17755</v>
      </c>
      <c r="G1468" s="2"/>
    </row>
    <row r="1469" spans="1:7" x14ac:dyDescent="0.25">
      <c r="A1469" s="1">
        <v>1467</v>
      </c>
      <c r="B1469" t="s">
        <v>1471</v>
      </c>
      <c r="C1469" t="s">
        <v>6922</v>
      </c>
      <c r="D1469" t="s">
        <v>12365</v>
      </c>
      <c r="E1469" t="s">
        <v>17756</v>
      </c>
      <c r="G1469" s="2"/>
    </row>
    <row r="1470" spans="1:7" x14ac:dyDescent="0.25">
      <c r="A1470" s="1">
        <v>1468</v>
      </c>
      <c r="B1470" t="s">
        <v>1472</v>
      </c>
      <c r="C1470" t="s">
        <v>6923</v>
      </c>
      <c r="D1470" t="s">
        <v>12366</v>
      </c>
      <c r="E1470" t="s">
        <v>17757</v>
      </c>
      <c r="G1470" s="2"/>
    </row>
    <row r="1471" spans="1:7" x14ac:dyDescent="0.25">
      <c r="A1471" s="1">
        <v>1469</v>
      </c>
      <c r="B1471" t="s">
        <v>1473</v>
      </c>
      <c r="C1471" t="s">
        <v>6924</v>
      </c>
      <c r="D1471" t="s">
        <v>12367</v>
      </c>
      <c r="E1471" t="s">
        <v>17758</v>
      </c>
      <c r="G1471" s="2"/>
    </row>
    <row r="1472" spans="1:7" x14ac:dyDescent="0.25">
      <c r="A1472" s="1">
        <v>1470</v>
      </c>
      <c r="B1472" t="s">
        <v>1474</v>
      </c>
      <c r="C1472" t="s">
        <v>6925</v>
      </c>
      <c r="D1472" t="s">
        <v>12368</v>
      </c>
      <c r="E1472" t="s">
        <v>17759</v>
      </c>
      <c r="G1472" s="2"/>
    </row>
    <row r="1473" spans="1:7" x14ac:dyDescent="0.25">
      <c r="A1473" s="1">
        <v>1471</v>
      </c>
      <c r="B1473" t="s">
        <v>1475</v>
      </c>
      <c r="C1473" t="s">
        <v>6926</v>
      </c>
      <c r="D1473" t="s">
        <v>12369</v>
      </c>
      <c r="E1473" t="s">
        <v>17760</v>
      </c>
      <c r="G1473" s="2"/>
    </row>
    <row r="1474" spans="1:7" x14ac:dyDescent="0.25">
      <c r="A1474" s="1">
        <v>1472</v>
      </c>
      <c r="B1474" t="s">
        <v>1476</v>
      </c>
      <c r="C1474" t="s">
        <v>6927</v>
      </c>
      <c r="D1474" t="s">
        <v>12370</v>
      </c>
      <c r="E1474" t="s">
        <v>17761</v>
      </c>
      <c r="G1474" s="2"/>
    </row>
    <row r="1475" spans="1:7" x14ac:dyDescent="0.25">
      <c r="A1475" s="1">
        <v>1473</v>
      </c>
      <c r="B1475" t="s">
        <v>1477</v>
      </c>
      <c r="C1475" t="s">
        <v>6928</v>
      </c>
      <c r="D1475" t="s">
        <v>12371</v>
      </c>
      <c r="E1475" t="s">
        <v>17762</v>
      </c>
      <c r="G1475" s="2"/>
    </row>
    <row r="1476" spans="1:7" x14ac:dyDescent="0.25">
      <c r="A1476" s="1">
        <v>1474</v>
      </c>
      <c r="B1476" t="s">
        <v>1478</v>
      </c>
      <c r="C1476" t="s">
        <v>6929</v>
      </c>
      <c r="D1476" t="s">
        <v>12372</v>
      </c>
      <c r="E1476" t="s">
        <v>17763</v>
      </c>
      <c r="G1476" s="2"/>
    </row>
    <row r="1477" spans="1:7" x14ac:dyDescent="0.25">
      <c r="A1477" s="1">
        <v>1475</v>
      </c>
      <c r="B1477" t="s">
        <v>1479</v>
      </c>
      <c r="C1477" t="s">
        <v>6930</v>
      </c>
      <c r="D1477" t="s">
        <v>12373</v>
      </c>
      <c r="E1477" t="s">
        <v>17764</v>
      </c>
      <c r="G1477" s="2"/>
    </row>
    <row r="1478" spans="1:7" x14ac:dyDescent="0.25">
      <c r="A1478" s="1">
        <v>1476</v>
      </c>
      <c r="B1478" t="s">
        <v>1480</v>
      </c>
      <c r="C1478" t="s">
        <v>6931</v>
      </c>
      <c r="D1478" t="s">
        <v>12374</v>
      </c>
      <c r="E1478" t="s">
        <v>17765</v>
      </c>
      <c r="G1478" s="2"/>
    </row>
    <row r="1479" spans="1:7" x14ac:dyDescent="0.25">
      <c r="A1479" s="1">
        <v>1477</v>
      </c>
      <c r="B1479" t="s">
        <v>1481</v>
      </c>
      <c r="C1479" t="s">
        <v>6932</v>
      </c>
      <c r="D1479" t="s">
        <v>12375</v>
      </c>
      <c r="E1479" t="s">
        <v>17766</v>
      </c>
      <c r="G1479" s="2"/>
    </row>
    <row r="1480" spans="1:7" x14ac:dyDescent="0.25">
      <c r="A1480" s="1">
        <v>1478</v>
      </c>
      <c r="B1480" t="s">
        <v>1482</v>
      </c>
      <c r="C1480" t="s">
        <v>6933</v>
      </c>
      <c r="D1480" t="s">
        <v>12376</v>
      </c>
      <c r="E1480" t="s">
        <v>17767</v>
      </c>
      <c r="G1480" s="2"/>
    </row>
    <row r="1481" spans="1:7" x14ac:dyDescent="0.25">
      <c r="A1481" s="1">
        <v>1479</v>
      </c>
      <c r="B1481" t="s">
        <v>1483</v>
      </c>
      <c r="C1481" t="s">
        <v>6934</v>
      </c>
      <c r="D1481" t="s">
        <v>12377</v>
      </c>
      <c r="E1481" t="s">
        <v>17768</v>
      </c>
      <c r="G1481" s="2"/>
    </row>
    <row r="1482" spans="1:7" x14ac:dyDescent="0.25">
      <c r="A1482" s="1">
        <v>1480</v>
      </c>
      <c r="B1482" t="s">
        <v>1484</v>
      </c>
      <c r="C1482" t="s">
        <v>6935</v>
      </c>
      <c r="D1482" t="s">
        <v>12378</v>
      </c>
      <c r="E1482" t="s">
        <v>17769</v>
      </c>
      <c r="G1482" s="2"/>
    </row>
    <row r="1483" spans="1:7" x14ac:dyDescent="0.25">
      <c r="A1483" s="1">
        <v>1481</v>
      </c>
      <c r="B1483" t="s">
        <v>1485</v>
      </c>
      <c r="C1483" t="s">
        <v>6936</v>
      </c>
      <c r="D1483" t="s">
        <v>12379</v>
      </c>
      <c r="E1483" t="s">
        <v>17770</v>
      </c>
      <c r="G1483" s="2"/>
    </row>
    <row r="1484" spans="1:7" x14ac:dyDescent="0.25">
      <c r="A1484" s="1">
        <v>1482</v>
      </c>
      <c r="B1484" t="s">
        <v>1486</v>
      </c>
      <c r="C1484" t="s">
        <v>6937</v>
      </c>
      <c r="D1484" t="s">
        <v>12380</v>
      </c>
      <c r="E1484" t="s">
        <v>17771</v>
      </c>
      <c r="G1484" s="2"/>
    </row>
    <row r="1485" spans="1:7" x14ac:dyDescent="0.25">
      <c r="A1485" s="1">
        <v>1483</v>
      </c>
      <c r="B1485" t="s">
        <v>1487</v>
      </c>
      <c r="C1485" t="s">
        <v>6938</v>
      </c>
      <c r="D1485" t="s">
        <v>12381</v>
      </c>
      <c r="E1485" t="s">
        <v>16620</v>
      </c>
      <c r="G1485" s="2"/>
    </row>
    <row r="1486" spans="1:7" x14ac:dyDescent="0.25">
      <c r="A1486" s="1">
        <v>1484</v>
      </c>
      <c r="B1486" t="s">
        <v>1488</v>
      </c>
      <c r="C1486" t="s">
        <v>6939</v>
      </c>
      <c r="D1486" t="s">
        <v>12382</v>
      </c>
      <c r="E1486" t="s">
        <v>17772</v>
      </c>
      <c r="G1486" s="2"/>
    </row>
    <row r="1487" spans="1:7" x14ac:dyDescent="0.25">
      <c r="A1487" s="1">
        <v>1485</v>
      </c>
      <c r="B1487" t="s">
        <v>1489</v>
      </c>
      <c r="C1487" t="s">
        <v>6940</v>
      </c>
      <c r="D1487" t="s">
        <v>12383</v>
      </c>
      <c r="E1487" t="s">
        <v>17773</v>
      </c>
      <c r="G1487" s="2"/>
    </row>
    <row r="1488" spans="1:7" x14ac:dyDescent="0.25">
      <c r="A1488" s="1">
        <v>1486</v>
      </c>
      <c r="B1488" t="s">
        <v>1490</v>
      </c>
      <c r="C1488" t="s">
        <v>6941</v>
      </c>
      <c r="D1488" t="s">
        <v>12384</v>
      </c>
      <c r="E1488" t="s">
        <v>17774</v>
      </c>
      <c r="G1488" s="2"/>
    </row>
    <row r="1489" spans="1:7" x14ac:dyDescent="0.25">
      <c r="A1489" s="1">
        <v>1487</v>
      </c>
      <c r="B1489" t="s">
        <v>1491</v>
      </c>
      <c r="C1489" t="s">
        <v>6942</v>
      </c>
      <c r="D1489" t="s">
        <v>12385</v>
      </c>
      <c r="E1489" t="s">
        <v>17775</v>
      </c>
      <c r="G1489" s="2"/>
    </row>
    <row r="1490" spans="1:7" x14ac:dyDescent="0.25">
      <c r="A1490" s="1">
        <v>1488</v>
      </c>
      <c r="B1490" t="s">
        <v>1492</v>
      </c>
      <c r="C1490" t="s">
        <v>6943</v>
      </c>
      <c r="D1490" t="s">
        <v>12386</v>
      </c>
      <c r="E1490" t="s">
        <v>17776</v>
      </c>
      <c r="G1490" s="2"/>
    </row>
    <row r="1491" spans="1:7" x14ac:dyDescent="0.25">
      <c r="A1491" s="1">
        <v>1489</v>
      </c>
      <c r="B1491" t="s">
        <v>1493</v>
      </c>
      <c r="C1491" t="s">
        <v>6944</v>
      </c>
      <c r="D1491" t="s">
        <v>12387</v>
      </c>
      <c r="E1491" t="s">
        <v>17777</v>
      </c>
      <c r="G1491" s="2"/>
    </row>
    <row r="1492" spans="1:7" x14ac:dyDescent="0.25">
      <c r="A1492" s="1">
        <v>1490</v>
      </c>
      <c r="B1492" t="s">
        <v>1494</v>
      </c>
      <c r="C1492" t="s">
        <v>6945</v>
      </c>
      <c r="D1492" t="s">
        <v>12388</v>
      </c>
      <c r="E1492" t="s">
        <v>17778</v>
      </c>
      <c r="G1492" s="2"/>
    </row>
    <row r="1493" spans="1:7" x14ac:dyDescent="0.25">
      <c r="A1493" s="1">
        <v>1491</v>
      </c>
      <c r="B1493" t="s">
        <v>1495</v>
      </c>
      <c r="C1493" t="s">
        <v>6946</v>
      </c>
      <c r="D1493" t="s">
        <v>12389</v>
      </c>
      <c r="E1493" t="s">
        <v>17779</v>
      </c>
      <c r="G1493" s="2"/>
    </row>
    <row r="1494" spans="1:7" x14ac:dyDescent="0.25">
      <c r="A1494" s="1">
        <v>1492</v>
      </c>
      <c r="B1494" t="s">
        <v>1496</v>
      </c>
      <c r="C1494" t="s">
        <v>6947</v>
      </c>
      <c r="D1494" t="s">
        <v>12390</v>
      </c>
      <c r="E1494" t="s">
        <v>17780</v>
      </c>
      <c r="G1494" s="2"/>
    </row>
    <row r="1495" spans="1:7" x14ac:dyDescent="0.25">
      <c r="A1495" s="1">
        <v>1493</v>
      </c>
      <c r="B1495" t="s">
        <v>1497</v>
      </c>
      <c r="C1495" t="s">
        <v>6948</v>
      </c>
      <c r="D1495" t="s">
        <v>12391</v>
      </c>
      <c r="E1495" t="s">
        <v>17781</v>
      </c>
      <c r="G1495" s="2"/>
    </row>
    <row r="1496" spans="1:7" x14ac:dyDescent="0.25">
      <c r="A1496" s="1">
        <v>1494</v>
      </c>
      <c r="B1496" t="s">
        <v>1498</v>
      </c>
      <c r="C1496" t="s">
        <v>6949</v>
      </c>
      <c r="D1496" t="s">
        <v>12392</v>
      </c>
      <c r="E1496" t="s">
        <v>17782</v>
      </c>
      <c r="G1496" s="2"/>
    </row>
    <row r="1497" spans="1:7" x14ac:dyDescent="0.25">
      <c r="A1497" s="1">
        <v>1495</v>
      </c>
      <c r="B1497" t="s">
        <v>1499</v>
      </c>
      <c r="C1497" t="s">
        <v>6950</v>
      </c>
      <c r="D1497" t="s">
        <v>12393</v>
      </c>
      <c r="E1497" t="s">
        <v>17783</v>
      </c>
      <c r="G1497" s="2"/>
    </row>
    <row r="1498" spans="1:7" x14ac:dyDescent="0.25">
      <c r="A1498" s="1">
        <v>1496</v>
      </c>
      <c r="B1498" t="s">
        <v>1500</v>
      </c>
      <c r="C1498" t="s">
        <v>6951</v>
      </c>
      <c r="D1498" t="s">
        <v>12394</v>
      </c>
      <c r="E1498" t="s">
        <v>17784</v>
      </c>
      <c r="G1498" s="2"/>
    </row>
    <row r="1499" spans="1:7" x14ac:dyDescent="0.25">
      <c r="A1499" s="1">
        <v>1497</v>
      </c>
      <c r="B1499" t="s">
        <v>1501</v>
      </c>
      <c r="C1499" t="s">
        <v>6952</v>
      </c>
      <c r="D1499" t="s">
        <v>12395</v>
      </c>
      <c r="E1499" t="s">
        <v>17785</v>
      </c>
      <c r="G1499" s="2"/>
    </row>
    <row r="1500" spans="1:7" x14ac:dyDescent="0.25">
      <c r="A1500" s="1">
        <v>1498</v>
      </c>
      <c r="B1500" t="s">
        <v>1502</v>
      </c>
      <c r="C1500" t="s">
        <v>6953</v>
      </c>
      <c r="D1500" t="s">
        <v>12396</v>
      </c>
      <c r="E1500" t="s">
        <v>17786</v>
      </c>
      <c r="G1500" s="2"/>
    </row>
    <row r="1501" spans="1:7" x14ac:dyDescent="0.25">
      <c r="A1501" s="1">
        <v>1499</v>
      </c>
      <c r="B1501" t="s">
        <v>1503</v>
      </c>
      <c r="C1501" t="s">
        <v>6954</v>
      </c>
      <c r="D1501" t="s">
        <v>12397</v>
      </c>
      <c r="E1501" t="s">
        <v>17787</v>
      </c>
      <c r="G1501" s="2"/>
    </row>
    <row r="1502" spans="1:7" x14ac:dyDescent="0.25">
      <c r="A1502" s="1">
        <v>1500</v>
      </c>
      <c r="B1502" t="s">
        <v>1504</v>
      </c>
      <c r="C1502" t="s">
        <v>6955</v>
      </c>
      <c r="D1502" t="s">
        <v>12398</v>
      </c>
      <c r="E1502" t="s">
        <v>17788</v>
      </c>
      <c r="G1502" s="2"/>
    </row>
    <row r="1503" spans="1:7" x14ac:dyDescent="0.25">
      <c r="A1503" s="1">
        <v>1501</v>
      </c>
      <c r="B1503" t="s">
        <v>1505</v>
      </c>
      <c r="C1503" t="s">
        <v>6956</v>
      </c>
      <c r="D1503" t="s">
        <v>12399</v>
      </c>
      <c r="E1503" t="s">
        <v>17789</v>
      </c>
      <c r="G1503" s="2"/>
    </row>
    <row r="1504" spans="1:7" x14ac:dyDescent="0.25">
      <c r="A1504" s="1">
        <v>1502</v>
      </c>
      <c r="B1504" t="s">
        <v>1506</v>
      </c>
      <c r="C1504" t="s">
        <v>6957</v>
      </c>
      <c r="D1504" t="s">
        <v>12400</v>
      </c>
      <c r="E1504" t="s">
        <v>17790</v>
      </c>
      <c r="G1504" s="2"/>
    </row>
    <row r="1505" spans="1:7" x14ac:dyDescent="0.25">
      <c r="A1505" s="1">
        <v>1503</v>
      </c>
      <c r="B1505" t="s">
        <v>1507</v>
      </c>
      <c r="C1505" t="s">
        <v>6958</v>
      </c>
      <c r="D1505" t="s">
        <v>12401</v>
      </c>
      <c r="E1505" t="s">
        <v>17791</v>
      </c>
      <c r="G1505" s="2"/>
    </row>
    <row r="1506" spans="1:7" x14ac:dyDescent="0.25">
      <c r="A1506" s="1">
        <v>1504</v>
      </c>
      <c r="B1506" t="s">
        <v>1508</v>
      </c>
      <c r="C1506" t="s">
        <v>6959</v>
      </c>
      <c r="D1506" t="s">
        <v>12402</v>
      </c>
      <c r="E1506" t="s">
        <v>17792</v>
      </c>
      <c r="G1506" s="2"/>
    </row>
    <row r="1507" spans="1:7" x14ac:dyDescent="0.25">
      <c r="A1507" s="1">
        <v>1505</v>
      </c>
      <c r="B1507" t="s">
        <v>1509</v>
      </c>
      <c r="C1507" t="s">
        <v>6960</v>
      </c>
      <c r="D1507" t="s">
        <v>12403</v>
      </c>
      <c r="E1507" t="s">
        <v>17793</v>
      </c>
      <c r="G1507" s="2"/>
    </row>
    <row r="1508" spans="1:7" x14ac:dyDescent="0.25">
      <c r="A1508" s="1">
        <v>1506</v>
      </c>
      <c r="B1508" t="s">
        <v>1510</v>
      </c>
      <c r="C1508" t="s">
        <v>6961</v>
      </c>
      <c r="D1508" t="s">
        <v>12404</v>
      </c>
      <c r="E1508" t="s">
        <v>17794</v>
      </c>
      <c r="G1508" s="2"/>
    </row>
    <row r="1509" spans="1:7" x14ac:dyDescent="0.25">
      <c r="A1509" s="1">
        <v>1507</v>
      </c>
      <c r="B1509" t="s">
        <v>1511</v>
      </c>
      <c r="C1509" t="s">
        <v>6962</v>
      </c>
      <c r="D1509" t="s">
        <v>12405</v>
      </c>
      <c r="E1509" t="s">
        <v>17795</v>
      </c>
      <c r="G1509" s="2"/>
    </row>
    <row r="1510" spans="1:7" x14ac:dyDescent="0.25">
      <c r="A1510" s="1">
        <v>1508</v>
      </c>
      <c r="B1510" t="s">
        <v>1512</v>
      </c>
      <c r="C1510" t="s">
        <v>6963</v>
      </c>
      <c r="D1510" t="s">
        <v>12406</v>
      </c>
      <c r="E1510" t="s">
        <v>17796</v>
      </c>
      <c r="G1510" s="2"/>
    </row>
    <row r="1511" spans="1:7" x14ac:dyDescent="0.25">
      <c r="A1511" s="1">
        <v>1509</v>
      </c>
      <c r="B1511" t="s">
        <v>1513</v>
      </c>
      <c r="C1511" t="s">
        <v>6964</v>
      </c>
      <c r="D1511" t="s">
        <v>12407</v>
      </c>
      <c r="E1511" t="s">
        <v>17797</v>
      </c>
      <c r="G1511" s="2"/>
    </row>
    <row r="1512" spans="1:7" x14ac:dyDescent="0.25">
      <c r="A1512" s="1">
        <v>1510</v>
      </c>
      <c r="B1512" t="s">
        <v>1514</v>
      </c>
      <c r="C1512" t="s">
        <v>6965</v>
      </c>
      <c r="D1512" t="s">
        <v>12408</v>
      </c>
      <c r="E1512" t="s">
        <v>17798</v>
      </c>
      <c r="G1512" s="2"/>
    </row>
    <row r="1513" spans="1:7" x14ac:dyDescent="0.25">
      <c r="A1513" s="1">
        <v>1511</v>
      </c>
      <c r="B1513" t="s">
        <v>1515</v>
      </c>
      <c r="C1513" t="s">
        <v>6966</v>
      </c>
      <c r="D1513" t="s">
        <v>12409</v>
      </c>
      <c r="E1513" t="s">
        <v>17799</v>
      </c>
      <c r="G1513" s="2"/>
    </row>
    <row r="1514" spans="1:7" x14ac:dyDescent="0.25">
      <c r="A1514" s="1">
        <v>1512</v>
      </c>
      <c r="B1514" t="s">
        <v>1516</v>
      </c>
      <c r="C1514" t="s">
        <v>6967</v>
      </c>
      <c r="D1514" t="s">
        <v>12410</v>
      </c>
      <c r="E1514" t="s">
        <v>17800</v>
      </c>
      <c r="G1514" s="2"/>
    </row>
    <row r="1515" spans="1:7" x14ac:dyDescent="0.25">
      <c r="A1515" s="1">
        <v>1513</v>
      </c>
      <c r="B1515" t="s">
        <v>1517</v>
      </c>
      <c r="C1515" t="s">
        <v>6968</v>
      </c>
      <c r="D1515" t="s">
        <v>12411</v>
      </c>
      <c r="E1515" t="s">
        <v>17801</v>
      </c>
      <c r="G1515" s="2"/>
    </row>
    <row r="1516" spans="1:7" x14ac:dyDescent="0.25">
      <c r="A1516" s="1">
        <v>1514</v>
      </c>
      <c r="B1516" t="s">
        <v>1518</v>
      </c>
      <c r="C1516" t="s">
        <v>6969</v>
      </c>
      <c r="D1516" t="s">
        <v>12412</v>
      </c>
      <c r="E1516" t="s">
        <v>17802</v>
      </c>
      <c r="G1516" s="2"/>
    </row>
    <row r="1517" spans="1:7" x14ac:dyDescent="0.25">
      <c r="A1517" s="1">
        <v>1515</v>
      </c>
      <c r="B1517" t="s">
        <v>1519</v>
      </c>
      <c r="C1517" t="s">
        <v>6970</v>
      </c>
      <c r="D1517" t="s">
        <v>12413</v>
      </c>
      <c r="E1517" t="s">
        <v>17803</v>
      </c>
      <c r="G1517" s="2"/>
    </row>
    <row r="1518" spans="1:7" x14ac:dyDescent="0.25">
      <c r="A1518" s="1">
        <v>1516</v>
      </c>
      <c r="B1518" t="s">
        <v>1520</v>
      </c>
      <c r="C1518" t="s">
        <v>6971</v>
      </c>
      <c r="D1518" t="s">
        <v>12414</v>
      </c>
      <c r="E1518" t="s">
        <v>17804</v>
      </c>
      <c r="G1518" s="2"/>
    </row>
    <row r="1519" spans="1:7" x14ac:dyDescent="0.25">
      <c r="A1519" s="1">
        <v>1517</v>
      </c>
      <c r="B1519" t="s">
        <v>1521</v>
      </c>
      <c r="C1519" t="s">
        <v>6972</v>
      </c>
      <c r="D1519" t="s">
        <v>12415</v>
      </c>
      <c r="E1519" t="s">
        <v>17805</v>
      </c>
      <c r="G1519" s="2"/>
    </row>
    <row r="1520" spans="1:7" x14ac:dyDescent="0.25">
      <c r="A1520" s="1">
        <v>1518</v>
      </c>
      <c r="B1520" t="s">
        <v>1522</v>
      </c>
      <c r="C1520" t="s">
        <v>6973</v>
      </c>
      <c r="D1520" t="s">
        <v>12416</v>
      </c>
      <c r="E1520" t="s">
        <v>17806</v>
      </c>
      <c r="G1520" s="2"/>
    </row>
    <row r="1521" spans="1:7" x14ac:dyDescent="0.25">
      <c r="A1521" s="1">
        <v>1519</v>
      </c>
      <c r="B1521" t="s">
        <v>1523</v>
      </c>
      <c r="C1521" t="s">
        <v>6974</v>
      </c>
      <c r="D1521" t="s">
        <v>12417</v>
      </c>
      <c r="E1521" t="s">
        <v>17807</v>
      </c>
      <c r="G1521" s="2"/>
    </row>
    <row r="1522" spans="1:7" x14ac:dyDescent="0.25">
      <c r="A1522" s="1">
        <v>1520</v>
      </c>
      <c r="B1522" t="s">
        <v>1524</v>
      </c>
      <c r="C1522" t="s">
        <v>6975</v>
      </c>
      <c r="D1522" t="s">
        <v>12418</v>
      </c>
      <c r="E1522" t="s">
        <v>17808</v>
      </c>
      <c r="G1522" s="2"/>
    </row>
    <row r="1523" spans="1:7" x14ac:dyDescent="0.25">
      <c r="A1523" s="1">
        <v>1521</v>
      </c>
      <c r="B1523" t="s">
        <v>1525</v>
      </c>
      <c r="C1523" t="s">
        <v>6976</v>
      </c>
      <c r="D1523" t="s">
        <v>12419</v>
      </c>
      <c r="E1523" t="s">
        <v>17809</v>
      </c>
      <c r="G1523" s="2"/>
    </row>
    <row r="1524" spans="1:7" x14ac:dyDescent="0.25">
      <c r="A1524" s="1">
        <v>1522</v>
      </c>
      <c r="B1524" t="s">
        <v>1526</v>
      </c>
      <c r="C1524" t="s">
        <v>6977</v>
      </c>
      <c r="D1524" t="s">
        <v>12420</v>
      </c>
      <c r="E1524" t="s">
        <v>17810</v>
      </c>
      <c r="G1524" s="2"/>
    </row>
    <row r="1525" spans="1:7" x14ac:dyDescent="0.25">
      <c r="A1525" s="1">
        <v>1523</v>
      </c>
      <c r="B1525" t="s">
        <v>1527</v>
      </c>
      <c r="C1525" t="s">
        <v>6978</v>
      </c>
      <c r="D1525" t="s">
        <v>12421</v>
      </c>
      <c r="E1525" t="s">
        <v>17811</v>
      </c>
      <c r="G1525" s="2"/>
    </row>
    <row r="1526" spans="1:7" x14ac:dyDescent="0.25">
      <c r="A1526" s="1">
        <v>1524</v>
      </c>
      <c r="B1526" t="s">
        <v>1528</v>
      </c>
      <c r="C1526" t="s">
        <v>6979</v>
      </c>
      <c r="D1526" t="s">
        <v>12422</v>
      </c>
      <c r="E1526" t="s">
        <v>17812</v>
      </c>
      <c r="G1526" s="2"/>
    </row>
    <row r="1527" spans="1:7" x14ac:dyDescent="0.25">
      <c r="A1527" s="1">
        <v>1525</v>
      </c>
      <c r="B1527" t="s">
        <v>1529</v>
      </c>
      <c r="C1527" t="s">
        <v>6980</v>
      </c>
      <c r="D1527" t="s">
        <v>12423</v>
      </c>
      <c r="E1527" t="s">
        <v>17813</v>
      </c>
      <c r="G1527" s="2"/>
    </row>
    <row r="1528" spans="1:7" x14ac:dyDescent="0.25">
      <c r="A1528" s="1">
        <v>1526</v>
      </c>
      <c r="B1528" t="s">
        <v>1530</v>
      </c>
      <c r="C1528" t="s">
        <v>6981</v>
      </c>
      <c r="D1528" t="s">
        <v>12424</v>
      </c>
      <c r="E1528" t="s">
        <v>17814</v>
      </c>
      <c r="G1528" s="2"/>
    </row>
    <row r="1529" spans="1:7" x14ac:dyDescent="0.25">
      <c r="A1529" s="1">
        <v>1527</v>
      </c>
      <c r="B1529" t="s">
        <v>1531</v>
      </c>
      <c r="C1529" t="s">
        <v>6982</v>
      </c>
      <c r="D1529" t="s">
        <v>12425</v>
      </c>
      <c r="E1529" t="s">
        <v>17815</v>
      </c>
      <c r="G1529" s="2"/>
    </row>
    <row r="1530" spans="1:7" x14ac:dyDescent="0.25">
      <c r="A1530" s="1">
        <v>1528</v>
      </c>
      <c r="B1530" t="s">
        <v>1532</v>
      </c>
      <c r="C1530" t="s">
        <v>6983</v>
      </c>
      <c r="D1530" t="s">
        <v>12426</v>
      </c>
      <c r="E1530" t="s">
        <v>17816</v>
      </c>
      <c r="G1530" s="2"/>
    </row>
    <row r="1531" spans="1:7" x14ac:dyDescent="0.25">
      <c r="A1531" s="1">
        <v>1529</v>
      </c>
      <c r="B1531" t="s">
        <v>1533</v>
      </c>
      <c r="C1531" t="s">
        <v>6984</v>
      </c>
      <c r="D1531" t="s">
        <v>12427</v>
      </c>
      <c r="E1531" t="s">
        <v>17817</v>
      </c>
      <c r="G1531" s="2"/>
    </row>
    <row r="1532" spans="1:7" x14ac:dyDescent="0.25">
      <c r="A1532" s="1">
        <v>1530</v>
      </c>
      <c r="B1532" t="s">
        <v>1534</v>
      </c>
      <c r="C1532" t="s">
        <v>6985</v>
      </c>
      <c r="D1532" t="s">
        <v>12428</v>
      </c>
      <c r="E1532" t="s">
        <v>17818</v>
      </c>
      <c r="G1532" s="2"/>
    </row>
    <row r="1533" spans="1:7" x14ac:dyDescent="0.25">
      <c r="A1533" s="1">
        <v>1531</v>
      </c>
      <c r="B1533" t="s">
        <v>1535</v>
      </c>
      <c r="C1533" t="s">
        <v>6986</v>
      </c>
      <c r="D1533" t="s">
        <v>12429</v>
      </c>
      <c r="E1533" t="s">
        <v>17819</v>
      </c>
      <c r="G1533" s="2"/>
    </row>
    <row r="1534" spans="1:7" x14ac:dyDescent="0.25">
      <c r="A1534" s="1">
        <v>1532</v>
      </c>
      <c r="B1534" t="s">
        <v>1536</v>
      </c>
      <c r="C1534" t="s">
        <v>6987</v>
      </c>
      <c r="D1534" t="s">
        <v>12430</v>
      </c>
      <c r="E1534" t="s">
        <v>17820</v>
      </c>
      <c r="G1534" s="2"/>
    </row>
    <row r="1535" spans="1:7" x14ac:dyDescent="0.25">
      <c r="A1535" s="1">
        <v>1533</v>
      </c>
      <c r="B1535" t="s">
        <v>1537</v>
      </c>
      <c r="C1535" t="s">
        <v>6988</v>
      </c>
      <c r="D1535" t="s">
        <v>12431</v>
      </c>
      <c r="E1535" t="s">
        <v>17821</v>
      </c>
      <c r="G1535" s="2"/>
    </row>
    <row r="1536" spans="1:7" x14ac:dyDescent="0.25">
      <c r="A1536" s="1">
        <v>1534</v>
      </c>
      <c r="B1536" t="s">
        <v>1538</v>
      </c>
      <c r="C1536" t="s">
        <v>6989</v>
      </c>
      <c r="D1536" t="s">
        <v>12432</v>
      </c>
      <c r="E1536" t="s">
        <v>17822</v>
      </c>
      <c r="G1536" s="2"/>
    </row>
    <row r="1537" spans="1:7" x14ac:dyDescent="0.25">
      <c r="A1537" s="1">
        <v>1535</v>
      </c>
      <c r="B1537" t="s">
        <v>1539</v>
      </c>
      <c r="C1537" t="s">
        <v>6990</v>
      </c>
      <c r="D1537" t="s">
        <v>12433</v>
      </c>
      <c r="E1537" t="s">
        <v>17823</v>
      </c>
      <c r="G1537" s="2"/>
    </row>
    <row r="1538" spans="1:7" x14ac:dyDescent="0.25">
      <c r="A1538" s="1">
        <v>1536</v>
      </c>
      <c r="B1538" t="s">
        <v>1540</v>
      </c>
      <c r="C1538" t="s">
        <v>6991</v>
      </c>
      <c r="D1538" t="s">
        <v>12434</v>
      </c>
      <c r="E1538" t="s">
        <v>17824</v>
      </c>
      <c r="G1538" s="2"/>
    </row>
    <row r="1539" spans="1:7" x14ac:dyDescent="0.25">
      <c r="A1539" s="1">
        <v>1537</v>
      </c>
      <c r="B1539" t="s">
        <v>1541</v>
      </c>
      <c r="C1539" t="s">
        <v>6992</v>
      </c>
      <c r="D1539" t="s">
        <v>12435</v>
      </c>
      <c r="E1539" t="s">
        <v>17825</v>
      </c>
      <c r="G1539" s="2"/>
    </row>
    <row r="1540" spans="1:7" x14ac:dyDescent="0.25">
      <c r="A1540" s="1">
        <v>1538</v>
      </c>
      <c r="B1540" t="s">
        <v>1542</v>
      </c>
      <c r="C1540" t="s">
        <v>6993</v>
      </c>
      <c r="D1540" t="s">
        <v>12436</v>
      </c>
      <c r="E1540" t="s">
        <v>17826</v>
      </c>
      <c r="G1540" s="2"/>
    </row>
    <row r="1541" spans="1:7" x14ac:dyDescent="0.25">
      <c r="A1541" s="1">
        <v>1539</v>
      </c>
      <c r="B1541" t="s">
        <v>1543</v>
      </c>
      <c r="C1541" t="s">
        <v>6994</v>
      </c>
      <c r="D1541" t="s">
        <v>12437</v>
      </c>
      <c r="E1541" t="s">
        <v>17827</v>
      </c>
      <c r="G1541" s="2"/>
    </row>
    <row r="1542" spans="1:7" x14ac:dyDescent="0.25">
      <c r="A1542" s="1">
        <v>1540</v>
      </c>
      <c r="B1542" t="s">
        <v>1544</v>
      </c>
      <c r="C1542" t="s">
        <v>6995</v>
      </c>
      <c r="D1542" t="s">
        <v>12438</v>
      </c>
      <c r="E1542" t="s">
        <v>17828</v>
      </c>
      <c r="G1542" s="2"/>
    </row>
    <row r="1543" spans="1:7" x14ac:dyDescent="0.25">
      <c r="A1543" s="1">
        <v>1541</v>
      </c>
      <c r="B1543" t="s">
        <v>1545</v>
      </c>
      <c r="C1543" t="s">
        <v>6996</v>
      </c>
      <c r="D1543" t="s">
        <v>12439</v>
      </c>
      <c r="E1543" t="s">
        <v>17829</v>
      </c>
      <c r="G1543" s="2"/>
    </row>
    <row r="1544" spans="1:7" x14ac:dyDescent="0.25">
      <c r="A1544" s="1">
        <v>1542</v>
      </c>
      <c r="B1544" t="s">
        <v>1546</v>
      </c>
      <c r="C1544" t="s">
        <v>6997</v>
      </c>
      <c r="D1544" t="s">
        <v>12440</v>
      </c>
      <c r="E1544" t="s">
        <v>17830</v>
      </c>
      <c r="G1544" s="2"/>
    </row>
    <row r="1545" spans="1:7" x14ac:dyDescent="0.25">
      <c r="A1545" s="1">
        <v>1543</v>
      </c>
      <c r="B1545" t="s">
        <v>1547</v>
      </c>
      <c r="C1545" t="s">
        <v>6998</v>
      </c>
      <c r="D1545" t="s">
        <v>12441</v>
      </c>
      <c r="E1545" t="s">
        <v>17831</v>
      </c>
      <c r="G1545" s="2"/>
    </row>
    <row r="1546" spans="1:7" x14ac:dyDescent="0.25">
      <c r="A1546" s="1">
        <v>1544</v>
      </c>
      <c r="B1546" t="s">
        <v>1548</v>
      </c>
      <c r="C1546" t="s">
        <v>6999</v>
      </c>
      <c r="D1546" t="s">
        <v>12442</v>
      </c>
      <c r="E1546" t="s">
        <v>17832</v>
      </c>
      <c r="G1546" s="2"/>
    </row>
    <row r="1547" spans="1:7" x14ac:dyDescent="0.25">
      <c r="A1547" s="1">
        <v>1545</v>
      </c>
      <c r="B1547" t="s">
        <v>1549</v>
      </c>
      <c r="C1547" t="s">
        <v>7000</v>
      </c>
      <c r="D1547" t="s">
        <v>12443</v>
      </c>
      <c r="E1547" t="s">
        <v>17833</v>
      </c>
      <c r="G1547" s="2"/>
    </row>
    <row r="1548" spans="1:7" x14ac:dyDescent="0.25">
      <c r="A1548" s="1">
        <v>1546</v>
      </c>
      <c r="B1548" t="s">
        <v>1550</v>
      </c>
      <c r="C1548" t="s">
        <v>7001</v>
      </c>
      <c r="D1548" t="s">
        <v>12444</v>
      </c>
      <c r="E1548" t="s">
        <v>17834</v>
      </c>
      <c r="G1548" s="2"/>
    </row>
    <row r="1549" spans="1:7" x14ac:dyDescent="0.25">
      <c r="A1549" s="1">
        <v>1547</v>
      </c>
      <c r="B1549" t="s">
        <v>1551</v>
      </c>
      <c r="C1549" t="s">
        <v>7002</v>
      </c>
      <c r="D1549" t="s">
        <v>12445</v>
      </c>
      <c r="E1549" t="s">
        <v>17835</v>
      </c>
      <c r="G1549" s="2"/>
    </row>
    <row r="1550" spans="1:7" x14ac:dyDescent="0.25">
      <c r="A1550" s="1">
        <v>1548</v>
      </c>
      <c r="B1550" t="s">
        <v>1552</v>
      </c>
      <c r="C1550" t="s">
        <v>7003</v>
      </c>
      <c r="D1550" t="s">
        <v>12446</v>
      </c>
      <c r="E1550" t="s">
        <v>17836</v>
      </c>
      <c r="G1550" s="2"/>
    </row>
    <row r="1551" spans="1:7" x14ac:dyDescent="0.25">
      <c r="A1551" s="1">
        <v>1549</v>
      </c>
      <c r="B1551" t="s">
        <v>1553</v>
      </c>
      <c r="C1551" t="s">
        <v>7004</v>
      </c>
      <c r="D1551" t="s">
        <v>12447</v>
      </c>
      <c r="E1551" t="s">
        <v>17837</v>
      </c>
      <c r="G1551" s="2"/>
    </row>
    <row r="1552" spans="1:7" x14ac:dyDescent="0.25">
      <c r="A1552" s="1">
        <v>1550</v>
      </c>
      <c r="B1552" t="s">
        <v>1554</v>
      </c>
      <c r="C1552" t="s">
        <v>7005</v>
      </c>
      <c r="D1552" t="s">
        <v>12448</v>
      </c>
      <c r="E1552" t="s">
        <v>17838</v>
      </c>
      <c r="G1552" s="2"/>
    </row>
    <row r="1553" spans="1:7" x14ac:dyDescent="0.25">
      <c r="A1553" s="1">
        <v>1551</v>
      </c>
      <c r="B1553" t="s">
        <v>1555</v>
      </c>
      <c r="C1553" t="s">
        <v>7006</v>
      </c>
      <c r="D1553" t="s">
        <v>12449</v>
      </c>
      <c r="E1553" t="s">
        <v>17839</v>
      </c>
      <c r="G1553" s="2"/>
    </row>
    <row r="1554" spans="1:7" x14ac:dyDescent="0.25">
      <c r="A1554" s="1">
        <v>1552</v>
      </c>
      <c r="B1554" t="s">
        <v>1556</v>
      </c>
      <c r="C1554" t="s">
        <v>7007</v>
      </c>
      <c r="D1554" t="s">
        <v>12450</v>
      </c>
      <c r="E1554" t="s">
        <v>17840</v>
      </c>
      <c r="G1554" s="2"/>
    </row>
    <row r="1555" spans="1:7" x14ac:dyDescent="0.25">
      <c r="A1555" s="1">
        <v>1553</v>
      </c>
      <c r="B1555" t="s">
        <v>1557</v>
      </c>
      <c r="C1555" t="s">
        <v>7008</v>
      </c>
      <c r="D1555" t="s">
        <v>12451</v>
      </c>
      <c r="E1555" t="s">
        <v>17841</v>
      </c>
      <c r="G1555" s="2"/>
    </row>
    <row r="1556" spans="1:7" x14ac:dyDescent="0.25">
      <c r="A1556" s="1">
        <v>1554</v>
      </c>
      <c r="B1556" t="s">
        <v>1558</v>
      </c>
      <c r="C1556" t="s">
        <v>7009</v>
      </c>
      <c r="D1556" t="s">
        <v>12452</v>
      </c>
      <c r="E1556" t="s">
        <v>16620</v>
      </c>
      <c r="G1556" s="2"/>
    </row>
    <row r="1557" spans="1:7" x14ac:dyDescent="0.25">
      <c r="A1557" s="1">
        <v>1555</v>
      </c>
      <c r="B1557" t="s">
        <v>1559</v>
      </c>
      <c r="C1557" t="s">
        <v>7010</v>
      </c>
      <c r="D1557" t="s">
        <v>12453</v>
      </c>
      <c r="E1557" t="s">
        <v>17842</v>
      </c>
      <c r="G1557" s="2"/>
    </row>
    <row r="1558" spans="1:7" x14ac:dyDescent="0.25">
      <c r="A1558" s="1">
        <v>1556</v>
      </c>
      <c r="B1558" t="s">
        <v>1560</v>
      </c>
      <c r="C1558" t="s">
        <v>7011</v>
      </c>
      <c r="D1558" t="s">
        <v>12454</v>
      </c>
      <c r="E1558" t="s">
        <v>17843</v>
      </c>
      <c r="G1558" s="2"/>
    </row>
    <row r="1559" spans="1:7" x14ac:dyDescent="0.25">
      <c r="A1559" s="1">
        <v>1557</v>
      </c>
      <c r="B1559" t="s">
        <v>1561</v>
      </c>
      <c r="C1559" t="s">
        <v>7012</v>
      </c>
      <c r="D1559" t="s">
        <v>12455</v>
      </c>
      <c r="E1559" t="s">
        <v>17844</v>
      </c>
      <c r="G1559" s="2"/>
    </row>
    <row r="1560" spans="1:7" x14ac:dyDescent="0.25">
      <c r="A1560" s="1">
        <v>1558</v>
      </c>
      <c r="B1560" t="s">
        <v>1562</v>
      </c>
      <c r="C1560" t="s">
        <v>7013</v>
      </c>
      <c r="D1560" t="s">
        <v>12456</v>
      </c>
      <c r="E1560" t="s">
        <v>17845</v>
      </c>
      <c r="G1560" s="2"/>
    </row>
    <row r="1561" spans="1:7" x14ac:dyDescent="0.25">
      <c r="A1561" s="1">
        <v>1559</v>
      </c>
      <c r="B1561" t="s">
        <v>1563</v>
      </c>
      <c r="C1561" t="s">
        <v>7014</v>
      </c>
      <c r="D1561" t="s">
        <v>12457</v>
      </c>
      <c r="E1561" t="s">
        <v>17846</v>
      </c>
      <c r="G1561" s="2"/>
    </row>
    <row r="1562" spans="1:7" x14ac:dyDescent="0.25">
      <c r="A1562" s="1">
        <v>1560</v>
      </c>
      <c r="B1562" t="s">
        <v>1564</v>
      </c>
      <c r="C1562" t="s">
        <v>7015</v>
      </c>
      <c r="D1562" t="s">
        <v>12458</v>
      </c>
      <c r="E1562" t="s">
        <v>17847</v>
      </c>
      <c r="G1562" s="2"/>
    </row>
    <row r="1563" spans="1:7" x14ac:dyDescent="0.25">
      <c r="A1563" s="1">
        <v>1561</v>
      </c>
      <c r="B1563" t="s">
        <v>1565</v>
      </c>
      <c r="C1563" t="s">
        <v>7016</v>
      </c>
      <c r="D1563" t="s">
        <v>12459</v>
      </c>
      <c r="E1563" t="s">
        <v>17848</v>
      </c>
      <c r="G1563" s="2"/>
    </row>
    <row r="1564" spans="1:7" x14ac:dyDescent="0.25">
      <c r="A1564" s="1">
        <v>1562</v>
      </c>
      <c r="B1564" t="s">
        <v>1566</v>
      </c>
      <c r="C1564" t="s">
        <v>7017</v>
      </c>
      <c r="D1564" t="s">
        <v>12460</v>
      </c>
      <c r="E1564" t="s">
        <v>17849</v>
      </c>
      <c r="G1564" s="2"/>
    </row>
    <row r="1565" spans="1:7" x14ac:dyDescent="0.25">
      <c r="A1565" s="1">
        <v>1563</v>
      </c>
      <c r="B1565" t="s">
        <v>1567</v>
      </c>
      <c r="C1565" t="s">
        <v>7018</v>
      </c>
      <c r="D1565" t="s">
        <v>12461</v>
      </c>
      <c r="E1565" t="s">
        <v>17850</v>
      </c>
      <c r="G1565" s="2"/>
    </row>
    <row r="1566" spans="1:7" x14ac:dyDescent="0.25">
      <c r="A1566" s="1">
        <v>1564</v>
      </c>
      <c r="B1566" t="s">
        <v>1568</v>
      </c>
      <c r="C1566" t="s">
        <v>7019</v>
      </c>
      <c r="D1566" t="s">
        <v>12462</v>
      </c>
      <c r="E1566" t="s">
        <v>17851</v>
      </c>
      <c r="G1566" s="2"/>
    </row>
    <row r="1567" spans="1:7" x14ac:dyDescent="0.25">
      <c r="A1567" s="1">
        <v>1565</v>
      </c>
      <c r="B1567" t="s">
        <v>1569</v>
      </c>
      <c r="C1567" t="s">
        <v>7020</v>
      </c>
      <c r="D1567" t="s">
        <v>12463</v>
      </c>
      <c r="E1567" t="s">
        <v>17852</v>
      </c>
      <c r="G1567" s="2"/>
    </row>
    <row r="1568" spans="1:7" x14ac:dyDescent="0.25">
      <c r="A1568" s="1">
        <v>1566</v>
      </c>
      <c r="B1568" t="s">
        <v>1570</v>
      </c>
      <c r="C1568" t="s">
        <v>7021</v>
      </c>
      <c r="D1568" t="s">
        <v>12464</v>
      </c>
      <c r="E1568" t="s">
        <v>17853</v>
      </c>
      <c r="G1568" s="2"/>
    </row>
    <row r="1569" spans="1:7" x14ac:dyDescent="0.25">
      <c r="A1569" s="1">
        <v>1567</v>
      </c>
      <c r="B1569" t="s">
        <v>1571</v>
      </c>
      <c r="C1569" t="s">
        <v>7022</v>
      </c>
      <c r="D1569" t="s">
        <v>12465</v>
      </c>
      <c r="E1569" t="s">
        <v>17854</v>
      </c>
      <c r="G1569" s="2"/>
    </row>
    <row r="1570" spans="1:7" x14ac:dyDescent="0.25">
      <c r="A1570" s="1">
        <v>1568</v>
      </c>
      <c r="B1570" t="s">
        <v>1572</v>
      </c>
      <c r="C1570" t="s">
        <v>7023</v>
      </c>
      <c r="D1570" t="s">
        <v>12466</v>
      </c>
      <c r="E1570" t="s">
        <v>17855</v>
      </c>
      <c r="G1570" s="2"/>
    </row>
    <row r="1571" spans="1:7" x14ac:dyDescent="0.25">
      <c r="A1571" s="1">
        <v>1569</v>
      </c>
      <c r="B1571" t="s">
        <v>1573</v>
      </c>
      <c r="C1571" t="s">
        <v>7024</v>
      </c>
      <c r="D1571" t="s">
        <v>12467</v>
      </c>
      <c r="E1571" t="s">
        <v>17856</v>
      </c>
      <c r="G1571" s="2"/>
    </row>
    <row r="1572" spans="1:7" x14ac:dyDescent="0.25">
      <c r="A1572" s="1">
        <v>1570</v>
      </c>
      <c r="B1572" t="s">
        <v>1574</v>
      </c>
      <c r="C1572" t="s">
        <v>7025</v>
      </c>
      <c r="D1572" t="s">
        <v>12468</v>
      </c>
      <c r="E1572" t="s">
        <v>17857</v>
      </c>
      <c r="G1572" s="2"/>
    </row>
    <row r="1573" spans="1:7" x14ac:dyDescent="0.25">
      <c r="A1573" s="1">
        <v>1571</v>
      </c>
      <c r="B1573" t="s">
        <v>1575</v>
      </c>
      <c r="C1573" t="s">
        <v>7026</v>
      </c>
      <c r="D1573" t="s">
        <v>12469</v>
      </c>
      <c r="E1573" t="s">
        <v>17858</v>
      </c>
      <c r="G1573" s="2"/>
    </row>
    <row r="1574" spans="1:7" x14ac:dyDescent="0.25">
      <c r="A1574" s="1">
        <v>1572</v>
      </c>
      <c r="B1574" t="s">
        <v>1576</v>
      </c>
      <c r="C1574" t="s">
        <v>7027</v>
      </c>
      <c r="D1574" t="s">
        <v>12470</v>
      </c>
      <c r="E1574" t="s">
        <v>17859</v>
      </c>
      <c r="G1574" s="2"/>
    </row>
    <row r="1575" spans="1:7" x14ac:dyDescent="0.25">
      <c r="A1575" s="1">
        <v>1573</v>
      </c>
      <c r="B1575" t="s">
        <v>1577</v>
      </c>
      <c r="C1575" t="s">
        <v>7028</v>
      </c>
      <c r="D1575" t="s">
        <v>12471</v>
      </c>
      <c r="E1575" t="s">
        <v>16620</v>
      </c>
      <c r="G1575" s="2"/>
    </row>
    <row r="1576" spans="1:7" x14ac:dyDescent="0.25">
      <c r="A1576" s="1">
        <v>1574</v>
      </c>
      <c r="B1576" t="s">
        <v>1578</v>
      </c>
      <c r="C1576" t="s">
        <v>7029</v>
      </c>
      <c r="D1576" t="s">
        <v>12472</v>
      </c>
      <c r="E1576" t="s">
        <v>17860</v>
      </c>
      <c r="G1576" s="2"/>
    </row>
    <row r="1577" spans="1:7" x14ac:dyDescent="0.25">
      <c r="A1577" s="1">
        <v>1575</v>
      </c>
      <c r="B1577" t="s">
        <v>1579</v>
      </c>
      <c r="C1577" t="s">
        <v>7030</v>
      </c>
      <c r="D1577" t="s">
        <v>12473</v>
      </c>
      <c r="E1577" t="s">
        <v>16620</v>
      </c>
      <c r="G1577" s="2"/>
    </row>
    <row r="1578" spans="1:7" x14ac:dyDescent="0.25">
      <c r="A1578" s="1">
        <v>1576</v>
      </c>
      <c r="B1578" t="s">
        <v>1580</v>
      </c>
      <c r="C1578" t="s">
        <v>7031</v>
      </c>
      <c r="D1578" t="s">
        <v>12474</v>
      </c>
      <c r="E1578" t="s">
        <v>17861</v>
      </c>
      <c r="G1578" s="2"/>
    </row>
    <row r="1579" spans="1:7" x14ac:dyDescent="0.25">
      <c r="A1579" s="1">
        <v>1577</v>
      </c>
      <c r="B1579" t="s">
        <v>1581</v>
      </c>
      <c r="C1579" t="s">
        <v>7032</v>
      </c>
      <c r="D1579" t="s">
        <v>12475</v>
      </c>
      <c r="E1579" t="s">
        <v>17862</v>
      </c>
      <c r="G1579" s="2"/>
    </row>
    <row r="1580" spans="1:7" x14ac:dyDescent="0.25">
      <c r="A1580" s="1">
        <v>1578</v>
      </c>
      <c r="B1580" t="s">
        <v>1582</v>
      </c>
      <c r="C1580" t="s">
        <v>7033</v>
      </c>
      <c r="D1580" t="s">
        <v>12476</v>
      </c>
      <c r="E1580" t="s">
        <v>17863</v>
      </c>
      <c r="G1580" s="2"/>
    </row>
    <row r="1581" spans="1:7" x14ac:dyDescent="0.25">
      <c r="A1581" s="1">
        <v>1579</v>
      </c>
      <c r="B1581" t="s">
        <v>1583</v>
      </c>
      <c r="C1581" t="s">
        <v>7034</v>
      </c>
      <c r="D1581" t="s">
        <v>12477</v>
      </c>
      <c r="E1581" t="s">
        <v>17864</v>
      </c>
      <c r="G1581" s="2"/>
    </row>
    <row r="1582" spans="1:7" x14ac:dyDescent="0.25">
      <c r="A1582" s="1">
        <v>1580</v>
      </c>
      <c r="B1582" t="s">
        <v>1584</v>
      </c>
      <c r="C1582" t="s">
        <v>7035</v>
      </c>
      <c r="D1582" t="s">
        <v>12478</v>
      </c>
      <c r="E1582" t="s">
        <v>17865</v>
      </c>
      <c r="G1582" s="2"/>
    </row>
    <row r="1583" spans="1:7" x14ac:dyDescent="0.25">
      <c r="A1583" s="1">
        <v>1581</v>
      </c>
      <c r="B1583" t="s">
        <v>1585</v>
      </c>
      <c r="C1583" t="s">
        <v>7036</v>
      </c>
      <c r="D1583" t="s">
        <v>12479</v>
      </c>
      <c r="E1583" t="s">
        <v>17866</v>
      </c>
      <c r="G1583" s="2"/>
    </row>
    <row r="1584" spans="1:7" x14ac:dyDescent="0.25">
      <c r="A1584" s="1">
        <v>1582</v>
      </c>
      <c r="B1584" t="s">
        <v>1586</v>
      </c>
      <c r="C1584" t="s">
        <v>7037</v>
      </c>
      <c r="D1584" t="s">
        <v>12480</v>
      </c>
      <c r="E1584" t="s">
        <v>17867</v>
      </c>
      <c r="G1584" s="2"/>
    </row>
    <row r="1585" spans="1:7" x14ac:dyDescent="0.25">
      <c r="A1585" s="1">
        <v>1583</v>
      </c>
      <c r="B1585" t="s">
        <v>1587</v>
      </c>
      <c r="C1585" t="s">
        <v>7038</v>
      </c>
      <c r="D1585" t="s">
        <v>12481</v>
      </c>
      <c r="E1585" t="s">
        <v>16731</v>
      </c>
      <c r="G1585" s="2"/>
    </row>
    <row r="1586" spans="1:7" x14ac:dyDescent="0.25">
      <c r="A1586" s="1">
        <v>1584</v>
      </c>
      <c r="B1586" t="s">
        <v>1588</v>
      </c>
      <c r="C1586" t="s">
        <v>7039</v>
      </c>
      <c r="D1586" t="s">
        <v>12482</v>
      </c>
      <c r="E1586" t="s">
        <v>17868</v>
      </c>
      <c r="G1586" s="2"/>
    </row>
    <row r="1587" spans="1:7" x14ac:dyDescent="0.25">
      <c r="A1587" s="1">
        <v>1585</v>
      </c>
      <c r="B1587" t="s">
        <v>1589</v>
      </c>
      <c r="C1587" t="s">
        <v>7040</v>
      </c>
      <c r="D1587" t="s">
        <v>12483</v>
      </c>
      <c r="E1587" t="s">
        <v>17869</v>
      </c>
      <c r="G1587" s="2"/>
    </row>
    <row r="1588" spans="1:7" x14ac:dyDescent="0.25">
      <c r="A1588" s="1">
        <v>1586</v>
      </c>
      <c r="B1588" t="s">
        <v>1590</v>
      </c>
      <c r="C1588" t="s">
        <v>7041</v>
      </c>
      <c r="D1588" t="s">
        <v>12484</v>
      </c>
      <c r="E1588" t="s">
        <v>17870</v>
      </c>
      <c r="G1588" s="2"/>
    </row>
    <row r="1589" spans="1:7" x14ac:dyDescent="0.25">
      <c r="A1589" s="1">
        <v>1587</v>
      </c>
      <c r="B1589" t="s">
        <v>1591</v>
      </c>
      <c r="C1589" t="s">
        <v>7042</v>
      </c>
      <c r="D1589" t="s">
        <v>12485</v>
      </c>
      <c r="E1589" t="s">
        <v>17871</v>
      </c>
      <c r="G1589" s="2"/>
    </row>
    <row r="1590" spans="1:7" x14ac:dyDescent="0.25">
      <c r="A1590" s="1">
        <v>1588</v>
      </c>
      <c r="B1590" t="s">
        <v>1592</v>
      </c>
      <c r="C1590" t="s">
        <v>7043</v>
      </c>
      <c r="D1590" t="s">
        <v>12486</v>
      </c>
      <c r="E1590" t="s">
        <v>17872</v>
      </c>
      <c r="G1590" s="2"/>
    </row>
    <row r="1591" spans="1:7" x14ac:dyDescent="0.25">
      <c r="A1591" s="1">
        <v>1589</v>
      </c>
      <c r="B1591" t="s">
        <v>1593</v>
      </c>
      <c r="C1591" t="s">
        <v>7044</v>
      </c>
      <c r="D1591" t="s">
        <v>12487</v>
      </c>
      <c r="E1591" t="s">
        <v>16404</v>
      </c>
      <c r="G1591" s="2"/>
    </row>
    <row r="1592" spans="1:7" x14ac:dyDescent="0.25">
      <c r="A1592" s="1">
        <v>1590</v>
      </c>
      <c r="B1592" t="s">
        <v>1594</v>
      </c>
      <c r="C1592" t="s">
        <v>7045</v>
      </c>
      <c r="D1592" t="s">
        <v>12488</v>
      </c>
      <c r="E1592" t="s">
        <v>17873</v>
      </c>
      <c r="G1592" s="2"/>
    </row>
    <row r="1593" spans="1:7" x14ac:dyDescent="0.25">
      <c r="A1593" s="1">
        <v>1591</v>
      </c>
      <c r="B1593" t="s">
        <v>1595</v>
      </c>
      <c r="C1593" t="s">
        <v>7046</v>
      </c>
      <c r="D1593" t="s">
        <v>12489</v>
      </c>
      <c r="E1593" t="s">
        <v>17874</v>
      </c>
      <c r="G1593" s="2"/>
    </row>
    <row r="1594" spans="1:7" x14ac:dyDescent="0.25">
      <c r="A1594" s="1">
        <v>1592</v>
      </c>
      <c r="B1594" t="s">
        <v>1596</v>
      </c>
      <c r="C1594" t="s">
        <v>7047</v>
      </c>
      <c r="D1594" t="s">
        <v>12490</v>
      </c>
      <c r="E1594" t="s">
        <v>17875</v>
      </c>
      <c r="G1594" s="2"/>
    </row>
    <row r="1595" spans="1:7" x14ac:dyDescent="0.25">
      <c r="A1595" s="1">
        <v>1593</v>
      </c>
      <c r="B1595" t="s">
        <v>1597</v>
      </c>
      <c r="C1595" t="s">
        <v>7048</v>
      </c>
      <c r="D1595" t="s">
        <v>12491</v>
      </c>
      <c r="E1595" t="s">
        <v>17876</v>
      </c>
      <c r="G1595" s="2"/>
    </row>
    <row r="1596" spans="1:7" x14ac:dyDescent="0.25">
      <c r="A1596" s="1">
        <v>1594</v>
      </c>
      <c r="B1596" t="s">
        <v>1598</v>
      </c>
      <c r="C1596" t="s">
        <v>7049</v>
      </c>
      <c r="D1596" t="s">
        <v>12492</v>
      </c>
      <c r="E1596" t="s">
        <v>17877</v>
      </c>
      <c r="G1596" s="2"/>
    </row>
    <row r="1597" spans="1:7" x14ac:dyDescent="0.25">
      <c r="A1597" s="1">
        <v>1595</v>
      </c>
      <c r="B1597" t="s">
        <v>1599</v>
      </c>
      <c r="C1597" t="s">
        <v>7050</v>
      </c>
      <c r="D1597" t="s">
        <v>12493</v>
      </c>
      <c r="E1597" t="s">
        <v>17878</v>
      </c>
      <c r="G1597" s="2"/>
    </row>
    <row r="1598" spans="1:7" x14ac:dyDescent="0.25">
      <c r="A1598" s="1">
        <v>1596</v>
      </c>
      <c r="B1598" t="s">
        <v>1600</v>
      </c>
      <c r="C1598" t="s">
        <v>7051</v>
      </c>
      <c r="D1598" t="s">
        <v>12494</v>
      </c>
      <c r="E1598" t="s">
        <v>16514</v>
      </c>
      <c r="G1598" s="2"/>
    </row>
    <row r="1599" spans="1:7" x14ac:dyDescent="0.25">
      <c r="A1599" s="1">
        <v>1597</v>
      </c>
      <c r="B1599" t="s">
        <v>1601</v>
      </c>
      <c r="C1599" t="s">
        <v>7052</v>
      </c>
      <c r="D1599" t="s">
        <v>12495</v>
      </c>
      <c r="E1599" t="s">
        <v>17879</v>
      </c>
      <c r="G1599" s="2"/>
    </row>
    <row r="1600" spans="1:7" x14ac:dyDescent="0.25">
      <c r="A1600" s="1">
        <v>1598</v>
      </c>
      <c r="B1600" t="s">
        <v>1602</v>
      </c>
      <c r="C1600" t="s">
        <v>7053</v>
      </c>
      <c r="D1600" t="s">
        <v>12496</v>
      </c>
      <c r="E1600" t="s">
        <v>17880</v>
      </c>
      <c r="G1600" s="2"/>
    </row>
    <row r="1601" spans="1:7" x14ac:dyDescent="0.25">
      <c r="A1601" s="1">
        <v>1599</v>
      </c>
      <c r="B1601" t="s">
        <v>1603</v>
      </c>
      <c r="C1601" t="s">
        <v>7054</v>
      </c>
      <c r="D1601" t="s">
        <v>12497</v>
      </c>
      <c r="E1601" t="s">
        <v>17881</v>
      </c>
      <c r="G1601" s="2"/>
    </row>
    <row r="1602" spans="1:7" x14ac:dyDescent="0.25">
      <c r="A1602" s="1">
        <v>1600</v>
      </c>
      <c r="B1602" t="s">
        <v>1604</v>
      </c>
      <c r="C1602" t="s">
        <v>7055</v>
      </c>
      <c r="D1602" t="s">
        <v>12498</v>
      </c>
      <c r="E1602" t="s">
        <v>17882</v>
      </c>
      <c r="G1602" s="2"/>
    </row>
    <row r="1603" spans="1:7" x14ac:dyDescent="0.25">
      <c r="A1603" s="1">
        <v>1601</v>
      </c>
      <c r="B1603" t="s">
        <v>1605</v>
      </c>
      <c r="C1603" t="s">
        <v>7056</v>
      </c>
      <c r="D1603" t="s">
        <v>12499</v>
      </c>
      <c r="E1603" t="s">
        <v>17883</v>
      </c>
      <c r="G1603" s="2"/>
    </row>
    <row r="1604" spans="1:7" x14ac:dyDescent="0.25">
      <c r="A1604" s="1">
        <v>1602</v>
      </c>
      <c r="B1604" t="s">
        <v>1606</v>
      </c>
      <c r="C1604" t="s">
        <v>7057</v>
      </c>
      <c r="D1604" t="s">
        <v>12500</v>
      </c>
      <c r="E1604" t="s">
        <v>17884</v>
      </c>
      <c r="G1604" s="2"/>
    </row>
    <row r="1605" spans="1:7" x14ac:dyDescent="0.25">
      <c r="A1605" s="1">
        <v>1603</v>
      </c>
      <c r="B1605" t="s">
        <v>1607</v>
      </c>
      <c r="C1605" t="s">
        <v>7058</v>
      </c>
      <c r="D1605" t="s">
        <v>12501</v>
      </c>
      <c r="E1605" t="s">
        <v>17885</v>
      </c>
      <c r="G1605" s="2"/>
    </row>
    <row r="1606" spans="1:7" x14ac:dyDescent="0.25">
      <c r="A1606" s="1">
        <v>1604</v>
      </c>
      <c r="B1606" t="s">
        <v>1608</v>
      </c>
      <c r="C1606" t="s">
        <v>7059</v>
      </c>
      <c r="D1606" t="s">
        <v>12502</v>
      </c>
      <c r="E1606" t="s">
        <v>17886</v>
      </c>
      <c r="G1606" s="2"/>
    </row>
    <row r="1607" spans="1:7" x14ac:dyDescent="0.25">
      <c r="A1607" s="1">
        <v>1605</v>
      </c>
      <c r="B1607" t="s">
        <v>1609</v>
      </c>
      <c r="C1607" t="s">
        <v>7060</v>
      </c>
      <c r="D1607" t="s">
        <v>12503</v>
      </c>
      <c r="E1607" t="s">
        <v>17887</v>
      </c>
      <c r="G1607" s="2"/>
    </row>
    <row r="1608" spans="1:7" x14ac:dyDescent="0.25">
      <c r="A1608" s="1">
        <v>1606</v>
      </c>
      <c r="B1608" t="s">
        <v>1610</v>
      </c>
      <c r="C1608" t="s">
        <v>7061</v>
      </c>
      <c r="D1608" t="s">
        <v>12504</v>
      </c>
      <c r="E1608" t="s">
        <v>17888</v>
      </c>
      <c r="G1608" s="2"/>
    </row>
    <row r="1609" spans="1:7" x14ac:dyDescent="0.25">
      <c r="A1609" s="1">
        <v>1607</v>
      </c>
      <c r="B1609" t="s">
        <v>1611</v>
      </c>
      <c r="C1609" t="s">
        <v>7062</v>
      </c>
      <c r="D1609" t="s">
        <v>12505</v>
      </c>
      <c r="E1609" t="s">
        <v>17889</v>
      </c>
      <c r="G1609" s="2"/>
    </row>
    <row r="1610" spans="1:7" x14ac:dyDescent="0.25">
      <c r="A1610" s="1">
        <v>1608</v>
      </c>
      <c r="B1610" t="s">
        <v>1612</v>
      </c>
      <c r="C1610" t="s">
        <v>7063</v>
      </c>
      <c r="D1610" t="s">
        <v>12506</v>
      </c>
      <c r="E1610" t="s">
        <v>17890</v>
      </c>
      <c r="G1610" s="2"/>
    </row>
    <row r="1611" spans="1:7" x14ac:dyDescent="0.25">
      <c r="A1611" s="1">
        <v>1609</v>
      </c>
      <c r="B1611" t="s">
        <v>1613</v>
      </c>
      <c r="C1611" t="s">
        <v>7064</v>
      </c>
      <c r="D1611" t="s">
        <v>12507</v>
      </c>
      <c r="E1611" t="s">
        <v>17891</v>
      </c>
      <c r="G1611" s="2"/>
    </row>
    <row r="1612" spans="1:7" x14ac:dyDescent="0.25">
      <c r="A1612" s="1">
        <v>1610</v>
      </c>
      <c r="B1612" t="s">
        <v>1614</v>
      </c>
      <c r="C1612" t="s">
        <v>7065</v>
      </c>
      <c r="D1612" t="s">
        <v>12508</v>
      </c>
      <c r="E1612" t="s">
        <v>17892</v>
      </c>
      <c r="G1612" s="2"/>
    </row>
    <row r="1613" spans="1:7" x14ac:dyDescent="0.25">
      <c r="A1613" s="1">
        <v>1611</v>
      </c>
      <c r="B1613" t="s">
        <v>1615</v>
      </c>
      <c r="C1613" t="s">
        <v>7066</v>
      </c>
      <c r="D1613" t="s">
        <v>12509</v>
      </c>
      <c r="E1613" t="s">
        <v>17893</v>
      </c>
      <c r="G1613" s="2"/>
    </row>
    <row r="1614" spans="1:7" x14ac:dyDescent="0.25">
      <c r="A1614" s="1">
        <v>1612</v>
      </c>
      <c r="B1614" t="s">
        <v>1616</v>
      </c>
      <c r="C1614" t="s">
        <v>7067</v>
      </c>
      <c r="D1614" t="s">
        <v>12510</v>
      </c>
      <c r="E1614" t="s">
        <v>17894</v>
      </c>
      <c r="G1614" s="2"/>
    </row>
    <row r="1615" spans="1:7" x14ac:dyDescent="0.25">
      <c r="A1615" s="1">
        <v>1613</v>
      </c>
      <c r="B1615" t="s">
        <v>1617</v>
      </c>
      <c r="C1615" t="s">
        <v>7068</v>
      </c>
      <c r="D1615" t="s">
        <v>12511</v>
      </c>
      <c r="E1615" t="s">
        <v>17895</v>
      </c>
      <c r="G1615" s="2"/>
    </row>
    <row r="1616" spans="1:7" x14ac:dyDescent="0.25">
      <c r="A1616" s="1">
        <v>1614</v>
      </c>
      <c r="B1616" t="s">
        <v>1618</v>
      </c>
      <c r="C1616" t="s">
        <v>7069</v>
      </c>
      <c r="D1616" t="s">
        <v>12512</v>
      </c>
      <c r="E1616" t="s">
        <v>17896</v>
      </c>
      <c r="G1616" s="2"/>
    </row>
    <row r="1617" spans="1:7" x14ac:dyDescent="0.25">
      <c r="A1617" s="1">
        <v>1615</v>
      </c>
      <c r="B1617" t="s">
        <v>1619</v>
      </c>
      <c r="C1617" t="s">
        <v>7070</v>
      </c>
      <c r="D1617" t="s">
        <v>12513</v>
      </c>
      <c r="E1617" t="s">
        <v>17897</v>
      </c>
      <c r="G1617" s="2"/>
    </row>
    <row r="1618" spans="1:7" x14ac:dyDescent="0.25">
      <c r="A1618" s="1">
        <v>1616</v>
      </c>
      <c r="B1618" t="s">
        <v>1620</v>
      </c>
      <c r="C1618" t="s">
        <v>7071</v>
      </c>
      <c r="D1618" t="s">
        <v>12514</v>
      </c>
      <c r="E1618" t="s">
        <v>17898</v>
      </c>
      <c r="G1618" s="2"/>
    </row>
    <row r="1619" spans="1:7" x14ac:dyDescent="0.25">
      <c r="A1619" s="1">
        <v>1617</v>
      </c>
      <c r="B1619" t="s">
        <v>1621</v>
      </c>
      <c r="C1619" t="s">
        <v>7072</v>
      </c>
      <c r="D1619" t="s">
        <v>12515</v>
      </c>
      <c r="E1619" t="s">
        <v>17162</v>
      </c>
      <c r="G1619" s="2"/>
    </row>
    <row r="1620" spans="1:7" x14ac:dyDescent="0.25">
      <c r="A1620" s="1">
        <v>1618</v>
      </c>
      <c r="B1620" t="s">
        <v>1622</v>
      </c>
      <c r="C1620" t="s">
        <v>7073</v>
      </c>
      <c r="D1620" t="s">
        <v>12516</v>
      </c>
      <c r="E1620" t="s">
        <v>17899</v>
      </c>
      <c r="G1620" s="2"/>
    </row>
    <row r="1621" spans="1:7" x14ac:dyDescent="0.25">
      <c r="A1621" s="1">
        <v>1619</v>
      </c>
      <c r="B1621" t="s">
        <v>1623</v>
      </c>
      <c r="C1621" t="s">
        <v>7074</v>
      </c>
      <c r="D1621" t="s">
        <v>12517</v>
      </c>
      <c r="E1621" t="s">
        <v>17900</v>
      </c>
      <c r="G1621" s="2"/>
    </row>
    <row r="1622" spans="1:7" x14ac:dyDescent="0.25">
      <c r="A1622" s="1">
        <v>1620</v>
      </c>
      <c r="B1622" t="s">
        <v>1624</v>
      </c>
      <c r="C1622" t="s">
        <v>7075</v>
      </c>
      <c r="D1622" t="s">
        <v>12518</v>
      </c>
      <c r="E1622" t="s">
        <v>17901</v>
      </c>
      <c r="G1622" s="2"/>
    </row>
    <row r="1623" spans="1:7" x14ac:dyDescent="0.25">
      <c r="A1623" s="1">
        <v>1621</v>
      </c>
      <c r="B1623" t="s">
        <v>1625</v>
      </c>
      <c r="C1623" t="s">
        <v>7076</v>
      </c>
      <c r="D1623" t="s">
        <v>12519</v>
      </c>
      <c r="E1623" t="s">
        <v>17902</v>
      </c>
      <c r="G1623" s="2"/>
    </row>
    <row r="1624" spans="1:7" x14ac:dyDescent="0.25">
      <c r="A1624" s="1">
        <v>1622</v>
      </c>
      <c r="B1624" t="s">
        <v>1626</v>
      </c>
      <c r="C1624" t="s">
        <v>7077</v>
      </c>
      <c r="D1624" t="s">
        <v>12520</v>
      </c>
      <c r="E1624" t="s">
        <v>17903</v>
      </c>
      <c r="G1624" s="2"/>
    </row>
    <row r="1625" spans="1:7" x14ac:dyDescent="0.25">
      <c r="A1625" s="1">
        <v>1623</v>
      </c>
      <c r="B1625" t="s">
        <v>1627</v>
      </c>
      <c r="C1625" t="s">
        <v>7078</v>
      </c>
      <c r="D1625" t="s">
        <v>12521</v>
      </c>
      <c r="E1625" t="s">
        <v>17904</v>
      </c>
      <c r="G1625" s="2"/>
    </row>
    <row r="1626" spans="1:7" x14ac:dyDescent="0.25">
      <c r="A1626" s="1">
        <v>1624</v>
      </c>
      <c r="B1626" t="s">
        <v>1628</v>
      </c>
      <c r="C1626" t="s">
        <v>7079</v>
      </c>
      <c r="D1626" t="s">
        <v>12522</v>
      </c>
      <c r="E1626" t="s">
        <v>17905</v>
      </c>
      <c r="G1626" s="2"/>
    </row>
    <row r="1627" spans="1:7" x14ac:dyDescent="0.25">
      <c r="A1627" s="1">
        <v>1625</v>
      </c>
      <c r="B1627" t="s">
        <v>1629</v>
      </c>
      <c r="C1627" t="s">
        <v>7080</v>
      </c>
      <c r="D1627" t="s">
        <v>12523</v>
      </c>
      <c r="E1627" t="s">
        <v>17906</v>
      </c>
      <c r="G1627" s="2"/>
    </row>
    <row r="1628" spans="1:7" x14ac:dyDescent="0.25">
      <c r="A1628" s="1">
        <v>1626</v>
      </c>
      <c r="B1628" t="s">
        <v>1630</v>
      </c>
      <c r="C1628" t="s">
        <v>7081</v>
      </c>
      <c r="D1628" t="s">
        <v>12524</v>
      </c>
      <c r="E1628" t="s">
        <v>17907</v>
      </c>
      <c r="G1628" s="2"/>
    </row>
    <row r="1629" spans="1:7" x14ac:dyDescent="0.25">
      <c r="A1629" s="1">
        <v>1627</v>
      </c>
      <c r="B1629" t="s">
        <v>1631</v>
      </c>
      <c r="C1629" t="s">
        <v>7082</v>
      </c>
      <c r="D1629" t="s">
        <v>12525</v>
      </c>
      <c r="E1629" t="s">
        <v>17908</v>
      </c>
      <c r="G1629" s="2"/>
    </row>
    <row r="1630" spans="1:7" x14ac:dyDescent="0.25">
      <c r="A1630" s="1">
        <v>1628</v>
      </c>
      <c r="B1630" t="s">
        <v>1632</v>
      </c>
      <c r="C1630" t="s">
        <v>7083</v>
      </c>
      <c r="D1630" t="s">
        <v>12526</v>
      </c>
      <c r="E1630" t="s">
        <v>17909</v>
      </c>
      <c r="G1630" s="2"/>
    </row>
    <row r="1631" spans="1:7" x14ac:dyDescent="0.25">
      <c r="A1631" s="1">
        <v>1629</v>
      </c>
      <c r="B1631" t="s">
        <v>1633</v>
      </c>
      <c r="C1631" t="s">
        <v>7084</v>
      </c>
      <c r="D1631" t="s">
        <v>12527</v>
      </c>
      <c r="E1631" t="s">
        <v>17910</v>
      </c>
      <c r="G1631" s="2"/>
    </row>
    <row r="1632" spans="1:7" x14ac:dyDescent="0.25">
      <c r="A1632" s="1">
        <v>1630</v>
      </c>
      <c r="B1632" t="s">
        <v>1634</v>
      </c>
      <c r="C1632" t="s">
        <v>7085</v>
      </c>
      <c r="D1632" t="s">
        <v>12528</v>
      </c>
      <c r="E1632" t="s">
        <v>17911</v>
      </c>
      <c r="G1632" s="2"/>
    </row>
    <row r="1633" spans="1:7" x14ac:dyDescent="0.25">
      <c r="A1633" s="1">
        <v>1631</v>
      </c>
      <c r="B1633" t="s">
        <v>1635</v>
      </c>
      <c r="C1633" t="s">
        <v>7086</v>
      </c>
      <c r="D1633" t="s">
        <v>12529</v>
      </c>
      <c r="E1633" t="s">
        <v>17912</v>
      </c>
      <c r="G1633" s="2"/>
    </row>
    <row r="1634" spans="1:7" x14ac:dyDescent="0.25">
      <c r="A1634" s="1">
        <v>1632</v>
      </c>
      <c r="B1634" t="s">
        <v>1636</v>
      </c>
      <c r="C1634" t="s">
        <v>7087</v>
      </c>
      <c r="D1634" t="s">
        <v>12530</v>
      </c>
      <c r="E1634" t="s">
        <v>17913</v>
      </c>
      <c r="G1634" s="2"/>
    </row>
    <row r="1635" spans="1:7" x14ac:dyDescent="0.25">
      <c r="A1635" s="1">
        <v>1633</v>
      </c>
      <c r="B1635" t="s">
        <v>1637</v>
      </c>
      <c r="C1635" t="s">
        <v>7088</v>
      </c>
      <c r="D1635" t="s">
        <v>12531</v>
      </c>
      <c r="E1635" t="s">
        <v>17914</v>
      </c>
      <c r="G1635" s="2"/>
    </row>
    <row r="1636" spans="1:7" x14ac:dyDescent="0.25">
      <c r="A1636" s="1">
        <v>1634</v>
      </c>
      <c r="B1636" t="s">
        <v>1638</v>
      </c>
      <c r="C1636" t="s">
        <v>7089</v>
      </c>
      <c r="D1636" t="s">
        <v>12532</v>
      </c>
      <c r="E1636" t="s">
        <v>17915</v>
      </c>
      <c r="G1636" s="2"/>
    </row>
    <row r="1637" spans="1:7" x14ac:dyDescent="0.25">
      <c r="A1637" s="1">
        <v>1635</v>
      </c>
      <c r="B1637" t="s">
        <v>1639</v>
      </c>
      <c r="C1637" t="s">
        <v>7090</v>
      </c>
      <c r="D1637" t="s">
        <v>12533</v>
      </c>
      <c r="E1637" t="s">
        <v>17916</v>
      </c>
      <c r="G1637" s="2"/>
    </row>
    <row r="1638" spans="1:7" x14ac:dyDescent="0.25">
      <c r="A1638" s="1">
        <v>1636</v>
      </c>
      <c r="B1638" t="s">
        <v>1640</v>
      </c>
      <c r="C1638" t="s">
        <v>7091</v>
      </c>
      <c r="D1638" t="s">
        <v>12534</v>
      </c>
      <c r="E1638" t="s">
        <v>17917</v>
      </c>
      <c r="G1638" s="2"/>
    </row>
    <row r="1639" spans="1:7" x14ac:dyDescent="0.25">
      <c r="A1639" s="1">
        <v>1637</v>
      </c>
      <c r="B1639" t="s">
        <v>1641</v>
      </c>
      <c r="C1639" t="s">
        <v>7092</v>
      </c>
      <c r="D1639" t="s">
        <v>12535</v>
      </c>
      <c r="E1639" t="s">
        <v>17918</v>
      </c>
      <c r="G1639" s="2"/>
    </row>
    <row r="1640" spans="1:7" x14ac:dyDescent="0.25">
      <c r="A1640" s="1">
        <v>1638</v>
      </c>
      <c r="B1640" t="s">
        <v>1642</v>
      </c>
      <c r="C1640" t="s">
        <v>7093</v>
      </c>
      <c r="D1640" t="s">
        <v>12536</v>
      </c>
      <c r="E1640" t="s">
        <v>17919</v>
      </c>
      <c r="G1640" s="2"/>
    </row>
    <row r="1641" spans="1:7" x14ac:dyDescent="0.25">
      <c r="A1641" s="1">
        <v>1639</v>
      </c>
      <c r="B1641" t="s">
        <v>1643</v>
      </c>
      <c r="C1641" t="s">
        <v>7094</v>
      </c>
      <c r="D1641" t="s">
        <v>12537</v>
      </c>
      <c r="E1641" t="s">
        <v>17920</v>
      </c>
      <c r="G1641" s="2"/>
    </row>
    <row r="1642" spans="1:7" x14ac:dyDescent="0.25">
      <c r="A1642" s="1">
        <v>1640</v>
      </c>
      <c r="B1642" t="s">
        <v>1644</v>
      </c>
      <c r="C1642" t="s">
        <v>7095</v>
      </c>
      <c r="D1642" t="s">
        <v>12538</v>
      </c>
      <c r="E1642" t="s">
        <v>17921</v>
      </c>
      <c r="G1642" s="2"/>
    </row>
    <row r="1643" spans="1:7" x14ac:dyDescent="0.25">
      <c r="A1643" s="1">
        <v>1641</v>
      </c>
      <c r="B1643" t="s">
        <v>1645</v>
      </c>
      <c r="C1643" t="s">
        <v>7096</v>
      </c>
      <c r="D1643" t="s">
        <v>12539</v>
      </c>
      <c r="E1643" t="s">
        <v>17922</v>
      </c>
      <c r="G1643" s="2"/>
    </row>
    <row r="1644" spans="1:7" x14ac:dyDescent="0.25">
      <c r="A1644" s="1">
        <v>1642</v>
      </c>
      <c r="B1644" t="s">
        <v>1646</v>
      </c>
      <c r="C1644" t="s">
        <v>7097</v>
      </c>
      <c r="D1644" t="s">
        <v>12540</v>
      </c>
      <c r="E1644" t="s">
        <v>17923</v>
      </c>
      <c r="G1644" s="2"/>
    </row>
    <row r="1645" spans="1:7" x14ac:dyDescent="0.25">
      <c r="A1645" s="1">
        <v>1643</v>
      </c>
      <c r="B1645" t="s">
        <v>1647</v>
      </c>
      <c r="C1645" t="s">
        <v>7098</v>
      </c>
      <c r="D1645" t="s">
        <v>12541</v>
      </c>
      <c r="E1645" t="s">
        <v>17924</v>
      </c>
      <c r="G1645" s="2"/>
    </row>
    <row r="1646" spans="1:7" x14ac:dyDescent="0.25">
      <c r="A1646" s="1">
        <v>1644</v>
      </c>
      <c r="B1646" t="s">
        <v>1648</v>
      </c>
      <c r="C1646" t="s">
        <v>7099</v>
      </c>
      <c r="D1646" t="s">
        <v>12542</v>
      </c>
      <c r="E1646" t="s">
        <v>17925</v>
      </c>
      <c r="G1646" s="2"/>
    </row>
    <row r="1647" spans="1:7" x14ac:dyDescent="0.25">
      <c r="A1647" s="1">
        <v>1645</v>
      </c>
      <c r="B1647" t="s">
        <v>1649</v>
      </c>
      <c r="C1647" t="s">
        <v>7100</v>
      </c>
      <c r="D1647" t="s">
        <v>12543</v>
      </c>
      <c r="E1647" t="s">
        <v>17926</v>
      </c>
      <c r="G1647" s="2"/>
    </row>
    <row r="1648" spans="1:7" x14ac:dyDescent="0.25">
      <c r="A1648" s="1">
        <v>1646</v>
      </c>
      <c r="B1648" t="s">
        <v>1650</v>
      </c>
      <c r="C1648" t="s">
        <v>7101</v>
      </c>
      <c r="D1648" t="s">
        <v>12544</v>
      </c>
      <c r="E1648" t="s">
        <v>17927</v>
      </c>
      <c r="G1648" s="2"/>
    </row>
    <row r="1649" spans="1:7" x14ac:dyDescent="0.25">
      <c r="A1649" s="1">
        <v>1647</v>
      </c>
      <c r="B1649" t="s">
        <v>1651</v>
      </c>
      <c r="C1649" t="s">
        <v>7102</v>
      </c>
      <c r="D1649" t="s">
        <v>12545</v>
      </c>
      <c r="E1649" t="s">
        <v>17091</v>
      </c>
      <c r="G1649" s="2"/>
    </row>
    <row r="1650" spans="1:7" x14ac:dyDescent="0.25">
      <c r="A1650" s="1">
        <v>1648</v>
      </c>
      <c r="B1650" t="s">
        <v>1652</v>
      </c>
      <c r="C1650" t="s">
        <v>7103</v>
      </c>
      <c r="D1650" t="s">
        <v>12546</v>
      </c>
      <c r="E1650" t="s">
        <v>17928</v>
      </c>
      <c r="G1650" s="2"/>
    </row>
    <row r="1651" spans="1:7" x14ac:dyDescent="0.25">
      <c r="A1651" s="1">
        <v>1649</v>
      </c>
      <c r="B1651" t="s">
        <v>1653</v>
      </c>
      <c r="C1651" t="s">
        <v>7104</v>
      </c>
      <c r="D1651" t="s">
        <v>12547</v>
      </c>
      <c r="E1651" t="s">
        <v>17929</v>
      </c>
      <c r="G1651" s="2"/>
    </row>
    <row r="1652" spans="1:7" x14ac:dyDescent="0.25">
      <c r="A1652" s="1">
        <v>1650</v>
      </c>
      <c r="B1652" t="s">
        <v>1654</v>
      </c>
      <c r="C1652" t="s">
        <v>7105</v>
      </c>
      <c r="D1652" t="s">
        <v>12548</v>
      </c>
      <c r="E1652" t="s">
        <v>17930</v>
      </c>
      <c r="G1652" s="2"/>
    </row>
    <row r="1653" spans="1:7" x14ac:dyDescent="0.25">
      <c r="A1653" s="1">
        <v>1651</v>
      </c>
      <c r="B1653" t="s">
        <v>1655</v>
      </c>
      <c r="C1653" t="s">
        <v>7106</v>
      </c>
      <c r="D1653" t="s">
        <v>12549</v>
      </c>
      <c r="E1653" t="s">
        <v>17931</v>
      </c>
      <c r="G1653" s="2"/>
    </row>
    <row r="1654" spans="1:7" x14ac:dyDescent="0.25">
      <c r="A1654" s="1">
        <v>1652</v>
      </c>
      <c r="B1654" t="s">
        <v>1656</v>
      </c>
      <c r="C1654" t="s">
        <v>7107</v>
      </c>
      <c r="D1654" t="s">
        <v>12550</v>
      </c>
      <c r="E1654" t="s">
        <v>17932</v>
      </c>
      <c r="G1654" s="2"/>
    </row>
    <row r="1655" spans="1:7" x14ac:dyDescent="0.25">
      <c r="A1655" s="1">
        <v>1653</v>
      </c>
      <c r="B1655" t="s">
        <v>1657</v>
      </c>
      <c r="C1655" t="s">
        <v>6127</v>
      </c>
      <c r="D1655" t="s">
        <v>12551</v>
      </c>
      <c r="E1655" t="s">
        <v>17933</v>
      </c>
      <c r="G1655" s="2"/>
    </row>
    <row r="1656" spans="1:7" x14ac:dyDescent="0.25">
      <c r="A1656" s="1">
        <v>1654</v>
      </c>
      <c r="B1656" t="s">
        <v>1658</v>
      </c>
      <c r="C1656" t="s">
        <v>7108</v>
      </c>
      <c r="D1656" t="s">
        <v>12552</v>
      </c>
      <c r="E1656" t="s">
        <v>17934</v>
      </c>
      <c r="G1656" s="2"/>
    </row>
    <row r="1657" spans="1:7" x14ac:dyDescent="0.25">
      <c r="A1657" s="1">
        <v>1655</v>
      </c>
      <c r="B1657" t="s">
        <v>1659</v>
      </c>
      <c r="C1657" t="s">
        <v>7109</v>
      </c>
      <c r="D1657" t="s">
        <v>12553</v>
      </c>
      <c r="E1657" t="s">
        <v>17935</v>
      </c>
      <c r="G1657" s="2"/>
    </row>
    <row r="1658" spans="1:7" x14ac:dyDescent="0.25">
      <c r="A1658" s="1">
        <v>1656</v>
      </c>
      <c r="B1658" t="s">
        <v>1660</v>
      </c>
      <c r="C1658" t="s">
        <v>7110</v>
      </c>
      <c r="D1658" t="s">
        <v>12554</v>
      </c>
      <c r="E1658" t="s">
        <v>17936</v>
      </c>
      <c r="G1658" s="2"/>
    </row>
    <row r="1659" spans="1:7" x14ac:dyDescent="0.25">
      <c r="A1659" s="1">
        <v>1657</v>
      </c>
      <c r="B1659" t="s">
        <v>1661</v>
      </c>
      <c r="C1659" t="s">
        <v>7111</v>
      </c>
      <c r="D1659" t="s">
        <v>12555</v>
      </c>
      <c r="E1659" t="s">
        <v>16908</v>
      </c>
      <c r="G1659" s="2"/>
    </row>
    <row r="1660" spans="1:7" x14ac:dyDescent="0.25">
      <c r="A1660" s="1">
        <v>1658</v>
      </c>
      <c r="B1660" t="s">
        <v>1662</v>
      </c>
      <c r="C1660" t="s">
        <v>7112</v>
      </c>
      <c r="D1660" t="s">
        <v>12556</v>
      </c>
      <c r="E1660" t="s">
        <v>17937</v>
      </c>
      <c r="G1660" s="2"/>
    </row>
    <row r="1661" spans="1:7" x14ac:dyDescent="0.25">
      <c r="A1661" s="1">
        <v>1659</v>
      </c>
      <c r="B1661" t="s">
        <v>1663</v>
      </c>
      <c r="C1661" t="s">
        <v>7113</v>
      </c>
      <c r="D1661" t="s">
        <v>12557</v>
      </c>
      <c r="E1661" t="s">
        <v>17938</v>
      </c>
      <c r="G1661" s="2"/>
    </row>
    <row r="1662" spans="1:7" x14ac:dyDescent="0.25">
      <c r="A1662" s="1">
        <v>1660</v>
      </c>
      <c r="B1662" t="s">
        <v>1664</v>
      </c>
      <c r="C1662" t="s">
        <v>7114</v>
      </c>
      <c r="D1662" t="s">
        <v>12558</v>
      </c>
      <c r="E1662" t="s">
        <v>17939</v>
      </c>
      <c r="G1662" s="2"/>
    </row>
    <row r="1663" spans="1:7" x14ac:dyDescent="0.25">
      <c r="A1663" s="1">
        <v>1661</v>
      </c>
      <c r="B1663" t="s">
        <v>1665</v>
      </c>
      <c r="C1663" t="s">
        <v>7115</v>
      </c>
      <c r="D1663" t="s">
        <v>12559</v>
      </c>
      <c r="E1663" t="s">
        <v>17940</v>
      </c>
      <c r="G1663" s="2"/>
    </row>
    <row r="1664" spans="1:7" x14ac:dyDescent="0.25">
      <c r="A1664" s="1">
        <v>1662</v>
      </c>
      <c r="B1664" t="s">
        <v>1666</v>
      </c>
      <c r="C1664" t="s">
        <v>7116</v>
      </c>
      <c r="D1664" t="s">
        <v>12560</v>
      </c>
      <c r="E1664" t="s">
        <v>16347</v>
      </c>
      <c r="G1664" s="2"/>
    </row>
    <row r="1665" spans="1:7" x14ac:dyDescent="0.25">
      <c r="A1665" s="1">
        <v>1663</v>
      </c>
      <c r="B1665" t="s">
        <v>1667</v>
      </c>
      <c r="C1665" t="s">
        <v>7117</v>
      </c>
      <c r="D1665" t="s">
        <v>12561</v>
      </c>
      <c r="E1665" t="s">
        <v>17941</v>
      </c>
      <c r="G1665" s="2"/>
    </row>
    <row r="1666" spans="1:7" x14ac:dyDescent="0.25">
      <c r="A1666" s="1">
        <v>1664</v>
      </c>
      <c r="B1666" t="s">
        <v>1668</v>
      </c>
      <c r="C1666" t="s">
        <v>7118</v>
      </c>
      <c r="D1666" t="s">
        <v>12562</v>
      </c>
      <c r="E1666" t="s">
        <v>17942</v>
      </c>
      <c r="G1666" s="2"/>
    </row>
    <row r="1667" spans="1:7" x14ac:dyDescent="0.25">
      <c r="A1667" s="1">
        <v>1665</v>
      </c>
      <c r="B1667" t="s">
        <v>1669</v>
      </c>
      <c r="C1667" t="s">
        <v>7119</v>
      </c>
      <c r="D1667" t="s">
        <v>12563</v>
      </c>
      <c r="E1667" t="s">
        <v>17943</v>
      </c>
      <c r="G1667" s="2"/>
    </row>
    <row r="1668" spans="1:7" x14ac:dyDescent="0.25">
      <c r="A1668" s="1">
        <v>1666</v>
      </c>
      <c r="B1668" t="s">
        <v>1670</v>
      </c>
      <c r="C1668" t="s">
        <v>7120</v>
      </c>
      <c r="D1668" t="s">
        <v>12564</v>
      </c>
      <c r="E1668" t="s">
        <v>17944</v>
      </c>
      <c r="G1668" s="2"/>
    </row>
    <row r="1669" spans="1:7" x14ac:dyDescent="0.25">
      <c r="A1669" s="1">
        <v>1667</v>
      </c>
      <c r="B1669" t="s">
        <v>1671</v>
      </c>
      <c r="C1669" t="s">
        <v>7121</v>
      </c>
      <c r="D1669" t="s">
        <v>12565</v>
      </c>
      <c r="E1669" t="s">
        <v>17945</v>
      </c>
      <c r="G1669" s="2"/>
    </row>
    <row r="1670" spans="1:7" x14ac:dyDescent="0.25">
      <c r="A1670" s="1">
        <v>1668</v>
      </c>
      <c r="B1670" t="s">
        <v>1672</v>
      </c>
      <c r="C1670" t="s">
        <v>7122</v>
      </c>
      <c r="D1670" t="s">
        <v>12566</v>
      </c>
      <c r="E1670" t="s">
        <v>17946</v>
      </c>
      <c r="G1670" s="2"/>
    </row>
    <row r="1671" spans="1:7" x14ac:dyDescent="0.25">
      <c r="A1671" s="1">
        <v>1669</v>
      </c>
      <c r="B1671" t="s">
        <v>1673</v>
      </c>
      <c r="C1671" t="s">
        <v>7123</v>
      </c>
      <c r="D1671" t="s">
        <v>12567</v>
      </c>
      <c r="E1671" t="s">
        <v>17947</v>
      </c>
      <c r="G1671" s="2"/>
    </row>
    <row r="1672" spans="1:7" x14ac:dyDescent="0.25">
      <c r="A1672" s="1">
        <v>1670</v>
      </c>
      <c r="B1672" t="s">
        <v>1674</v>
      </c>
      <c r="C1672" t="s">
        <v>7124</v>
      </c>
      <c r="D1672" t="s">
        <v>12568</v>
      </c>
      <c r="E1672" t="s">
        <v>17948</v>
      </c>
      <c r="G1672" s="2"/>
    </row>
    <row r="1673" spans="1:7" x14ac:dyDescent="0.25">
      <c r="A1673" s="1">
        <v>1671</v>
      </c>
      <c r="B1673" t="s">
        <v>1675</v>
      </c>
      <c r="C1673" t="s">
        <v>7125</v>
      </c>
      <c r="D1673" t="s">
        <v>12569</v>
      </c>
      <c r="E1673" t="s">
        <v>17949</v>
      </c>
      <c r="G1673" s="2"/>
    </row>
    <row r="1674" spans="1:7" x14ac:dyDescent="0.25">
      <c r="A1674" s="1">
        <v>1672</v>
      </c>
      <c r="B1674" t="s">
        <v>1676</v>
      </c>
      <c r="C1674" t="s">
        <v>7126</v>
      </c>
      <c r="D1674" t="s">
        <v>12570</v>
      </c>
      <c r="E1674" t="s">
        <v>17950</v>
      </c>
      <c r="G1674" s="2"/>
    </row>
    <row r="1675" spans="1:7" x14ac:dyDescent="0.25">
      <c r="A1675" s="1">
        <v>1673</v>
      </c>
      <c r="B1675" t="s">
        <v>1677</v>
      </c>
      <c r="C1675" t="s">
        <v>7127</v>
      </c>
      <c r="D1675" t="s">
        <v>12571</v>
      </c>
      <c r="E1675" t="s">
        <v>17951</v>
      </c>
      <c r="G1675" s="2"/>
    </row>
    <row r="1676" spans="1:7" x14ac:dyDescent="0.25">
      <c r="A1676" s="1">
        <v>1674</v>
      </c>
      <c r="B1676" t="s">
        <v>1678</v>
      </c>
      <c r="C1676" t="s">
        <v>7128</v>
      </c>
      <c r="D1676" t="s">
        <v>12572</v>
      </c>
      <c r="E1676" t="s">
        <v>17952</v>
      </c>
      <c r="G1676" s="2"/>
    </row>
    <row r="1677" spans="1:7" x14ac:dyDescent="0.25">
      <c r="A1677" s="1">
        <v>1675</v>
      </c>
      <c r="B1677" t="s">
        <v>1679</v>
      </c>
      <c r="C1677" t="s">
        <v>7129</v>
      </c>
      <c r="D1677" t="s">
        <v>12573</v>
      </c>
      <c r="E1677" t="s">
        <v>16372</v>
      </c>
      <c r="G1677" s="2"/>
    </row>
    <row r="1678" spans="1:7" x14ac:dyDescent="0.25">
      <c r="A1678" s="1">
        <v>1676</v>
      </c>
      <c r="B1678" t="s">
        <v>1680</v>
      </c>
      <c r="C1678" t="s">
        <v>7130</v>
      </c>
      <c r="D1678" t="s">
        <v>12574</v>
      </c>
      <c r="E1678" t="s">
        <v>17953</v>
      </c>
      <c r="G1678" s="2"/>
    </row>
    <row r="1679" spans="1:7" x14ac:dyDescent="0.25">
      <c r="A1679" s="1">
        <v>1677</v>
      </c>
      <c r="B1679" t="s">
        <v>1681</v>
      </c>
      <c r="C1679" t="s">
        <v>7131</v>
      </c>
      <c r="D1679" t="s">
        <v>12575</v>
      </c>
      <c r="E1679" t="s">
        <v>17954</v>
      </c>
      <c r="G1679" s="2"/>
    </row>
    <row r="1680" spans="1:7" x14ac:dyDescent="0.25">
      <c r="A1680" s="1">
        <v>1678</v>
      </c>
      <c r="B1680" t="s">
        <v>1682</v>
      </c>
      <c r="C1680" t="s">
        <v>7132</v>
      </c>
      <c r="D1680" t="s">
        <v>12576</v>
      </c>
      <c r="E1680" t="s">
        <v>17955</v>
      </c>
      <c r="G1680" s="2"/>
    </row>
    <row r="1681" spans="1:7" x14ac:dyDescent="0.25">
      <c r="A1681" s="1">
        <v>1679</v>
      </c>
      <c r="B1681" t="s">
        <v>1683</v>
      </c>
      <c r="C1681" t="s">
        <v>7133</v>
      </c>
      <c r="D1681" t="s">
        <v>12577</v>
      </c>
      <c r="E1681" t="s">
        <v>17956</v>
      </c>
      <c r="G1681" s="2"/>
    </row>
    <row r="1682" spans="1:7" x14ac:dyDescent="0.25">
      <c r="A1682" s="1">
        <v>1680</v>
      </c>
      <c r="B1682" t="s">
        <v>1684</v>
      </c>
      <c r="C1682" t="s">
        <v>7134</v>
      </c>
      <c r="D1682" t="s">
        <v>12578</v>
      </c>
      <c r="E1682" t="s">
        <v>17957</v>
      </c>
      <c r="G1682" s="2"/>
    </row>
    <row r="1683" spans="1:7" x14ac:dyDescent="0.25">
      <c r="A1683" s="1">
        <v>1681</v>
      </c>
      <c r="B1683" t="s">
        <v>1685</v>
      </c>
      <c r="C1683" t="s">
        <v>7135</v>
      </c>
      <c r="D1683" t="s">
        <v>12579</v>
      </c>
      <c r="E1683" t="s">
        <v>17958</v>
      </c>
      <c r="G1683" s="2"/>
    </row>
    <row r="1684" spans="1:7" x14ac:dyDescent="0.25">
      <c r="A1684" s="1">
        <v>1682</v>
      </c>
      <c r="B1684" t="s">
        <v>1686</v>
      </c>
      <c r="C1684" t="s">
        <v>7136</v>
      </c>
      <c r="D1684" t="s">
        <v>12580</v>
      </c>
      <c r="E1684" t="s">
        <v>17959</v>
      </c>
      <c r="G1684" s="2"/>
    </row>
    <row r="1685" spans="1:7" x14ac:dyDescent="0.25">
      <c r="A1685" s="1">
        <v>1683</v>
      </c>
      <c r="B1685" t="s">
        <v>1687</v>
      </c>
      <c r="C1685" t="s">
        <v>7137</v>
      </c>
      <c r="D1685" t="s">
        <v>12581</v>
      </c>
      <c r="E1685" t="s">
        <v>17960</v>
      </c>
      <c r="G1685" s="2"/>
    </row>
    <row r="1686" spans="1:7" x14ac:dyDescent="0.25">
      <c r="A1686" s="1">
        <v>1684</v>
      </c>
      <c r="B1686" t="s">
        <v>1688</v>
      </c>
      <c r="C1686" t="s">
        <v>7138</v>
      </c>
      <c r="D1686" t="s">
        <v>12582</v>
      </c>
      <c r="E1686" t="s">
        <v>17961</v>
      </c>
      <c r="G1686" s="2"/>
    </row>
    <row r="1687" spans="1:7" x14ac:dyDescent="0.25">
      <c r="A1687" s="1">
        <v>1685</v>
      </c>
      <c r="B1687" t="s">
        <v>1689</v>
      </c>
      <c r="C1687" t="s">
        <v>7139</v>
      </c>
      <c r="D1687" t="s">
        <v>12583</v>
      </c>
      <c r="E1687" t="s">
        <v>17962</v>
      </c>
      <c r="G1687" s="2"/>
    </row>
    <row r="1688" spans="1:7" x14ac:dyDescent="0.25">
      <c r="A1688" s="1">
        <v>1686</v>
      </c>
      <c r="B1688" t="s">
        <v>1690</v>
      </c>
      <c r="C1688" t="s">
        <v>7140</v>
      </c>
      <c r="D1688" t="s">
        <v>12584</v>
      </c>
      <c r="E1688" t="s">
        <v>17963</v>
      </c>
      <c r="G1688" s="2"/>
    </row>
    <row r="1689" spans="1:7" x14ac:dyDescent="0.25">
      <c r="A1689" s="1">
        <v>1687</v>
      </c>
      <c r="B1689" t="s">
        <v>1691</v>
      </c>
      <c r="C1689" t="s">
        <v>7141</v>
      </c>
      <c r="D1689" t="s">
        <v>12585</v>
      </c>
      <c r="E1689" t="s">
        <v>17964</v>
      </c>
      <c r="G1689" s="2"/>
    </row>
    <row r="1690" spans="1:7" x14ac:dyDescent="0.25">
      <c r="A1690" s="1">
        <v>1688</v>
      </c>
      <c r="B1690" t="s">
        <v>1692</v>
      </c>
      <c r="C1690" t="s">
        <v>7142</v>
      </c>
      <c r="D1690" t="s">
        <v>12586</v>
      </c>
      <c r="E1690" t="s">
        <v>17965</v>
      </c>
      <c r="G1690" s="2"/>
    </row>
    <row r="1691" spans="1:7" x14ac:dyDescent="0.25">
      <c r="A1691" s="1">
        <v>1689</v>
      </c>
      <c r="B1691" t="s">
        <v>1693</v>
      </c>
      <c r="C1691" t="s">
        <v>7143</v>
      </c>
      <c r="D1691" t="s">
        <v>12587</v>
      </c>
      <c r="E1691" t="s">
        <v>17966</v>
      </c>
      <c r="G1691" s="2"/>
    </row>
    <row r="1692" spans="1:7" x14ac:dyDescent="0.25">
      <c r="A1692" s="1">
        <v>1690</v>
      </c>
      <c r="B1692" t="s">
        <v>1694</v>
      </c>
      <c r="C1692" t="s">
        <v>7144</v>
      </c>
      <c r="D1692" t="s">
        <v>12588</v>
      </c>
      <c r="E1692" t="s">
        <v>17967</v>
      </c>
      <c r="G1692" s="2"/>
    </row>
    <row r="1693" spans="1:7" x14ac:dyDescent="0.25">
      <c r="A1693" s="1">
        <v>1691</v>
      </c>
      <c r="B1693" t="s">
        <v>1695</v>
      </c>
      <c r="C1693" t="s">
        <v>7145</v>
      </c>
      <c r="D1693" t="s">
        <v>12589</v>
      </c>
      <c r="E1693" t="s">
        <v>17968</v>
      </c>
      <c r="G1693" s="2"/>
    </row>
    <row r="1694" spans="1:7" x14ac:dyDescent="0.25">
      <c r="A1694" s="1">
        <v>1692</v>
      </c>
      <c r="B1694" t="s">
        <v>1696</v>
      </c>
      <c r="C1694" t="s">
        <v>7146</v>
      </c>
      <c r="D1694" t="s">
        <v>12590</v>
      </c>
      <c r="E1694" t="s">
        <v>17969</v>
      </c>
      <c r="G1694" s="2"/>
    </row>
    <row r="1695" spans="1:7" x14ac:dyDescent="0.25">
      <c r="A1695" s="1">
        <v>1693</v>
      </c>
      <c r="B1695" t="s">
        <v>1697</v>
      </c>
      <c r="C1695" t="s">
        <v>7147</v>
      </c>
      <c r="D1695" t="s">
        <v>12591</v>
      </c>
      <c r="E1695" t="s">
        <v>17970</v>
      </c>
      <c r="G1695" s="2"/>
    </row>
    <row r="1696" spans="1:7" x14ac:dyDescent="0.25">
      <c r="A1696" s="1">
        <v>1694</v>
      </c>
      <c r="B1696" t="s">
        <v>1698</v>
      </c>
      <c r="C1696" t="s">
        <v>7148</v>
      </c>
      <c r="D1696" t="s">
        <v>12592</v>
      </c>
      <c r="E1696" t="s">
        <v>17971</v>
      </c>
      <c r="G1696" s="2"/>
    </row>
    <row r="1697" spans="1:7" x14ac:dyDescent="0.25">
      <c r="A1697" s="1">
        <v>1695</v>
      </c>
      <c r="B1697" t="s">
        <v>1699</v>
      </c>
      <c r="C1697" t="s">
        <v>7149</v>
      </c>
      <c r="D1697" t="s">
        <v>12593</v>
      </c>
      <c r="E1697" t="s">
        <v>17972</v>
      </c>
      <c r="G1697" s="2"/>
    </row>
    <row r="1698" spans="1:7" x14ac:dyDescent="0.25">
      <c r="A1698" s="1">
        <v>1696</v>
      </c>
      <c r="B1698" t="s">
        <v>1700</v>
      </c>
      <c r="C1698" t="s">
        <v>7150</v>
      </c>
      <c r="D1698" t="s">
        <v>12594</v>
      </c>
      <c r="E1698" t="s">
        <v>17973</v>
      </c>
      <c r="G1698" s="2"/>
    </row>
    <row r="1699" spans="1:7" x14ac:dyDescent="0.25">
      <c r="A1699" s="1">
        <v>1697</v>
      </c>
      <c r="B1699" t="s">
        <v>1701</v>
      </c>
      <c r="C1699" t="s">
        <v>7151</v>
      </c>
      <c r="D1699" t="s">
        <v>12595</v>
      </c>
      <c r="E1699" t="s">
        <v>17974</v>
      </c>
      <c r="G1699" s="2"/>
    </row>
    <row r="1700" spans="1:7" x14ac:dyDescent="0.25">
      <c r="A1700" s="1">
        <v>1698</v>
      </c>
      <c r="B1700" t="s">
        <v>1702</v>
      </c>
      <c r="C1700" t="s">
        <v>7152</v>
      </c>
      <c r="D1700" t="s">
        <v>12596</v>
      </c>
      <c r="E1700" t="s">
        <v>17975</v>
      </c>
      <c r="G1700" s="2"/>
    </row>
    <row r="1701" spans="1:7" x14ac:dyDescent="0.25">
      <c r="A1701" s="1">
        <v>1699</v>
      </c>
      <c r="B1701" t="s">
        <v>1703</v>
      </c>
      <c r="C1701" t="s">
        <v>7153</v>
      </c>
      <c r="D1701" t="s">
        <v>12597</v>
      </c>
      <c r="E1701" t="s">
        <v>17976</v>
      </c>
      <c r="G1701" s="2"/>
    </row>
    <row r="1702" spans="1:7" x14ac:dyDescent="0.25">
      <c r="A1702" s="1">
        <v>1700</v>
      </c>
      <c r="B1702" t="s">
        <v>1704</v>
      </c>
      <c r="C1702" t="s">
        <v>7154</v>
      </c>
      <c r="D1702" t="s">
        <v>12598</v>
      </c>
      <c r="E1702" t="s">
        <v>17977</v>
      </c>
      <c r="G1702" s="2"/>
    </row>
    <row r="1703" spans="1:7" x14ac:dyDescent="0.25">
      <c r="A1703" s="1">
        <v>1701</v>
      </c>
      <c r="B1703" t="s">
        <v>1705</v>
      </c>
      <c r="C1703" t="s">
        <v>7155</v>
      </c>
      <c r="D1703" t="s">
        <v>12599</v>
      </c>
      <c r="E1703" t="s">
        <v>17978</v>
      </c>
      <c r="G1703" s="2"/>
    </row>
    <row r="1704" spans="1:7" x14ac:dyDescent="0.25">
      <c r="A1704" s="1">
        <v>1702</v>
      </c>
      <c r="B1704" t="s">
        <v>1706</v>
      </c>
      <c r="C1704" t="s">
        <v>7156</v>
      </c>
      <c r="D1704" t="s">
        <v>12600</v>
      </c>
      <c r="E1704" t="s">
        <v>17979</v>
      </c>
      <c r="G1704" s="2"/>
    </row>
    <row r="1705" spans="1:7" x14ac:dyDescent="0.25">
      <c r="A1705" s="1">
        <v>1703</v>
      </c>
      <c r="B1705" t="s">
        <v>1707</v>
      </c>
      <c r="C1705" t="s">
        <v>7157</v>
      </c>
      <c r="D1705" t="s">
        <v>12601</v>
      </c>
      <c r="E1705" t="s">
        <v>17980</v>
      </c>
      <c r="G1705" s="2"/>
    </row>
    <row r="1706" spans="1:7" x14ac:dyDescent="0.25">
      <c r="A1706" s="1">
        <v>1704</v>
      </c>
      <c r="B1706" t="s">
        <v>1708</v>
      </c>
      <c r="C1706" t="s">
        <v>7158</v>
      </c>
      <c r="D1706" t="s">
        <v>12602</v>
      </c>
      <c r="E1706" t="s">
        <v>17981</v>
      </c>
      <c r="G1706" s="2"/>
    </row>
    <row r="1707" spans="1:7" x14ac:dyDescent="0.25">
      <c r="A1707" s="1">
        <v>1705</v>
      </c>
      <c r="B1707" t="s">
        <v>1709</v>
      </c>
      <c r="C1707" t="s">
        <v>7159</v>
      </c>
      <c r="D1707" t="s">
        <v>12603</v>
      </c>
      <c r="E1707" t="s">
        <v>17982</v>
      </c>
      <c r="G1707" s="2"/>
    </row>
    <row r="1708" spans="1:7" x14ac:dyDescent="0.25">
      <c r="A1708" s="1">
        <v>1706</v>
      </c>
      <c r="B1708" t="s">
        <v>1710</v>
      </c>
      <c r="C1708" t="s">
        <v>7160</v>
      </c>
      <c r="D1708" t="s">
        <v>12604</v>
      </c>
      <c r="E1708" t="s">
        <v>17983</v>
      </c>
      <c r="G1708" s="2"/>
    </row>
    <row r="1709" spans="1:7" x14ac:dyDescent="0.25">
      <c r="A1709" s="1">
        <v>1707</v>
      </c>
      <c r="B1709" t="s">
        <v>1711</v>
      </c>
      <c r="C1709" t="s">
        <v>7161</v>
      </c>
      <c r="D1709" t="s">
        <v>12605</v>
      </c>
      <c r="E1709" t="s">
        <v>17984</v>
      </c>
      <c r="G1709" s="2"/>
    </row>
    <row r="1710" spans="1:7" x14ac:dyDescent="0.25">
      <c r="A1710" s="1">
        <v>1708</v>
      </c>
      <c r="B1710" t="s">
        <v>1712</v>
      </c>
      <c r="C1710" t="s">
        <v>7162</v>
      </c>
      <c r="D1710" t="s">
        <v>12606</v>
      </c>
      <c r="E1710" t="s">
        <v>17985</v>
      </c>
      <c r="G1710" s="2"/>
    </row>
    <row r="1711" spans="1:7" x14ac:dyDescent="0.25">
      <c r="A1711" s="1">
        <v>1709</v>
      </c>
      <c r="B1711" t="s">
        <v>1713</v>
      </c>
      <c r="C1711" t="s">
        <v>7163</v>
      </c>
      <c r="D1711" t="s">
        <v>12607</v>
      </c>
      <c r="E1711" t="s">
        <v>17986</v>
      </c>
      <c r="G1711" s="2"/>
    </row>
    <row r="1712" spans="1:7" x14ac:dyDescent="0.25">
      <c r="A1712" s="1">
        <v>1710</v>
      </c>
      <c r="B1712" t="s">
        <v>1714</v>
      </c>
      <c r="C1712" t="s">
        <v>7164</v>
      </c>
      <c r="D1712" t="s">
        <v>12608</v>
      </c>
      <c r="E1712" t="s">
        <v>17987</v>
      </c>
      <c r="G1712" s="2"/>
    </row>
    <row r="1713" spans="1:7" x14ac:dyDescent="0.25">
      <c r="A1713" s="1">
        <v>1711</v>
      </c>
      <c r="B1713" t="s">
        <v>1715</v>
      </c>
      <c r="C1713" t="s">
        <v>7165</v>
      </c>
      <c r="D1713" t="s">
        <v>12609</v>
      </c>
      <c r="E1713" t="s">
        <v>17988</v>
      </c>
      <c r="G1713" s="2"/>
    </row>
    <row r="1714" spans="1:7" x14ac:dyDescent="0.25">
      <c r="A1714" s="1">
        <v>1712</v>
      </c>
      <c r="B1714" t="s">
        <v>1716</v>
      </c>
      <c r="C1714" t="s">
        <v>7166</v>
      </c>
      <c r="D1714" t="s">
        <v>12610</v>
      </c>
      <c r="E1714" t="s">
        <v>17989</v>
      </c>
      <c r="G1714" s="2"/>
    </row>
    <row r="1715" spans="1:7" x14ac:dyDescent="0.25">
      <c r="A1715" s="1">
        <v>1713</v>
      </c>
      <c r="B1715" t="s">
        <v>1717</v>
      </c>
      <c r="C1715" t="s">
        <v>7167</v>
      </c>
      <c r="D1715" t="s">
        <v>12611</v>
      </c>
      <c r="E1715" t="s">
        <v>17990</v>
      </c>
      <c r="G1715" s="2"/>
    </row>
    <row r="1716" spans="1:7" x14ac:dyDescent="0.25">
      <c r="A1716" s="1">
        <v>1714</v>
      </c>
      <c r="B1716" t="s">
        <v>1718</v>
      </c>
      <c r="C1716" t="s">
        <v>7168</v>
      </c>
      <c r="D1716" t="s">
        <v>12612</v>
      </c>
      <c r="E1716" t="s">
        <v>17991</v>
      </c>
      <c r="G1716" s="2"/>
    </row>
    <row r="1717" spans="1:7" x14ac:dyDescent="0.25">
      <c r="A1717" s="1">
        <v>1715</v>
      </c>
      <c r="B1717" t="s">
        <v>1719</v>
      </c>
      <c r="C1717" t="s">
        <v>7169</v>
      </c>
      <c r="D1717" t="s">
        <v>12613</v>
      </c>
      <c r="E1717" t="s">
        <v>17992</v>
      </c>
      <c r="G1717" s="2"/>
    </row>
    <row r="1718" spans="1:7" x14ac:dyDescent="0.25">
      <c r="A1718" s="1">
        <v>1716</v>
      </c>
      <c r="B1718" t="s">
        <v>1720</v>
      </c>
      <c r="C1718" t="s">
        <v>7170</v>
      </c>
      <c r="D1718" t="s">
        <v>12614</v>
      </c>
      <c r="E1718" t="s">
        <v>17993</v>
      </c>
      <c r="G1718" s="2"/>
    </row>
    <row r="1719" spans="1:7" x14ac:dyDescent="0.25">
      <c r="A1719" s="1">
        <v>1717</v>
      </c>
      <c r="B1719" t="s">
        <v>1721</v>
      </c>
      <c r="C1719" t="s">
        <v>7171</v>
      </c>
      <c r="D1719" t="s">
        <v>12615</v>
      </c>
      <c r="E1719" t="s">
        <v>17994</v>
      </c>
      <c r="G1719" s="2"/>
    </row>
    <row r="1720" spans="1:7" x14ac:dyDescent="0.25">
      <c r="A1720" s="1">
        <v>1718</v>
      </c>
      <c r="B1720" t="s">
        <v>1722</v>
      </c>
      <c r="C1720" t="s">
        <v>7172</v>
      </c>
      <c r="D1720" t="s">
        <v>12616</v>
      </c>
      <c r="E1720" t="s">
        <v>17995</v>
      </c>
      <c r="G1720" s="2"/>
    </row>
    <row r="1721" spans="1:7" x14ac:dyDescent="0.25">
      <c r="A1721" s="1">
        <v>1719</v>
      </c>
      <c r="B1721" t="s">
        <v>1723</v>
      </c>
      <c r="C1721" t="s">
        <v>7173</v>
      </c>
      <c r="D1721" t="s">
        <v>12617</v>
      </c>
      <c r="E1721" t="s">
        <v>17996</v>
      </c>
      <c r="G1721" s="2"/>
    </row>
    <row r="1722" spans="1:7" x14ac:dyDescent="0.25">
      <c r="A1722" s="1">
        <v>1720</v>
      </c>
      <c r="B1722" t="s">
        <v>1724</v>
      </c>
      <c r="C1722" t="s">
        <v>7174</v>
      </c>
      <c r="D1722" t="s">
        <v>12618</v>
      </c>
      <c r="E1722" t="s">
        <v>16620</v>
      </c>
      <c r="G1722" s="2"/>
    </row>
    <row r="1723" spans="1:7" x14ac:dyDescent="0.25">
      <c r="A1723" s="1">
        <v>1721</v>
      </c>
      <c r="B1723" t="s">
        <v>1725</v>
      </c>
      <c r="C1723" t="s">
        <v>7175</v>
      </c>
      <c r="D1723" t="s">
        <v>12619</v>
      </c>
      <c r="E1723" t="s">
        <v>17997</v>
      </c>
      <c r="G1723" s="2"/>
    </row>
    <row r="1724" spans="1:7" x14ac:dyDescent="0.25">
      <c r="A1724" s="1">
        <v>1722</v>
      </c>
      <c r="B1724" t="s">
        <v>1726</v>
      </c>
      <c r="C1724" t="s">
        <v>7176</v>
      </c>
      <c r="D1724" t="s">
        <v>12620</v>
      </c>
      <c r="E1724" t="s">
        <v>17998</v>
      </c>
      <c r="G1724" s="2"/>
    </row>
    <row r="1725" spans="1:7" x14ac:dyDescent="0.25">
      <c r="A1725" s="1">
        <v>1723</v>
      </c>
      <c r="B1725" t="s">
        <v>1727</v>
      </c>
      <c r="C1725" t="s">
        <v>7177</v>
      </c>
      <c r="D1725" t="s">
        <v>12621</v>
      </c>
      <c r="E1725" t="s">
        <v>17999</v>
      </c>
      <c r="G1725" s="2"/>
    </row>
    <row r="1726" spans="1:7" x14ac:dyDescent="0.25">
      <c r="A1726" s="1">
        <v>1724</v>
      </c>
      <c r="B1726" t="s">
        <v>1728</v>
      </c>
      <c r="C1726" t="s">
        <v>7178</v>
      </c>
      <c r="D1726" t="s">
        <v>12622</v>
      </c>
      <c r="E1726" t="s">
        <v>18000</v>
      </c>
      <c r="G1726" s="2"/>
    </row>
    <row r="1727" spans="1:7" x14ac:dyDescent="0.25">
      <c r="A1727" s="1">
        <v>1725</v>
      </c>
      <c r="B1727" t="s">
        <v>1729</v>
      </c>
      <c r="C1727" t="s">
        <v>7179</v>
      </c>
      <c r="D1727" t="s">
        <v>12623</v>
      </c>
      <c r="E1727" t="s">
        <v>18001</v>
      </c>
      <c r="G1727" s="2"/>
    </row>
    <row r="1728" spans="1:7" x14ac:dyDescent="0.25">
      <c r="A1728" s="1">
        <v>1726</v>
      </c>
      <c r="B1728" t="s">
        <v>1730</v>
      </c>
      <c r="C1728" t="s">
        <v>7180</v>
      </c>
      <c r="D1728" t="s">
        <v>12624</v>
      </c>
      <c r="E1728" t="s">
        <v>18002</v>
      </c>
      <c r="G1728" s="2"/>
    </row>
    <row r="1729" spans="1:7" x14ac:dyDescent="0.25">
      <c r="A1729" s="1">
        <v>1727</v>
      </c>
      <c r="B1729" t="s">
        <v>1731</v>
      </c>
      <c r="C1729" t="s">
        <v>7181</v>
      </c>
      <c r="D1729" t="s">
        <v>12625</v>
      </c>
      <c r="E1729" t="s">
        <v>18003</v>
      </c>
      <c r="G1729" s="2"/>
    </row>
    <row r="1730" spans="1:7" x14ac:dyDescent="0.25">
      <c r="A1730" s="1">
        <v>1728</v>
      </c>
      <c r="B1730" t="s">
        <v>1732</v>
      </c>
      <c r="C1730" t="s">
        <v>7182</v>
      </c>
      <c r="D1730" t="s">
        <v>12626</v>
      </c>
      <c r="E1730" t="s">
        <v>18004</v>
      </c>
      <c r="G1730" s="2"/>
    </row>
    <row r="1731" spans="1:7" x14ac:dyDescent="0.25">
      <c r="A1731" s="1">
        <v>1729</v>
      </c>
      <c r="B1731" t="s">
        <v>1733</v>
      </c>
      <c r="C1731" t="s">
        <v>7183</v>
      </c>
      <c r="D1731" t="s">
        <v>12627</v>
      </c>
      <c r="E1731" t="s">
        <v>18005</v>
      </c>
      <c r="G1731" s="2"/>
    </row>
    <row r="1732" spans="1:7" x14ac:dyDescent="0.25">
      <c r="A1732" s="1">
        <v>1730</v>
      </c>
      <c r="B1732" t="s">
        <v>1734</v>
      </c>
      <c r="C1732" t="s">
        <v>7184</v>
      </c>
      <c r="D1732" t="s">
        <v>12628</v>
      </c>
      <c r="E1732" t="s">
        <v>16347</v>
      </c>
      <c r="G1732" s="2"/>
    </row>
    <row r="1733" spans="1:7" x14ac:dyDescent="0.25">
      <c r="A1733" s="1">
        <v>1731</v>
      </c>
      <c r="B1733" t="s">
        <v>1735</v>
      </c>
      <c r="C1733" t="s">
        <v>7185</v>
      </c>
      <c r="D1733" t="s">
        <v>12629</v>
      </c>
      <c r="E1733" t="s">
        <v>18006</v>
      </c>
      <c r="G1733" s="2"/>
    </row>
    <row r="1734" spans="1:7" x14ac:dyDescent="0.25">
      <c r="A1734" s="1">
        <v>1732</v>
      </c>
      <c r="B1734" t="s">
        <v>1736</v>
      </c>
      <c r="C1734" t="s">
        <v>7186</v>
      </c>
      <c r="D1734" t="s">
        <v>12630</v>
      </c>
      <c r="E1734" t="s">
        <v>18007</v>
      </c>
      <c r="G1734" s="2"/>
    </row>
    <row r="1735" spans="1:7" x14ac:dyDescent="0.25">
      <c r="A1735" s="1">
        <v>1733</v>
      </c>
      <c r="B1735" t="s">
        <v>1737</v>
      </c>
      <c r="C1735" t="s">
        <v>7187</v>
      </c>
      <c r="D1735" t="s">
        <v>12631</v>
      </c>
      <c r="E1735" t="s">
        <v>18008</v>
      </c>
      <c r="G1735" s="2"/>
    </row>
    <row r="1736" spans="1:7" x14ac:dyDescent="0.25">
      <c r="A1736" s="1">
        <v>1734</v>
      </c>
      <c r="B1736" t="s">
        <v>1738</v>
      </c>
      <c r="C1736" t="s">
        <v>7188</v>
      </c>
      <c r="D1736" t="s">
        <v>12632</v>
      </c>
      <c r="E1736" t="s">
        <v>18009</v>
      </c>
      <c r="G1736" s="2"/>
    </row>
    <row r="1737" spans="1:7" x14ac:dyDescent="0.25">
      <c r="A1737" s="1">
        <v>1735</v>
      </c>
      <c r="B1737" t="s">
        <v>1739</v>
      </c>
      <c r="C1737" t="s">
        <v>7189</v>
      </c>
      <c r="D1737" t="s">
        <v>12633</v>
      </c>
      <c r="E1737" t="s">
        <v>18010</v>
      </c>
      <c r="G1737" s="2"/>
    </row>
    <row r="1738" spans="1:7" x14ac:dyDescent="0.25">
      <c r="A1738" s="1">
        <v>1736</v>
      </c>
      <c r="B1738" t="s">
        <v>1740</v>
      </c>
      <c r="C1738" t="s">
        <v>7190</v>
      </c>
      <c r="D1738" t="s">
        <v>12634</v>
      </c>
      <c r="E1738" t="s">
        <v>18011</v>
      </c>
      <c r="G1738" s="2"/>
    </row>
    <row r="1739" spans="1:7" x14ac:dyDescent="0.25">
      <c r="A1739" s="1">
        <v>1737</v>
      </c>
      <c r="B1739" t="s">
        <v>1741</v>
      </c>
      <c r="C1739" t="s">
        <v>7191</v>
      </c>
      <c r="D1739" t="s">
        <v>12635</v>
      </c>
      <c r="E1739" t="s">
        <v>18012</v>
      </c>
      <c r="G1739" s="2"/>
    </row>
    <row r="1740" spans="1:7" x14ac:dyDescent="0.25">
      <c r="A1740" s="1">
        <v>1738</v>
      </c>
      <c r="B1740" t="s">
        <v>1742</v>
      </c>
      <c r="C1740" t="s">
        <v>7192</v>
      </c>
      <c r="D1740" t="s">
        <v>12636</v>
      </c>
      <c r="E1740" t="s">
        <v>18013</v>
      </c>
      <c r="G1740" s="2"/>
    </row>
    <row r="1741" spans="1:7" x14ac:dyDescent="0.25">
      <c r="A1741" s="1">
        <v>1739</v>
      </c>
      <c r="B1741" t="s">
        <v>1743</v>
      </c>
      <c r="C1741" t="s">
        <v>7193</v>
      </c>
      <c r="D1741" t="s">
        <v>12637</v>
      </c>
      <c r="E1741" t="s">
        <v>18014</v>
      </c>
      <c r="G1741" s="2"/>
    </row>
    <row r="1742" spans="1:7" x14ac:dyDescent="0.25">
      <c r="A1742" s="1">
        <v>1740</v>
      </c>
      <c r="B1742" t="s">
        <v>1744</v>
      </c>
      <c r="C1742" t="s">
        <v>7194</v>
      </c>
      <c r="D1742" t="s">
        <v>12638</v>
      </c>
      <c r="E1742" t="s">
        <v>18015</v>
      </c>
      <c r="G1742" s="2"/>
    </row>
    <row r="1743" spans="1:7" x14ac:dyDescent="0.25">
      <c r="A1743" s="1">
        <v>1741</v>
      </c>
      <c r="B1743" t="s">
        <v>1745</v>
      </c>
      <c r="C1743" t="s">
        <v>7195</v>
      </c>
      <c r="D1743" t="s">
        <v>12639</v>
      </c>
      <c r="E1743" t="s">
        <v>18016</v>
      </c>
      <c r="G1743" s="2"/>
    </row>
    <row r="1744" spans="1:7" x14ac:dyDescent="0.25">
      <c r="A1744" s="1">
        <v>1742</v>
      </c>
      <c r="B1744" t="s">
        <v>1746</v>
      </c>
      <c r="C1744" t="s">
        <v>7196</v>
      </c>
      <c r="D1744" t="s">
        <v>12640</v>
      </c>
      <c r="E1744" t="s">
        <v>18017</v>
      </c>
      <c r="G1744" s="2"/>
    </row>
    <row r="1745" spans="1:7" x14ac:dyDescent="0.25">
      <c r="A1745" s="1">
        <v>1743</v>
      </c>
      <c r="B1745" t="s">
        <v>1747</v>
      </c>
      <c r="C1745" t="s">
        <v>7197</v>
      </c>
      <c r="D1745" t="s">
        <v>12641</v>
      </c>
      <c r="E1745" t="s">
        <v>17845</v>
      </c>
      <c r="G1745" s="2"/>
    </row>
    <row r="1746" spans="1:7" x14ac:dyDescent="0.25">
      <c r="A1746" s="1">
        <v>1744</v>
      </c>
      <c r="B1746" t="s">
        <v>1748</v>
      </c>
      <c r="C1746" t="s">
        <v>7198</v>
      </c>
      <c r="D1746" t="s">
        <v>12642</v>
      </c>
      <c r="E1746" t="s">
        <v>18018</v>
      </c>
      <c r="G1746" s="2"/>
    </row>
    <row r="1747" spans="1:7" x14ac:dyDescent="0.25">
      <c r="A1747" s="1">
        <v>1745</v>
      </c>
      <c r="B1747" t="s">
        <v>1749</v>
      </c>
      <c r="C1747" t="s">
        <v>7199</v>
      </c>
      <c r="D1747" t="s">
        <v>12643</v>
      </c>
      <c r="E1747" t="s">
        <v>18019</v>
      </c>
      <c r="G1747" s="2"/>
    </row>
    <row r="1748" spans="1:7" x14ac:dyDescent="0.25">
      <c r="A1748" s="1">
        <v>1746</v>
      </c>
      <c r="B1748" t="s">
        <v>1750</v>
      </c>
      <c r="C1748" t="s">
        <v>7200</v>
      </c>
      <c r="D1748" t="s">
        <v>12644</v>
      </c>
      <c r="E1748" t="s">
        <v>18020</v>
      </c>
      <c r="G1748" s="2"/>
    </row>
    <row r="1749" spans="1:7" x14ac:dyDescent="0.25">
      <c r="A1749" s="1">
        <v>1747</v>
      </c>
      <c r="B1749" t="s">
        <v>1751</v>
      </c>
      <c r="C1749" t="s">
        <v>7201</v>
      </c>
      <c r="D1749" t="s">
        <v>12645</v>
      </c>
      <c r="E1749" t="s">
        <v>18021</v>
      </c>
      <c r="G1749" s="2"/>
    </row>
    <row r="1750" spans="1:7" x14ac:dyDescent="0.25">
      <c r="A1750" s="1">
        <v>1748</v>
      </c>
      <c r="B1750" t="s">
        <v>1752</v>
      </c>
      <c r="C1750" t="s">
        <v>7202</v>
      </c>
      <c r="D1750" t="s">
        <v>12646</v>
      </c>
      <c r="E1750" t="s">
        <v>18022</v>
      </c>
      <c r="G1750" s="2"/>
    </row>
    <row r="1751" spans="1:7" x14ac:dyDescent="0.25">
      <c r="A1751" s="1">
        <v>1749</v>
      </c>
      <c r="B1751" t="s">
        <v>1753</v>
      </c>
      <c r="C1751" t="s">
        <v>7203</v>
      </c>
      <c r="D1751" t="s">
        <v>12647</v>
      </c>
      <c r="E1751" t="s">
        <v>18023</v>
      </c>
      <c r="G1751" s="2"/>
    </row>
    <row r="1752" spans="1:7" x14ac:dyDescent="0.25">
      <c r="A1752" s="1">
        <v>1750</v>
      </c>
      <c r="B1752" t="s">
        <v>1754</v>
      </c>
      <c r="C1752" t="s">
        <v>7204</v>
      </c>
      <c r="D1752" t="s">
        <v>12648</v>
      </c>
      <c r="E1752" t="s">
        <v>18024</v>
      </c>
      <c r="G1752" s="2"/>
    </row>
    <row r="1753" spans="1:7" x14ac:dyDescent="0.25">
      <c r="A1753" s="1">
        <v>1751</v>
      </c>
      <c r="B1753" t="s">
        <v>1755</v>
      </c>
      <c r="C1753" t="s">
        <v>7205</v>
      </c>
      <c r="D1753" t="s">
        <v>12649</v>
      </c>
      <c r="E1753" t="s">
        <v>18025</v>
      </c>
      <c r="G1753" s="2"/>
    </row>
    <row r="1754" spans="1:7" x14ac:dyDescent="0.25">
      <c r="A1754" s="1">
        <v>1752</v>
      </c>
      <c r="B1754" t="s">
        <v>1756</v>
      </c>
      <c r="C1754" t="s">
        <v>7206</v>
      </c>
      <c r="D1754" t="s">
        <v>12650</v>
      </c>
      <c r="E1754" t="s">
        <v>18026</v>
      </c>
      <c r="G1754" s="2"/>
    </row>
    <row r="1755" spans="1:7" x14ac:dyDescent="0.25">
      <c r="A1755" s="1">
        <v>1753</v>
      </c>
      <c r="B1755" t="s">
        <v>1757</v>
      </c>
      <c r="C1755" t="s">
        <v>7207</v>
      </c>
      <c r="D1755" t="s">
        <v>12651</v>
      </c>
      <c r="E1755" t="s">
        <v>18027</v>
      </c>
      <c r="G1755" s="2"/>
    </row>
    <row r="1756" spans="1:7" x14ac:dyDescent="0.25">
      <c r="A1756" s="1">
        <v>1754</v>
      </c>
      <c r="B1756" t="s">
        <v>1758</v>
      </c>
      <c r="C1756" t="s">
        <v>7208</v>
      </c>
      <c r="D1756" t="s">
        <v>12652</v>
      </c>
      <c r="E1756" t="s">
        <v>18028</v>
      </c>
      <c r="G1756" s="2"/>
    </row>
    <row r="1757" spans="1:7" x14ac:dyDescent="0.25">
      <c r="A1757" s="1">
        <v>1755</v>
      </c>
      <c r="B1757" t="s">
        <v>1759</v>
      </c>
      <c r="C1757" t="s">
        <v>7209</v>
      </c>
      <c r="D1757" t="s">
        <v>12653</v>
      </c>
      <c r="E1757" t="s">
        <v>18029</v>
      </c>
      <c r="G1757" s="2"/>
    </row>
    <row r="1758" spans="1:7" x14ac:dyDescent="0.25">
      <c r="A1758" s="1">
        <v>1756</v>
      </c>
      <c r="B1758" t="s">
        <v>1760</v>
      </c>
      <c r="C1758" t="s">
        <v>7210</v>
      </c>
      <c r="D1758" t="s">
        <v>12654</v>
      </c>
      <c r="E1758" t="s">
        <v>18030</v>
      </c>
      <c r="G1758" s="2"/>
    </row>
    <row r="1759" spans="1:7" x14ac:dyDescent="0.25">
      <c r="A1759" s="1">
        <v>1757</v>
      </c>
      <c r="B1759" t="s">
        <v>1761</v>
      </c>
      <c r="C1759" t="s">
        <v>7211</v>
      </c>
      <c r="D1759" t="s">
        <v>12655</v>
      </c>
      <c r="E1759" t="s">
        <v>18031</v>
      </c>
      <c r="G1759" s="2"/>
    </row>
    <row r="1760" spans="1:7" x14ac:dyDescent="0.25">
      <c r="A1760" s="1">
        <v>1758</v>
      </c>
      <c r="B1760" t="s">
        <v>1762</v>
      </c>
      <c r="C1760" t="s">
        <v>7212</v>
      </c>
      <c r="D1760" t="s">
        <v>12656</v>
      </c>
      <c r="E1760" t="s">
        <v>18032</v>
      </c>
      <c r="G1760" s="2"/>
    </row>
    <row r="1761" spans="1:7" x14ac:dyDescent="0.25">
      <c r="A1761" s="1">
        <v>1759</v>
      </c>
      <c r="B1761" t="s">
        <v>1763</v>
      </c>
      <c r="C1761" t="s">
        <v>7213</v>
      </c>
      <c r="D1761" t="s">
        <v>12657</v>
      </c>
      <c r="E1761" t="s">
        <v>18033</v>
      </c>
      <c r="G1761" s="2"/>
    </row>
    <row r="1762" spans="1:7" x14ac:dyDescent="0.25">
      <c r="A1762" s="1">
        <v>1760</v>
      </c>
      <c r="B1762" t="s">
        <v>1764</v>
      </c>
      <c r="C1762" t="s">
        <v>7214</v>
      </c>
      <c r="D1762" t="s">
        <v>12658</v>
      </c>
      <c r="E1762" t="s">
        <v>18034</v>
      </c>
      <c r="G1762" s="2"/>
    </row>
    <row r="1763" spans="1:7" x14ac:dyDescent="0.25">
      <c r="A1763" s="1">
        <v>1761</v>
      </c>
      <c r="B1763" t="s">
        <v>1765</v>
      </c>
      <c r="C1763" t="s">
        <v>7215</v>
      </c>
      <c r="D1763" t="s">
        <v>12659</v>
      </c>
      <c r="E1763" t="s">
        <v>18035</v>
      </c>
      <c r="G1763" s="2"/>
    </row>
    <row r="1764" spans="1:7" x14ac:dyDescent="0.25">
      <c r="A1764" s="1">
        <v>1762</v>
      </c>
      <c r="B1764" t="s">
        <v>1766</v>
      </c>
      <c r="C1764" t="s">
        <v>7216</v>
      </c>
      <c r="D1764" t="s">
        <v>12660</v>
      </c>
      <c r="E1764" t="s">
        <v>18036</v>
      </c>
      <c r="G1764" s="2"/>
    </row>
    <row r="1765" spans="1:7" x14ac:dyDescent="0.25">
      <c r="A1765" s="1">
        <v>1763</v>
      </c>
      <c r="B1765" t="s">
        <v>1767</v>
      </c>
      <c r="C1765" t="s">
        <v>7217</v>
      </c>
      <c r="D1765" t="s">
        <v>12661</v>
      </c>
      <c r="E1765" t="s">
        <v>18037</v>
      </c>
      <c r="G1765" s="2"/>
    </row>
    <row r="1766" spans="1:7" x14ac:dyDescent="0.25">
      <c r="A1766" s="1">
        <v>1764</v>
      </c>
      <c r="B1766" t="s">
        <v>1768</v>
      </c>
      <c r="C1766" t="s">
        <v>7218</v>
      </c>
      <c r="D1766" t="s">
        <v>12662</v>
      </c>
      <c r="E1766" t="s">
        <v>18038</v>
      </c>
      <c r="G1766" s="2"/>
    </row>
    <row r="1767" spans="1:7" x14ac:dyDescent="0.25">
      <c r="A1767" s="1">
        <v>1765</v>
      </c>
      <c r="B1767" t="s">
        <v>1769</v>
      </c>
      <c r="C1767" t="s">
        <v>7219</v>
      </c>
      <c r="D1767" t="s">
        <v>12663</v>
      </c>
      <c r="E1767" t="s">
        <v>18039</v>
      </c>
      <c r="G1767" s="2"/>
    </row>
    <row r="1768" spans="1:7" x14ac:dyDescent="0.25">
      <c r="A1768" s="1">
        <v>1766</v>
      </c>
      <c r="B1768" t="s">
        <v>1770</v>
      </c>
      <c r="C1768" t="s">
        <v>7220</v>
      </c>
      <c r="D1768" t="s">
        <v>12664</v>
      </c>
      <c r="E1768" t="s">
        <v>18040</v>
      </c>
      <c r="G1768" s="2"/>
    </row>
    <row r="1769" spans="1:7" x14ac:dyDescent="0.25">
      <c r="A1769" s="1">
        <v>1767</v>
      </c>
      <c r="B1769" t="s">
        <v>1771</v>
      </c>
      <c r="C1769" t="s">
        <v>7221</v>
      </c>
      <c r="D1769" t="s">
        <v>12665</v>
      </c>
      <c r="E1769" t="s">
        <v>18041</v>
      </c>
      <c r="G1769" s="2"/>
    </row>
    <row r="1770" spans="1:7" x14ac:dyDescent="0.25">
      <c r="A1770" s="1">
        <v>1768</v>
      </c>
      <c r="B1770" t="s">
        <v>1772</v>
      </c>
      <c r="C1770" t="s">
        <v>7222</v>
      </c>
      <c r="D1770" t="s">
        <v>12666</v>
      </c>
      <c r="E1770" t="s">
        <v>18042</v>
      </c>
      <c r="G1770" s="2"/>
    </row>
    <row r="1771" spans="1:7" x14ac:dyDescent="0.25">
      <c r="A1771" s="1">
        <v>1769</v>
      </c>
      <c r="B1771" t="s">
        <v>1773</v>
      </c>
      <c r="C1771" t="s">
        <v>7223</v>
      </c>
      <c r="D1771" t="s">
        <v>12667</v>
      </c>
      <c r="E1771" t="s">
        <v>18043</v>
      </c>
      <c r="G1771" s="2"/>
    </row>
    <row r="1772" spans="1:7" x14ac:dyDescent="0.25">
      <c r="A1772" s="1">
        <v>1770</v>
      </c>
      <c r="B1772" t="s">
        <v>1774</v>
      </c>
      <c r="C1772" t="s">
        <v>7224</v>
      </c>
      <c r="D1772" t="s">
        <v>12668</v>
      </c>
      <c r="E1772" t="s">
        <v>18044</v>
      </c>
      <c r="G1772" s="2"/>
    </row>
    <row r="1773" spans="1:7" x14ac:dyDescent="0.25">
      <c r="A1773" s="1">
        <v>1771</v>
      </c>
      <c r="B1773" t="s">
        <v>1775</v>
      </c>
      <c r="C1773" t="s">
        <v>7225</v>
      </c>
      <c r="D1773" t="s">
        <v>12669</v>
      </c>
      <c r="E1773" t="s">
        <v>18045</v>
      </c>
      <c r="G1773" s="2"/>
    </row>
    <row r="1774" spans="1:7" x14ac:dyDescent="0.25">
      <c r="A1774" s="1">
        <v>1772</v>
      </c>
      <c r="B1774" t="s">
        <v>1776</v>
      </c>
      <c r="C1774" t="s">
        <v>7226</v>
      </c>
      <c r="D1774" t="s">
        <v>12670</v>
      </c>
      <c r="E1774" t="s">
        <v>18046</v>
      </c>
      <c r="G1774" s="2"/>
    </row>
    <row r="1775" spans="1:7" x14ac:dyDescent="0.25">
      <c r="A1775" s="1">
        <v>1773</v>
      </c>
      <c r="B1775" t="s">
        <v>1777</v>
      </c>
      <c r="C1775" t="s">
        <v>7227</v>
      </c>
      <c r="D1775" t="s">
        <v>12671</v>
      </c>
      <c r="E1775" t="s">
        <v>18047</v>
      </c>
      <c r="G1775" s="2"/>
    </row>
    <row r="1776" spans="1:7" x14ac:dyDescent="0.25">
      <c r="A1776" s="1">
        <v>1774</v>
      </c>
      <c r="B1776" t="s">
        <v>1778</v>
      </c>
      <c r="C1776" t="s">
        <v>7228</v>
      </c>
      <c r="D1776" t="s">
        <v>12672</v>
      </c>
      <c r="E1776" t="s">
        <v>18048</v>
      </c>
      <c r="G1776" s="2"/>
    </row>
    <row r="1777" spans="1:7" x14ac:dyDescent="0.25">
      <c r="A1777" s="1">
        <v>1775</v>
      </c>
      <c r="B1777" t="s">
        <v>1779</v>
      </c>
      <c r="C1777" t="s">
        <v>7229</v>
      </c>
      <c r="D1777" t="s">
        <v>12673</v>
      </c>
      <c r="E1777" t="s">
        <v>18049</v>
      </c>
      <c r="G1777" s="2"/>
    </row>
    <row r="1778" spans="1:7" x14ac:dyDescent="0.25">
      <c r="A1778" s="1">
        <v>1776</v>
      </c>
      <c r="B1778" t="s">
        <v>1780</v>
      </c>
      <c r="C1778" t="s">
        <v>7230</v>
      </c>
      <c r="D1778" t="s">
        <v>12674</v>
      </c>
      <c r="E1778" t="s">
        <v>18050</v>
      </c>
      <c r="G1778" s="2"/>
    </row>
    <row r="1779" spans="1:7" x14ac:dyDescent="0.25">
      <c r="A1779" s="1">
        <v>1777</v>
      </c>
      <c r="B1779" t="s">
        <v>1781</v>
      </c>
      <c r="C1779" t="s">
        <v>7231</v>
      </c>
      <c r="D1779" t="s">
        <v>12675</v>
      </c>
      <c r="E1779" t="s">
        <v>18051</v>
      </c>
      <c r="G1779" s="2"/>
    </row>
    <row r="1780" spans="1:7" x14ac:dyDescent="0.25">
      <c r="A1780" s="1">
        <v>1778</v>
      </c>
      <c r="B1780" t="s">
        <v>1782</v>
      </c>
      <c r="C1780" t="s">
        <v>7232</v>
      </c>
      <c r="D1780" t="s">
        <v>12676</v>
      </c>
      <c r="E1780" t="s">
        <v>18052</v>
      </c>
      <c r="G1780" s="2"/>
    </row>
    <row r="1781" spans="1:7" x14ac:dyDescent="0.25">
      <c r="A1781" s="1">
        <v>1779</v>
      </c>
      <c r="B1781" t="s">
        <v>1783</v>
      </c>
      <c r="C1781" t="s">
        <v>7233</v>
      </c>
      <c r="D1781" t="s">
        <v>12677</v>
      </c>
      <c r="E1781" t="s">
        <v>18053</v>
      </c>
      <c r="G1781" s="2"/>
    </row>
    <row r="1782" spans="1:7" x14ac:dyDescent="0.25">
      <c r="A1782" s="1">
        <v>1780</v>
      </c>
      <c r="B1782" t="s">
        <v>1784</v>
      </c>
      <c r="C1782" t="s">
        <v>7234</v>
      </c>
      <c r="D1782" t="s">
        <v>12678</v>
      </c>
      <c r="E1782" t="s">
        <v>18054</v>
      </c>
      <c r="G1782" s="2"/>
    </row>
    <row r="1783" spans="1:7" x14ac:dyDescent="0.25">
      <c r="A1783" s="1">
        <v>1781</v>
      </c>
      <c r="B1783" t="s">
        <v>1785</v>
      </c>
      <c r="C1783" t="s">
        <v>7235</v>
      </c>
      <c r="D1783" t="s">
        <v>12679</v>
      </c>
      <c r="E1783" t="s">
        <v>18055</v>
      </c>
      <c r="G1783" s="2"/>
    </row>
    <row r="1784" spans="1:7" x14ac:dyDescent="0.25">
      <c r="A1784" s="1">
        <v>1782</v>
      </c>
      <c r="B1784" t="s">
        <v>1786</v>
      </c>
      <c r="C1784" t="s">
        <v>7236</v>
      </c>
      <c r="D1784" t="s">
        <v>12680</v>
      </c>
      <c r="E1784" t="s">
        <v>18056</v>
      </c>
      <c r="G1784" s="2"/>
    </row>
    <row r="1785" spans="1:7" x14ac:dyDescent="0.25">
      <c r="A1785" s="1">
        <v>1783</v>
      </c>
      <c r="B1785" t="s">
        <v>1787</v>
      </c>
      <c r="C1785" t="s">
        <v>7237</v>
      </c>
      <c r="D1785" t="s">
        <v>12681</v>
      </c>
      <c r="E1785" t="s">
        <v>18057</v>
      </c>
      <c r="G1785" s="2"/>
    </row>
    <row r="1786" spans="1:7" x14ac:dyDescent="0.25">
      <c r="A1786" s="1">
        <v>1784</v>
      </c>
      <c r="B1786" t="s">
        <v>1788</v>
      </c>
      <c r="C1786" t="s">
        <v>7238</v>
      </c>
      <c r="D1786" t="s">
        <v>12682</v>
      </c>
      <c r="E1786" t="s">
        <v>18058</v>
      </c>
      <c r="G1786" s="2"/>
    </row>
    <row r="1787" spans="1:7" x14ac:dyDescent="0.25">
      <c r="A1787" s="1">
        <v>1785</v>
      </c>
      <c r="B1787" t="s">
        <v>1789</v>
      </c>
      <c r="C1787" t="s">
        <v>7239</v>
      </c>
      <c r="D1787" t="s">
        <v>12683</v>
      </c>
      <c r="E1787" t="s">
        <v>18059</v>
      </c>
      <c r="G1787" s="2"/>
    </row>
    <row r="1788" spans="1:7" x14ac:dyDescent="0.25">
      <c r="A1788" s="1">
        <v>1786</v>
      </c>
      <c r="B1788" t="s">
        <v>1790</v>
      </c>
      <c r="C1788" t="s">
        <v>7240</v>
      </c>
      <c r="D1788" t="s">
        <v>12684</v>
      </c>
      <c r="E1788" t="s">
        <v>18060</v>
      </c>
      <c r="G1788" s="2"/>
    </row>
    <row r="1789" spans="1:7" x14ac:dyDescent="0.25">
      <c r="A1789" s="1">
        <v>1787</v>
      </c>
      <c r="B1789" t="s">
        <v>1791</v>
      </c>
      <c r="C1789" t="s">
        <v>7241</v>
      </c>
      <c r="D1789" t="s">
        <v>12685</v>
      </c>
      <c r="E1789" t="s">
        <v>18061</v>
      </c>
      <c r="G1789" s="2"/>
    </row>
    <row r="1790" spans="1:7" x14ac:dyDescent="0.25">
      <c r="A1790" s="1">
        <v>1788</v>
      </c>
      <c r="B1790" t="s">
        <v>1792</v>
      </c>
      <c r="C1790" t="s">
        <v>7242</v>
      </c>
      <c r="D1790" t="s">
        <v>12686</v>
      </c>
      <c r="E1790" t="s">
        <v>18062</v>
      </c>
      <c r="G1790" s="2"/>
    </row>
    <row r="1791" spans="1:7" x14ac:dyDescent="0.25">
      <c r="A1791" s="1">
        <v>1789</v>
      </c>
      <c r="B1791" t="s">
        <v>1793</v>
      </c>
      <c r="C1791" t="s">
        <v>7243</v>
      </c>
      <c r="D1791" t="s">
        <v>12687</v>
      </c>
      <c r="E1791" t="s">
        <v>18063</v>
      </c>
      <c r="G1791" s="2"/>
    </row>
    <row r="1792" spans="1:7" x14ac:dyDescent="0.25">
      <c r="A1792" s="1">
        <v>1790</v>
      </c>
      <c r="B1792" t="s">
        <v>1794</v>
      </c>
      <c r="C1792" t="s">
        <v>7244</v>
      </c>
      <c r="D1792" t="s">
        <v>12688</v>
      </c>
      <c r="E1792" t="s">
        <v>18064</v>
      </c>
      <c r="G1792" s="2"/>
    </row>
    <row r="1793" spans="1:7" x14ac:dyDescent="0.25">
      <c r="A1793" s="1">
        <v>1791</v>
      </c>
      <c r="B1793" t="s">
        <v>1795</v>
      </c>
      <c r="C1793" t="s">
        <v>7245</v>
      </c>
      <c r="D1793" t="s">
        <v>12689</v>
      </c>
      <c r="E1793" t="s">
        <v>18065</v>
      </c>
      <c r="G1793" s="2"/>
    </row>
    <row r="1794" spans="1:7" x14ac:dyDescent="0.25">
      <c r="A1794" s="1">
        <v>1792</v>
      </c>
      <c r="B1794" t="s">
        <v>1796</v>
      </c>
      <c r="C1794" t="s">
        <v>7246</v>
      </c>
      <c r="D1794" t="s">
        <v>12690</v>
      </c>
      <c r="E1794" t="s">
        <v>18066</v>
      </c>
      <c r="G1794" s="2"/>
    </row>
    <row r="1795" spans="1:7" x14ac:dyDescent="0.25">
      <c r="A1795" s="1">
        <v>1793</v>
      </c>
      <c r="B1795" t="s">
        <v>1797</v>
      </c>
      <c r="C1795" t="s">
        <v>7247</v>
      </c>
      <c r="D1795" t="s">
        <v>12691</v>
      </c>
      <c r="E1795" t="s">
        <v>18067</v>
      </c>
      <c r="G1795" s="2"/>
    </row>
    <row r="1796" spans="1:7" x14ac:dyDescent="0.25">
      <c r="A1796" s="1">
        <v>1794</v>
      </c>
      <c r="B1796" t="s">
        <v>1798</v>
      </c>
      <c r="C1796" t="s">
        <v>7248</v>
      </c>
      <c r="D1796" t="s">
        <v>12692</v>
      </c>
      <c r="E1796" t="s">
        <v>16731</v>
      </c>
      <c r="G1796" s="2"/>
    </row>
    <row r="1797" spans="1:7" x14ac:dyDescent="0.25">
      <c r="A1797" s="1">
        <v>1795</v>
      </c>
      <c r="B1797" t="s">
        <v>1799</v>
      </c>
      <c r="C1797" t="s">
        <v>7249</v>
      </c>
      <c r="D1797" t="s">
        <v>12693</v>
      </c>
      <c r="E1797" t="s">
        <v>18068</v>
      </c>
      <c r="G1797" s="2"/>
    </row>
    <row r="1798" spans="1:7" x14ac:dyDescent="0.25">
      <c r="A1798" s="1">
        <v>1796</v>
      </c>
      <c r="B1798" t="s">
        <v>1800</v>
      </c>
      <c r="C1798" t="s">
        <v>7250</v>
      </c>
      <c r="D1798" t="s">
        <v>12694</v>
      </c>
      <c r="E1798" t="s">
        <v>18069</v>
      </c>
      <c r="G1798" s="2"/>
    </row>
    <row r="1799" spans="1:7" x14ac:dyDescent="0.25">
      <c r="A1799" s="1">
        <v>1797</v>
      </c>
      <c r="B1799" t="s">
        <v>1801</v>
      </c>
      <c r="C1799" t="s">
        <v>7251</v>
      </c>
      <c r="D1799" t="s">
        <v>12695</v>
      </c>
      <c r="E1799" t="s">
        <v>18070</v>
      </c>
      <c r="G1799" s="2"/>
    </row>
    <row r="1800" spans="1:7" x14ac:dyDescent="0.25">
      <c r="A1800" s="1">
        <v>1798</v>
      </c>
      <c r="B1800" t="s">
        <v>1802</v>
      </c>
      <c r="C1800" t="s">
        <v>7252</v>
      </c>
      <c r="D1800" t="s">
        <v>12696</v>
      </c>
      <c r="E1800" t="s">
        <v>18071</v>
      </c>
      <c r="G1800" s="2"/>
    </row>
    <row r="1801" spans="1:7" x14ac:dyDescent="0.25">
      <c r="A1801" s="1">
        <v>1799</v>
      </c>
      <c r="B1801" t="s">
        <v>1803</v>
      </c>
      <c r="C1801" t="s">
        <v>7253</v>
      </c>
      <c r="D1801" t="s">
        <v>12697</v>
      </c>
      <c r="E1801" t="s">
        <v>18072</v>
      </c>
      <c r="G1801" s="2"/>
    </row>
    <row r="1802" spans="1:7" x14ac:dyDescent="0.25">
      <c r="A1802" s="1">
        <v>1800</v>
      </c>
      <c r="B1802" t="s">
        <v>1804</v>
      </c>
      <c r="C1802" t="s">
        <v>7254</v>
      </c>
      <c r="D1802" t="s">
        <v>12698</v>
      </c>
      <c r="E1802" t="s">
        <v>18073</v>
      </c>
      <c r="G1802" s="2"/>
    </row>
    <row r="1803" spans="1:7" x14ac:dyDescent="0.25">
      <c r="A1803" s="1">
        <v>1801</v>
      </c>
      <c r="B1803" t="s">
        <v>1805</v>
      </c>
      <c r="C1803" t="s">
        <v>7255</v>
      </c>
      <c r="D1803" t="s">
        <v>12699</v>
      </c>
      <c r="E1803" t="s">
        <v>18074</v>
      </c>
      <c r="G1803" s="2"/>
    </row>
    <row r="1804" spans="1:7" x14ac:dyDescent="0.25">
      <c r="A1804" s="1">
        <v>1802</v>
      </c>
      <c r="B1804" t="s">
        <v>1806</v>
      </c>
      <c r="C1804" t="s">
        <v>7256</v>
      </c>
      <c r="D1804" t="s">
        <v>12700</v>
      </c>
      <c r="E1804" t="s">
        <v>18075</v>
      </c>
      <c r="G1804" s="2"/>
    </row>
    <row r="1805" spans="1:7" x14ac:dyDescent="0.25">
      <c r="A1805" s="1">
        <v>1803</v>
      </c>
      <c r="B1805" t="s">
        <v>1807</v>
      </c>
      <c r="C1805" t="s">
        <v>7257</v>
      </c>
      <c r="D1805" t="s">
        <v>12701</v>
      </c>
      <c r="E1805" t="s">
        <v>18076</v>
      </c>
      <c r="G1805" s="2"/>
    </row>
    <row r="1806" spans="1:7" x14ac:dyDescent="0.25">
      <c r="A1806" s="1">
        <v>1804</v>
      </c>
      <c r="B1806" t="s">
        <v>1808</v>
      </c>
      <c r="C1806" t="s">
        <v>7258</v>
      </c>
      <c r="D1806" t="s">
        <v>12702</v>
      </c>
      <c r="E1806" t="s">
        <v>18077</v>
      </c>
      <c r="G1806" s="2"/>
    </row>
    <row r="1807" spans="1:7" x14ac:dyDescent="0.25">
      <c r="A1807" s="1">
        <v>1805</v>
      </c>
      <c r="B1807" t="s">
        <v>1809</v>
      </c>
      <c r="C1807" t="s">
        <v>7259</v>
      </c>
      <c r="D1807" t="s">
        <v>12703</v>
      </c>
      <c r="E1807" t="s">
        <v>18078</v>
      </c>
      <c r="G1807" s="2"/>
    </row>
    <row r="1808" spans="1:7" x14ac:dyDescent="0.25">
      <c r="A1808" s="1">
        <v>1806</v>
      </c>
      <c r="B1808" t="s">
        <v>1810</v>
      </c>
      <c r="C1808" t="s">
        <v>7260</v>
      </c>
      <c r="D1808" t="s">
        <v>12704</v>
      </c>
      <c r="E1808" t="s">
        <v>18079</v>
      </c>
      <c r="G1808" s="2"/>
    </row>
    <row r="1809" spans="1:7" x14ac:dyDescent="0.25">
      <c r="A1809" s="1">
        <v>1807</v>
      </c>
      <c r="B1809" t="s">
        <v>1811</v>
      </c>
      <c r="C1809" t="s">
        <v>7261</v>
      </c>
      <c r="D1809" t="s">
        <v>12705</v>
      </c>
      <c r="E1809" t="s">
        <v>18080</v>
      </c>
      <c r="G1809" s="2"/>
    </row>
    <row r="1810" spans="1:7" x14ac:dyDescent="0.25">
      <c r="A1810" s="1">
        <v>1808</v>
      </c>
      <c r="B1810" t="s">
        <v>1812</v>
      </c>
      <c r="C1810" t="s">
        <v>7262</v>
      </c>
      <c r="D1810" t="s">
        <v>12706</v>
      </c>
      <c r="E1810" t="s">
        <v>18081</v>
      </c>
      <c r="G1810" s="2"/>
    </row>
    <row r="1811" spans="1:7" x14ac:dyDescent="0.25">
      <c r="A1811" s="1">
        <v>1809</v>
      </c>
      <c r="B1811" t="s">
        <v>1813</v>
      </c>
      <c r="C1811" t="s">
        <v>7263</v>
      </c>
      <c r="D1811" t="s">
        <v>12707</v>
      </c>
      <c r="E1811" t="s">
        <v>18082</v>
      </c>
      <c r="G1811" s="2"/>
    </row>
    <row r="1812" spans="1:7" x14ac:dyDescent="0.25">
      <c r="A1812" s="1">
        <v>1810</v>
      </c>
      <c r="B1812" t="s">
        <v>1814</v>
      </c>
      <c r="C1812" t="s">
        <v>7264</v>
      </c>
      <c r="D1812" t="s">
        <v>12708</v>
      </c>
      <c r="E1812" t="s">
        <v>18083</v>
      </c>
      <c r="G1812" s="2"/>
    </row>
    <row r="1813" spans="1:7" x14ac:dyDescent="0.25">
      <c r="A1813" s="1">
        <v>1811</v>
      </c>
      <c r="B1813" t="s">
        <v>1815</v>
      </c>
      <c r="C1813" t="s">
        <v>7265</v>
      </c>
      <c r="D1813" t="s">
        <v>12709</v>
      </c>
      <c r="E1813" t="s">
        <v>18084</v>
      </c>
      <c r="G1813" s="2"/>
    </row>
    <row r="1814" spans="1:7" x14ac:dyDescent="0.25">
      <c r="A1814" s="1">
        <v>1812</v>
      </c>
      <c r="B1814" t="s">
        <v>1816</v>
      </c>
      <c r="C1814" t="s">
        <v>7266</v>
      </c>
      <c r="D1814" t="s">
        <v>12710</v>
      </c>
      <c r="E1814" t="s">
        <v>18085</v>
      </c>
      <c r="G1814" s="2"/>
    </row>
    <row r="1815" spans="1:7" x14ac:dyDescent="0.25">
      <c r="A1815" s="1">
        <v>1813</v>
      </c>
      <c r="B1815" t="s">
        <v>1817</v>
      </c>
      <c r="C1815" t="s">
        <v>7267</v>
      </c>
      <c r="D1815" t="s">
        <v>12711</v>
      </c>
      <c r="E1815" t="s">
        <v>18086</v>
      </c>
      <c r="G1815" s="2"/>
    </row>
    <row r="1816" spans="1:7" x14ac:dyDescent="0.25">
      <c r="A1816" s="1">
        <v>1814</v>
      </c>
      <c r="B1816" t="s">
        <v>1818</v>
      </c>
      <c r="C1816" t="s">
        <v>7268</v>
      </c>
      <c r="D1816" t="s">
        <v>12712</v>
      </c>
      <c r="E1816" t="s">
        <v>18087</v>
      </c>
      <c r="G1816" s="2"/>
    </row>
    <row r="1817" spans="1:7" x14ac:dyDescent="0.25">
      <c r="A1817" s="1">
        <v>1815</v>
      </c>
      <c r="B1817" t="s">
        <v>1819</v>
      </c>
      <c r="C1817" t="s">
        <v>7269</v>
      </c>
      <c r="D1817" t="s">
        <v>12713</v>
      </c>
      <c r="E1817" t="s">
        <v>18088</v>
      </c>
      <c r="G1817" s="2"/>
    </row>
    <row r="1818" spans="1:7" x14ac:dyDescent="0.25">
      <c r="A1818" s="1">
        <v>1816</v>
      </c>
      <c r="B1818" t="s">
        <v>1820</v>
      </c>
      <c r="C1818" t="s">
        <v>7270</v>
      </c>
      <c r="D1818" t="s">
        <v>12714</v>
      </c>
      <c r="E1818" t="s">
        <v>18089</v>
      </c>
      <c r="G1818" s="2"/>
    </row>
    <row r="1819" spans="1:7" x14ac:dyDescent="0.25">
      <c r="A1819" s="1">
        <v>1817</v>
      </c>
      <c r="B1819" t="s">
        <v>1821</v>
      </c>
      <c r="C1819" t="s">
        <v>7271</v>
      </c>
      <c r="D1819" t="s">
        <v>12715</v>
      </c>
      <c r="E1819" t="s">
        <v>18090</v>
      </c>
      <c r="G1819" s="2"/>
    </row>
    <row r="1820" spans="1:7" x14ac:dyDescent="0.25">
      <c r="A1820" s="1">
        <v>1818</v>
      </c>
      <c r="B1820" t="s">
        <v>1822</v>
      </c>
      <c r="C1820" t="s">
        <v>7272</v>
      </c>
      <c r="D1820" t="s">
        <v>12716</v>
      </c>
      <c r="E1820" t="s">
        <v>18091</v>
      </c>
      <c r="G1820" s="2"/>
    </row>
    <row r="1821" spans="1:7" x14ac:dyDescent="0.25">
      <c r="A1821" s="1">
        <v>1819</v>
      </c>
      <c r="B1821" t="s">
        <v>1823</v>
      </c>
      <c r="C1821" t="s">
        <v>7273</v>
      </c>
      <c r="D1821" t="s">
        <v>12717</v>
      </c>
      <c r="E1821" t="s">
        <v>16372</v>
      </c>
      <c r="G1821" s="2"/>
    </row>
    <row r="1822" spans="1:7" x14ac:dyDescent="0.25">
      <c r="A1822" s="1">
        <v>1820</v>
      </c>
      <c r="B1822" t="s">
        <v>1824</v>
      </c>
      <c r="C1822" t="s">
        <v>7274</v>
      </c>
      <c r="D1822" t="s">
        <v>12718</v>
      </c>
      <c r="E1822" t="s">
        <v>18092</v>
      </c>
      <c r="G1822" s="2"/>
    </row>
    <row r="1823" spans="1:7" x14ac:dyDescent="0.25">
      <c r="A1823" s="1">
        <v>1821</v>
      </c>
      <c r="B1823" t="s">
        <v>1825</v>
      </c>
      <c r="C1823" t="s">
        <v>7275</v>
      </c>
      <c r="D1823" t="s">
        <v>12719</v>
      </c>
      <c r="E1823" t="s">
        <v>18093</v>
      </c>
      <c r="G1823" s="2"/>
    </row>
    <row r="1824" spans="1:7" x14ac:dyDescent="0.25">
      <c r="A1824" s="1">
        <v>1822</v>
      </c>
      <c r="B1824" t="s">
        <v>1826</v>
      </c>
      <c r="C1824" t="s">
        <v>7276</v>
      </c>
      <c r="D1824" t="s">
        <v>12720</v>
      </c>
      <c r="E1824" t="s">
        <v>18094</v>
      </c>
      <c r="G1824" s="2"/>
    </row>
    <row r="1825" spans="1:7" x14ac:dyDescent="0.25">
      <c r="A1825" s="1">
        <v>1823</v>
      </c>
      <c r="B1825" t="s">
        <v>1827</v>
      </c>
      <c r="C1825" t="s">
        <v>7277</v>
      </c>
      <c r="D1825" t="s">
        <v>12721</v>
      </c>
      <c r="E1825" t="s">
        <v>18095</v>
      </c>
      <c r="G1825" s="2"/>
    </row>
    <row r="1826" spans="1:7" x14ac:dyDescent="0.25">
      <c r="A1826" s="1">
        <v>1824</v>
      </c>
      <c r="B1826" t="s">
        <v>1828</v>
      </c>
      <c r="C1826" t="s">
        <v>7278</v>
      </c>
      <c r="D1826" t="s">
        <v>12722</v>
      </c>
      <c r="E1826" t="s">
        <v>18096</v>
      </c>
      <c r="G1826" s="2"/>
    </row>
    <row r="1827" spans="1:7" x14ac:dyDescent="0.25">
      <c r="A1827" s="1">
        <v>1825</v>
      </c>
      <c r="B1827" t="s">
        <v>1829</v>
      </c>
      <c r="C1827" t="s">
        <v>7279</v>
      </c>
      <c r="D1827" t="s">
        <v>12723</v>
      </c>
      <c r="E1827" t="s">
        <v>18097</v>
      </c>
      <c r="G1827" s="2"/>
    </row>
    <row r="1828" spans="1:7" x14ac:dyDescent="0.25">
      <c r="A1828" s="1">
        <v>1826</v>
      </c>
      <c r="B1828" t="s">
        <v>1830</v>
      </c>
      <c r="C1828" t="s">
        <v>7280</v>
      </c>
      <c r="D1828" t="s">
        <v>12724</v>
      </c>
      <c r="E1828" t="s">
        <v>18098</v>
      </c>
      <c r="G1828" s="2"/>
    </row>
    <row r="1829" spans="1:7" x14ac:dyDescent="0.25">
      <c r="A1829" s="1">
        <v>1827</v>
      </c>
      <c r="B1829" t="s">
        <v>1831</v>
      </c>
      <c r="C1829" t="s">
        <v>7281</v>
      </c>
      <c r="D1829" t="s">
        <v>12725</v>
      </c>
      <c r="E1829" t="s">
        <v>18099</v>
      </c>
      <c r="G1829" s="2"/>
    </row>
    <row r="1830" spans="1:7" x14ac:dyDescent="0.25">
      <c r="A1830" s="1">
        <v>1828</v>
      </c>
      <c r="B1830" t="s">
        <v>1832</v>
      </c>
      <c r="C1830" t="s">
        <v>7282</v>
      </c>
      <c r="D1830" t="s">
        <v>12726</v>
      </c>
      <c r="E1830" t="s">
        <v>18100</v>
      </c>
      <c r="G1830" s="2"/>
    </row>
    <row r="1831" spans="1:7" x14ac:dyDescent="0.25">
      <c r="A1831" s="1">
        <v>1829</v>
      </c>
      <c r="B1831" t="s">
        <v>1833</v>
      </c>
      <c r="C1831" t="s">
        <v>7283</v>
      </c>
      <c r="D1831" t="s">
        <v>12727</v>
      </c>
      <c r="E1831" t="s">
        <v>18101</v>
      </c>
      <c r="G1831" s="2"/>
    </row>
    <row r="1832" spans="1:7" x14ac:dyDescent="0.25">
      <c r="A1832" s="1">
        <v>1830</v>
      </c>
      <c r="B1832" t="s">
        <v>1834</v>
      </c>
      <c r="C1832" t="s">
        <v>7284</v>
      </c>
      <c r="D1832" t="s">
        <v>12728</v>
      </c>
      <c r="E1832" t="s">
        <v>17173</v>
      </c>
      <c r="G1832" s="2"/>
    </row>
    <row r="1833" spans="1:7" x14ac:dyDescent="0.25">
      <c r="A1833" s="1">
        <v>1831</v>
      </c>
      <c r="B1833" t="s">
        <v>1835</v>
      </c>
      <c r="C1833" t="s">
        <v>7285</v>
      </c>
      <c r="D1833" t="s">
        <v>12729</v>
      </c>
      <c r="E1833" t="s">
        <v>18102</v>
      </c>
      <c r="G1833" s="2"/>
    </row>
    <row r="1834" spans="1:7" x14ac:dyDescent="0.25">
      <c r="A1834" s="1">
        <v>1832</v>
      </c>
      <c r="B1834" t="s">
        <v>1836</v>
      </c>
      <c r="C1834" t="s">
        <v>7286</v>
      </c>
      <c r="D1834" t="s">
        <v>12730</v>
      </c>
      <c r="E1834" t="s">
        <v>18103</v>
      </c>
      <c r="G1834" s="2"/>
    </row>
    <row r="1835" spans="1:7" x14ac:dyDescent="0.25">
      <c r="A1835" s="1">
        <v>1833</v>
      </c>
      <c r="B1835" t="s">
        <v>1837</v>
      </c>
      <c r="C1835" t="s">
        <v>7287</v>
      </c>
      <c r="D1835" t="s">
        <v>12731</v>
      </c>
      <c r="E1835" t="s">
        <v>18104</v>
      </c>
      <c r="G1835" s="2"/>
    </row>
    <row r="1836" spans="1:7" x14ac:dyDescent="0.25">
      <c r="A1836" s="1">
        <v>1834</v>
      </c>
      <c r="B1836" t="s">
        <v>1838</v>
      </c>
      <c r="C1836" t="s">
        <v>7288</v>
      </c>
      <c r="D1836" t="s">
        <v>12732</v>
      </c>
      <c r="E1836" t="s">
        <v>18105</v>
      </c>
      <c r="G1836" s="2"/>
    </row>
    <row r="1837" spans="1:7" x14ac:dyDescent="0.25">
      <c r="A1837" s="1">
        <v>1835</v>
      </c>
      <c r="B1837" t="s">
        <v>1839</v>
      </c>
      <c r="C1837" t="s">
        <v>7289</v>
      </c>
      <c r="D1837" t="s">
        <v>12733</v>
      </c>
      <c r="E1837" t="s">
        <v>18106</v>
      </c>
      <c r="G1837" s="2"/>
    </row>
    <row r="1838" spans="1:7" x14ac:dyDescent="0.25">
      <c r="A1838" s="1">
        <v>1836</v>
      </c>
      <c r="B1838" t="s">
        <v>1840</v>
      </c>
      <c r="C1838" t="s">
        <v>7290</v>
      </c>
      <c r="D1838" t="s">
        <v>12734</v>
      </c>
      <c r="E1838" t="s">
        <v>18107</v>
      </c>
      <c r="G1838" s="2"/>
    </row>
    <row r="1839" spans="1:7" x14ac:dyDescent="0.25">
      <c r="A1839" s="1">
        <v>1837</v>
      </c>
      <c r="B1839" t="s">
        <v>1841</v>
      </c>
      <c r="C1839" t="s">
        <v>7291</v>
      </c>
      <c r="D1839" t="s">
        <v>12735</v>
      </c>
      <c r="E1839" t="s">
        <v>18108</v>
      </c>
      <c r="G1839" s="2"/>
    </row>
    <row r="1840" spans="1:7" x14ac:dyDescent="0.25">
      <c r="A1840" s="1">
        <v>1838</v>
      </c>
      <c r="B1840" t="s">
        <v>1842</v>
      </c>
      <c r="C1840" t="s">
        <v>7292</v>
      </c>
      <c r="D1840" t="s">
        <v>12736</v>
      </c>
      <c r="E1840" t="s">
        <v>18109</v>
      </c>
      <c r="G1840" s="2"/>
    </row>
    <row r="1841" spans="1:7" x14ac:dyDescent="0.25">
      <c r="A1841" s="1">
        <v>1839</v>
      </c>
      <c r="B1841" t="s">
        <v>1843</v>
      </c>
      <c r="C1841" t="s">
        <v>7293</v>
      </c>
      <c r="D1841" t="s">
        <v>12737</v>
      </c>
      <c r="E1841" t="s">
        <v>18110</v>
      </c>
      <c r="G1841" s="2"/>
    </row>
    <row r="1842" spans="1:7" x14ac:dyDescent="0.25">
      <c r="A1842" s="1">
        <v>1840</v>
      </c>
      <c r="B1842" t="s">
        <v>1844</v>
      </c>
      <c r="C1842" t="s">
        <v>7294</v>
      </c>
      <c r="D1842" t="s">
        <v>12738</v>
      </c>
      <c r="E1842" t="s">
        <v>18111</v>
      </c>
      <c r="G1842" s="2"/>
    </row>
    <row r="1843" spans="1:7" x14ac:dyDescent="0.25">
      <c r="A1843" s="1">
        <v>1841</v>
      </c>
      <c r="B1843" t="s">
        <v>1845</v>
      </c>
      <c r="C1843" t="s">
        <v>7295</v>
      </c>
      <c r="D1843" t="s">
        <v>12739</v>
      </c>
      <c r="E1843" t="s">
        <v>18112</v>
      </c>
      <c r="G1843" s="2"/>
    </row>
    <row r="1844" spans="1:7" x14ac:dyDescent="0.25">
      <c r="A1844" s="1">
        <v>1842</v>
      </c>
      <c r="B1844" t="s">
        <v>1846</v>
      </c>
      <c r="C1844" t="s">
        <v>7296</v>
      </c>
      <c r="D1844" t="s">
        <v>12740</v>
      </c>
      <c r="E1844" t="s">
        <v>18113</v>
      </c>
      <c r="G1844" s="2"/>
    </row>
    <row r="1845" spans="1:7" x14ac:dyDescent="0.25">
      <c r="A1845" s="1">
        <v>1843</v>
      </c>
      <c r="B1845" t="s">
        <v>1847</v>
      </c>
      <c r="C1845" t="s">
        <v>7297</v>
      </c>
      <c r="D1845" t="s">
        <v>12741</v>
      </c>
      <c r="E1845" t="s">
        <v>18114</v>
      </c>
      <c r="G1845" s="2"/>
    </row>
    <row r="1846" spans="1:7" x14ac:dyDescent="0.25">
      <c r="A1846" s="1">
        <v>1844</v>
      </c>
      <c r="B1846" t="s">
        <v>1848</v>
      </c>
      <c r="C1846" t="s">
        <v>7298</v>
      </c>
      <c r="D1846" t="s">
        <v>12742</v>
      </c>
      <c r="E1846" t="s">
        <v>18115</v>
      </c>
      <c r="G1846" s="2"/>
    </row>
    <row r="1847" spans="1:7" x14ac:dyDescent="0.25">
      <c r="A1847" s="1">
        <v>1845</v>
      </c>
      <c r="B1847" t="s">
        <v>1849</v>
      </c>
      <c r="C1847" t="s">
        <v>7299</v>
      </c>
      <c r="D1847" t="s">
        <v>12743</v>
      </c>
      <c r="E1847" t="s">
        <v>18116</v>
      </c>
      <c r="G1847" s="2"/>
    </row>
    <row r="1848" spans="1:7" x14ac:dyDescent="0.25">
      <c r="A1848" s="1">
        <v>1846</v>
      </c>
      <c r="B1848" t="s">
        <v>1850</v>
      </c>
      <c r="C1848" t="s">
        <v>7300</v>
      </c>
      <c r="D1848" t="s">
        <v>12744</v>
      </c>
      <c r="E1848" t="s">
        <v>18117</v>
      </c>
      <c r="G1848" s="2"/>
    </row>
    <row r="1849" spans="1:7" x14ac:dyDescent="0.25">
      <c r="A1849" s="1">
        <v>1847</v>
      </c>
      <c r="B1849" t="s">
        <v>1851</v>
      </c>
      <c r="C1849" t="s">
        <v>7301</v>
      </c>
      <c r="D1849" t="s">
        <v>12745</v>
      </c>
      <c r="E1849" t="s">
        <v>18118</v>
      </c>
      <c r="G1849" s="2"/>
    </row>
    <row r="1850" spans="1:7" x14ac:dyDescent="0.25">
      <c r="A1850" s="1">
        <v>1848</v>
      </c>
      <c r="B1850" t="s">
        <v>1852</v>
      </c>
      <c r="C1850" t="s">
        <v>7302</v>
      </c>
      <c r="D1850" t="s">
        <v>12746</v>
      </c>
      <c r="E1850" t="s">
        <v>17793</v>
      </c>
      <c r="G1850" s="2"/>
    </row>
    <row r="1851" spans="1:7" x14ac:dyDescent="0.25">
      <c r="A1851" s="1">
        <v>1849</v>
      </c>
      <c r="B1851" t="s">
        <v>1853</v>
      </c>
      <c r="C1851" t="s">
        <v>7303</v>
      </c>
      <c r="D1851" t="s">
        <v>12747</v>
      </c>
      <c r="E1851" t="s">
        <v>18119</v>
      </c>
      <c r="G1851" s="2"/>
    </row>
    <row r="1852" spans="1:7" x14ac:dyDescent="0.25">
      <c r="A1852" s="1">
        <v>1850</v>
      </c>
      <c r="B1852" t="s">
        <v>1854</v>
      </c>
      <c r="C1852" t="s">
        <v>7304</v>
      </c>
      <c r="D1852" t="s">
        <v>12748</v>
      </c>
      <c r="E1852" t="s">
        <v>18120</v>
      </c>
      <c r="G1852" s="2"/>
    </row>
    <row r="1853" spans="1:7" x14ac:dyDescent="0.25">
      <c r="A1853" s="1">
        <v>1851</v>
      </c>
      <c r="B1853" t="s">
        <v>1855</v>
      </c>
      <c r="C1853" t="s">
        <v>7305</v>
      </c>
      <c r="D1853" t="s">
        <v>12749</v>
      </c>
      <c r="E1853" t="s">
        <v>18121</v>
      </c>
      <c r="G1853" s="2"/>
    </row>
    <row r="1854" spans="1:7" x14ac:dyDescent="0.25">
      <c r="A1854" s="1">
        <v>1852</v>
      </c>
      <c r="B1854" t="s">
        <v>1856</v>
      </c>
      <c r="C1854" t="s">
        <v>7306</v>
      </c>
      <c r="D1854" t="s">
        <v>12750</v>
      </c>
      <c r="E1854" t="s">
        <v>18122</v>
      </c>
      <c r="G1854" s="2"/>
    </row>
    <row r="1855" spans="1:7" x14ac:dyDescent="0.25">
      <c r="A1855" s="1">
        <v>1853</v>
      </c>
      <c r="B1855" t="s">
        <v>1857</v>
      </c>
      <c r="C1855" t="s">
        <v>7307</v>
      </c>
      <c r="D1855" t="s">
        <v>12751</v>
      </c>
      <c r="E1855" t="s">
        <v>18123</v>
      </c>
      <c r="G1855" s="2"/>
    </row>
    <row r="1856" spans="1:7" x14ac:dyDescent="0.25">
      <c r="A1856" s="1">
        <v>1854</v>
      </c>
      <c r="B1856" t="s">
        <v>1858</v>
      </c>
      <c r="C1856" t="s">
        <v>7308</v>
      </c>
      <c r="D1856" t="s">
        <v>12752</v>
      </c>
      <c r="E1856" t="s">
        <v>18124</v>
      </c>
      <c r="G1856" s="2"/>
    </row>
    <row r="1857" spans="1:7" x14ac:dyDescent="0.25">
      <c r="A1857" s="1">
        <v>1855</v>
      </c>
      <c r="B1857" t="s">
        <v>1859</v>
      </c>
      <c r="C1857" t="s">
        <v>7309</v>
      </c>
      <c r="D1857" t="s">
        <v>12753</v>
      </c>
      <c r="E1857" t="s">
        <v>18125</v>
      </c>
      <c r="G1857" s="2"/>
    </row>
    <row r="1858" spans="1:7" x14ac:dyDescent="0.25">
      <c r="A1858" s="1">
        <v>1856</v>
      </c>
      <c r="B1858" t="s">
        <v>1860</v>
      </c>
      <c r="C1858" t="s">
        <v>7310</v>
      </c>
      <c r="D1858" t="s">
        <v>12754</v>
      </c>
      <c r="E1858" t="s">
        <v>18126</v>
      </c>
      <c r="G1858" s="2"/>
    </row>
    <row r="1859" spans="1:7" x14ac:dyDescent="0.25">
      <c r="A1859" s="1">
        <v>1857</v>
      </c>
      <c r="B1859" t="s">
        <v>1861</v>
      </c>
      <c r="C1859" t="s">
        <v>7311</v>
      </c>
      <c r="D1859" t="s">
        <v>12755</v>
      </c>
      <c r="E1859" t="s">
        <v>18127</v>
      </c>
      <c r="G1859" s="2"/>
    </row>
    <row r="1860" spans="1:7" x14ac:dyDescent="0.25">
      <c r="A1860" s="1">
        <v>1858</v>
      </c>
      <c r="B1860" t="s">
        <v>1862</v>
      </c>
      <c r="C1860" t="s">
        <v>7312</v>
      </c>
      <c r="D1860" t="s">
        <v>12756</v>
      </c>
      <c r="E1860" t="s">
        <v>18128</v>
      </c>
      <c r="G1860" s="2"/>
    </row>
    <row r="1861" spans="1:7" x14ac:dyDescent="0.25">
      <c r="A1861" s="1">
        <v>1859</v>
      </c>
      <c r="B1861" t="s">
        <v>1863</v>
      </c>
      <c r="C1861" t="s">
        <v>7313</v>
      </c>
      <c r="D1861" t="s">
        <v>12757</v>
      </c>
      <c r="E1861" t="s">
        <v>18129</v>
      </c>
      <c r="G1861" s="2"/>
    </row>
    <row r="1862" spans="1:7" x14ac:dyDescent="0.25">
      <c r="A1862" s="1">
        <v>1860</v>
      </c>
      <c r="B1862" t="s">
        <v>1864</v>
      </c>
      <c r="C1862" t="s">
        <v>7314</v>
      </c>
      <c r="D1862" t="s">
        <v>12758</v>
      </c>
      <c r="E1862" t="s">
        <v>18130</v>
      </c>
      <c r="G1862" s="2"/>
    </row>
    <row r="1863" spans="1:7" x14ac:dyDescent="0.25">
      <c r="A1863" s="1">
        <v>1861</v>
      </c>
      <c r="B1863" t="s">
        <v>1865</v>
      </c>
      <c r="C1863" t="s">
        <v>7315</v>
      </c>
      <c r="D1863" t="s">
        <v>12759</v>
      </c>
      <c r="E1863" t="s">
        <v>18131</v>
      </c>
      <c r="G1863" s="2"/>
    </row>
    <row r="1864" spans="1:7" x14ac:dyDescent="0.25">
      <c r="A1864" s="1">
        <v>1862</v>
      </c>
      <c r="B1864" t="s">
        <v>1866</v>
      </c>
      <c r="C1864" t="s">
        <v>7316</v>
      </c>
      <c r="D1864" t="s">
        <v>12760</v>
      </c>
      <c r="E1864" t="s">
        <v>18132</v>
      </c>
      <c r="G1864" s="2"/>
    </row>
    <row r="1865" spans="1:7" x14ac:dyDescent="0.25">
      <c r="A1865" s="1">
        <v>1863</v>
      </c>
      <c r="B1865" t="s">
        <v>1867</v>
      </c>
      <c r="C1865" t="s">
        <v>7317</v>
      </c>
      <c r="D1865" t="s">
        <v>12761</v>
      </c>
      <c r="E1865" t="s">
        <v>18133</v>
      </c>
      <c r="G1865" s="2"/>
    </row>
    <row r="1866" spans="1:7" x14ac:dyDescent="0.25">
      <c r="A1866" s="1">
        <v>1864</v>
      </c>
      <c r="B1866" t="s">
        <v>1868</v>
      </c>
      <c r="C1866" t="s">
        <v>7318</v>
      </c>
      <c r="D1866" t="s">
        <v>12762</v>
      </c>
      <c r="E1866" t="s">
        <v>18134</v>
      </c>
      <c r="G1866" s="2"/>
    </row>
    <row r="1867" spans="1:7" x14ac:dyDescent="0.25">
      <c r="A1867" s="1">
        <v>1865</v>
      </c>
      <c r="B1867" t="s">
        <v>1869</v>
      </c>
      <c r="C1867" t="s">
        <v>7319</v>
      </c>
      <c r="D1867" t="s">
        <v>12763</v>
      </c>
      <c r="E1867" t="s">
        <v>18135</v>
      </c>
      <c r="G1867" s="2"/>
    </row>
    <row r="1868" spans="1:7" x14ac:dyDescent="0.25">
      <c r="A1868" s="1">
        <v>1866</v>
      </c>
      <c r="B1868" t="s">
        <v>1870</v>
      </c>
      <c r="C1868" t="s">
        <v>7320</v>
      </c>
      <c r="D1868" t="s">
        <v>12764</v>
      </c>
      <c r="E1868" t="s">
        <v>18136</v>
      </c>
      <c r="G1868" s="2"/>
    </row>
    <row r="1869" spans="1:7" x14ac:dyDescent="0.25">
      <c r="A1869" s="1">
        <v>1867</v>
      </c>
      <c r="B1869" t="s">
        <v>1871</v>
      </c>
      <c r="C1869" t="s">
        <v>7321</v>
      </c>
      <c r="D1869" t="s">
        <v>12765</v>
      </c>
      <c r="E1869" t="s">
        <v>16372</v>
      </c>
      <c r="G1869" s="2"/>
    </row>
    <row r="1870" spans="1:7" x14ac:dyDescent="0.25">
      <c r="A1870" s="1">
        <v>1868</v>
      </c>
      <c r="B1870" t="s">
        <v>1872</v>
      </c>
      <c r="C1870" t="s">
        <v>7322</v>
      </c>
      <c r="D1870" t="s">
        <v>12766</v>
      </c>
      <c r="E1870" t="s">
        <v>18137</v>
      </c>
      <c r="G1870" s="2"/>
    </row>
    <row r="1871" spans="1:7" x14ac:dyDescent="0.25">
      <c r="A1871" s="1">
        <v>1869</v>
      </c>
      <c r="B1871" t="s">
        <v>1873</v>
      </c>
      <c r="C1871" t="s">
        <v>7323</v>
      </c>
      <c r="D1871" t="s">
        <v>12767</v>
      </c>
      <c r="E1871" t="s">
        <v>18138</v>
      </c>
      <c r="G1871" s="2"/>
    </row>
    <row r="1872" spans="1:7" x14ac:dyDescent="0.25">
      <c r="A1872" s="1">
        <v>1870</v>
      </c>
      <c r="B1872" t="s">
        <v>1874</v>
      </c>
      <c r="C1872" t="s">
        <v>7324</v>
      </c>
      <c r="D1872" t="s">
        <v>12768</v>
      </c>
      <c r="E1872" t="s">
        <v>18139</v>
      </c>
      <c r="G1872" s="2"/>
    </row>
    <row r="1873" spans="1:7" x14ac:dyDescent="0.25">
      <c r="A1873" s="1">
        <v>1871</v>
      </c>
      <c r="B1873" t="s">
        <v>1875</v>
      </c>
      <c r="C1873" t="s">
        <v>7325</v>
      </c>
      <c r="D1873" t="s">
        <v>12769</v>
      </c>
      <c r="E1873" t="s">
        <v>18140</v>
      </c>
      <c r="G1873" s="2"/>
    </row>
    <row r="1874" spans="1:7" x14ac:dyDescent="0.25">
      <c r="A1874" s="1">
        <v>1872</v>
      </c>
      <c r="B1874" t="s">
        <v>1876</v>
      </c>
      <c r="C1874" t="s">
        <v>7326</v>
      </c>
      <c r="D1874" t="s">
        <v>12770</v>
      </c>
      <c r="E1874" t="s">
        <v>18141</v>
      </c>
      <c r="G1874" s="2"/>
    </row>
    <row r="1875" spans="1:7" x14ac:dyDescent="0.25">
      <c r="A1875" s="1">
        <v>1873</v>
      </c>
      <c r="B1875" t="s">
        <v>1877</v>
      </c>
      <c r="C1875" t="s">
        <v>7327</v>
      </c>
      <c r="D1875" t="s">
        <v>12771</v>
      </c>
      <c r="E1875" t="s">
        <v>18142</v>
      </c>
      <c r="G1875" s="2"/>
    </row>
    <row r="1876" spans="1:7" x14ac:dyDescent="0.25">
      <c r="A1876" s="1">
        <v>1874</v>
      </c>
      <c r="B1876" t="s">
        <v>1878</v>
      </c>
      <c r="C1876" t="s">
        <v>7328</v>
      </c>
      <c r="D1876" t="s">
        <v>12772</v>
      </c>
      <c r="E1876" t="s">
        <v>18143</v>
      </c>
      <c r="G1876" s="2"/>
    </row>
    <row r="1877" spans="1:7" x14ac:dyDescent="0.25">
      <c r="A1877" s="1">
        <v>1875</v>
      </c>
      <c r="B1877" t="s">
        <v>1879</v>
      </c>
      <c r="C1877" t="s">
        <v>7329</v>
      </c>
      <c r="D1877" t="s">
        <v>12773</v>
      </c>
      <c r="E1877" t="s">
        <v>18144</v>
      </c>
      <c r="G1877" s="2"/>
    </row>
    <row r="1878" spans="1:7" x14ac:dyDescent="0.25">
      <c r="A1878" s="1">
        <v>1876</v>
      </c>
      <c r="B1878" t="s">
        <v>1880</v>
      </c>
      <c r="C1878" t="s">
        <v>7330</v>
      </c>
      <c r="D1878" t="s">
        <v>12774</v>
      </c>
      <c r="E1878" t="s">
        <v>18145</v>
      </c>
      <c r="G1878" s="2"/>
    </row>
    <row r="1879" spans="1:7" x14ac:dyDescent="0.25">
      <c r="A1879" s="1">
        <v>1877</v>
      </c>
      <c r="B1879" t="s">
        <v>1881</v>
      </c>
      <c r="C1879" t="s">
        <v>7331</v>
      </c>
      <c r="D1879" t="s">
        <v>12775</v>
      </c>
      <c r="E1879" t="s">
        <v>18146</v>
      </c>
      <c r="G1879" s="2"/>
    </row>
    <row r="1880" spans="1:7" x14ac:dyDescent="0.25">
      <c r="A1880" s="1">
        <v>1878</v>
      </c>
      <c r="B1880" t="s">
        <v>1882</v>
      </c>
      <c r="C1880" t="s">
        <v>7332</v>
      </c>
      <c r="D1880" t="s">
        <v>12776</v>
      </c>
      <c r="E1880" t="s">
        <v>18147</v>
      </c>
      <c r="G1880" s="2"/>
    </row>
    <row r="1881" spans="1:7" x14ac:dyDescent="0.25">
      <c r="A1881" s="1">
        <v>1879</v>
      </c>
      <c r="B1881" t="s">
        <v>1883</v>
      </c>
      <c r="C1881" t="s">
        <v>7333</v>
      </c>
      <c r="D1881" t="s">
        <v>12777</v>
      </c>
      <c r="E1881" t="s">
        <v>18148</v>
      </c>
      <c r="G1881" s="2"/>
    </row>
    <row r="1882" spans="1:7" x14ac:dyDescent="0.25">
      <c r="A1882" s="1">
        <v>1880</v>
      </c>
      <c r="B1882" t="s">
        <v>1884</v>
      </c>
      <c r="C1882" t="s">
        <v>7334</v>
      </c>
      <c r="D1882" t="s">
        <v>12778</v>
      </c>
      <c r="E1882" t="s">
        <v>18149</v>
      </c>
      <c r="G1882" s="2"/>
    </row>
    <row r="1883" spans="1:7" x14ac:dyDescent="0.25">
      <c r="A1883" s="1">
        <v>1881</v>
      </c>
      <c r="B1883" t="s">
        <v>1885</v>
      </c>
      <c r="C1883" t="s">
        <v>7335</v>
      </c>
      <c r="D1883" t="s">
        <v>12779</v>
      </c>
      <c r="E1883" t="s">
        <v>18150</v>
      </c>
      <c r="G1883" s="2"/>
    </row>
    <row r="1884" spans="1:7" x14ac:dyDescent="0.25">
      <c r="A1884" s="1">
        <v>1882</v>
      </c>
      <c r="B1884" t="s">
        <v>1886</v>
      </c>
      <c r="C1884" t="s">
        <v>7336</v>
      </c>
      <c r="D1884" t="s">
        <v>12780</v>
      </c>
      <c r="E1884" t="s">
        <v>18151</v>
      </c>
      <c r="G1884" s="2"/>
    </row>
    <row r="1885" spans="1:7" x14ac:dyDescent="0.25">
      <c r="A1885" s="1">
        <v>1883</v>
      </c>
      <c r="B1885" t="s">
        <v>1887</v>
      </c>
      <c r="C1885" t="s">
        <v>7337</v>
      </c>
      <c r="D1885" t="s">
        <v>12781</v>
      </c>
      <c r="E1885" t="s">
        <v>18152</v>
      </c>
      <c r="G1885" s="2"/>
    </row>
    <row r="1886" spans="1:7" x14ac:dyDescent="0.25">
      <c r="A1886" s="1">
        <v>1884</v>
      </c>
      <c r="B1886" t="s">
        <v>1888</v>
      </c>
      <c r="C1886" t="s">
        <v>7338</v>
      </c>
      <c r="D1886" t="s">
        <v>12782</v>
      </c>
      <c r="E1886" t="s">
        <v>18153</v>
      </c>
      <c r="G1886" s="2"/>
    </row>
    <row r="1887" spans="1:7" x14ac:dyDescent="0.25">
      <c r="A1887" s="1">
        <v>1885</v>
      </c>
      <c r="B1887" t="s">
        <v>1889</v>
      </c>
      <c r="C1887" t="s">
        <v>7339</v>
      </c>
      <c r="D1887" t="s">
        <v>12783</v>
      </c>
      <c r="E1887" t="s">
        <v>18154</v>
      </c>
      <c r="G1887" s="2"/>
    </row>
    <row r="1888" spans="1:7" x14ac:dyDescent="0.25">
      <c r="A1888" s="1">
        <v>1886</v>
      </c>
      <c r="B1888" t="s">
        <v>1890</v>
      </c>
      <c r="C1888" t="s">
        <v>7340</v>
      </c>
      <c r="D1888" t="s">
        <v>12784</v>
      </c>
      <c r="E1888" t="s">
        <v>18155</v>
      </c>
      <c r="G1888" s="2"/>
    </row>
    <row r="1889" spans="1:7" x14ac:dyDescent="0.25">
      <c r="A1889" s="1">
        <v>1887</v>
      </c>
      <c r="B1889" t="s">
        <v>1891</v>
      </c>
      <c r="C1889" t="s">
        <v>7341</v>
      </c>
      <c r="D1889" t="s">
        <v>12785</v>
      </c>
      <c r="E1889" t="s">
        <v>18156</v>
      </c>
      <c r="G1889" s="2"/>
    </row>
    <row r="1890" spans="1:7" x14ac:dyDescent="0.25">
      <c r="A1890" s="1">
        <v>1888</v>
      </c>
      <c r="B1890" t="s">
        <v>1892</v>
      </c>
      <c r="C1890" t="s">
        <v>7342</v>
      </c>
      <c r="D1890" t="s">
        <v>12786</v>
      </c>
      <c r="E1890" t="s">
        <v>18157</v>
      </c>
      <c r="G1890" s="2"/>
    </row>
    <row r="1891" spans="1:7" x14ac:dyDescent="0.25">
      <c r="A1891" s="1">
        <v>1889</v>
      </c>
      <c r="B1891" t="s">
        <v>1893</v>
      </c>
      <c r="C1891" t="s">
        <v>7343</v>
      </c>
      <c r="D1891" t="s">
        <v>12787</v>
      </c>
      <c r="E1891" t="s">
        <v>18158</v>
      </c>
      <c r="G1891" s="2"/>
    </row>
    <row r="1892" spans="1:7" x14ac:dyDescent="0.25">
      <c r="A1892" s="1">
        <v>1890</v>
      </c>
      <c r="B1892" t="s">
        <v>1894</v>
      </c>
      <c r="C1892" t="s">
        <v>7344</v>
      </c>
      <c r="D1892" t="s">
        <v>12788</v>
      </c>
      <c r="E1892" t="s">
        <v>18159</v>
      </c>
      <c r="G1892" s="2"/>
    </row>
    <row r="1893" spans="1:7" x14ac:dyDescent="0.25">
      <c r="A1893" s="1">
        <v>1891</v>
      </c>
      <c r="B1893" t="s">
        <v>1895</v>
      </c>
      <c r="C1893" t="s">
        <v>7345</v>
      </c>
      <c r="D1893" t="s">
        <v>12789</v>
      </c>
      <c r="E1893" t="s">
        <v>18160</v>
      </c>
      <c r="G1893" s="2"/>
    </row>
    <row r="1894" spans="1:7" x14ac:dyDescent="0.25">
      <c r="A1894" s="1">
        <v>1892</v>
      </c>
      <c r="B1894" t="s">
        <v>1896</v>
      </c>
      <c r="C1894" t="s">
        <v>7346</v>
      </c>
      <c r="D1894" t="s">
        <v>12790</v>
      </c>
      <c r="E1894" t="s">
        <v>18161</v>
      </c>
      <c r="G1894" s="2"/>
    </row>
    <row r="1895" spans="1:7" x14ac:dyDescent="0.25">
      <c r="A1895" s="1">
        <v>1893</v>
      </c>
      <c r="B1895" t="s">
        <v>1897</v>
      </c>
      <c r="C1895" t="s">
        <v>7347</v>
      </c>
      <c r="D1895" t="s">
        <v>12791</v>
      </c>
      <c r="E1895" t="s">
        <v>18162</v>
      </c>
      <c r="G1895" s="2"/>
    </row>
    <row r="1896" spans="1:7" x14ac:dyDescent="0.25">
      <c r="A1896" s="1">
        <v>1894</v>
      </c>
      <c r="B1896" t="s">
        <v>1898</v>
      </c>
      <c r="C1896" t="s">
        <v>7348</v>
      </c>
      <c r="D1896" t="s">
        <v>12792</v>
      </c>
      <c r="E1896" t="s">
        <v>16347</v>
      </c>
      <c r="G1896" s="2"/>
    </row>
    <row r="1897" spans="1:7" x14ac:dyDescent="0.25">
      <c r="A1897" s="1">
        <v>1895</v>
      </c>
      <c r="B1897" t="s">
        <v>1899</v>
      </c>
      <c r="C1897" t="s">
        <v>7349</v>
      </c>
      <c r="D1897" t="s">
        <v>12793</v>
      </c>
      <c r="E1897" t="s">
        <v>18163</v>
      </c>
      <c r="G1897" s="2"/>
    </row>
    <row r="1898" spans="1:7" x14ac:dyDescent="0.25">
      <c r="A1898" s="1">
        <v>1896</v>
      </c>
      <c r="B1898" t="s">
        <v>1900</v>
      </c>
      <c r="C1898" t="s">
        <v>7350</v>
      </c>
      <c r="D1898" t="s">
        <v>12794</v>
      </c>
      <c r="E1898" t="s">
        <v>18164</v>
      </c>
      <c r="G1898" s="2"/>
    </row>
    <row r="1899" spans="1:7" x14ac:dyDescent="0.25">
      <c r="A1899" s="1">
        <v>1897</v>
      </c>
      <c r="B1899" t="s">
        <v>1901</v>
      </c>
      <c r="C1899" t="s">
        <v>7351</v>
      </c>
      <c r="D1899" t="s">
        <v>12795</v>
      </c>
      <c r="E1899" t="s">
        <v>18165</v>
      </c>
      <c r="G1899" s="2"/>
    </row>
    <row r="1900" spans="1:7" x14ac:dyDescent="0.25">
      <c r="A1900" s="1">
        <v>1898</v>
      </c>
      <c r="B1900" t="s">
        <v>1902</v>
      </c>
      <c r="C1900" t="s">
        <v>7352</v>
      </c>
      <c r="D1900" t="s">
        <v>12796</v>
      </c>
      <c r="E1900" t="s">
        <v>18166</v>
      </c>
      <c r="G1900" s="2"/>
    </row>
    <row r="1901" spans="1:7" x14ac:dyDescent="0.25">
      <c r="A1901" s="1">
        <v>1899</v>
      </c>
      <c r="B1901" t="s">
        <v>1903</v>
      </c>
      <c r="C1901" t="s">
        <v>7353</v>
      </c>
      <c r="D1901" t="s">
        <v>12797</v>
      </c>
      <c r="E1901" t="s">
        <v>18167</v>
      </c>
      <c r="G1901" s="2"/>
    </row>
    <row r="1902" spans="1:7" x14ac:dyDescent="0.25">
      <c r="A1902" s="1">
        <v>1900</v>
      </c>
      <c r="B1902" t="s">
        <v>1904</v>
      </c>
      <c r="C1902" t="s">
        <v>7354</v>
      </c>
      <c r="D1902" t="s">
        <v>12798</v>
      </c>
      <c r="E1902" t="s">
        <v>18168</v>
      </c>
      <c r="G1902" s="2"/>
    </row>
    <row r="1903" spans="1:7" x14ac:dyDescent="0.25">
      <c r="A1903" s="1">
        <v>1901</v>
      </c>
      <c r="B1903" t="s">
        <v>1905</v>
      </c>
      <c r="C1903" t="s">
        <v>7355</v>
      </c>
      <c r="D1903" t="s">
        <v>12799</v>
      </c>
      <c r="E1903" t="s">
        <v>18169</v>
      </c>
      <c r="G1903" s="2"/>
    </row>
    <row r="1904" spans="1:7" x14ac:dyDescent="0.25">
      <c r="A1904" s="1">
        <v>1902</v>
      </c>
      <c r="B1904" t="s">
        <v>1906</v>
      </c>
      <c r="C1904" t="s">
        <v>7356</v>
      </c>
      <c r="D1904" t="s">
        <v>12800</v>
      </c>
      <c r="E1904" t="s">
        <v>18170</v>
      </c>
      <c r="G1904" s="2"/>
    </row>
    <row r="1905" spans="1:7" x14ac:dyDescent="0.25">
      <c r="A1905" s="1">
        <v>1903</v>
      </c>
      <c r="B1905" t="s">
        <v>1907</v>
      </c>
      <c r="C1905" t="s">
        <v>7357</v>
      </c>
      <c r="D1905" t="s">
        <v>12801</v>
      </c>
      <c r="E1905" t="s">
        <v>18171</v>
      </c>
      <c r="G1905" s="2"/>
    </row>
    <row r="1906" spans="1:7" x14ac:dyDescent="0.25">
      <c r="A1906" s="1">
        <v>1904</v>
      </c>
      <c r="B1906" t="s">
        <v>1908</v>
      </c>
      <c r="C1906" t="s">
        <v>7358</v>
      </c>
      <c r="D1906" t="s">
        <v>12802</v>
      </c>
      <c r="E1906" t="s">
        <v>18172</v>
      </c>
      <c r="G1906" s="2"/>
    </row>
    <row r="1907" spans="1:7" x14ac:dyDescent="0.25">
      <c r="A1907" s="1">
        <v>1905</v>
      </c>
      <c r="B1907" t="s">
        <v>1909</v>
      </c>
      <c r="C1907" t="s">
        <v>7359</v>
      </c>
      <c r="D1907" t="s">
        <v>12803</v>
      </c>
      <c r="E1907" t="s">
        <v>18173</v>
      </c>
      <c r="G1907" s="2"/>
    </row>
    <row r="1908" spans="1:7" x14ac:dyDescent="0.25">
      <c r="A1908" s="1">
        <v>1906</v>
      </c>
      <c r="B1908" t="s">
        <v>1910</v>
      </c>
      <c r="C1908" t="s">
        <v>7360</v>
      </c>
      <c r="D1908" t="s">
        <v>12804</v>
      </c>
      <c r="E1908" t="s">
        <v>18174</v>
      </c>
      <c r="G1908" s="2"/>
    </row>
    <row r="1909" spans="1:7" x14ac:dyDescent="0.25">
      <c r="A1909" s="1">
        <v>1907</v>
      </c>
      <c r="B1909" t="s">
        <v>1911</v>
      </c>
      <c r="C1909" t="s">
        <v>7361</v>
      </c>
      <c r="D1909" t="s">
        <v>12805</v>
      </c>
      <c r="E1909" t="s">
        <v>18175</v>
      </c>
      <c r="G1909" s="2"/>
    </row>
    <row r="1910" spans="1:7" x14ac:dyDescent="0.25">
      <c r="A1910" s="1">
        <v>1908</v>
      </c>
      <c r="B1910" t="s">
        <v>1912</v>
      </c>
      <c r="C1910" t="s">
        <v>7362</v>
      </c>
      <c r="D1910" t="s">
        <v>12806</v>
      </c>
      <c r="E1910" t="s">
        <v>18176</v>
      </c>
      <c r="G1910" s="2"/>
    </row>
    <row r="1911" spans="1:7" x14ac:dyDescent="0.25">
      <c r="A1911" s="1">
        <v>1909</v>
      </c>
      <c r="B1911" t="s">
        <v>1913</v>
      </c>
      <c r="C1911" t="s">
        <v>7363</v>
      </c>
      <c r="D1911" t="s">
        <v>12807</v>
      </c>
      <c r="E1911" t="s">
        <v>18177</v>
      </c>
      <c r="G1911" s="2"/>
    </row>
    <row r="1912" spans="1:7" x14ac:dyDescent="0.25">
      <c r="A1912" s="1">
        <v>1910</v>
      </c>
      <c r="B1912" t="s">
        <v>1914</v>
      </c>
      <c r="C1912" t="s">
        <v>7364</v>
      </c>
      <c r="D1912" t="s">
        <v>12808</v>
      </c>
      <c r="E1912" t="s">
        <v>18178</v>
      </c>
      <c r="G1912" s="2"/>
    </row>
    <row r="1913" spans="1:7" x14ac:dyDescent="0.25">
      <c r="A1913" s="1">
        <v>1911</v>
      </c>
      <c r="B1913" t="s">
        <v>1915</v>
      </c>
      <c r="C1913" t="s">
        <v>7365</v>
      </c>
      <c r="D1913" t="s">
        <v>12809</v>
      </c>
      <c r="E1913" t="s">
        <v>18179</v>
      </c>
      <c r="G1913" s="2"/>
    </row>
    <row r="1914" spans="1:7" x14ac:dyDescent="0.25">
      <c r="A1914" s="1">
        <v>1912</v>
      </c>
      <c r="B1914" t="s">
        <v>1916</v>
      </c>
      <c r="C1914" t="s">
        <v>7366</v>
      </c>
      <c r="D1914" t="s">
        <v>12810</v>
      </c>
      <c r="E1914" t="s">
        <v>18180</v>
      </c>
      <c r="G1914" s="2"/>
    </row>
    <row r="1915" spans="1:7" x14ac:dyDescent="0.25">
      <c r="A1915" s="1">
        <v>1913</v>
      </c>
      <c r="B1915" t="s">
        <v>1917</v>
      </c>
      <c r="C1915" t="s">
        <v>7367</v>
      </c>
      <c r="D1915" t="s">
        <v>12811</v>
      </c>
      <c r="E1915" t="s">
        <v>18181</v>
      </c>
      <c r="G1915" s="2"/>
    </row>
    <row r="1916" spans="1:7" x14ac:dyDescent="0.25">
      <c r="A1916" s="1">
        <v>1914</v>
      </c>
      <c r="B1916" t="s">
        <v>1918</v>
      </c>
      <c r="C1916" t="s">
        <v>7368</v>
      </c>
      <c r="D1916" t="s">
        <v>12812</v>
      </c>
      <c r="E1916" t="s">
        <v>18182</v>
      </c>
      <c r="G1916" s="2"/>
    </row>
    <row r="1917" spans="1:7" x14ac:dyDescent="0.25">
      <c r="A1917" s="1">
        <v>1915</v>
      </c>
      <c r="B1917" t="s">
        <v>1919</v>
      </c>
      <c r="C1917" t="s">
        <v>7369</v>
      </c>
      <c r="D1917" t="s">
        <v>12813</v>
      </c>
      <c r="E1917" t="s">
        <v>18183</v>
      </c>
      <c r="G1917" s="2"/>
    </row>
    <row r="1918" spans="1:7" x14ac:dyDescent="0.25">
      <c r="A1918" s="1">
        <v>1916</v>
      </c>
      <c r="B1918" t="s">
        <v>1920</v>
      </c>
      <c r="C1918" t="s">
        <v>7370</v>
      </c>
      <c r="D1918" t="s">
        <v>12814</v>
      </c>
      <c r="E1918" t="s">
        <v>18184</v>
      </c>
      <c r="G1918" s="2"/>
    </row>
    <row r="1919" spans="1:7" x14ac:dyDescent="0.25">
      <c r="A1919" s="1">
        <v>1917</v>
      </c>
      <c r="B1919" t="s">
        <v>1921</v>
      </c>
      <c r="C1919" t="s">
        <v>7371</v>
      </c>
      <c r="D1919" t="s">
        <v>12815</v>
      </c>
      <c r="E1919" t="s">
        <v>18185</v>
      </c>
      <c r="G1919" s="2"/>
    </row>
    <row r="1920" spans="1:7" x14ac:dyDescent="0.25">
      <c r="A1920" s="1">
        <v>1918</v>
      </c>
      <c r="B1920" t="s">
        <v>1922</v>
      </c>
      <c r="C1920" t="s">
        <v>7372</v>
      </c>
      <c r="D1920" t="s">
        <v>12816</v>
      </c>
      <c r="E1920" t="s">
        <v>18186</v>
      </c>
      <c r="G1920" s="2"/>
    </row>
    <row r="1921" spans="1:7" x14ac:dyDescent="0.25">
      <c r="A1921" s="1">
        <v>1919</v>
      </c>
      <c r="B1921" t="s">
        <v>1923</v>
      </c>
      <c r="C1921" t="s">
        <v>7373</v>
      </c>
      <c r="D1921" t="s">
        <v>12817</v>
      </c>
      <c r="E1921" t="s">
        <v>18187</v>
      </c>
      <c r="G1921" s="2"/>
    </row>
    <row r="1922" spans="1:7" x14ac:dyDescent="0.25">
      <c r="A1922" s="1">
        <v>1920</v>
      </c>
      <c r="B1922" t="s">
        <v>1924</v>
      </c>
      <c r="C1922" t="s">
        <v>7374</v>
      </c>
      <c r="D1922" t="s">
        <v>12818</v>
      </c>
      <c r="E1922" t="s">
        <v>18188</v>
      </c>
      <c r="G1922" s="2"/>
    </row>
    <row r="1923" spans="1:7" x14ac:dyDescent="0.25">
      <c r="A1923" s="1">
        <v>1921</v>
      </c>
      <c r="B1923" t="s">
        <v>1925</v>
      </c>
      <c r="C1923" t="s">
        <v>7375</v>
      </c>
      <c r="D1923" t="s">
        <v>12819</v>
      </c>
      <c r="E1923" t="s">
        <v>18189</v>
      </c>
      <c r="G1923" s="2"/>
    </row>
    <row r="1924" spans="1:7" x14ac:dyDescent="0.25">
      <c r="A1924" s="1">
        <v>1922</v>
      </c>
      <c r="B1924" t="s">
        <v>1926</v>
      </c>
      <c r="C1924" t="s">
        <v>7376</v>
      </c>
      <c r="D1924" t="s">
        <v>12820</v>
      </c>
      <c r="E1924" t="s">
        <v>18190</v>
      </c>
      <c r="G1924" s="2"/>
    </row>
    <row r="1925" spans="1:7" x14ac:dyDescent="0.25">
      <c r="A1925" s="1">
        <v>1923</v>
      </c>
      <c r="B1925" t="s">
        <v>1927</v>
      </c>
      <c r="C1925" t="s">
        <v>7377</v>
      </c>
      <c r="D1925" t="s">
        <v>12821</v>
      </c>
      <c r="E1925" t="s">
        <v>18191</v>
      </c>
      <c r="G1925" s="2"/>
    </row>
    <row r="1926" spans="1:7" x14ac:dyDescent="0.25">
      <c r="A1926" s="1">
        <v>1924</v>
      </c>
      <c r="B1926" t="s">
        <v>1928</v>
      </c>
      <c r="C1926" t="s">
        <v>7378</v>
      </c>
      <c r="D1926" t="s">
        <v>12822</v>
      </c>
      <c r="E1926" t="s">
        <v>18192</v>
      </c>
      <c r="G1926" s="2"/>
    </row>
    <row r="1927" spans="1:7" x14ac:dyDescent="0.25">
      <c r="A1927" s="1">
        <v>1925</v>
      </c>
      <c r="B1927" t="s">
        <v>1929</v>
      </c>
      <c r="C1927" t="s">
        <v>7379</v>
      </c>
      <c r="D1927" t="s">
        <v>12823</v>
      </c>
      <c r="E1927" t="s">
        <v>17013</v>
      </c>
      <c r="G1927" s="2"/>
    </row>
    <row r="1928" spans="1:7" x14ac:dyDescent="0.25">
      <c r="A1928" s="1">
        <v>1926</v>
      </c>
      <c r="B1928" t="s">
        <v>1930</v>
      </c>
      <c r="C1928" t="s">
        <v>7380</v>
      </c>
      <c r="D1928" t="s">
        <v>12824</v>
      </c>
      <c r="E1928" t="s">
        <v>18193</v>
      </c>
      <c r="G1928" s="2"/>
    </row>
    <row r="1929" spans="1:7" x14ac:dyDescent="0.25">
      <c r="A1929" s="1">
        <v>1927</v>
      </c>
      <c r="B1929" t="s">
        <v>1931</v>
      </c>
      <c r="C1929" t="s">
        <v>7381</v>
      </c>
      <c r="D1929" t="s">
        <v>12825</v>
      </c>
      <c r="E1929" t="s">
        <v>18194</v>
      </c>
      <c r="G1929" s="2"/>
    </row>
    <row r="1930" spans="1:7" x14ac:dyDescent="0.25">
      <c r="A1930" s="1">
        <v>1928</v>
      </c>
      <c r="B1930" t="s">
        <v>1932</v>
      </c>
      <c r="C1930" t="s">
        <v>7382</v>
      </c>
      <c r="D1930" t="s">
        <v>12826</v>
      </c>
      <c r="E1930" t="s">
        <v>18195</v>
      </c>
      <c r="G1930" s="2"/>
    </row>
    <row r="1931" spans="1:7" x14ac:dyDescent="0.25">
      <c r="A1931" s="1">
        <v>1929</v>
      </c>
      <c r="B1931" t="s">
        <v>1933</v>
      </c>
      <c r="C1931" t="s">
        <v>7383</v>
      </c>
      <c r="D1931" t="s">
        <v>12827</v>
      </c>
      <c r="E1931" t="s">
        <v>18196</v>
      </c>
      <c r="G1931" s="2"/>
    </row>
    <row r="1932" spans="1:7" x14ac:dyDescent="0.25">
      <c r="A1932" s="1">
        <v>1930</v>
      </c>
      <c r="B1932" t="s">
        <v>1934</v>
      </c>
      <c r="C1932" t="s">
        <v>7384</v>
      </c>
      <c r="D1932" t="s">
        <v>12828</v>
      </c>
      <c r="E1932" t="s">
        <v>18197</v>
      </c>
      <c r="G1932" s="2"/>
    </row>
    <row r="1933" spans="1:7" x14ac:dyDescent="0.25">
      <c r="A1933" s="1">
        <v>1931</v>
      </c>
      <c r="B1933" t="s">
        <v>1935</v>
      </c>
      <c r="C1933" t="s">
        <v>7385</v>
      </c>
      <c r="D1933" t="s">
        <v>12829</v>
      </c>
      <c r="E1933" t="s">
        <v>18198</v>
      </c>
      <c r="G1933" s="2"/>
    </row>
    <row r="1934" spans="1:7" x14ac:dyDescent="0.25">
      <c r="A1934" s="1">
        <v>1932</v>
      </c>
      <c r="B1934" t="s">
        <v>1936</v>
      </c>
      <c r="C1934" t="s">
        <v>7386</v>
      </c>
      <c r="D1934" t="s">
        <v>12830</v>
      </c>
      <c r="E1934" t="s">
        <v>18117</v>
      </c>
      <c r="G1934" s="2"/>
    </row>
    <row r="1935" spans="1:7" x14ac:dyDescent="0.25">
      <c r="A1935" s="1">
        <v>1933</v>
      </c>
      <c r="B1935" t="s">
        <v>1937</v>
      </c>
      <c r="C1935" t="s">
        <v>7387</v>
      </c>
      <c r="D1935" t="s">
        <v>12831</v>
      </c>
      <c r="E1935" t="s">
        <v>18199</v>
      </c>
      <c r="G1935" s="2"/>
    </row>
    <row r="1936" spans="1:7" x14ac:dyDescent="0.25">
      <c r="A1936" s="1">
        <v>1934</v>
      </c>
      <c r="B1936" t="s">
        <v>1938</v>
      </c>
      <c r="C1936" t="s">
        <v>7388</v>
      </c>
      <c r="D1936" t="s">
        <v>12832</v>
      </c>
      <c r="E1936" t="s">
        <v>18200</v>
      </c>
      <c r="G1936" s="2"/>
    </row>
    <row r="1937" spans="1:7" x14ac:dyDescent="0.25">
      <c r="A1937" s="1">
        <v>1935</v>
      </c>
      <c r="B1937" t="s">
        <v>1939</v>
      </c>
      <c r="C1937" t="s">
        <v>7389</v>
      </c>
      <c r="D1937" t="s">
        <v>12833</v>
      </c>
      <c r="E1937" t="s">
        <v>18201</v>
      </c>
      <c r="G1937" s="2"/>
    </row>
    <row r="1938" spans="1:7" x14ac:dyDescent="0.25">
      <c r="A1938" s="1">
        <v>1936</v>
      </c>
      <c r="B1938" t="s">
        <v>1940</v>
      </c>
      <c r="C1938" t="s">
        <v>7390</v>
      </c>
      <c r="D1938" t="s">
        <v>12834</v>
      </c>
      <c r="E1938" t="s">
        <v>18202</v>
      </c>
      <c r="G1938" s="2"/>
    </row>
    <row r="1939" spans="1:7" x14ac:dyDescent="0.25">
      <c r="A1939" s="1">
        <v>1937</v>
      </c>
      <c r="B1939" t="s">
        <v>1941</v>
      </c>
      <c r="C1939" t="s">
        <v>7391</v>
      </c>
      <c r="D1939" t="s">
        <v>12835</v>
      </c>
      <c r="E1939" t="s">
        <v>18203</v>
      </c>
      <c r="G1939" s="2"/>
    </row>
    <row r="1940" spans="1:7" x14ac:dyDescent="0.25">
      <c r="A1940" s="1">
        <v>1938</v>
      </c>
      <c r="B1940" t="s">
        <v>1942</v>
      </c>
      <c r="C1940" t="s">
        <v>7392</v>
      </c>
      <c r="D1940" t="s">
        <v>12836</v>
      </c>
      <c r="E1940" t="s">
        <v>18204</v>
      </c>
      <c r="G1940" s="2"/>
    </row>
    <row r="1941" spans="1:7" x14ac:dyDescent="0.25">
      <c r="A1941" s="1">
        <v>1939</v>
      </c>
      <c r="B1941" t="s">
        <v>1943</v>
      </c>
      <c r="C1941" t="s">
        <v>7393</v>
      </c>
      <c r="D1941" t="s">
        <v>12837</v>
      </c>
      <c r="E1941" t="s">
        <v>18205</v>
      </c>
      <c r="G1941" s="2"/>
    </row>
    <row r="1942" spans="1:7" x14ac:dyDescent="0.25">
      <c r="A1942" s="1">
        <v>1940</v>
      </c>
      <c r="B1942" t="s">
        <v>1944</v>
      </c>
      <c r="C1942" t="s">
        <v>7394</v>
      </c>
      <c r="D1942" t="s">
        <v>12838</v>
      </c>
      <c r="E1942" t="s">
        <v>18206</v>
      </c>
      <c r="G1942" s="2"/>
    </row>
    <row r="1943" spans="1:7" x14ac:dyDescent="0.25">
      <c r="A1943" s="1">
        <v>1941</v>
      </c>
      <c r="B1943" t="s">
        <v>1945</v>
      </c>
      <c r="C1943" t="s">
        <v>7395</v>
      </c>
      <c r="D1943" t="s">
        <v>12839</v>
      </c>
      <c r="E1943" t="s">
        <v>18207</v>
      </c>
      <c r="G1943" s="2"/>
    </row>
    <row r="1944" spans="1:7" x14ac:dyDescent="0.25">
      <c r="A1944" s="1">
        <v>1942</v>
      </c>
      <c r="B1944" t="s">
        <v>1946</v>
      </c>
      <c r="C1944" t="s">
        <v>7396</v>
      </c>
      <c r="D1944" t="s">
        <v>12840</v>
      </c>
      <c r="E1944" t="s">
        <v>18208</v>
      </c>
      <c r="G1944" s="2"/>
    </row>
    <row r="1945" spans="1:7" x14ac:dyDescent="0.25">
      <c r="A1945" s="1">
        <v>1943</v>
      </c>
      <c r="B1945" t="s">
        <v>1947</v>
      </c>
      <c r="C1945" t="s">
        <v>7397</v>
      </c>
      <c r="D1945" t="s">
        <v>12841</v>
      </c>
      <c r="E1945" t="s">
        <v>18209</v>
      </c>
      <c r="G1945" s="2"/>
    </row>
    <row r="1946" spans="1:7" x14ac:dyDescent="0.25">
      <c r="A1946" s="1">
        <v>1944</v>
      </c>
      <c r="B1946" t="s">
        <v>1948</v>
      </c>
      <c r="C1946" t="s">
        <v>7398</v>
      </c>
      <c r="D1946" t="s">
        <v>12842</v>
      </c>
      <c r="E1946" t="s">
        <v>18210</v>
      </c>
      <c r="G1946" s="2"/>
    </row>
    <row r="1947" spans="1:7" x14ac:dyDescent="0.25">
      <c r="A1947" s="1">
        <v>1945</v>
      </c>
      <c r="B1947" t="s">
        <v>1949</v>
      </c>
      <c r="C1947" t="s">
        <v>7399</v>
      </c>
      <c r="D1947" t="s">
        <v>12843</v>
      </c>
      <c r="E1947" t="s">
        <v>18211</v>
      </c>
      <c r="G1947" s="2"/>
    </row>
    <row r="1948" spans="1:7" x14ac:dyDescent="0.25">
      <c r="A1948" s="1">
        <v>1946</v>
      </c>
      <c r="B1948" t="s">
        <v>1950</v>
      </c>
      <c r="C1948" t="s">
        <v>7400</v>
      </c>
      <c r="D1948" t="s">
        <v>12844</v>
      </c>
      <c r="E1948" t="s">
        <v>18212</v>
      </c>
      <c r="G1948" s="2"/>
    </row>
    <row r="1949" spans="1:7" x14ac:dyDescent="0.25">
      <c r="A1949" s="1">
        <v>1947</v>
      </c>
      <c r="B1949" t="s">
        <v>1951</v>
      </c>
      <c r="C1949" t="s">
        <v>7401</v>
      </c>
      <c r="D1949" t="s">
        <v>12845</v>
      </c>
      <c r="E1949" t="s">
        <v>18213</v>
      </c>
      <c r="G1949" s="2"/>
    </row>
    <row r="1950" spans="1:7" x14ac:dyDescent="0.25">
      <c r="A1950" s="1">
        <v>1948</v>
      </c>
      <c r="B1950" t="s">
        <v>1952</v>
      </c>
      <c r="C1950" t="s">
        <v>7402</v>
      </c>
      <c r="D1950" t="s">
        <v>12846</v>
      </c>
      <c r="E1950" t="s">
        <v>18214</v>
      </c>
      <c r="G1950" s="2"/>
    </row>
    <row r="1951" spans="1:7" x14ac:dyDescent="0.25">
      <c r="A1951" s="1">
        <v>1949</v>
      </c>
      <c r="B1951" t="s">
        <v>1953</v>
      </c>
      <c r="C1951" t="s">
        <v>7403</v>
      </c>
      <c r="D1951" t="s">
        <v>12847</v>
      </c>
      <c r="E1951" t="s">
        <v>18215</v>
      </c>
      <c r="G1951" s="2"/>
    </row>
    <row r="1952" spans="1:7" x14ac:dyDescent="0.25">
      <c r="A1952" s="1">
        <v>1950</v>
      </c>
      <c r="B1952" t="s">
        <v>1954</v>
      </c>
      <c r="C1952" t="s">
        <v>7404</v>
      </c>
      <c r="D1952" t="s">
        <v>12848</v>
      </c>
      <c r="E1952" t="s">
        <v>18216</v>
      </c>
      <c r="G1952" s="2"/>
    </row>
    <row r="1953" spans="1:7" x14ac:dyDescent="0.25">
      <c r="A1953" s="1">
        <v>1951</v>
      </c>
      <c r="B1953" t="s">
        <v>1955</v>
      </c>
      <c r="C1953" t="s">
        <v>7405</v>
      </c>
      <c r="D1953" t="s">
        <v>12849</v>
      </c>
      <c r="E1953" t="s">
        <v>18217</v>
      </c>
      <c r="G1953" s="2"/>
    </row>
    <row r="1954" spans="1:7" x14ac:dyDescent="0.25">
      <c r="A1954" s="1">
        <v>1952</v>
      </c>
      <c r="B1954" t="s">
        <v>1956</v>
      </c>
      <c r="C1954" t="s">
        <v>7406</v>
      </c>
      <c r="D1954" t="s">
        <v>12850</v>
      </c>
      <c r="E1954" t="s">
        <v>18218</v>
      </c>
      <c r="G1954" s="2"/>
    </row>
    <row r="1955" spans="1:7" x14ac:dyDescent="0.25">
      <c r="A1955" s="1">
        <v>1953</v>
      </c>
      <c r="B1955" t="s">
        <v>1957</v>
      </c>
      <c r="C1955" t="s">
        <v>7407</v>
      </c>
      <c r="D1955" t="s">
        <v>12851</v>
      </c>
      <c r="E1955" t="s">
        <v>18219</v>
      </c>
      <c r="G1955" s="2"/>
    </row>
    <row r="1956" spans="1:7" x14ac:dyDescent="0.25">
      <c r="A1956" s="1">
        <v>1954</v>
      </c>
      <c r="B1956" t="s">
        <v>1958</v>
      </c>
      <c r="C1956" t="s">
        <v>7408</v>
      </c>
      <c r="D1956" t="s">
        <v>12852</v>
      </c>
      <c r="E1956" t="s">
        <v>18220</v>
      </c>
      <c r="G1956" s="2"/>
    </row>
    <row r="1957" spans="1:7" x14ac:dyDescent="0.25">
      <c r="A1957" s="1">
        <v>1955</v>
      </c>
      <c r="B1957" t="s">
        <v>1959</v>
      </c>
      <c r="C1957" t="s">
        <v>7409</v>
      </c>
      <c r="D1957" t="s">
        <v>12853</v>
      </c>
      <c r="E1957" t="s">
        <v>18221</v>
      </c>
      <c r="G1957" s="2"/>
    </row>
    <row r="1958" spans="1:7" x14ac:dyDescent="0.25">
      <c r="A1958" s="1">
        <v>1956</v>
      </c>
      <c r="B1958" t="s">
        <v>1960</v>
      </c>
      <c r="C1958" t="s">
        <v>7410</v>
      </c>
      <c r="D1958" t="s">
        <v>12854</v>
      </c>
      <c r="E1958" t="s">
        <v>18222</v>
      </c>
      <c r="G1958" s="2"/>
    </row>
    <row r="1959" spans="1:7" x14ac:dyDescent="0.25">
      <c r="A1959" s="1">
        <v>1957</v>
      </c>
      <c r="B1959" t="s">
        <v>1961</v>
      </c>
      <c r="C1959" t="s">
        <v>7411</v>
      </c>
      <c r="D1959" t="s">
        <v>12855</v>
      </c>
      <c r="E1959" t="s">
        <v>18223</v>
      </c>
      <c r="G1959" s="2"/>
    </row>
    <row r="1960" spans="1:7" x14ac:dyDescent="0.25">
      <c r="A1960" s="1">
        <v>1958</v>
      </c>
      <c r="B1960" t="s">
        <v>1962</v>
      </c>
      <c r="C1960" t="s">
        <v>7412</v>
      </c>
      <c r="D1960" t="s">
        <v>12856</v>
      </c>
      <c r="E1960" t="s">
        <v>18224</v>
      </c>
      <c r="G1960" s="2"/>
    </row>
    <row r="1961" spans="1:7" x14ac:dyDescent="0.25">
      <c r="A1961" s="1">
        <v>1959</v>
      </c>
      <c r="B1961" t="s">
        <v>1963</v>
      </c>
      <c r="C1961" t="s">
        <v>7413</v>
      </c>
      <c r="D1961" t="s">
        <v>12857</v>
      </c>
      <c r="E1961" t="s">
        <v>18225</v>
      </c>
      <c r="G1961" s="2"/>
    </row>
    <row r="1962" spans="1:7" x14ac:dyDescent="0.25">
      <c r="A1962" s="1">
        <v>1960</v>
      </c>
      <c r="B1962" t="s">
        <v>1964</v>
      </c>
      <c r="C1962" t="s">
        <v>7414</v>
      </c>
      <c r="D1962" t="s">
        <v>12858</v>
      </c>
      <c r="E1962" t="s">
        <v>18226</v>
      </c>
      <c r="G1962" s="2"/>
    </row>
    <row r="1963" spans="1:7" x14ac:dyDescent="0.25">
      <c r="A1963" s="1">
        <v>1961</v>
      </c>
      <c r="B1963" t="s">
        <v>1965</v>
      </c>
      <c r="C1963" t="s">
        <v>7415</v>
      </c>
      <c r="D1963" t="s">
        <v>12859</v>
      </c>
      <c r="E1963" t="s">
        <v>18227</v>
      </c>
      <c r="G1963" s="2"/>
    </row>
    <row r="1964" spans="1:7" x14ac:dyDescent="0.25">
      <c r="A1964" s="1">
        <v>1962</v>
      </c>
      <c r="B1964" t="s">
        <v>1966</v>
      </c>
      <c r="C1964" t="s">
        <v>7416</v>
      </c>
      <c r="D1964" t="s">
        <v>12860</v>
      </c>
      <c r="E1964" t="s">
        <v>18228</v>
      </c>
      <c r="G1964" s="2"/>
    </row>
    <row r="1965" spans="1:7" x14ac:dyDescent="0.25">
      <c r="A1965" s="1">
        <v>1963</v>
      </c>
      <c r="B1965" t="s">
        <v>1967</v>
      </c>
      <c r="C1965" t="s">
        <v>7417</v>
      </c>
      <c r="D1965" t="s">
        <v>12861</v>
      </c>
      <c r="E1965" t="s">
        <v>18229</v>
      </c>
      <c r="G1965" s="2"/>
    </row>
    <row r="1966" spans="1:7" x14ac:dyDescent="0.25">
      <c r="A1966" s="1">
        <v>1964</v>
      </c>
      <c r="B1966" t="s">
        <v>1968</v>
      </c>
      <c r="C1966" t="s">
        <v>7418</v>
      </c>
      <c r="D1966" t="s">
        <v>12862</v>
      </c>
      <c r="E1966" t="s">
        <v>18230</v>
      </c>
      <c r="G1966" s="2"/>
    </row>
    <row r="1967" spans="1:7" x14ac:dyDescent="0.25">
      <c r="A1967" s="1">
        <v>1965</v>
      </c>
      <c r="B1967" t="s">
        <v>1969</v>
      </c>
      <c r="C1967" t="s">
        <v>7419</v>
      </c>
      <c r="D1967" t="s">
        <v>12863</v>
      </c>
      <c r="E1967" t="s">
        <v>18231</v>
      </c>
      <c r="G1967" s="2"/>
    </row>
    <row r="1968" spans="1:7" x14ac:dyDescent="0.25">
      <c r="A1968" s="1">
        <v>1966</v>
      </c>
      <c r="B1968" t="s">
        <v>1970</v>
      </c>
      <c r="C1968" t="s">
        <v>7420</v>
      </c>
      <c r="D1968" t="s">
        <v>12864</v>
      </c>
      <c r="E1968" t="s">
        <v>18232</v>
      </c>
      <c r="G1968" s="2"/>
    </row>
    <row r="1969" spans="1:7" x14ac:dyDescent="0.25">
      <c r="A1969" s="1">
        <v>1967</v>
      </c>
      <c r="B1969" t="s">
        <v>1971</v>
      </c>
      <c r="C1969" t="s">
        <v>7421</v>
      </c>
      <c r="D1969" t="s">
        <v>12865</v>
      </c>
      <c r="E1969" t="s">
        <v>18233</v>
      </c>
      <c r="G1969" s="2"/>
    </row>
    <row r="1970" spans="1:7" x14ac:dyDescent="0.25">
      <c r="A1970" s="1">
        <v>1968</v>
      </c>
      <c r="B1970" t="s">
        <v>1972</v>
      </c>
      <c r="C1970" t="s">
        <v>7422</v>
      </c>
      <c r="D1970" t="s">
        <v>12866</v>
      </c>
      <c r="E1970" t="s">
        <v>16347</v>
      </c>
      <c r="G1970" s="2"/>
    </row>
    <row r="1971" spans="1:7" x14ac:dyDescent="0.25">
      <c r="A1971" s="1">
        <v>1969</v>
      </c>
      <c r="B1971" t="s">
        <v>1973</v>
      </c>
      <c r="C1971" t="s">
        <v>7423</v>
      </c>
      <c r="D1971" t="s">
        <v>12867</v>
      </c>
      <c r="E1971" t="s">
        <v>18234</v>
      </c>
      <c r="G1971" s="2"/>
    </row>
    <row r="1972" spans="1:7" x14ac:dyDescent="0.25">
      <c r="A1972" s="1">
        <v>1970</v>
      </c>
      <c r="B1972" t="s">
        <v>1974</v>
      </c>
      <c r="C1972" t="s">
        <v>7424</v>
      </c>
      <c r="D1972" t="s">
        <v>12868</v>
      </c>
      <c r="E1972" t="s">
        <v>18235</v>
      </c>
      <c r="G1972" s="2"/>
    </row>
    <row r="1973" spans="1:7" x14ac:dyDescent="0.25">
      <c r="A1973" s="1">
        <v>1971</v>
      </c>
      <c r="B1973" t="s">
        <v>1975</v>
      </c>
      <c r="C1973" t="s">
        <v>7425</v>
      </c>
      <c r="D1973" t="s">
        <v>12869</v>
      </c>
      <c r="E1973" t="s">
        <v>18236</v>
      </c>
      <c r="G1973" s="2"/>
    </row>
    <row r="1974" spans="1:7" x14ac:dyDescent="0.25">
      <c r="A1974" s="1">
        <v>1972</v>
      </c>
      <c r="B1974" t="s">
        <v>1976</v>
      </c>
      <c r="C1974" t="s">
        <v>7426</v>
      </c>
      <c r="D1974" t="s">
        <v>12870</v>
      </c>
      <c r="E1974" t="s">
        <v>18237</v>
      </c>
      <c r="G1974" s="2"/>
    </row>
    <row r="1975" spans="1:7" x14ac:dyDescent="0.25">
      <c r="A1975" s="1">
        <v>1973</v>
      </c>
      <c r="B1975" t="s">
        <v>1977</v>
      </c>
      <c r="C1975" t="s">
        <v>7427</v>
      </c>
      <c r="D1975" t="s">
        <v>12871</v>
      </c>
      <c r="E1975" t="s">
        <v>18238</v>
      </c>
      <c r="G1975" s="2"/>
    </row>
    <row r="1976" spans="1:7" x14ac:dyDescent="0.25">
      <c r="A1976" s="1">
        <v>1974</v>
      </c>
      <c r="B1976" t="s">
        <v>1978</v>
      </c>
      <c r="C1976" t="s">
        <v>7428</v>
      </c>
      <c r="D1976" t="s">
        <v>12872</v>
      </c>
      <c r="E1976" t="s">
        <v>18239</v>
      </c>
      <c r="G1976" s="2"/>
    </row>
    <row r="1977" spans="1:7" x14ac:dyDescent="0.25">
      <c r="A1977" s="1">
        <v>1975</v>
      </c>
      <c r="B1977" t="s">
        <v>1979</v>
      </c>
      <c r="C1977" t="s">
        <v>7429</v>
      </c>
      <c r="D1977" t="s">
        <v>12873</v>
      </c>
      <c r="E1977" t="s">
        <v>18240</v>
      </c>
      <c r="G1977" s="2"/>
    </row>
    <row r="1978" spans="1:7" x14ac:dyDescent="0.25">
      <c r="A1978" s="1">
        <v>1976</v>
      </c>
      <c r="B1978" t="s">
        <v>1980</v>
      </c>
      <c r="C1978" t="s">
        <v>7430</v>
      </c>
      <c r="D1978" t="s">
        <v>12874</v>
      </c>
      <c r="E1978" t="s">
        <v>18241</v>
      </c>
      <c r="G1978" s="2"/>
    </row>
    <row r="1979" spans="1:7" x14ac:dyDescent="0.25">
      <c r="A1979" s="1">
        <v>1977</v>
      </c>
      <c r="B1979" t="s">
        <v>1981</v>
      </c>
      <c r="C1979" t="s">
        <v>7431</v>
      </c>
      <c r="D1979" t="s">
        <v>12875</v>
      </c>
      <c r="E1979" t="s">
        <v>18242</v>
      </c>
      <c r="G1979" s="2"/>
    </row>
    <row r="1980" spans="1:7" x14ac:dyDescent="0.25">
      <c r="A1980" s="1">
        <v>1978</v>
      </c>
      <c r="B1980" t="s">
        <v>1982</v>
      </c>
      <c r="C1980" t="s">
        <v>7432</v>
      </c>
      <c r="D1980" t="s">
        <v>12876</v>
      </c>
      <c r="E1980" t="s">
        <v>18243</v>
      </c>
      <c r="G1980" s="2"/>
    </row>
    <row r="1981" spans="1:7" x14ac:dyDescent="0.25">
      <c r="A1981" s="1">
        <v>1979</v>
      </c>
      <c r="B1981" t="s">
        <v>1983</v>
      </c>
      <c r="C1981" t="s">
        <v>7433</v>
      </c>
      <c r="D1981" t="s">
        <v>12877</v>
      </c>
      <c r="E1981" t="s">
        <v>18244</v>
      </c>
      <c r="G1981" s="2"/>
    </row>
    <row r="1982" spans="1:7" x14ac:dyDescent="0.25">
      <c r="A1982" s="1">
        <v>1980</v>
      </c>
      <c r="B1982" t="s">
        <v>1984</v>
      </c>
      <c r="C1982" t="s">
        <v>7434</v>
      </c>
      <c r="D1982" t="s">
        <v>12878</v>
      </c>
      <c r="E1982" t="s">
        <v>18245</v>
      </c>
      <c r="G1982" s="2"/>
    </row>
    <row r="1983" spans="1:7" x14ac:dyDescent="0.25">
      <c r="A1983" s="1">
        <v>1981</v>
      </c>
      <c r="B1983" t="s">
        <v>1985</v>
      </c>
      <c r="C1983" t="s">
        <v>7435</v>
      </c>
      <c r="D1983" t="s">
        <v>12879</v>
      </c>
      <c r="E1983" t="s">
        <v>18246</v>
      </c>
      <c r="G1983" s="2"/>
    </row>
    <row r="1984" spans="1:7" x14ac:dyDescent="0.25">
      <c r="A1984" s="1">
        <v>1982</v>
      </c>
      <c r="B1984" t="s">
        <v>1986</v>
      </c>
      <c r="C1984" t="s">
        <v>7436</v>
      </c>
      <c r="D1984" t="s">
        <v>12880</v>
      </c>
      <c r="E1984" t="s">
        <v>18247</v>
      </c>
      <c r="G1984" s="2"/>
    </row>
    <row r="1985" spans="1:7" x14ac:dyDescent="0.25">
      <c r="A1985" s="1">
        <v>1983</v>
      </c>
      <c r="B1985" t="s">
        <v>1987</v>
      </c>
      <c r="C1985" t="s">
        <v>7437</v>
      </c>
      <c r="D1985" t="s">
        <v>12881</v>
      </c>
      <c r="E1985" t="s">
        <v>18248</v>
      </c>
      <c r="G1985" s="2"/>
    </row>
    <row r="1986" spans="1:7" x14ac:dyDescent="0.25">
      <c r="A1986" s="1">
        <v>1984</v>
      </c>
      <c r="B1986" t="s">
        <v>1988</v>
      </c>
      <c r="C1986" t="s">
        <v>7438</v>
      </c>
      <c r="D1986" t="s">
        <v>12882</v>
      </c>
      <c r="E1986" t="s">
        <v>18249</v>
      </c>
      <c r="G1986" s="2"/>
    </row>
    <row r="1987" spans="1:7" x14ac:dyDescent="0.25">
      <c r="A1987" s="1">
        <v>1985</v>
      </c>
      <c r="B1987" t="s">
        <v>1989</v>
      </c>
      <c r="C1987" t="s">
        <v>7439</v>
      </c>
      <c r="D1987" t="s">
        <v>12883</v>
      </c>
      <c r="E1987" t="s">
        <v>18250</v>
      </c>
      <c r="G1987" s="2"/>
    </row>
    <row r="1988" spans="1:7" x14ac:dyDescent="0.25">
      <c r="A1988" s="1">
        <v>1986</v>
      </c>
      <c r="B1988" t="s">
        <v>1990</v>
      </c>
      <c r="C1988" t="s">
        <v>7440</v>
      </c>
      <c r="D1988" t="s">
        <v>12884</v>
      </c>
      <c r="E1988" t="s">
        <v>18251</v>
      </c>
      <c r="G1988" s="2"/>
    </row>
    <row r="1989" spans="1:7" x14ac:dyDescent="0.25">
      <c r="A1989" s="1">
        <v>1987</v>
      </c>
      <c r="B1989" t="s">
        <v>1991</v>
      </c>
      <c r="C1989" t="s">
        <v>7441</v>
      </c>
      <c r="D1989" t="s">
        <v>12885</v>
      </c>
      <c r="E1989" t="s">
        <v>16555</v>
      </c>
      <c r="G1989" s="2"/>
    </row>
    <row r="1990" spans="1:7" x14ac:dyDescent="0.25">
      <c r="A1990" s="1">
        <v>1988</v>
      </c>
      <c r="B1990" t="s">
        <v>1992</v>
      </c>
      <c r="C1990" t="s">
        <v>7442</v>
      </c>
      <c r="D1990" t="s">
        <v>12886</v>
      </c>
      <c r="E1990" t="s">
        <v>18252</v>
      </c>
      <c r="G1990" s="2"/>
    </row>
    <row r="1991" spans="1:7" x14ac:dyDescent="0.25">
      <c r="A1991" s="1">
        <v>1989</v>
      </c>
      <c r="B1991" t="s">
        <v>1993</v>
      </c>
      <c r="C1991" t="s">
        <v>7443</v>
      </c>
      <c r="D1991" t="s">
        <v>12887</v>
      </c>
      <c r="E1991" t="s">
        <v>18253</v>
      </c>
      <c r="G1991" s="2"/>
    </row>
    <row r="1992" spans="1:7" x14ac:dyDescent="0.25">
      <c r="A1992" s="1">
        <v>1990</v>
      </c>
      <c r="B1992" t="s">
        <v>1994</v>
      </c>
      <c r="C1992" t="s">
        <v>7444</v>
      </c>
      <c r="D1992" t="s">
        <v>12888</v>
      </c>
      <c r="E1992" t="s">
        <v>18254</v>
      </c>
      <c r="G1992" s="2"/>
    </row>
    <row r="1993" spans="1:7" x14ac:dyDescent="0.25">
      <c r="A1993" s="1">
        <v>1991</v>
      </c>
      <c r="B1993" t="s">
        <v>1995</v>
      </c>
      <c r="C1993" t="s">
        <v>7445</v>
      </c>
      <c r="D1993" t="s">
        <v>12889</v>
      </c>
      <c r="E1993" t="s">
        <v>16347</v>
      </c>
      <c r="G1993" s="2"/>
    </row>
    <row r="1994" spans="1:7" x14ac:dyDescent="0.25">
      <c r="A1994" s="1">
        <v>1992</v>
      </c>
      <c r="B1994" t="s">
        <v>1996</v>
      </c>
      <c r="C1994" t="s">
        <v>7446</v>
      </c>
      <c r="D1994" t="s">
        <v>12890</v>
      </c>
      <c r="E1994" t="s">
        <v>16555</v>
      </c>
      <c r="G1994" s="2"/>
    </row>
    <row r="1995" spans="1:7" x14ac:dyDescent="0.25">
      <c r="A1995" s="1">
        <v>1993</v>
      </c>
      <c r="B1995" t="s">
        <v>1997</v>
      </c>
      <c r="C1995" t="s">
        <v>7447</v>
      </c>
      <c r="D1995" t="s">
        <v>12891</v>
      </c>
      <c r="E1995" t="s">
        <v>18255</v>
      </c>
      <c r="G1995" s="2"/>
    </row>
    <row r="1996" spans="1:7" x14ac:dyDescent="0.25">
      <c r="A1996" s="1">
        <v>1994</v>
      </c>
      <c r="B1996" t="s">
        <v>1998</v>
      </c>
      <c r="C1996" t="s">
        <v>7448</v>
      </c>
      <c r="D1996" t="s">
        <v>12892</v>
      </c>
      <c r="E1996" t="s">
        <v>18256</v>
      </c>
      <c r="G1996" s="2"/>
    </row>
    <row r="1997" spans="1:7" x14ac:dyDescent="0.25">
      <c r="A1997" s="1">
        <v>1995</v>
      </c>
      <c r="B1997" t="s">
        <v>1999</v>
      </c>
      <c r="C1997" t="s">
        <v>7449</v>
      </c>
      <c r="D1997" t="s">
        <v>12893</v>
      </c>
      <c r="E1997" t="s">
        <v>18257</v>
      </c>
      <c r="G1997" s="2"/>
    </row>
    <row r="1998" spans="1:7" x14ac:dyDescent="0.25">
      <c r="A1998" s="1">
        <v>1996</v>
      </c>
      <c r="B1998" t="s">
        <v>2000</v>
      </c>
      <c r="C1998" t="s">
        <v>7450</v>
      </c>
      <c r="D1998" t="s">
        <v>12894</v>
      </c>
      <c r="E1998" t="s">
        <v>18258</v>
      </c>
      <c r="G1998" s="2"/>
    </row>
    <row r="1999" spans="1:7" x14ac:dyDescent="0.25">
      <c r="A1999" s="1">
        <v>1997</v>
      </c>
      <c r="B1999" t="s">
        <v>2001</v>
      </c>
      <c r="C1999" t="s">
        <v>7451</v>
      </c>
      <c r="D1999" t="s">
        <v>12895</v>
      </c>
      <c r="E1999" t="s">
        <v>18259</v>
      </c>
      <c r="G1999" s="2"/>
    </row>
    <row r="2000" spans="1:7" x14ac:dyDescent="0.25">
      <c r="A2000" s="1">
        <v>1998</v>
      </c>
      <c r="B2000" t="s">
        <v>2002</v>
      </c>
      <c r="C2000" t="s">
        <v>7452</v>
      </c>
      <c r="D2000" t="s">
        <v>12896</v>
      </c>
      <c r="E2000" t="s">
        <v>18260</v>
      </c>
      <c r="G2000" s="2"/>
    </row>
    <row r="2001" spans="1:7" x14ac:dyDescent="0.25">
      <c r="A2001" s="1">
        <v>1999</v>
      </c>
      <c r="B2001" t="s">
        <v>2003</v>
      </c>
      <c r="C2001" t="s">
        <v>7453</v>
      </c>
      <c r="D2001" t="s">
        <v>12897</v>
      </c>
      <c r="E2001" t="s">
        <v>18261</v>
      </c>
      <c r="G2001" s="2"/>
    </row>
    <row r="2002" spans="1:7" x14ac:dyDescent="0.25">
      <c r="A2002" s="1">
        <v>2000</v>
      </c>
      <c r="B2002" t="s">
        <v>2004</v>
      </c>
      <c r="C2002" t="s">
        <v>7454</v>
      </c>
      <c r="D2002" t="s">
        <v>12898</v>
      </c>
      <c r="E2002" t="s">
        <v>18262</v>
      </c>
      <c r="G2002" s="2"/>
    </row>
    <row r="2003" spans="1:7" x14ac:dyDescent="0.25">
      <c r="A2003" s="1">
        <v>2001</v>
      </c>
      <c r="B2003" t="s">
        <v>2005</v>
      </c>
      <c r="C2003" t="s">
        <v>7455</v>
      </c>
      <c r="D2003" t="s">
        <v>12899</v>
      </c>
      <c r="E2003" t="s">
        <v>18263</v>
      </c>
      <c r="G2003" s="2"/>
    </row>
    <row r="2004" spans="1:7" x14ac:dyDescent="0.25">
      <c r="A2004" s="1">
        <v>2002</v>
      </c>
      <c r="B2004" t="s">
        <v>2006</v>
      </c>
      <c r="C2004" t="s">
        <v>7456</v>
      </c>
      <c r="D2004" t="s">
        <v>12900</v>
      </c>
      <c r="E2004" t="s">
        <v>18264</v>
      </c>
      <c r="G2004" s="2"/>
    </row>
    <row r="2005" spans="1:7" x14ac:dyDescent="0.25">
      <c r="A2005" s="1">
        <v>2003</v>
      </c>
      <c r="B2005" t="s">
        <v>2007</v>
      </c>
      <c r="C2005" t="s">
        <v>7457</v>
      </c>
      <c r="D2005" t="s">
        <v>12901</v>
      </c>
      <c r="E2005" t="s">
        <v>18265</v>
      </c>
      <c r="G2005" s="2"/>
    </row>
    <row r="2006" spans="1:7" x14ac:dyDescent="0.25">
      <c r="A2006" s="1">
        <v>2004</v>
      </c>
      <c r="B2006" t="s">
        <v>2008</v>
      </c>
      <c r="C2006" t="s">
        <v>7458</v>
      </c>
      <c r="D2006" t="s">
        <v>12902</v>
      </c>
      <c r="E2006" t="s">
        <v>18266</v>
      </c>
      <c r="G2006" s="2"/>
    </row>
    <row r="2007" spans="1:7" x14ac:dyDescent="0.25">
      <c r="A2007" s="1">
        <v>2005</v>
      </c>
      <c r="B2007" t="s">
        <v>2009</v>
      </c>
      <c r="C2007" t="s">
        <v>7459</v>
      </c>
      <c r="D2007" t="s">
        <v>12903</v>
      </c>
      <c r="E2007" t="s">
        <v>16347</v>
      </c>
      <c r="G2007" s="2"/>
    </row>
    <row r="2008" spans="1:7" x14ac:dyDescent="0.25">
      <c r="A2008" s="1">
        <v>2006</v>
      </c>
      <c r="B2008" t="s">
        <v>2010</v>
      </c>
      <c r="C2008" t="s">
        <v>7460</v>
      </c>
      <c r="D2008" t="s">
        <v>12904</v>
      </c>
      <c r="E2008" t="s">
        <v>18267</v>
      </c>
      <c r="G2008" s="2"/>
    </row>
    <row r="2009" spans="1:7" x14ac:dyDescent="0.25">
      <c r="A2009" s="1">
        <v>2007</v>
      </c>
      <c r="B2009" t="s">
        <v>2011</v>
      </c>
      <c r="C2009" t="s">
        <v>7461</v>
      </c>
      <c r="D2009" t="s">
        <v>12905</v>
      </c>
      <c r="E2009" t="s">
        <v>18268</v>
      </c>
      <c r="G2009" s="2"/>
    </row>
    <row r="2010" spans="1:7" x14ac:dyDescent="0.25">
      <c r="A2010" s="1">
        <v>2008</v>
      </c>
      <c r="B2010" t="s">
        <v>2012</v>
      </c>
      <c r="C2010" t="s">
        <v>7462</v>
      </c>
      <c r="D2010" t="s">
        <v>12906</v>
      </c>
      <c r="E2010" t="s">
        <v>18269</v>
      </c>
      <c r="G2010" s="2"/>
    </row>
    <row r="2011" spans="1:7" x14ac:dyDescent="0.25">
      <c r="A2011" s="1">
        <v>2009</v>
      </c>
      <c r="B2011" t="s">
        <v>2013</v>
      </c>
      <c r="C2011" t="s">
        <v>7463</v>
      </c>
      <c r="D2011" t="s">
        <v>12907</v>
      </c>
      <c r="E2011" t="s">
        <v>18270</v>
      </c>
      <c r="G2011" s="2"/>
    </row>
    <row r="2012" spans="1:7" x14ac:dyDescent="0.25">
      <c r="A2012" s="1">
        <v>2010</v>
      </c>
      <c r="B2012" t="s">
        <v>2014</v>
      </c>
      <c r="C2012" t="s">
        <v>7464</v>
      </c>
      <c r="D2012" t="s">
        <v>12908</v>
      </c>
      <c r="E2012" t="s">
        <v>18271</v>
      </c>
      <c r="G2012" s="2"/>
    </row>
    <row r="2013" spans="1:7" x14ac:dyDescent="0.25">
      <c r="A2013" s="1">
        <v>2011</v>
      </c>
      <c r="B2013" t="s">
        <v>2015</v>
      </c>
      <c r="C2013" t="s">
        <v>7465</v>
      </c>
      <c r="D2013" t="s">
        <v>12909</v>
      </c>
      <c r="E2013" t="s">
        <v>18272</v>
      </c>
      <c r="G2013" s="2"/>
    </row>
    <row r="2014" spans="1:7" x14ac:dyDescent="0.25">
      <c r="A2014" s="1">
        <v>2012</v>
      </c>
      <c r="B2014" t="s">
        <v>2016</v>
      </c>
      <c r="C2014" t="s">
        <v>7466</v>
      </c>
      <c r="D2014" t="s">
        <v>12910</v>
      </c>
      <c r="E2014" t="s">
        <v>18273</v>
      </c>
      <c r="G2014" s="2"/>
    </row>
    <row r="2015" spans="1:7" x14ac:dyDescent="0.25">
      <c r="A2015" s="1">
        <v>2013</v>
      </c>
      <c r="B2015" t="s">
        <v>2017</v>
      </c>
      <c r="C2015" t="s">
        <v>7467</v>
      </c>
      <c r="D2015" t="s">
        <v>12911</v>
      </c>
      <c r="E2015" t="s">
        <v>18274</v>
      </c>
      <c r="G2015" s="2"/>
    </row>
    <row r="2016" spans="1:7" x14ac:dyDescent="0.25">
      <c r="A2016" s="1">
        <v>2014</v>
      </c>
      <c r="B2016" t="s">
        <v>2018</v>
      </c>
      <c r="C2016" t="s">
        <v>7468</v>
      </c>
      <c r="D2016" t="s">
        <v>12912</v>
      </c>
      <c r="E2016" t="s">
        <v>18275</v>
      </c>
      <c r="G2016" s="2"/>
    </row>
    <row r="2017" spans="1:7" x14ac:dyDescent="0.25">
      <c r="A2017" s="1">
        <v>2015</v>
      </c>
      <c r="B2017" t="s">
        <v>2019</v>
      </c>
      <c r="C2017" t="s">
        <v>7469</v>
      </c>
      <c r="D2017" t="s">
        <v>12913</v>
      </c>
      <c r="E2017" t="s">
        <v>18276</v>
      </c>
      <c r="G2017" s="2"/>
    </row>
    <row r="2018" spans="1:7" x14ac:dyDescent="0.25">
      <c r="A2018" s="1">
        <v>2016</v>
      </c>
      <c r="B2018" t="s">
        <v>2020</v>
      </c>
      <c r="C2018" t="s">
        <v>7470</v>
      </c>
      <c r="D2018" t="s">
        <v>12914</v>
      </c>
      <c r="E2018" t="s">
        <v>18277</v>
      </c>
      <c r="G2018" s="2"/>
    </row>
    <row r="2019" spans="1:7" x14ac:dyDescent="0.25">
      <c r="A2019" s="1">
        <v>2017</v>
      </c>
      <c r="B2019" t="s">
        <v>2021</v>
      </c>
      <c r="C2019" t="s">
        <v>7471</v>
      </c>
      <c r="D2019" t="s">
        <v>12915</v>
      </c>
      <c r="E2019" t="s">
        <v>18278</v>
      </c>
      <c r="G2019" s="2"/>
    </row>
    <row r="2020" spans="1:7" x14ac:dyDescent="0.25">
      <c r="A2020" s="1">
        <v>2018</v>
      </c>
      <c r="B2020" t="s">
        <v>2022</v>
      </c>
      <c r="C2020" t="s">
        <v>7472</v>
      </c>
      <c r="D2020" t="s">
        <v>12916</v>
      </c>
      <c r="E2020" t="s">
        <v>18279</v>
      </c>
      <c r="G2020" s="2"/>
    </row>
    <row r="2021" spans="1:7" x14ac:dyDescent="0.25">
      <c r="A2021" s="1">
        <v>2019</v>
      </c>
      <c r="B2021" t="s">
        <v>2023</v>
      </c>
      <c r="C2021" t="s">
        <v>7473</v>
      </c>
      <c r="D2021" t="s">
        <v>12917</v>
      </c>
      <c r="E2021" t="s">
        <v>18280</v>
      </c>
      <c r="G2021" s="2"/>
    </row>
    <row r="2022" spans="1:7" x14ac:dyDescent="0.25">
      <c r="A2022" s="1">
        <v>2020</v>
      </c>
      <c r="B2022" t="s">
        <v>2024</v>
      </c>
      <c r="C2022" t="s">
        <v>7474</v>
      </c>
      <c r="D2022" t="s">
        <v>12918</v>
      </c>
      <c r="E2022" t="s">
        <v>18281</v>
      </c>
      <c r="G2022" s="2"/>
    </row>
    <row r="2023" spans="1:7" x14ac:dyDescent="0.25">
      <c r="A2023" s="1">
        <v>2021</v>
      </c>
      <c r="B2023" t="s">
        <v>2025</v>
      </c>
      <c r="C2023" t="s">
        <v>7475</v>
      </c>
      <c r="D2023" t="s">
        <v>12919</v>
      </c>
      <c r="E2023" t="s">
        <v>18282</v>
      </c>
      <c r="G2023" s="2"/>
    </row>
    <row r="2024" spans="1:7" x14ac:dyDescent="0.25">
      <c r="A2024" s="1">
        <v>2022</v>
      </c>
      <c r="B2024" t="s">
        <v>2026</v>
      </c>
      <c r="C2024" t="s">
        <v>7476</v>
      </c>
      <c r="D2024" t="s">
        <v>12920</v>
      </c>
      <c r="E2024" t="s">
        <v>18283</v>
      </c>
      <c r="G2024" s="2"/>
    </row>
    <row r="2025" spans="1:7" x14ac:dyDescent="0.25">
      <c r="A2025" s="1">
        <v>2023</v>
      </c>
      <c r="B2025" t="s">
        <v>2027</v>
      </c>
      <c r="C2025" t="s">
        <v>7477</v>
      </c>
      <c r="D2025" t="s">
        <v>12921</v>
      </c>
      <c r="E2025" t="s">
        <v>18284</v>
      </c>
      <c r="G2025" s="2"/>
    </row>
    <row r="2026" spans="1:7" x14ac:dyDescent="0.25">
      <c r="A2026" s="1">
        <v>2024</v>
      </c>
      <c r="B2026" t="s">
        <v>2028</v>
      </c>
      <c r="C2026" t="s">
        <v>7478</v>
      </c>
      <c r="D2026" t="s">
        <v>12922</v>
      </c>
      <c r="E2026" t="s">
        <v>18285</v>
      </c>
      <c r="G2026" s="2"/>
    </row>
    <row r="2027" spans="1:7" x14ac:dyDescent="0.25">
      <c r="A2027" s="1">
        <v>2025</v>
      </c>
      <c r="B2027" t="s">
        <v>2029</v>
      </c>
      <c r="C2027" t="s">
        <v>7479</v>
      </c>
      <c r="D2027" t="s">
        <v>12923</v>
      </c>
      <c r="E2027" t="s">
        <v>18286</v>
      </c>
      <c r="G2027" s="2"/>
    </row>
    <row r="2028" spans="1:7" x14ac:dyDescent="0.25">
      <c r="A2028" s="1">
        <v>2026</v>
      </c>
      <c r="B2028" t="s">
        <v>2030</v>
      </c>
      <c r="C2028" t="s">
        <v>7480</v>
      </c>
      <c r="D2028" t="s">
        <v>12924</v>
      </c>
      <c r="E2028" t="s">
        <v>16731</v>
      </c>
      <c r="G2028" s="2"/>
    </row>
    <row r="2029" spans="1:7" x14ac:dyDescent="0.25">
      <c r="A2029" s="1">
        <v>2027</v>
      </c>
      <c r="B2029" t="s">
        <v>2031</v>
      </c>
      <c r="C2029" t="s">
        <v>7481</v>
      </c>
      <c r="D2029" t="s">
        <v>12925</v>
      </c>
      <c r="E2029" t="s">
        <v>18287</v>
      </c>
      <c r="G2029" s="2"/>
    </row>
    <row r="2030" spans="1:7" x14ac:dyDescent="0.25">
      <c r="A2030" s="1">
        <v>2028</v>
      </c>
      <c r="B2030" t="s">
        <v>2032</v>
      </c>
      <c r="C2030" t="s">
        <v>7482</v>
      </c>
      <c r="D2030" t="s">
        <v>12926</v>
      </c>
      <c r="E2030" t="s">
        <v>18288</v>
      </c>
      <c r="G2030" s="2"/>
    </row>
    <row r="2031" spans="1:7" x14ac:dyDescent="0.25">
      <c r="A2031" s="1">
        <v>2029</v>
      </c>
      <c r="B2031" t="s">
        <v>2033</v>
      </c>
      <c r="C2031" t="s">
        <v>7483</v>
      </c>
      <c r="D2031" t="s">
        <v>12927</v>
      </c>
      <c r="E2031" t="s">
        <v>18289</v>
      </c>
      <c r="G2031" s="2"/>
    </row>
    <row r="2032" spans="1:7" x14ac:dyDescent="0.25">
      <c r="A2032" s="1">
        <v>2030</v>
      </c>
      <c r="B2032" t="s">
        <v>2034</v>
      </c>
      <c r="C2032" t="s">
        <v>7484</v>
      </c>
      <c r="D2032" t="s">
        <v>12928</v>
      </c>
      <c r="E2032" t="s">
        <v>18290</v>
      </c>
      <c r="G2032" s="2"/>
    </row>
    <row r="2033" spans="1:7" x14ac:dyDescent="0.25">
      <c r="A2033" s="1">
        <v>2031</v>
      </c>
      <c r="B2033" t="s">
        <v>2035</v>
      </c>
      <c r="C2033" t="s">
        <v>7485</v>
      </c>
      <c r="D2033" t="s">
        <v>12929</v>
      </c>
      <c r="E2033" t="s">
        <v>18291</v>
      </c>
      <c r="G2033" s="2"/>
    </row>
    <row r="2034" spans="1:7" x14ac:dyDescent="0.25">
      <c r="A2034" s="1">
        <v>2032</v>
      </c>
      <c r="B2034" t="s">
        <v>2036</v>
      </c>
      <c r="C2034" t="s">
        <v>7486</v>
      </c>
      <c r="D2034" t="s">
        <v>12930</v>
      </c>
      <c r="E2034" t="s">
        <v>18292</v>
      </c>
      <c r="G2034" s="2"/>
    </row>
    <row r="2035" spans="1:7" x14ac:dyDescent="0.25">
      <c r="A2035" s="1">
        <v>2033</v>
      </c>
      <c r="B2035" t="s">
        <v>2037</v>
      </c>
      <c r="C2035" t="s">
        <v>7487</v>
      </c>
      <c r="D2035" t="s">
        <v>12931</v>
      </c>
      <c r="E2035" t="s">
        <v>18293</v>
      </c>
      <c r="G2035" s="2"/>
    </row>
    <row r="2036" spans="1:7" x14ac:dyDescent="0.25">
      <c r="A2036" s="1">
        <v>2034</v>
      </c>
      <c r="B2036" t="s">
        <v>2038</v>
      </c>
      <c r="C2036" t="s">
        <v>7488</v>
      </c>
      <c r="D2036" t="s">
        <v>12932</v>
      </c>
      <c r="E2036" t="s">
        <v>18294</v>
      </c>
      <c r="G2036" s="2"/>
    </row>
    <row r="2037" spans="1:7" x14ac:dyDescent="0.25">
      <c r="A2037" s="1">
        <v>2035</v>
      </c>
      <c r="B2037" t="s">
        <v>2039</v>
      </c>
      <c r="C2037" t="s">
        <v>7489</v>
      </c>
      <c r="D2037" t="s">
        <v>12933</v>
      </c>
      <c r="E2037" t="s">
        <v>18295</v>
      </c>
      <c r="G2037" s="2"/>
    </row>
    <row r="2038" spans="1:7" x14ac:dyDescent="0.25">
      <c r="A2038" s="1">
        <v>2036</v>
      </c>
      <c r="B2038" t="s">
        <v>2040</v>
      </c>
      <c r="C2038" t="s">
        <v>7490</v>
      </c>
      <c r="D2038" t="s">
        <v>12934</v>
      </c>
      <c r="E2038" t="s">
        <v>18296</v>
      </c>
      <c r="G2038" s="2"/>
    </row>
    <row r="2039" spans="1:7" x14ac:dyDescent="0.25">
      <c r="A2039" s="1">
        <v>2037</v>
      </c>
      <c r="B2039" t="s">
        <v>2041</v>
      </c>
      <c r="C2039" t="s">
        <v>7491</v>
      </c>
      <c r="D2039" t="s">
        <v>12935</v>
      </c>
      <c r="E2039" t="s">
        <v>18297</v>
      </c>
      <c r="G2039" s="2"/>
    </row>
    <row r="2040" spans="1:7" x14ac:dyDescent="0.25">
      <c r="A2040" s="1">
        <v>2038</v>
      </c>
      <c r="B2040" t="s">
        <v>2042</v>
      </c>
      <c r="C2040" t="s">
        <v>7492</v>
      </c>
      <c r="D2040" t="s">
        <v>12936</v>
      </c>
      <c r="E2040" t="s">
        <v>16555</v>
      </c>
      <c r="G2040" s="2"/>
    </row>
    <row r="2041" spans="1:7" x14ac:dyDescent="0.25">
      <c r="A2041" s="1">
        <v>2039</v>
      </c>
      <c r="B2041" t="s">
        <v>2043</v>
      </c>
      <c r="C2041" t="s">
        <v>7493</v>
      </c>
      <c r="D2041" t="s">
        <v>12937</v>
      </c>
      <c r="E2041" t="s">
        <v>18298</v>
      </c>
      <c r="G2041" s="2"/>
    </row>
    <row r="2042" spans="1:7" x14ac:dyDescent="0.25">
      <c r="A2042" s="1">
        <v>2040</v>
      </c>
      <c r="B2042" t="s">
        <v>2044</v>
      </c>
      <c r="C2042" t="s">
        <v>7494</v>
      </c>
      <c r="D2042" t="s">
        <v>12938</v>
      </c>
      <c r="E2042" t="s">
        <v>18299</v>
      </c>
      <c r="G2042" s="2"/>
    </row>
    <row r="2043" spans="1:7" x14ac:dyDescent="0.25">
      <c r="A2043" s="1">
        <v>2041</v>
      </c>
      <c r="B2043" t="s">
        <v>2045</v>
      </c>
      <c r="C2043" t="s">
        <v>7495</v>
      </c>
      <c r="D2043" t="s">
        <v>12939</v>
      </c>
      <c r="E2043" t="s">
        <v>18300</v>
      </c>
      <c r="G2043" s="2"/>
    </row>
    <row r="2044" spans="1:7" x14ac:dyDescent="0.25">
      <c r="A2044" s="1">
        <v>2042</v>
      </c>
      <c r="B2044" t="s">
        <v>2046</v>
      </c>
      <c r="C2044" t="s">
        <v>7496</v>
      </c>
      <c r="D2044" t="s">
        <v>12940</v>
      </c>
      <c r="E2044" t="s">
        <v>18301</v>
      </c>
      <c r="G2044" s="2"/>
    </row>
    <row r="2045" spans="1:7" x14ac:dyDescent="0.25">
      <c r="A2045" s="1">
        <v>2043</v>
      </c>
      <c r="B2045" t="s">
        <v>2047</v>
      </c>
      <c r="C2045" t="s">
        <v>7497</v>
      </c>
      <c r="D2045" t="s">
        <v>12941</v>
      </c>
      <c r="E2045" t="s">
        <v>18302</v>
      </c>
      <c r="G2045" s="2"/>
    </row>
    <row r="2046" spans="1:7" x14ac:dyDescent="0.25">
      <c r="A2046" s="1">
        <v>2044</v>
      </c>
      <c r="B2046" t="s">
        <v>2048</v>
      </c>
      <c r="C2046" t="s">
        <v>7498</v>
      </c>
      <c r="D2046" t="s">
        <v>12942</v>
      </c>
      <c r="E2046" t="s">
        <v>18303</v>
      </c>
      <c r="G2046" s="2"/>
    </row>
    <row r="2047" spans="1:7" x14ac:dyDescent="0.25">
      <c r="A2047" s="1">
        <v>2045</v>
      </c>
      <c r="B2047" t="s">
        <v>2049</v>
      </c>
      <c r="C2047" t="s">
        <v>7499</v>
      </c>
      <c r="D2047" t="s">
        <v>12943</v>
      </c>
      <c r="E2047" t="s">
        <v>18304</v>
      </c>
      <c r="G2047" s="2"/>
    </row>
    <row r="2048" spans="1:7" x14ac:dyDescent="0.25">
      <c r="A2048" s="1">
        <v>2046</v>
      </c>
      <c r="B2048" t="s">
        <v>2050</v>
      </c>
      <c r="C2048" t="s">
        <v>7500</v>
      </c>
      <c r="D2048" t="s">
        <v>12944</v>
      </c>
      <c r="E2048" t="s">
        <v>18305</v>
      </c>
      <c r="G2048" s="2"/>
    </row>
    <row r="2049" spans="1:7" x14ac:dyDescent="0.25">
      <c r="A2049" s="1">
        <v>2047</v>
      </c>
      <c r="B2049" t="s">
        <v>2051</v>
      </c>
      <c r="C2049" t="s">
        <v>7501</v>
      </c>
      <c r="D2049" t="s">
        <v>12945</v>
      </c>
      <c r="E2049" t="s">
        <v>18306</v>
      </c>
      <c r="G2049" s="2"/>
    </row>
    <row r="2050" spans="1:7" x14ac:dyDescent="0.25">
      <c r="A2050" s="1">
        <v>2048</v>
      </c>
      <c r="B2050" t="s">
        <v>2052</v>
      </c>
      <c r="C2050" t="s">
        <v>7502</v>
      </c>
      <c r="D2050" t="s">
        <v>12946</v>
      </c>
      <c r="E2050" t="s">
        <v>18307</v>
      </c>
      <c r="G2050" s="2"/>
    </row>
    <row r="2051" spans="1:7" x14ac:dyDescent="0.25">
      <c r="A2051" s="1">
        <v>2049</v>
      </c>
      <c r="B2051" t="s">
        <v>2053</v>
      </c>
      <c r="C2051" t="s">
        <v>7503</v>
      </c>
      <c r="D2051" t="s">
        <v>12947</v>
      </c>
      <c r="E2051" t="s">
        <v>18308</v>
      </c>
      <c r="G2051" s="2"/>
    </row>
    <row r="2052" spans="1:7" x14ac:dyDescent="0.25">
      <c r="A2052" s="1">
        <v>2050</v>
      </c>
      <c r="B2052" t="s">
        <v>2054</v>
      </c>
      <c r="C2052" t="s">
        <v>7504</v>
      </c>
      <c r="D2052" t="s">
        <v>12948</v>
      </c>
      <c r="E2052" t="s">
        <v>18309</v>
      </c>
      <c r="G2052" s="2"/>
    </row>
    <row r="2053" spans="1:7" x14ac:dyDescent="0.25">
      <c r="A2053" s="1">
        <v>2051</v>
      </c>
      <c r="B2053" t="s">
        <v>2055</v>
      </c>
      <c r="C2053" t="s">
        <v>7505</v>
      </c>
      <c r="D2053" t="s">
        <v>12949</v>
      </c>
      <c r="E2053" t="s">
        <v>18310</v>
      </c>
      <c r="G2053" s="2"/>
    </row>
    <row r="2054" spans="1:7" x14ac:dyDescent="0.25">
      <c r="A2054" s="1">
        <v>2052</v>
      </c>
      <c r="B2054" t="s">
        <v>2056</v>
      </c>
      <c r="C2054" t="s">
        <v>7506</v>
      </c>
      <c r="D2054" t="s">
        <v>12950</v>
      </c>
      <c r="E2054" t="s">
        <v>18311</v>
      </c>
      <c r="G2054" s="2"/>
    </row>
    <row r="2055" spans="1:7" x14ac:dyDescent="0.25">
      <c r="A2055" s="1">
        <v>2053</v>
      </c>
      <c r="B2055" t="s">
        <v>2057</v>
      </c>
      <c r="C2055" t="s">
        <v>7507</v>
      </c>
      <c r="D2055" t="s">
        <v>12951</v>
      </c>
      <c r="E2055" t="s">
        <v>18312</v>
      </c>
      <c r="G2055" s="2"/>
    </row>
    <row r="2056" spans="1:7" x14ac:dyDescent="0.25">
      <c r="A2056" s="1">
        <v>2054</v>
      </c>
      <c r="B2056" t="s">
        <v>2058</v>
      </c>
      <c r="C2056" t="s">
        <v>7508</v>
      </c>
      <c r="D2056" t="s">
        <v>12952</v>
      </c>
      <c r="E2056" t="s">
        <v>18313</v>
      </c>
      <c r="G2056" s="2"/>
    </row>
    <row r="2057" spans="1:7" x14ac:dyDescent="0.25">
      <c r="A2057" s="1">
        <v>2055</v>
      </c>
      <c r="B2057" t="s">
        <v>2059</v>
      </c>
      <c r="C2057" t="s">
        <v>7509</v>
      </c>
      <c r="D2057" t="s">
        <v>12953</v>
      </c>
      <c r="E2057" t="s">
        <v>18314</v>
      </c>
      <c r="G2057" s="2"/>
    </row>
    <row r="2058" spans="1:7" x14ac:dyDescent="0.25">
      <c r="A2058" s="1">
        <v>2056</v>
      </c>
      <c r="B2058" t="s">
        <v>2060</v>
      </c>
      <c r="C2058" t="s">
        <v>7510</v>
      </c>
      <c r="D2058" t="s">
        <v>12954</v>
      </c>
      <c r="E2058" t="s">
        <v>18315</v>
      </c>
      <c r="G2058" s="2"/>
    </row>
    <row r="2059" spans="1:7" x14ac:dyDescent="0.25">
      <c r="A2059" s="1">
        <v>2057</v>
      </c>
      <c r="B2059" t="s">
        <v>2061</v>
      </c>
      <c r="C2059" t="s">
        <v>7511</v>
      </c>
      <c r="D2059" t="s">
        <v>12955</v>
      </c>
      <c r="E2059" t="s">
        <v>18316</v>
      </c>
      <c r="G2059" s="2"/>
    </row>
    <row r="2060" spans="1:7" x14ac:dyDescent="0.25">
      <c r="A2060" s="1">
        <v>2058</v>
      </c>
      <c r="B2060" t="s">
        <v>2062</v>
      </c>
      <c r="C2060" t="s">
        <v>7512</v>
      </c>
      <c r="D2060" t="s">
        <v>12956</v>
      </c>
      <c r="E2060" t="s">
        <v>18317</v>
      </c>
      <c r="G2060" s="2"/>
    </row>
    <row r="2061" spans="1:7" x14ac:dyDescent="0.25">
      <c r="A2061" s="1">
        <v>2059</v>
      </c>
      <c r="B2061" t="s">
        <v>2063</v>
      </c>
      <c r="C2061" t="s">
        <v>7513</v>
      </c>
      <c r="D2061" t="s">
        <v>12957</v>
      </c>
      <c r="E2061" t="s">
        <v>18318</v>
      </c>
      <c r="G2061" s="2"/>
    </row>
    <row r="2062" spans="1:7" x14ac:dyDescent="0.25">
      <c r="A2062" s="1">
        <v>2060</v>
      </c>
      <c r="B2062" t="s">
        <v>2064</v>
      </c>
      <c r="C2062" t="s">
        <v>7514</v>
      </c>
      <c r="D2062" t="s">
        <v>12958</v>
      </c>
      <c r="E2062" t="s">
        <v>18319</v>
      </c>
      <c r="G2062" s="2"/>
    </row>
    <row r="2063" spans="1:7" x14ac:dyDescent="0.25">
      <c r="A2063" s="1">
        <v>2061</v>
      </c>
      <c r="B2063" t="s">
        <v>2065</v>
      </c>
      <c r="C2063" t="s">
        <v>7515</v>
      </c>
      <c r="D2063" t="s">
        <v>12959</v>
      </c>
      <c r="E2063" t="s">
        <v>18320</v>
      </c>
      <c r="G2063" s="2"/>
    </row>
    <row r="2064" spans="1:7" x14ac:dyDescent="0.25">
      <c r="A2064" s="1">
        <v>2062</v>
      </c>
      <c r="B2064" t="s">
        <v>2066</v>
      </c>
      <c r="C2064" t="s">
        <v>7516</v>
      </c>
      <c r="D2064" t="s">
        <v>12960</v>
      </c>
      <c r="E2064" t="s">
        <v>18321</v>
      </c>
      <c r="G2064" s="2"/>
    </row>
    <row r="2065" spans="1:7" x14ac:dyDescent="0.25">
      <c r="A2065" s="1">
        <v>2063</v>
      </c>
      <c r="B2065" t="s">
        <v>2067</v>
      </c>
      <c r="C2065" t="s">
        <v>7517</v>
      </c>
      <c r="D2065" t="s">
        <v>12961</v>
      </c>
      <c r="E2065" t="s">
        <v>18322</v>
      </c>
      <c r="G2065" s="2"/>
    </row>
    <row r="2066" spans="1:7" x14ac:dyDescent="0.25">
      <c r="A2066" s="1">
        <v>2064</v>
      </c>
      <c r="B2066" t="s">
        <v>2068</v>
      </c>
      <c r="C2066" t="s">
        <v>7518</v>
      </c>
      <c r="D2066" t="s">
        <v>12962</v>
      </c>
      <c r="E2066" t="s">
        <v>18323</v>
      </c>
      <c r="G2066" s="2"/>
    </row>
    <row r="2067" spans="1:7" x14ac:dyDescent="0.25">
      <c r="A2067" s="1">
        <v>2065</v>
      </c>
      <c r="B2067" t="s">
        <v>2069</v>
      </c>
      <c r="C2067" t="s">
        <v>7519</v>
      </c>
      <c r="D2067" t="s">
        <v>12963</v>
      </c>
      <c r="E2067" t="s">
        <v>18324</v>
      </c>
      <c r="G2067" s="2"/>
    </row>
    <row r="2068" spans="1:7" x14ac:dyDescent="0.25">
      <c r="A2068" s="1">
        <v>2066</v>
      </c>
      <c r="B2068" t="s">
        <v>2070</v>
      </c>
      <c r="C2068" t="s">
        <v>7520</v>
      </c>
      <c r="D2068" t="s">
        <v>12964</v>
      </c>
      <c r="E2068" t="s">
        <v>18325</v>
      </c>
      <c r="G2068" s="2"/>
    </row>
    <row r="2069" spans="1:7" x14ac:dyDescent="0.25">
      <c r="A2069" s="1">
        <v>2067</v>
      </c>
      <c r="B2069" t="s">
        <v>2071</v>
      </c>
      <c r="C2069" t="s">
        <v>7521</v>
      </c>
      <c r="D2069" t="s">
        <v>12965</v>
      </c>
      <c r="E2069" t="s">
        <v>18326</v>
      </c>
      <c r="G2069" s="2"/>
    </row>
    <row r="2070" spans="1:7" x14ac:dyDescent="0.25">
      <c r="A2070" s="1">
        <v>2068</v>
      </c>
      <c r="B2070" t="s">
        <v>2072</v>
      </c>
      <c r="C2070" t="s">
        <v>7522</v>
      </c>
      <c r="D2070" t="s">
        <v>12966</v>
      </c>
      <c r="E2070" t="s">
        <v>18327</v>
      </c>
      <c r="G2070" s="2"/>
    </row>
    <row r="2071" spans="1:7" x14ac:dyDescent="0.25">
      <c r="A2071" s="1">
        <v>2069</v>
      </c>
      <c r="B2071" t="s">
        <v>2073</v>
      </c>
      <c r="C2071" t="s">
        <v>7523</v>
      </c>
      <c r="D2071" t="s">
        <v>12967</v>
      </c>
      <c r="E2071" t="s">
        <v>18328</v>
      </c>
      <c r="G2071" s="2"/>
    </row>
    <row r="2072" spans="1:7" x14ac:dyDescent="0.25">
      <c r="A2072" s="1">
        <v>2070</v>
      </c>
      <c r="B2072" t="s">
        <v>2074</v>
      </c>
      <c r="C2072" t="s">
        <v>7524</v>
      </c>
      <c r="D2072" t="s">
        <v>12968</v>
      </c>
      <c r="E2072" t="s">
        <v>18329</v>
      </c>
      <c r="G2072" s="2"/>
    </row>
    <row r="2073" spans="1:7" x14ac:dyDescent="0.25">
      <c r="A2073" s="1">
        <v>2071</v>
      </c>
      <c r="B2073" t="s">
        <v>2075</v>
      </c>
      <c r="C2073" t="s">
        <v>7525</v>
      </c>
      <c r="D2073" t="s">
        <v>12969</v>
      </c>
      <c r="E2073" t="s">
        <v>18330</v>
      </c>
      <c r="G2073" s="2"/>
    </row>
    <row r="2074" spans="1:7" x14ac:dyDescent="0.25">
      <c r="A2074" s="1">
        <v>2072</v>
      </c>
      <c r="B2074" t="s">
        <v>2076</v>
      </c>
      <c r="C2074" t="s">
        <v>7526</v>
      </c>
      <c r="D2074" t="s">
        <v>12970</v>
      </c>
      <c r="E2074" t="s">
        <v>18331</v>
      </c>
      <c r="G2074" s="2"/>
    </row>
    <row r="2075" spans="1:7" x14ac:dyDescent="0.25">
      <c r="A2075" s="1">
        <v>2073</v>
      </c>
      <c r="B2075" t="s">
        <v>2077</v>
      </c>
      <c r="C2075" t="s">
        <v>7527</v>
      </c>
      <c r="D2075" t="s">
        <v>12971</v>
      </c>
      <c r="E2075" t="s">
        <v>18332</v>
      </c>
      <c r="G2075" s="2"/>
    </row>
    <row r="2076" spans="1:7" x14ac:dyDescent="0.25">
      <c r="A2076" s="1">
        <v>2074</v>
      </c>
      <c r="B2076" t="s">
        <v>2078</v>
      </c>
      <c r="C2076" t="s">
        <v>7528</v>
      </c>
      <c r="D2076" t="s">
        <v>12972</v>
      </c>
      <c r="E2076" t="s">
        <v>18333</v>
      </c>
      <c r="G2076" s="2"/>
    </row>
    <row r="2077" spans="1:7" x14ac:dyDescent="0.25">
      <c r="A2077" s="1">
        <v>2075</v>
      </c>
      <c r="B2077" t="s">
        <v>2079</v>
      </c>
      <c r="C2077" t="s">
        <v>7529</v>
      </c>
      <c r="D2077" t="s">
        <v>12973</v>
      </c>
      <c r="E2077" t="s">
        <v>16555</v>
      </c>
      <c r="G2077" s="2"/>
    </row>
    <row r="2078" spans="1:7" x14ac:dyDescent="0.25">
      <c r="A2078" s="1">
        <v>2076</v>
      </c>
      <c r="B2078" t="s">
        <v>2080</v>
      </c>
      <c r="C2078" t="s">
        <v>7530</v>
      </c>
      <c r="D2078" t="s">
        <v>12974</v>
      </c>
      <c r="E2078" t="s">
        <v>18334</v>
      </c>
      <c r="G2078" s="2"/>
    </row>
    <row r="2079" spans="1:7" x14ac:dyDescent="0.25">
      <c r="A2079" s="1">
        <v>2077</v>
      </c>
      <c r="B2079" t="s">
        <v>2081</v>
      </c>
      <c r="C2079" t="s">
        <v>7531</v>
      </c>
      <c r="D2079" t="s">
        <v>12975</v>
      </c>
      <c r="E2079" t="s">
        <v>18335</v>
      </c>
      <c r="G2079" s="2"/>
    </row>
    <row r="2080" spans="1:7" x14ac:dyDescent="0.25">
      <c r="A2080" s="1">
        <v>2078</v>
      </c>
      <c r="B2080" t="s">
        <v>2082</v>
      </c>
      <c r="C2080" t="s">
        <v>7532</v>
      </c>
      <c r="D2080" t="s">
        <v>12976</v>
      </c>
      <c r="E2080" t="s">
        <v>18336</v>
      </c>
      <c r="G2080" s="2"/>
    </row>
    <row r="2081" spans="1:7" x14ac:dyDescent="0.25">
      <c r="A2081" s="1">
        <v>2079</v>
      </c>
      <c r="B2081" t="s">
        <v>2083</v>
      </c>
      <c r="C2081" t="s">
        <v>7533</v>
      </c>
      <c r="D2081" t="s">
        <v>12977</v>
      </c>
      <c r="E2081" t="s">
        <v>18337</v>
      </c>
      <c r="G2081" s="2"/>
    </row>
    <row r="2082" spans="1:7" x14ac:dyDescent="0.25">
      <c r="A2082" s="1">
        <v>2080</v>
      </c>
      <c r="B2082" t="s">
        <v>2084</v>
      </c>
      <c r="C2082" t="s">
        <v>7534</v>
      </c>
      <c r="D2082" t="s">
        <v>12978</v>
      </c>
      <c r="E2082" t="s">
        <v>18338</v>
      </c>
      <c r="G2082" s="2"/>
    </row>
    <row r="2083" spans="1:7" x14ac:dyDescent="0.25">
      <c r="A2083" s="1">
        <v>2081</v>
      </c>
      <c r="B2083" t="s">
        <v>2085</v>
      </c>
      <c r="C2083" t="s">
        <v>7535</v>
      </c>
      <c r="D2083" t="s">
        <v>12979</v>
      </c>
      <c r="E2083" t="s">
        <v>18339</v>
      </c>
      <c r="G2083" s="2"/>
    </row>
    <row r="2084" spans="1:7" x14ac:dyDescent="0.25">
      <c r="A2084" s="1">
        <v>2082</v>
      </c>
      <c r="B2084" t="s">
        <v>2086</v>
      </c>
      <c r="C2084" t="s">
        <v>7536</v>
      </c>
      <c r="D2084" t="s">
        <v>12980</v>
      </c>
      <c r="E2084" t="s">
        <v>18340</v>
      </c>
      <c r="G2084" s="2"/>
    </row>
    <row r="2085" spans="1:7" x14ac:dyDescent="0.25">
      <c r="A2085" s="1">
        <v>2083</v>
      </c>
      <c r="B2085" t="s">
        <v>2087</v>
      </c>
      <c r="C2085" t="s">
        <v>7537</v>
      </c>
      <c r="D2085" t="s">
        <v>12981</v>
      </c>
      <c r="E2085" t="s">
        <v>18341</v>
      </c>
      <c r="G2085" s="2"/>
    </row>
    <row r="2086" spans="1:7" x14ac:dyDescent="0.25">
      <c r="A2086" s="1">
        <v>2084</v>
      </c>
      <c r="B2086" t="s">
        <v>2088</v>
      </c>
      <c r="C2086" t="s">
        <v>7538</v>
      </c>
      <c r="D2086" t="s">
        <v>12982</v>
      </c>
      <c r="E2086" t="s">
        <v>18342</v>
      </c>
      <c r="G2086" s="2"/>
    </row>
    <row r="2087" spans="1:7" x14ac:dyDescent="0.25">
      <c r="A2087" s="1">
        <v>2085</v>
      </c>
      <c r="B2087" t="s">
        <v>2089</v>
      </c>
      <c r="C2087" t="s">
        <v>7539</v>
      </c>
      <c r="D2087" t="s">
        <v>12983</v>
      </c>
      <c r="E2087" t="s">
        <v>18343</v>
      </c>
      <c r="G2087" s="2"/>
    </row>
    <row r="2088" spans="1:7" x14ac:dyDescent="0.25">
      <c r="A2088" s="1">
        <v>2086</v>
      </c>
      <c r="B2088" t="s">
        <v>2090</v>
      </c>
      <c r="C2088" t="s">
        <v>7540</v>
      </c>
      <c r="D2088" t="s">
        <v>12984</v>
      </c>
      <c r="E2088" t="s">
        <v>18344</v>
      </c>
      <c r="G2088" s="2"/>
    </row>
    <row r="2089" spans="1:7" x14ac:dyDescent="0.25">
      <c r="A2089" s="1">
        <v>2087</v>
      </c>
      <c r="B2089" t="s">
        <v>2091</v>
      </c>
      <c r="C2089" t="s">
        <v>7541</v>
      </c>
      <c r="D2089" t="s">
        <v>12985</v>
      </c>
      <c r="E2089" t="s">
        <v>18345</v>
      </c>
      <c r="G2089" s="2"/>
    </row>
    <row r="2090" spans="1:7" x14ac:dyDescent="0.25">
      <c r="A2090" s="1">
        <v>2088</v>
      </c>
      <c r="B2090" t="s">
        <v>2092</v>
      </c>
      <c r="C2090" t="s">
        <v>7542</v>
      </c>
      <c r="D2090" t="s">
        <v>12986</v>
      </c>
      <c r="E2090" t="s">
        <v>18346</v>
      </c>
      <c r="G2090" s="2"/>
    </row>
    <row r="2091" spans="1:7" x14ac:dyDescent="0.25">
      <c r="A2091" s="1">
        <v>2089</v>
      </c>
      <c r="B2091" t="s">
        <v>2093</v>
      </c>
      <c r="C2091" t="s">
        <v>7543</v>
      </c>
      <c r="D2091" t="s">
        <v>12987</v>
      </c>
      <c r="E2091" t="s">
        <v>18347</v>
      </c>
      <c r="G2091" s="2"/>
    </row>
    <row r="2092" spans="1:7" x14ac:dyDescent="0.25">
      <c r="A2092" s="1">
        <v>2090</v>
      </c>
      <c r="B2092" t="s">
        <v>2094</v>
      </c>
      <c r="C2092" t="s">
        <v>7544</v>
      </c>
      <c r="D2092" t="s">
        <v>12988</v>
      </c>
      <c r="E2092" t="s">
        <v>18348</v>
      </c>
      <c r="G2092" s="2"/>
    </row>
    <row r="2093" spans="1:7" x14ac:dyDescent="0.25">
      <c r="A2093" s="1">
        <v>2091</v>
      </c>
      <c r="B2093" t="s">
        <v>2095</v>
      </c>
      <c r="C2093" t="s">
        <v>7545</v>
      </c>
      <c r="D2093" t="s">
        <v>12989</v>
      </c>
      <c r="E2093" t="s">
        <v>18349</v>
      </c>
      <c r="G2093" s="2"/>
    </row>
    <row r="2094" spans="1:7" x14ac:dyDescent="0.25">
      <c r="A2094" s="1">
        <v>2092</v>
      </c>
      <c r="B2094" t="s">
        <v>2096</v>
      </c>
      <c r="C2094" t="s">
        <v>7546</v>
      </c>
      <c r="D2094" t="s">
        <v>12990</v>
      </c>
      <c r="E2094" t="s">
        <v>18350</v>
      </c>
      <c r="G2094" s="2"/>
    </row>
    <row r="2095" spans="1:7" x14ac:dyDescent="0.25">
      <c r="A2095" s="1">
        <v>2093</v>
      </c>
      <c r="B2095" t="s">
        <v>2097</v>
      </c>
      <c r="C2095" t="s">
        <v>7547</v>
      </c>
      <c r="D2095" t="s">
        <v>12991</v>
      </c>
      <c r="E2095" t="s">
        <v>18351</v>
      </c>
      <c r="G2095" s="2"/>
    </row>
    <row r="2096" spans="1:7" x14ac:dyDescent="0.25">
      <c r="A2096" s="1">
        <v>2094</v>
      </c>
      <c r="B2096" t="s">
        <v>2098</v>
      </c>
      <c r="C2096" t="s">
        <v>7548</v>
      </c>
      <c r="D2096" t="s">
        <v>12992</v>
      </c>
      <c r="E2096" t="s">
        <v>18352</v>
      </c>
      <c r="G2096" s="2"/>
    </row>
    <row r="2097" spans="1:7" x14ac:dyDescent="0.25">
      <c r="A2097" s="1">
        <v>2095</v>
      </c>
      <c r="B2097" t="s">
        <v>2099</v>
      </c>
      <c r="C2097" t="s">
        <v>7549</v>
      </c>
      <c r="D2097" t="s">
        <v>12993</v>
      </c>
      <c r="E2097" t="s">
        <v>18353</v>
      </c>
      <c r="G2097" s="2"/>
    </row>
    <row r="2098" spans="1:7" x14ac:dyDescent="0.25">
      <c r="A2098" s="1">
        <v>2096</v>
      </c>
      <c r="B2098" t="s">
        <v>2100</v>
      </c>
      <c r="C2098" t="s">
        <v>7550</v>
      </c>
      <c r="D2098" t="s">
        <v>12994</v>
      </c>
      <c r="E2098" t="s">
        <v>18354</v>
      </c>
      <c r="G2098" s="2"/>
    </row>
    <row r="2099" spans="1:7" x14ac:dyDescent="0.25">
      <c r="A2099" s="1">
        <v>2097</v>
      </c>
      <c r="B2099" t="s">
        <v>2101</v>
      </c>
      <c r="C2099" t="s">
        <v>7551</v>
      </c>
      <c r="D2099" t="s">
        <v>12995</v>
      </c>
      <c r="E2099" t="s">
        <v>18355</v>
      </c>
      <c r="G2099" s="2"/>
    </row>
    <row r="2100" spans="1:7" x14ac:dyDescent="0.25">
      <c r="A2100" s="1">
        <v>2098</v>
      </c>
      <c r="B2100" t="s">
        <v>2102</v>
      </c>
      <c r="C2100" t="s">
        <v>7552</v>
      </c>
      <c r="D2100" t="s">
        <v>12996</v>
      </c>
      <c r="E2100" t="s">
        <v>18356</v>
      </c>
      <c r="G2100" s="2"/>
    </row>
    <row r="2101" spans="1:7" x14ac:dyDescent="0.25">
      <c r="A2101" s="1">
        <v>2099</v>
      </c>
      <c r="B2101" t="s">
        <v>2103</v>
      </c>
      <c r="C2101" t="s">
        <v>7553</v>
      </c>
      <c r="D2101" t="s">
        <v>12997</v>
      </c>
      <c r="E2101" t="s">
        <v>18357</v>
      </c>
      <c r="G2101" s="2"/>
    </row>
    <row r="2102" spans="1:7" x14ac:dyDescent="0.25">
      <c r="A2102" s="1">
        <v>2100</v>
      </c>
      <c r="B2102" t="s">
        <v>2104</v>
      </c>
      <c r="C2102" t="s">
        <v>7554</v>
      </c>
      <c r="D2102" t="s">
        <v>12998</v>
      </c>
      <c r="E2102" t="s">
        <v>18358</v>
      </c>
      <c r="G2102" s="2"/>
    </row>
    <row r="2103" spans="1:7" x14ac:dyDescent="0.25">
      <c r="A2103" s="1">
        <v>2101</v>
      </c>
      <c r="B2103" t="s">
        <v>2105</v>
      </c>
      <c r="C2103" t="s">
        <v>7555</v>
      </c>
      <c r="D2103" t="s">
        <v>12999</v>
      </c>
      <c r="E2103" t="s">
        <v>18359</v>
      </c>
      <c r="G2103" s="2"/>
    </row>
    <row r="2104" spans="1:7" x14ac:dyDescent="0.25">
      <c r="A2104" s="1">
        <v>2102</v>
      </c>
      <c r="B2104" t="s">
        <v>2106</v>
      </c>
      <c r="C2104" t="s">
        <v>7556</v>
      </c>
      <c r="D2104" t="s">
        <v>13000</v>
      </c>
      <c r="E2104" t="s">
        <v>18360</v>
      </c>
      <c r="G2104" s="2"/>
    </row>
    <row r="2105" spans="1:7" x14ac:dyDescent="0.25">
      <c r="A2105" s="1">
        <v>2103</v>
      </c>
      <c r="B2105" t="s">
        <v>2107</v>
      </c>
      <c r="C2105" t="s">
        <v>7557</v>
      </c>
      <c r="D2105" t="s">
        <v>13001</v>
      </c>
      <c r="E2105" t="s">
        <v>18361</v>
      </c>
      <c r="G2105" s="2"/>
    </row>
    <row r="2106" spans="1:7" x14ac:dyDescent="0.25">
      <c r="A2106" s="1">
        <v>2104</v>
      </c>
      <c r="B2106" t="s">
        <v>2108</v>
      </c>
      <c r="C2106" t="s">
        <v>7558</v>
      </c>
      <c r="D2106" t="s">
        <v>13002</v>
      </c>
      <c r="E2106" t="s">
        <v>18362</v>
      </c>
      <c r="G2106" s="2"/>
    </row>
    <row r="2107" spans="1:7" x14ac:dyDescent="0.25">
      <c r="A2107" s="1">
        <v>2105</v>
      </c>
      <c r="B2107" t="s">
        <v>2109</v>
      </c>
      <c r="C2107" t="s">
        <v>7559</v>
      </c>
      <c r="D2107" t="s">
        <v>13003</v>
      </c>
      <c r="E2107" t="s">
        <v>18363</v>
      </c>
      <c r="G2107" s="2"/>
    </row>
    <row r="2108" spans="1:7" x14ac:dyDescent="0.25">
      <c r="A2108" s="1">
        <v>2106</v>
      </c>
      <c r="B2108" t="s">
        <v>2110</v>
      </c>
      <c r="C2108" t="s">
        <v>7560</v>
      </c>
      <c r="D2108" t="s">
        <v>13004</v>
      </c>
      <c r="E2108" t="s">
        <v>18364</v>
      </c>
      <c r="G2108" s="2"/>
    </row>
    <row r="2109" spans="1:7" x14ac:dyDescent="0.25">
      <c r="A2109" s="1">
        <v>2107</v>
      </c>
      <c r="B2109" t="s">
        <v>2111</v>
      </c>
      <c r="C2109" t="s">
        <v>7561</v>
      </c>
      <c r="D2109" t="s">
        <v>13005</v>
      </c>
      <c r="E2109" t="s">
        <v>18365</v>
      </c>
      <c r="G2109" s="2"/>
    </row>
    <row r="2110" spans="1:7" x14ac:dyDescent="0.25">
      <c r="A2110" s="1">
        <v>2108</v>
      </c>
      <c r="B2110" t="s">
        <v>2112</v>
      </c>
      <c r="C2110" t="s">
        <v>7562</v>
      </c>
      <c r="D2110" t="s">
        <v>13006</v>
      </c>
      <c r="E2110" t="s">
        <v>18366</v>
      </c>
      <c r="G2110" s="2"/>
    </row>
    <row r="2111" spans="1:7" x14ac:dyDescent="0.25">
      <c r="A2111" s="1">
        <v>2109</v>
      </c>
      <c r="B2111" t="s">
        <v>2113</v>
      </c>
      <c r="C2111" t="s">
        <v>7563</v>
      </c>
      <c r="D2111" t="s">
        <v>13007</v>
      </c>
      <c r="E2111" t="s">
        <v>18367</v>
      </c>
      <c r="G2111" s="2"/>
    </row>
    <row r="2112" spans="1:7" x14ac:dyDescent="0.25">
      <c r="A2112" s="1">
        <v>2110</v>
      </c>
      <c r="B2112" t="s">
        <v>2114</v>
      </c>
      <c r="C2112" t="s">
        <v>7564</v>
      </c>
      <c r="D2112" t="s">
        <v>13008</v>
      </c>
      <c r="E2112" t="s">
        <v>18368</v>
      </c>
      <c r="G2112" s="2"/>
    </row>
    <row r="2113" spans="1:7" x14ac:dyDescent="0.25">
      <c r="A2113" s="1">
        <v>2111</v>
      </c>
      <c r="B2113" t="s">
        <v>2115</v>
      </c>
      <c r="C2113" t="s">
        <v>7565</v>
      </c>
      <c r="D2113" t="s">
        <v>13009</v>
      </c>
      <c r="E2113" t="s">
        <v>18369</v>
      </c>
      <c r="G2113" s="2"/>
    </row>
    <row r="2114" spans="1:7" x14ac:dyDescent="0.25">
      <c r="A2114" s="1">
        <v>2112</v>
      </c>
      <c r="B2114" t="s">
        <v>2116</v>
      </c>
      <c r="C2114" t="s">
        <v>7566</v>
      </c>
      <c r="D2114" t="s">
        <v>13010</v>
      </c>
      <c r="E2114" t="s">
        <v>18370</v>
      </c>
      <c r="G2114" s="2"/>
    </row>
    <row r="2115" spans="1:7" x14ac:dyDescent="0.25">
      <c r="A2115" s="1">
        <v>2113</v>
      </c>
      <c r="B2115" t="s">
        <v>2117</v>
      </c>
      <c r="C2115" t="s">
        <v>7567</v>
      </c>
      <c r="D2115" t="s">
        <v>13011</v>
      </c>
      <c r="E2115" t="s">
        <v>18371</v>
      </c>
      <c r="G2115" s="2"/>
    </row>
    <row r="2116" spans="1:7" x14ac:dyDescent="0.25">
      <c r="A2116" s="1">
        <v>2114</v>
      </c>
      <c r="B2116" t="s">
        <v>2118</v>
      </c>
      <c r="C2116" t="s">
        <v>7568</v>
      </c>
      <c r="D2116" t="s">
        <v>13012</v>
      </c>
      <c r="E2116" t="s">
        <v>18372</v>
      </c>
      <c r="G2116" s="2"/>
    </row>
    <row r="2117" spans="1:7" x14ac:dyDescent="0.25">
      <c r="A2117" s="1">
        <v>2115</v>
      </c>
      <c r="B2117" t="s">
        <v>2119</v>
      </c>
      <c r="C2117" t="s">
        <v>7569</v>
      </c>
      <c r="D2117" t="s">
        <v>13013</v>
      </c>
      <c r="E2117" t="s">
        <v>18373</v>
      </c>
      <c r="G2117" s="2"/>
    </row>
    <row r="2118" spans="1:7" x14ac:dyDescent="0.25">
      <c r="A2118" s="1">
        <v>2116</v>
      </c>
      <c r="B2118" t="s">
        <v>2120</v>
      </c>
      <c r="C2118" t="s">
        <v>7570</v>
      </c>
      <c r="D2118" t="s">
        <v>13014</v>
      </c>
      <c r="E2118" t="s">
        <v>18374</v>
      </c>
      <c r="G2118" s="2"/>
    </row>
    <row r="2119" spans="1:7" x14ac:dyDescent="0.25">
      <c r="A2119" s="1">
        <v>2117</v>
      </c>
      <c r="B2119" t="s">
        <v>2121</v>
      </c>
      <c r="C2119" t="s">
        <v>7571</v>
      </c>
      <c r="D2119" t="s">
        <v>13015</v>
      </c>
      <c r="E2119" t="s">
        <v>18375</v>
      </c>
      <c r="G2119" s="2"/>
    </row>
    <row r="2120" spans="1:7" x14ac:dyDescent="0.25">
      <c r="A2120" s="1">
        <v>2118</v>
      </c>
      <c r="B2120" t="s">
        <v>2122</v>
      </c>
      <c r="C2120" t="s">
        <v>7572</v>
      </c>
      <c r="D2120" t="s">
        <v>13016</v>
      </c>
      <c r="E2120" t="s">
        <v>18376</v>
      </c>
      <c r="G2120" s="2"/>
    </row>
    <row r="2121" spans="1:7" x14ac:dyDescent="0.25">
      <c r="A2121" s="1">
        <v>2119</v>
      </c>
      <c r="B2121" t="s">
        <v>2123</v>
      </c>
      <c r="C2121" t="s">
        <v>7573</v>
      </c>
      <c r="D2121" t="s">
        <v>13017</v>
      </c>
      <c r="E2121" t="s">
        <v>18377</v>
      </c>
      <c r="G2121" s="2"/>
    </row>
    <row r="2122" spans="1:7" x14ac:dyDescent="0.25">
      <c r="A2122" s="1">
        <v>2120</v>
      </c>
      <c r="B2122" t="s">
        <v>2124</v>
      </c>
      <c r="C2122" t="s">
        <v>7574</v>
      </c>
      <c r="D2122" t="s">
        <v>13018</v>
      </c>
      <c r="E2122" t="s">
        <v>18378</v>
      </c>
      <c r="G2122" s="2"/>
    </row>
    <row r="2123" spans="1:7" x14ac:dyDescent="0.25">
      <c r="A2123" s="1">
        <v>2121</v>
      </c>
      <c r="B2123" t="s">
        <v>2125</v>
      </c>
      <c r="C2123" t="s">
        <v>7575</v>
      </c>
      <c r="D2123" t="s">
        <v>13019</v>
      </c>
      <c r="E2123" t="s">
        <v>18379</v>
      </c>
      <c r="G2123" s="2"/>
    </row>
    <row r="2124" spans="1:7" x14ac:dyDescent="0.25">
      <c r="A2124" s="1">
        <v>2122</v>
      </c>
      <c r="B2124" t="s">
        <v>2126</v>
      </c>
      <c r="C2124" t="s">
        <v>7576</v>
      </c>
      <c r="D2124" t="s">
        <v>13020</v>
      </c>
      <c r="E2124" t="s">
        <v>16555</v>
      </c>
      <c r="G2124" s="2"/>
    </row>
    <row r="2125" spans="1:7" x14ac:dyDescent="0.25">
      <c r="A2125" s="1">
        <v>2123</v>
      </c>
      <c r="B2125" t="s">
        <v>2127</v>
      </c>
      <c r="C2125" t="s">
        <v>7577</v>
      </c>
      <c r="D2125" t="s">
        <v>13021</v>
      </c>
      <c r="E2125" t="s">
        <v>18380</v>
      </c>
      <c r="G2125" s="2"/>
    </row>
    <row r="2126" spans="1:7" x14ac:dyDescent="0.25">
      <c r="A2126" s="1">
        <v>2124</v>
      </c>
      <c r="B2126" t="s">
        <v>2128</v>
      </c>
      <c r="C2126" t="s">
        <v>7578</v>
      </c>
      <c r="D2126" t="s">
        <v>13022</v>
      </c>
      <c r="E2126" t="s">
        <v>18381</v>
      </c>
      <c r="G2126" s="2"/>
    </row>
    <row r="2127" spans="1:7" x14ac:dyDescent="0.25">
      <c r="A2127" s="1">
        <v>2125</v>
      </c>
      <c r="B2127" t="s">
        <v>2129</v>
      </c>
      <c r="C2127" t="s">
        <v>7579</v>
      </c>
      <c r="D2127" t="s">
        <v>13023</v>
      </c>
      <c r="E2127" t="s">
        <v>18382</v>
      </c>
      <c r="G2127" s="2"/>
    </row>
    <row r="2128" spans="1:7" x14ac:dyDescent="0.25">
      <c r="A2128" s="1">
        <v>2126</v>
      </c>
      <c r="B2128" t="s">
        <v>2130</v>
      </c>
      <c r="C2128" t="s">
        <v>7580</v>
      </c>
      <c r="D2128" t="s">
        <v>13024</v>
      </c>
      <c r="E2128" t="s">
        <v>18383</v>
      </c>
      <c r="G2128" s="2"/>
    </row>
    <row r="2129" spans="1:7" x14ac:dyDescent="0.25">
      <c r="A2129" s="1">
        <v>2127</v>
      </c>
      <c r="B2129" t="s">
        <v>2131</v>
      </c>
      <c r="C2129" t="s">
        <v>7581</v>
      </c>
      <c r="D2129" t="s">
        <v>13025</v>
      </c>
      <c r="E2129" t="s">
        <v>18384</v>
      </c>
      <c r="G2129" s="2"/>
    </row>
    <row r="2130" spans="1:7" x14ac:dyDescent="0.25">
      <c r="A2130" s="1">
        <v>2128</v>
      </c>
      <c r="B2130" t="s">
        <v>2132</v>
      </c>
      <c r="C2130" t="s">
        <v>7582</v>
      </c>
      <c r="D2130" t="s">
        <v>13026</v>
      </c>
      <c r="E2130" t="s">
        <v>18385</v>
      </c>
      <c r="G2130" s="2"/>
    </row>
    <row r="2131" spans="1:7" x14ac:dyDescent="0.25">
      <c r="A2131" s="1">
        <v>2129</v>
      </c>
      <c r="B2131" t="s">
        <v>2133</v>
      </c>
      <c r="C2131" t="s">
        <v>7583</v>
      </c>
      <c r="D2131" t="s">
        <v>13027</v>
      </c>
      <c r="E2131" t="s">
        <v>18386</v>
      </c>
      <c r="G2131" s="2"/>
    </row>
    <row r="2132" spans="1:7" x14ac:dyDescent="0.25">
      <c r="A2132" s="1">
        <v>2130</v>
      </c>
      <c r="B2132" t="s">
        <v>2134</v>
      </c>
      <c r="C2132" t="s">
        <v>7584</v>
      </c>
      <c r="D2132" t="s">
        <v>13028</v>
      </c>
      <c r="E2132" t="s">
        <v>18387</v>
      </c>
      <c r="G2132" s="2"/>
    </row>
    <row r="2133" spans="1:7" x14ac:dyDescent="0.25">
      <c r="A2133" s="1">
        <v>2131</v>
      </c>
      <c r="B2133" t="s">
        <v>2135</v>
      </c>
      <c r="C2133" t="s">
        <v>7585</v>
      </c>
      <c r="D2133" t="s">
        <v>13029</v>
      </c>
      <c r="E2133" t="s">
        <v>18388</v>
      </c>
      <c r="G2133" s="2"/>
    </row>
    <row r="2134" spans="1:7" x14ac:dyDescent="0.25">
      <c r="A2134" s="1">
        <v>2132</v>
      </c>
      <c r="B2134" t="s">
        <v>2136</v>
      </c>
      <c r="C2134" t="s">
        <v>7586</v>
      </c>
      <c r="D2134" t="s">
        <v>13030</v>
      </c>
      <c r="E2134" t="s">
        <v>18389</v>
      </c>
      <c r="G2134" s="2"/>
    </row>
    <row r="2135" spans="1:7" x14ac:dyDescent="0.25">
      <c r="A2135" s="1">
        <v>2133</v>
      </c>
      <c r="B2135" t="s">
        <v>2137</v>
      </c>
      <c r="C2135" t="s">
        <v>7587</v>
      </c>
      <c r="D2135" t="s">
        <v>13031</v>
      </c>
      <c r="E2135" t="s">
        <v>18390</v>
      </c>
      <c r="G2135" s="2"/>
    </row>
    <row r="2136" spans="1:7" x14ac:dyDescent="0.25">
      <c r="A2136" s="1">
        <v>2134</v>
      </c>
      <c r="B2136" t="s">
        <v>2138</v>
      </c>
      <c r="C2136" t="s">
        <v>7588</v>
      </c>
      <c r="D2136" t="s">
        <v>13032</v>
      </c>
      <c r="E2136" t="s">
        <v>18391</v>
      </c>
      <c r="G2136" s="2"/>
    </row>
    <row r="2137" spans="1:7" x14ac:dyDescent="0.25">
      <c r="A2137" s="1">
        <v>2135</v>
      </c>
      <c r="B2137" t="s">
        <v>2139</v>
      </c>
      <c r="C2137" t="s">
        <v>7589</v>
      </c>
      <c r="D2137" t="s">
        <v>13033</v>
      </c>
      <c r="E2137" t="s">
        <v>18392</v>
      </c>
      <c r="G2137" s="2"/>
    </row>
    <row r="2138" spans="1:7" x14ac:dyDescent="0.25">
      <c r="A2138" s="1">
        <v>2136</v>
      </c>
      <c r="B2138" t="s">
        <v>2140</v>
      </c>
      <c r="C2138" t="s">
        <v>7590</v>
      </c>
      <c r="D2138" t="s">
        <v>13034</v>
      </c>
      <c r="E2138" t="s">
        <v>18393</v>
      </c>
      <c r="G2138" s="2"/>
    </row>
    <row r="2139" spans="1:7" x14ac:dyDescent="0.25">
      <c r="A2139" s="1">
        <v>2137</v>
      </c>
      <c r="B2139" t="s">
        <v>2141</v>
      </c>
      <c r="C2139" t="s">
        <v>7591</v>
      </c>
      <c r="D2139" t="s">
        <v>13035</v>
      </c>
      <c r="E2139" t="s">
        <v>18394</v>
      </c>
      <c r="G2139" s="2"/>
    </row>
    <row r="2140" spans="1:7" x14ac:dyDescent="0.25">
      <c r="A2140" s="1">
        <v>2138</v>
      </c>
      <c r="B2140" t="s">
        <v>2142</v>
      </c>
      <c r="C2140" t="s">
        <v>7592</v>
      </c>
      <c r="D2140" t="s">
        <v>13036</v>
      </c>
      <c r="E2140" t="s">
        <v>18395</v>
      </c>
      <c r="G2140" s="2"/>
    </row>
    <row r="2141" spans="1:7" x14ac:dyDescent="0.25">
      <c r="A2141" s="1">
        <v>2139</v>
      </c>
      <c r="B2141" t="s">
        <v>2143</v>
      </c>
      <c r="C2141" t="s">
        <v>7593</v>
      </c>
      <c r="D2141" t="s">
        <v>13037</v>
      </c>
      <c r="E2141" t="s">
        <v>18396</v>
      </c>
      <c r="G2141" s="2"/>
    </row>
    <row r="2142" spans="1:7" x14ac:dyDescent="0.25">
      <c r="A2142" s="1">
        <v>2140</v>
      </c>
      <c r="B2142" t="s">
        <v>2144</v>
      </c>
      <c r="C2142" t="s">
        <v>7594</v>
      </c>
      <c r="D2142" t="s">
        <v>13038</v>
      </c>
      <c r="E2142" t="s">
        <v>18397</v>
      </c>
      <c r="G2142" s="2"/>
    </row>
    <row r="2143" spans="1:7" x14ac:dyDescent="0.25">
      <c r="A2143" s="1">
        <v>2141</v>
      </c>
      <c r="B2143" t="s">
        <v>2145</v>
      </c>
      <c r="C2143" t="s">
        <v>7595</v>
      </c>
      <c r="D2143" t="s">
        <v>13039</v>
      </c>
      <c r="E2143" t="s">
        <v>18398</v>
      </c>
      <c r="G2143" s="2"/>
    </row>
    <row r="2144" spans="1:7" x14ac:dyDescent="0.25">
      <c r="A2144" s="1">
        <v>2142</v>
      </c>
      <c r="B2144" t="s">
        <v>2146</v>
      </c>
      <c r="C2144" t="s">
        <v>7596</v>
      </c>
      <c r="D2144" t="s">
        <v>13040</v>
      </c>
      <c r="E2144" t="s">
        <v>18399</v>
      </c>
      <c r="G2144" s="2"/>
    </row>
    <row r="2145" spans="1:7" x14ac:dyDescent="0.25">
      <c r="A2145" s="1">
        <v>2143</v>
      </c>
      <c r="B2145" t="s">
        <v>2147</v>
      </c>
      <c r="C2145" t="s">
        <v>7597</v>
      </c>
      <c r="D2145" t="s">
        <v>13041</v>
      </c>
      <c r="E2145" t="s">
        <v>18400</v>
      </c>
      <c r="G2145" s="2"/>
    </row>
    <row r="2146" spans="1:7" x14ac:dyDescent="0.25">
      <c r="A2146" s="1">
        <v>2144</v>
      </c>
      <c r="B2146" t="s">
        <v>2148</v>
      </c>
      <c r="C2146" t="s">
        <v>7598</v>
      </c>
      <c r="D2146" t="s">
        <v>13042</v>
      </c>
      <c r="E2146" t="s">
        <v>18401</v>
      </c>
      <c r="G2146" s="2"/>
    </row>
    <row r="2147" spans="1:7" x14ac:dyDescent="0.25">
      <c r="A2147" s="1">
        <v>2145</v>
      </c>
      <c r="B2147" t="s">
        <v>2149</v>
      </c>
      <c r="C2147" t="s">
        <v>7599</v>
      </c>
      <c r="D2147" t="s">
        <v>13043</v>
      </c>
      <c r="E2147" t="s">
        <v>18402</v>
      </c>
      <c r="G2147" s="2"/>
    </row>
    <row r="2148" spans="1:7" x14ac:dyDescent="0.25">
      <c r="A2148" s="1">
        <v>2146</v>
      </c>
      <c r="B2148" t="s">
        <v>2150</v>
      </c>
      <c r="C2148" t="s">
        <v>7600</v>
      </c>
      <c r="D2148" t="s">
        <v>13044</v>
      </c>
      <c r="E2148" t="s">
        <v>18403</v>
      </c>
      <c r="G2148" s="2"/>
    </row>
    <row r="2149" spans="1:7" x14ac:dyDescent="0.25">
      <c r="A2149" s="1">
        <v>2147</v>
      </c>
      <c r="B2149" t="s">
        <v>2151</v>
      </c>
      <c r="C2149" t="s">
        <v>7601</v>
      </c>
      <c r="D2149" t="s">
        <v>13045</v>
      </c>
      <c r="E2149" t="s">
        <v>18404</v>
      </c>
      <c r="G2149" s="2"/>
    </row>
    <row r="2150" spans="1:7" x14ac:dyDescent="0.25">
      <c r="A2150" s="1">
        <v>2148</v>
      </c>
      <c r="B2150" t="s">
        <v>2152</v>
      </c>
      <c r="C2150" t="s">
        <v>7602</v>
      </c>
      <c r="D2150" t="s">
        <v>13046</v>
      </c>
      <c r="E2150" t="s">
        <v>18405</v>
      </c>
      <c r="G2150" s="2"/>
    </row>
    <row r="2151" spans="1:7" x14ac:dyDescent="0.25">
      <c r="A2151" s="1">
        <v>2149</v>
      </c>
      <c r="B2151" t="s">
        <v>2153</v>
      </c>
      <c r="C2151" t="s">
        <v>7603</v>
      </c>
      <c r="D2151" t="s">
        <v>13047</v>
      </c>
      <c r="E2151" t="s">
        <v>18406</v>
      </c>
      <c r="G2151" s="2"/>
    </row>
    <row r="2152" spans="1:7" x14ac:dyDescent="0.25">
      <c r="A2152" s="1">
        <v>2150</v>
      </c>
      <c r="B2152" t="s">
        <v>2154</v>
      </c>
      <c r="C2152" t="s">
        <v>7604</v>
      </c>
      <c r="D2152" t="s">
        <v>13048</v>
      </c>
      <c r="E2152" t="s">
        <v>18407</v>
      </c>
      <c r="G2152" s="2"/>
    </row>
    <row r="2153" spans="1:7" x14ac:dyDescent="0.25">
      <c r="A2153" s="1">
        <v>2151</v>
      </c>
      <c r="B2153" t="s">
        <v>2155</v>
      </c>
      <c r="C2153" t="s">
        <v>7605</v>
      </c>
      <c r="D2153" t="s">
        <v>13049</v>
      </c>
      <c r="E2153" t="s">
        <v>18408</v>
      </c>
      <c r="G2153" s="2"/>
    </row>
    <row r="2154" spans="1:7" x14ac:dyDescent="0.25">
      <c r="A2154" s="1">
        <v>2152</v>
      </c>
      <c r="B2154" t="s">
        <v>2156</v>
      </c>
      <c r="C2154" t="s">
        <v>7606</v>
      </c>
      <c r="D2154" t="s">
        <v>13050</v>
      </c>
      <c r="E2154" t="s">
        <v>18409</v>
      </c>
      <c r="G2154" s="2"/>
    </row>
    <row r="2155" spans="1:7" x14ac:dyDescent="0.25">
      <c r="A2155" s="1">
        <v>2153</v>
      </c>
      <c r="B2155" t="s">
        <v>2157</v>
      </c>
      <c r="C2155" t="s">
        <v>7607</v>
      </c>
      <c r="D2155" t="s">
        <v>13051</v>
      </c>
      <c r="E2155" t="s">
        <v>18410</v>
      </c>
      <c r="G2155" s="2"/>
    </row>
    <row r="2156" spans="1:7" x14ac:dyDescent="0.25">
      <c r="A2156" s="1">
        <v>2154</v>
      </c>
      <c r="B2156" t="s">
        <v>2158</v>
      </c>
      <c r="C2156" t="s">
        <v>7608</v>
      </c>
      <c r="D2156" t="s">
        <v>13052</v>
      </c>
      <c r="E2156" t="s">
        <v>18411</v>
      </c>
      <c r="G2156" s="2"/>
    </row>
    <row r="2157" spans="1:7" x14ac:dyDescent="0.25">
      <c r="A2157" s="1">
        <v>2155</v>
      </c>
      <c r="B2157" t="s">
        <v>2159</v>
      </c>
      <c r="C2157" t="s">
        <v>7609</v>
      </c>
      <c r="D2157" t="s">
        <v>13053</v>
      </c>
      <c r="E2157" t="s">
        <v>18412</v>
      </c>
      <c r="G2157" s="2"/>
    </row>
    <row r="2158" spans="1:7" x14ac:dyDescent="0.25">
      <c r="A2158" s="1">
        <v>2156</v>
      </c>
      <c r="B2158" t="s">
        <v>2160</v>
      </c>
      <c r="C2158" t="s">
        <v>7610</v>
      </c>
      <c r="D2158" t="s">
        <v>13054</v>
      </c>
      <c r="E2158" t="s">
        <v>18413</v>
      </c>
      <c r="G2158" s="2"/>
    </row>
    <row r="2159" spans="1:7" x14ac:dyDescent="0.25">
      <c r="A2159" s="1">
        <v>2157</v>
      </c>
      <c r="B2159" t="s">
        <v>2161</v>
      </c>
      <c r="C2159" t="s">
        <v>7611</v>
      </c>
      <c r="D2159" t="s">
        <v>13055</v>
      </c>
      <c r="E2159" t="s">
        <v>18414</v>
      </c>
      <c r="G2159" s="2"/>
    </row>
    <row r="2160" spans="1:7" x14ac:dyDescent="0.25">
      <c r="A2160" s="1">
        <v>2158</v>
      </c>
      <c r="B2160" t="s">
        <v>2162</v>
      </c>
      <c r="C2160" t="s">
        <v>7612</v>
      </c>
      <c r="D2160" t="s">
        <v>13056</v>
      </c>
      <c r="E2160" t="s">
        <v>18415</v>
      </c>
      <c r="G2160" s="2"/>
    </row>
    <row r="2161" spans="1:7" x14ac:dyDescent="0.25">
      <c r="A2161" s="1">
        <v>2159</v>
      </c>
      <c r="B2161" t="s">
        <v>2163</v>
      </c>
      <c r="C2161" t="s">
        <v>7613</v>
      </c>
      <c r="D2161" t="s">
        <v>13057</v>
      </c>
      <c r="E2161" t="s">
        <v>18416</v>
      </c>
      <c r="G2161" s="2"/>
    </row>
    <row r="2162" spans="1:7" x14ac:dyDescent="0.25">
      <c r="A2162" s="1">
        <v>2160</v>
      </c>
      <c r="B2162" t="s">
        <v>2164</v>
      </c>
      <c r="C2162" t="s">
        <v>7614</v>
      </c>
      <c r="D2162" t="s">
        <v>13058</v>
      </c>
      <c r="E2162" t="s">
        <v>18417</v>
      </c>
      <c r="G2162" s="2"/>
    </row>
    <row r="2163" spans="1:7" x14ac:dyDescent="0.25">
      <c r="A2163" s="1">
        <v>2161</v>
      </c>
      <c r="B2163" t="s">
        <v>2165</v>
      </c>
      <c r="C2163" t="s">
        <v>7615</v>
      </c>
      <c r="D2163" t="s">
        <v>13059</v>
      </c>
      <c r="E2163" t="s">
        <v>18418</v>
      </c>
      <c r="G2163" s="2"/>
    </row>
    <row r="2164" spans="1:7" x14ac:dyDescent="0.25">
      <c r="A2164" s="1">
        <v>2162</v>
      </c>
      <c r="B2164" t="s">
        <v>2166</v>
      </c>
      <c r="C2164" t="s">
        <v>7616</v>
      </c>
      <c r="D2164" t="s">
        <v>13060</v>
      </c>
      <c r="E2164" t="s">
        <v>18419</v>
      </c>
      <c r="G2164" s="2"/>
    </row>
    <row r="2165" spans="1:7" x14ac:dyDescent="0.25">
      <c r="A2165" s="1">
        <v>2163</v>
      </c>
      <c r="B2165" t="s">
        <v>2167</v>
      </c>
      <c r="C2165" t="s">
        <v>7617</v>
      </c>
      <c r="D2165" t="s">
        <v>13061</v>
      </c>
      <c r="E2165" t="s">
        <v>18420</v>
      </c>
      <c r="G2165" s="2"/>
    </row>
    <row r="2166" spans="1:7" x14ac:dyDescent="0.25">
      <c r="A2166" s="1">
        <v>2164</v>
      </c>
      <c r="B2166" t="s">
        <v>2168</v>
      </c>
      <c r="C2166" t="s">
        <v>7618</v>
      </c>
      <c r="D2166" t="s">
        <v>13062</v>
      </c>
      <c r="E2166" t="s">
        <v>18421</v>
      </c>
      <c r="G2166" s="2"/>
    </row>
    <row r="2167" spans="1:7" x14ac:dyDescent="0.25">
      <c r="A2167" s="1">
        <v>2165</v>
      </c>
      <c r="B2167" t="s">
        <v>2169</v>
      </c>
      <c r="C2167" t="s">
        <v>7619</v>
      </c>
      <c r="D2167" t="s">
        <v>13063</v>
      </c>
      <c r="E2167" t="s">
        <v>18422</v>
      </c>
      <c r="G2167" s="2"/>
    </row>
    <row r="2168" spans="1:7" x14ac:dyDescent="0.25">
      <c r="A2168" s="1">
        <v>2166</v>
      </c>
      <c r="B2168" t="s">
        <v>2170</v>
      </c>
      <c r="C2168" t="s">
        <v>7620</v>
      </c>
      <c r="D2168" t="s">
        <v>7620</v>
      </c>
      <c r="E2168" t="s">
        <v>16620</v>
      </c>
      <c r="G2168" s="2"/>
    </row>
    <row r="2169" spans="1:7" x14ac:dyDescent="0.25">
      <c r="A2169" s="1">
        <v>2167</v>
      </c>
      <c r="B2169" t="s">
        <v>2171</v>
      </c>
      <c r="C2169" t="s">
        <v>7621</v>
      </c>
      <c r="D2169" t="s">
        <v>13064</v>
      </c>
      <c r="E2169" t="s">
        <v>18423</v>
      </c>
      <c r="G2169" s="2"/>
    </row>
    <row r="2170" spans="1:7" x14ac:dyDescent="0.25">
      <c r="A2170" s="1">
        <v>2168</v>
      </c>
      <c r="B2170" t="s">
        <v>2172</v>
      </c>
      <c r="C2170" t="s">
        <v>7622</v>
      </c>
      <c r="D2170" t="s">
        <v>13065</v>
      </c>
      <c r="E2170" t="s">
        <v>18424</v>
      </c>
      <c r="G2170" s="2"/>
    </row>
    <row r="2171" spans="1:7" x14ac:dyDescent="0.25">
      <c r="A2171" s="1">
        <v>2169</v>
      </c>
      <c r="B2171" t="s">
        <v>2173</v>
      </c>
      <c r="C2171" t="s">
        <v>7623</v>
      </c>
      <c r="D2171" t="s">
        <v>13066</v>
      </c>
      <c r="E2171" t="s">
        <v>18425</v>
      </c>
      <c r="G2171" s="2"/>
    </row>
    <row r="2172" spans="1:7" x14ac:dyDescent="0.25">
      <c r="A2172" s="1">
        <v>2170</v>
      </c>
      <c r="B2172" t="s">
        <v>2174</v>
      </c>
      <c r="C2172" t="s">
        <v>7624</v>
      </c>
      <c r="D2172" t="s">
        <v>13067</v>
      </c>
      <c r="E2172" t="s">
        <v>18426</v>
      </c>
      <c r="G2172" s="2"/>
    </row>
    <row r="2173" spans="1:7" x14ac:dyDescent="0.25">
      <c r="A2173" s="1">
        <v>2171</v>
      </c>
      <c r="B2173" t="s">
        <v>2175</v>
      </c>
      <c r="C2173" t="s">
        <v>7625</v>
      </c>
      <c r="D2173" t="s">
        <v>13068</v>
      </c>
      <c r="E2173" t="s">
        <v>18427</v>
      </c>
      <c r="G2173" s="2"/>
    </row>
    <row r="2174" spans="1:7" x14ac:dyDescent="0.25">
      <c r="A2174" s="1">
        <v>2172</v>
      </c>
      <c r="B2174" t="s">
        <v>2176</v>
      </c>
      <c r="C2174" t="s">
        <v>7626</v>
      </c>
      <c r="D2174" t="s">
        <v>13069</v>
      </c>
      <c r="E2174" t="s">
        <v>18428</v>
      </c>
      <c r="G2174" s="2"/>
    </row>
    <row r="2175" spans="1:7" x14ac:dyDescent="0.25">
      <c r="A2175" s="1">
        <v>2173</v>
      </c>
      <c r="B2175" t="s">
        <v>2177</v>
      </c>
      <c r="C2175" t="s">
        <v>7627</v>
      </c>
      <c r="D2175" t="s">
        <v>13070</v>
      </c>
      <c r="E2175" t="s">
        <v>18429</v>
      </c>
      <c r="G2175" s="2"/>
    </row>
    <row r="2176" spans="1:7" x14ac:dyDescent="0.25">
      <c r="A2176" s="1">
        <v>2174</v>
      </c>
      <c r="B2176" t="s">
        <v>2178</v>
      </c>
      <c r="C2176" t="s">
        <v>7628</v>
      </c>
      <c r="D2176" t="s">
        <v>13071</v>
      </c>
      <c r="E2176" t="s">
        <v>18430</v>
      </c>
      <c r="G2176" s="2"/>
    </row>
    <row r="2177" spans="1:7" x14ac:dyDescent="0.25">
      <c r="A2177" s="1">
        <v>2175</v>
      </c>
      <c r="B2177" t="s">
        <v>2179</v>
      </c>
      <c r="C2177" t="s">
        <v>7629</v>
      </c>
      <c r="D2177" t="s">
        <v>13072</v>
      </c>
      <c r="E2177" t="s">
        <v>18431</v>
      </c>
      <c r="G2177" s="2"/>
    </row>
    <row r="2178" spans="1:7" x14ac:dyDescent="0.25">
      <c r="A2178" s="1">
        <v>2176</v>
      </c>
      <c r="B2178" t="s">
        <v>2180</v>
      </c>
      <c r="C2178" t="s">
        <v>7630</v>
      </c>
      <c r="D2178" t="s">
        <v>13073</v>
      </c>
      <c r="E2178" t="s">
        <v>18432</v>
      </c>
      <c r="G2178" s="2"/>
    </row>
    <row r="2179" spans="1:7" x14ac:dyDescent="0.25">
      <c r="A2179" s="1">
        <v>2177</v>
      </c>
      <c r="B2179" t="s">
        <v>2181</v>
      </c>
      <c r="C2179" t="s">
        <v>7631</v>
      </c>
      <c r="D2179" t="s">
        <v>13074</v>
      </c>
      <c r="E2179" t="s">
        <v>18433</v>
      </c>
      <c r="G2179" s="2"/>
    </row>
    <row r="2180" spans="1:7" x14ac:dyDescent="0.25">
      <c r="A2180" s="1">
        <v>2178</v>
      </c>
      <c r="B2180" t="s">
        <v>2182</v>
      </c>
      <c r="C2180" t="s">
        <v>7632</v>
      </c>
      <c r="D2180" t="s">
        <v>13075</v>
      </c>
      <c r="E2180" t="s">
        <v>18434</v>
      </c>
      <c r="G2180" s="2"/>
    </row>
    <row r="2181" spans="1:7" x14ac:dyDescent="0.25">
      <c r="A2181" s="1">
        <v>2179</v>
      </c>
      <c r="B2181" t="s">
        <v>2183</v>
      </c>
      <c r="C2181" t="s">
        <v>7633</v>
      </c>
      <c r="D2181" t="s">
        <v>13076</v>
      </c>
      <c r="E2181" t="s">
        <v>18435</v>
      </c>
      <c r="G2181" s="2"/>
    </row>
    <row r="2182" spans="1:7" x14ac:dyDescent="0.25">
      <c r="A2182" s="1">
        <v>2180</v>
      </c>
      <c r="B2182" t="s">
        <v>2184</v>
      </c>
      <c r="C2182" t="s">
        <v>7634</v>
      </c>
      <c r="D2182" t="s">
        <v>13077</v>
      </c>
      <c r="E2182" t="s">
        <v>18436</v>
      </c>
      <c r="G2182" s="2"/>
    </row>
    <row r="2183" spans="1:7" x14ac:dyDescent="0.25">
      <c r="A2183" s="1">
        <v>2181</v>
      </c>
      <c r="B2183" t="s">
        <v>2185</v>
      </c>
      <c r="C2183" t="s">
        <v>7635</v>
      </c>
      <c r="D2183" t="s">
        <v>13078</v>
      </c>
      <c r="E2183" t="s">
        <v>18437</v>
      </c>
      <c r="G2183" s="2"/>
    </row>
    <row r="2184" spans="1:7" x14ac:dyDescent="0.25">
      <c r="A2184" s="1">
        <v>2182</v>
      </c>
      <c r="B2184" t="s">
        <v>2186</v>
      </c>
      <c r="C2184" t="s">
        <v>7636</v>
      </c>
      <c r="D2184" t="s">
        <v>13079</v>
      </c>
      <c r="E2184" t="s">
        <v>18438</v>
      </c>
      <c r="G2184" s="2"/>
    </row>
    <row r="2185" spans="1:7" x14ac:dyDescent="0.25">
      <c r="A2185" s="1">
        <v>2183</v>
      </c>
      <c r="B2185" t="s">
        <v>2187</v>
      </c>
      <c r="C2185" t="s">
        <v>7637</v>
      </c>
      <c r="D2185" t="s">
        <v>13080</v>
      </c>
      <c r="E2185" t="s">
        <v>18439</v>
      </c>
      <c r="G2185" s="2"/>
    </row>
    <row r="2186" spans="1:7" x14ac:dyDescent="0.25">
      <c r="A2186" s="1">
        <v>2184</v>
      </c>
      <c r="B2186" t="s">
        <v>2188</v>
      </c>
      <c r="C2186" t="s">
        <v>7638</v>
      </c>
      <c r="D2186" t="s">
        <v>13081</v>
      </c>
      <c r="E2186" t="s">
        <v>18440</v>
      </c>
      <c r="G2186" s="2"/>
    </row>
    <row r="2187" spans="1:7" x14ac:dyDescent="0.25">
      <c r="A2187" s="1">
        <v>2185</v>
      </c>
      <c r="B2187" t="s">
        <v>2189</v>
      </c>
      <c r="C2187" t="s">
        <v>7639</v>
      </c>
      <c r="D2187" t="s">
        <v>13082</v>
      </c>
      <c r="E2187" t="s">
        <v>16620</v>
      </c>
      <c r="G2187" s="2"/>
    </row>
    <row r="2188" spans="1:7" x14ac:dyDescent="0.25">
      <c r="A2188" s="1">
        <v>2186</v>
      </c>
      <c r="B2188" t="s">
        <v>2190</v>
      </c>
      <c r="C2188" t="s">
        <v>7640</v>
      </c>
      <c r="D2188" t="s">
        <v>13083</v>
      </c>
      <c r="E2188" t="s">
        <v>18441</v>
      </c>
      <c r="G2188" s="2"/>
    </row>
    <row r="2189" spans="1:7" x14ac:dyDescent="0.25">
      <c r="A2189" s="1">
        <v>2187</v>
      </c>
      <c r="B2189" t="s">
        <v>367</v>
      </c>
      <c r="C2189" t="s">
        <v>7641</v>
      </c>
      <c r="D2189" t="s">
        <v>13084</v>
      </c>
      <c r="E2189" t="s">
        <v>18442</v>
      </c>
      <c r="G2189" s="2"/>
    </row>
    <row r="2190" spans="1:7" x14ac:dyDescent="0.25">
      <c r="A2190" s="1">
        <v>2188</v>
      </c>
      <c r="B2190" t="s">
        <v>2191</v>
      </c>
      <c r="C2190" t="s">
        <v>7642</v>
      </c>
      <c r="D2190" t="s">
        <v>13085</v>
      </c>
      <c r="E2190" t="s">
        <v>18443</v>
      </c>
      <c r="G2190" s="2"/>
    </row>
    <row r="2191" spans="1:7" x14ac:dyDescent="0.25">
      <c r="A2191" s="1">
        <v>2189</v>
      </c>
      <c r="B2191" t="s">
        <v>2192</v>
      </c>
      <c r="C2191" t="s">
        <v>7643</v>
      </c>
      <c r="D2191" t="s">
        <v>13086</v>
      </c>
      <c r="E2191" t="s">
        <v>18444</v>
      </c>
      <c r="G2191" s="2"/>
    </row>
    <row r="2192" spans="1:7" x14ac:dyDescent="0.25">
      <c r="A2192" s="1">
        <v>2190</v>
      </c>
      <c r="B2192" t="s">
        <v>2193</v>
      </c>
      <c r="C2192" t="s">
        <v>7644</v>
      </c>
      <c r="D2192" t="s">
        <v>13087</v>
      </c>
      <c r="E2192" t="s">
        <v>18445</v>
      </c>
      <c r="G2192" s="2"/>
    </row>
    <row r="2193" spans="1:7" x14ac:dyDescent="0.25">
      <c r="A2193" s="1">
        <v>2191</v>
      </c>
      <c r="B2193" t="s">
        <v>2194</v>
      </c>
      <c r="C2193" t="s">
        <v>7645</v>
      </c>
      <c r="D2193" t="s">
        <v>13088</v>
      </c>
      <c r="E2193" t="s">
        <v>18446</v>
      </c>
      <c r="G2193" s="2"/>
    </row>
    <row r="2194" spans="1:7" x14ac:dyDescent="0.25">
      <c r="A2194" s="1">
        <v>2192</v>
      </c>
      <c r="B2194" t="s">
        <v>2195</v>
      </c>
      <c r="C2194" t="s">
        <v>7646</v>
      </c>
      <c r="D2194" t="s">
        <v>13089</v>
      </c>
      <c r="E2194" t="s">
        <v>18447</v>
      </c>
      <c r="G2194" s="2"/>
    </row>
    <row r="2195" spans="1:7" x14ac:dyDescent="0.25">
      <c r="A2195" s="1">
        <v>2193</v>
      </c>
      <c r="B2195" t="s">
        <v>2196</v>
      </c>
      <c r="C2195" t="s">
        <v>7647</v>
      </c>
      <c r="D2195" t="s">
        <v>13090</v>
      </c>
      <c r="E2195" t="s">
        <v>18448</v>
      </c>
      <c r="G2195" s="2"/>
    </row>
    <row r="2196" spans="1:7" x14ac:dyDescent="0.25">
      <c r="A2196" s="1">
        <v>2194</v>
      </c>
      <c r="B2196" t="s">
        <v>2197</v>
      </c>
      <c r="C2196" t="s">
        <v>7648</v>
      </c>
      <c r="D2196" t="s">
        <v>13091</v>
      </c>
      <c r="E2196" t="s">
        <v>18449</v>
      </c>
      <c r="G2196" s="2"/>
    </row>
    <row r="2197" spans="1:7" x14ac:dyDescent="0.25">
      <c r="A2197" s="1">
        <v>2195</v>
      </c>
      <c r="B2197" t="s">
        <v>2198</v>
      </c>
      <c r="C2197" t="s">
        <v>7649</v>
      </c>
      <c r="D2197" t="s">
        <v>13092</v>
      </c>
      <c r="E2197" t="s">
        <v>16347</v>
      </c>
      <c r="G2197" s="2"/>
    </row>
    <row r="2198" spans="1:7" x14ac:dyDescent="0.25">
      <c r="A2198" s="1">
        <v>2196</v>
      </c>
      <c r="B2198" t="s">
        <v>2199</v>
      </c>
      <c r="C2198" t="s">
        <v>7650</v>
      </c>
      <c r="D2198" t="s">
        <v>13093</v>
      </c>
      <c r="E2198" t="s">
        <v>18450</v>
      </c>
      <c r="G2198" s="2"/>
    </row>
    <row r="2199" spans="1:7" x14ac:dyDescent="0.25">
      <c r="A2199" s="1">
        <v>2197</v>
      </c>
      <c r="B2199" t="s">
        <v>2200</v>
      </c>
      <c r="C2199" t="s">
        <v>7651</v>
      </c>
      <c r="D2199" t="s">
        <v>13094</v>
      </c>
      <c r="E2199" t="s">
        <v>18451</v>
      </c>
      <c r="G2199" s="2"/>
    </row>
    <row r="2200" spans="1:7" x14ac:dyDescent="0.25">
      <c r="A2200" s="1">
        <v>2198</v>
      </c>
      <c r="B2200" t="s">
        <v>2201</v>
      </c>
      <c r="C2200" t="s">
        <v>7652</v>
      </c>
      <c r="D2200" t="s">
        <v>13095</v>
      </c>
      <c r="E2200" t="s">
        <v>18452</v>
      </c>
      <c r="G2200" s="2"/>
    </row>
    <row r="2201" spans="1:7" x14ac:dyDescent="0.25">
      <c r="A2201" s="1">
        <v>2199</v>
      </c>
      <c r="B2201" t="s">
        <v>2202</v>
      </c>
      <c r="C2201" t="s">
        <v>7653</v>
      </c>
      <c r="D2201" t="s">
        <v>13096</v>
      </c>
      <c r="E2201" t="s">
        <v>18453</v>
      </c>
      <c r="G2201" s="2"/>
    </row>
    <row r="2202" spans="1:7" x14ac:dyDescent="0.25">
      <c r="A2202" s="1">
        <v>2200</v>
      </c>
      <c r="B2202" t="s">
        <v>2203</v>
      </c>
      <c r="C2202" t="s">
        <v>7654</v>
      </c>
      <c r="D2202" t="s">
        <v>13097</v>
      </c>
      <c r="E2202" t="s">
        <v>18454</v>
      </c>
      <c r="G2202" s="2"/>
    </row>
    <row r="2203" spans="1:7" x14ac:dyDescent="0.25">
      <c r="A2203" s="1">
        <v>2201</v>
      </c>
      <c r="B2203" t="s">
        <v>2204</v>
      </c>
      <c r="C2203" t="s">
        <v>7655</v>
      </c>
      <c r="D2203" t="s">
        <v>13098</v>
      </c>
      <c r="E2203" t="s">
        <v>18455</v>
      </c>
      <c r="G2203" s="2"/>
    </row>
    <row r="2204" spans="1:7" x14ac:dyDescent="0.25">
      <c r="A2204" s="1">
        <v>2202</v>
      </c>
      <c r="B2204" t="s">
        <v>2205</v>
      </c>
      <c r="C2204" t="s">
        <v>7656</v>
      </c>
      <c r="D2204" t="s">
        <v>13099</v>
      </c>
      <c r="E2204" t="s">
        <v>18456</v>
      </c>
      <c r="G2204" s="2"/>
    </row>
    <row r="2205" spans="1:7" x14ac:dyDescent="0.25">
      <c r="A2205" s="1">
        <v>2203</v>
      </c>
      <c r="B2205" t="s">
        <v>2206</v>
      </c>
      <c r="C2205" t="s">
        <v>7657</v>
      </c>
      <c r="D2205" t="s">
        <v>13100</v>
      </c>
      <c r="E2205" t="s">
        <v>18457</v>
      </c>
      <c r="G2205" s="2"/>
    </row>
    <row r="2206" spans="1:7" x14ac:dyDescent="0.25">
      <c r="A2206" s="1">
        <v>2204</v>
      </c>
      <c r="B2206" t="s">
        <v>2207</v>
      </c>
      <c r="C2206" t="s">
        <v>7658</v>
      </c>
      <c r="D2206" t="s">
        <v>13101</v>
      </c>
      <c r="E2206" t="s">
        <v>18458</v>
      </c>
      <c r="G2206" s="2"/>
    </row>
    <row r="2207" spans="1:7" x14ac:dyDescent="0.25">
      <c r="A2207" s="1">
        <v>2205</v>
      </c>
      <c r="B2207" t="s">
        <v>2208</v>
      </c>
      <c r="C2207" t="s">
        <v>7659</v>
      </c>
      <c r="D2207" t="s">
        <v>13102</v>
      </c>
      <c r="E2207" t="s">
        <v>18459</v>
      </c>
      <c r="G2207" s="2"/>
    </row>
    <row r="2208" spans="1:7" x14ac:dyDescent="0.25">
      <c r="A2208" s="1">
        <v>2206</v>
      </c>
      <c r="B2208" t="s">
        <v>2209</v>
      </c>
      <c r="C2208" t="s">
        <v>7660</v>
      </c>
      <c r="D2208" t="s">
        <v>13103</v>
      </c>
      <c r="E2208" t="s">
        <v>18460</v>
      </c>
      <c r="G2208" s="2"/>
    </row>
    <row r="2209" spans="1:7" x14ac:dyDescent="0.25">
      <c r="A2209" s="1">
        <v>2207</v>
      </c>
      <c r="B2209" t="s">
        <v>2210</v>
      </c>
      <c r="C2209" t="s">
        <v>7661</v>
      </c>
      <c r="D2209" t="s">
        <v>13104</v>
      </c>
      <c r="E2209" t="s">
        <v>18461</v>
      </c>
      <c r="G2209" s="2"/>
    </row>
    <row r="2210" spans="1:7" x14ac:dyDescent="0.25">
      <c r="A2210" s="1">
        <v>2208</v>
      </c>
      <c r="B2210" t="s">
        <v>2211</v>
      </c>
      <c r="C2210" t="s">
        <v>7662</v>
      </c>
      <c r="D2210" t="s">
        <v>13105</v>
      </c>
      <c r="E2210" t="s">
        <v>18462</v>
      </c>
      <c r="G2210" s="2"/>
    </row>
    <row r="2211" spans="1:7" x14ac:dyDescent="0.25">
      <c r="A2211" s="1">
        <v>2209</v>
      </c>
      <c r="B2211" t="s">
        <v>2212</v>
      </c>
      <c r="C2211" t="s">
        <v>7663</v>
      </c>
      <c r="D2211" t="s">
        <v>13106</v>
      </c>
      <c r="E2211" t="s">
        <v>18463</v>
      </c>
      <c r="G2211" s="2"/>
    </row>
    <row r="2212" spans="1:7" x14ac:dyDescent="0.25">
      <c r="A2212" s="1">
        <v>2210</v>
      </c>
      <c r="B2212" t="s">
        <v>2213</v>
      </c>
      <c r="C2212" t="s">
        <v>7664</v>
      </c>
      <c r="D2212" t="s">
        <v>13107</v>
      </c>
      <c r="E2212" t="s">
        <v>18464</v>
      </c>
      <c r="G2212" s="2"/>
    </row>
    <row r="2213" spans="1:7" x14ac:dyDescent="0.25">
      <c r="A2213" s="1">
        <v>2211</v>
      </c>
      <c r="B2213" t="s">
        <v>2214</v>
      </c>
      <c r="C2213" t="s">
        <v>7665</v>
      </c>
      <c r="D2213" t="s">
        <v>13108</v>
      </c>
      <c r="E2213" t="s">
        <v>18465</v>
      </c>
      <c r="G2213" s="2"/>
    </row>
    <row r="2214" spans="1:7" x14ac:dyDescent="0.25">
      <c r="A2214" s="1">
        <v>2212</v>
      </c>
      <c r="B2214" t="s">
        <v>2215</v>
      </c>
      <c r="C2214" t="s">
        <v>7666</v>
      </c>
      <c r="D2214" t="s">
        <v>13109</v>
      </c>
      <c r="E2214" t="s">
        <v>18466</v>
      </c>
      <c r="G2214" s="2"/>
    </row>
    <row r="2215" spans="1:7" x14ac:dyDescent="0.25">
      <c r="A2215" s="1">
        <v>2213</v>
      </c>
      <c r="B2215" t="s">
        <v>2216</v>
      </c>
      <c r="C2215" t="s">
        <v>7667</v>
      </c>
      <c r="D2215" t="s">
        <v>13110</v>
      </c>
      <c r="E2215" t="s">
        <v>18467</v>
      </c>
      <c r="G2215" s="2"/>
    </row>
    <row r="2216" spans="1:7" x14ac:dyDescent="0.25">
      <c r="A2216" s="1">
        <v>2214</v>
      </c>
      <c r="B2216" t="s">
        <v>2217</v>
      </c>
      <c r="C2216" t="s">
        <v>7668</v>
      </c>
      <c r="D2216" t="s">
        <v>13111</v>
      </c>
      <c r="E2216" t="s">
        <v>18468</v>
      </c>
      <c r="G2216" s="2"/>
    </row>
    <row r="2217" spans="1:7" x14ac:dyDescent="0.25">
      <c r="A2217" s="1">
        <v>2215</v>
      </c>
      <c r="B2217" t="s">
        <v>2218</v>
      </c>
      <c r="C2217" t="s">
        <v>7669</v>
      </c>
      <c r="D2217" t="s">
        <v>13112</v>
      </c>
      <c r="E2217" t="s">
        <v>18469</v>
      </c>
      <c r="G2217" s="2"/>
    </row>
    <row r="2218" spans="1:7" x14ac:dyDescent="0.25">
      <c r="A2218" s="1">
        <v>2216</v>
      </c>
      <c r="B2218" t="s">
        <v>2219</v>
      </c>
      <c r="C2218" t="s">
        <v>7670</v>
      </c>
      <c r="D2218" t="s">
        <v>13113</v>
      </c>
      <c r="E2218" t="s">
        <v>18470</v>
      </c>
      <c r="G2218" s="2"/>
    </row>
    <row r="2219" spans="1:7" x14ac:dyDescent="0.25">
      <c r="A2219" s="1">
        <v>2217</v>
      </c>
      <c r="B2219" t="s">
        <v>2220</v>
      </c>
      <c r="C2219" t="s">
        <v>7671</v>
      </c>
      <c r="D2219" t="s">
        <v>13114</v>
      </c>
      <c r="E2219" t="s">
        <v>18471</v>
      </c>
      <c r="G2219" s="2"/>
    </row>
    <row r="2220" spans="1:7" x14ac:dyDescent="0.25">
      <c r="A2220" s="1">
        <v>2218</v>
      </c>
      <c r="B2220" t="s">
        <v>2221</v>
      </c>
      <c r="C2220" t="s">
        <v>7672</v>
      </c>
      <c r="D2220" t="s">
        <v>13115</v>
      </c>
      <c r="E2220" t="s">
        <v>18472</v>
      </c>
      <c r="G2220" s="2"/>
    </row>
    <row r="2221" spans="1:7" x14ac:dyDescent="0.25">
      <c r="A2221" s="1">
        <v>2219</v>
      </c>
      <c r="B2221" t="s">
        <v>2222</v>
      </c>
      <c r="C2221" t="s">
        <v>7673</v>
      </c>
      <c r="D2221" t="s">
        <v>13116</v>
      </c>
      <c r="E2221" t="s">
        <v>18473</v>
      </c>
      <c r="G2221" s="2"/>
    </row>
    <row r="2222" spans="1:7" x14ac:dyDescent="0.25">
      <c r="A2222" s="1">
        <v>2220</v>
      </c>
      <c r="B2222" t="s">
        <v>2223</v>
      </c>
      <c r="C2222" t="s">
        <v>7674</v>
      </c>
      <c r="D2222" t="s">
        <v>13117</v>
      </c>
      <c r="E2222" t="s">
        <v>18474</v>
      </c>
      <c r="G2222" s="2"/>
    </row>
    <row r="2223" spans="1:7" x14ac:dyDescent="0.25">
      <c r="A2223" s="1">
        <v>2221</v>
      </c>
      <c r="B2223" t="s">
        <v>2224</v>
      </c>
      <c r="C2223" t="s">
        <v>7675</v>
      </c>
      <c r="D2223" t="s">
        <v>13118</v>
      </c>
      <c r="E2223" t="s">
        <v>18475</v>
      </c>
      <c r="G2223" s="2"/>
    </row>
    <row r="2224" spans="1:7" x14ac:dyDescent="0.25">
      <c r="A2224" s="1">
        <v>2222</v>
      </c>
      <c r="B2224" t="s">
        <v>2225</v>
      </c>
      <c r="C2224" t="s">
        <v>7158</v>
      </c>
      <c r="D2224" t="s">
        <v>13119</v>
      </c>
      <c r="E2224" t="s">
        <v>18476</v>
      </c>
      <c r="G2224" s="2"/>
    </row>
    <row r="2225" spans="1:7" x14ac:dyDescent="0.25">
      <c r="A2225" s="1">
        <v>2223</v>
      </c>
      <c r="B2225" t="s">
        <v>2226</v>
      </c>
      <c r="C2225" t="s">
        <v>7676</v>
      </c>
      <c r="D2225" t="s">
        <v>13120</v>
      </c>
      <c r="E2225" t="s">
        <v>18477</v>
      </c>
      <c r="G2225" s="2"/>
    </row>
    <row r="2226" spans="1:7" x14ac:dyDescent="0.25">
      <c r="A2226" s="1">
        <v>2224</v>
      </c>
      <c r="B2226" t="s">
        <v>2227</v>
      </c>
      <c r="C2226" t="s">
        <v>7677</v>
      </c>
      <c r="D2226" t="s">
        <v>13121</v>
      </c>
      <c r="E2226" t="s">
        <v>17687</v>
      </c>
      <c r="G2226" s="2"/>
    </row>
    <row r="2227" spans="1:7" x14ac:dyDescent="0.25">
      <c r="A2227" s="1">
        <v>2225</v>
      </c>
      <c r="B2227" t="s">
        <v>2228</v>
      </c>
      <c r="C2227" t="s">
        <v>7678</v>
      </c>
      <c r="D2227" t="s">
        <v>13122</v>
      </c>
      <c r="E2227" t="s">
        <v>18478</v>
      </c>
      <c r="G2227" s="2"/>
    </row>
    <row r="2228" spans="1:7" x14ac:dyDescent="0.25">
      <c r="A2228" s="1">
        <v>2226</v>
      </c>
      <c r="B2228" t="s">
        <v>2229</v>
      </c>
      <c r="C2228" t="s">
        <v>7679</v>
      </c>
      <c r="D2228" t="s">
        <v>13123</v>
      </c>
      <c r="E2228" t="s">
        <v>18479</v>
      </c>
      <c r="G2228" s="2"/>
    </row>
    <row r="2229" spans="1:7" x14ac:dyDescent="0.25">
      <c r="A2229" s="1">
        <v>2227</v>
      </c>
      <c r="B2229" t="s">
        <v>2230</v>
      </c>
      <c r="C2229" t="s">
        <v>7680</v>
      </c>
      <c r="D2229" t="s">
        <v>13124</v>
      </c>
      <c r="E2229" t="s">
        <v>16555</v>
      </c>
      <c r="G2229" s="2"/>
    </row>
    <row r="2230" spans="1:7" x14ac:dyDescent="0.25">
      <c r="A2230" s="1">
        <v>2228</v>
      </c>
      <c r="B2230" t="s">
        <v>2231</v>
      </c>
      <c r="C2230" t="s">
        <v>7681</v>
      </c>
      <c r="D2230" t="s">
        <v>13125</v>
      </c>
      <c r="E2230" t="s">
        <v>18480</v>
      </c>
      <c r="G2230" s="2"/>
    </row>
    <row r="2231" spans="1:7" x14ac:dyDescent="0.25">
      <c r="A2231" s="1">
        <v>2229</v>
      </c>
      <c r="B2231" t="s">
        <v>2232</v>
      </c>
      <c r="C2231" t="s">
        <v>7682</v>
      </c>
      <c r="D2231" t="s">
        <v>13126</v>
      </c>
      <c r="E2231" t="s">
        <v>18481</v>
      </c>
      <c r="G2231" s="2"/>
    </row>
    <row r="2232" spans="1:7" x14ac:dyDescent="0.25">
      <c r="A2232" s="1">
        <v>2230</v>
      </c>
      <c r="B2232" t="s">
        <v>2233</v>
      </c>
      <c r="C2232" t="s">
        <v>7683</v>
      </c>
      <c r="D2232" t="s">
        <v>13127</v>
      </c>
      <c r="E2232" t="s">
        <v>18482</v>
      </c>
      <c r="G2232" s="2"/>
    </row>
    <row r="2233" spans="1:7" x14ac:dyDescent="0.25">
      <c r="A2233" s="1">
        <v>2231</v>
      </c>
      <c r="B2233" t="s">
        <v>2234</v>
      </c>
      <c r="C2233" t="s">
        <v>7684</v>
      </c>
      <c r="D2233" t="s">
        <v>13128</v>
      </c>
      <c r="E2233" t="s">
        <v>18483</v>
      </c>
      <c r="G2233" s="2"/>
    </row>
    <row r="2234" spans="1:7" x14ac:dyDescent="0.25">
      <c r="A2234" s="1">
        <v>2232</v>
      </c>
      <c r="B2234" t="s">
        <v>2235</v>
      </c>
      <c r="C2234" t="s">
        <v>7685</v>
      </c>
      <c r="D2234" t="s">
        <v>13129</v>
      </c>
      <c r="E2234" t="s">
        <v>18484</v>
      </c>
      <c r="G2234" s="2"/>
    </row>
    <row r="2235" spans="1:7" x14ac:dyDescent="0.25">
      <c r="A2235" s="1">
        <v>2233</v>
      </c>
      <c r="B2235" t="s">
        <v>2236</v>
      </c>
      <c r="C2235" t="s">
        <v>7686</v>
      </c>
      <c r="D2235" t="s">
        <v>13130</v>
      </c>
      <c r="E2235" t="s">
        <v>18485</v>
      </c>
      <c r="G2235" s="2"/>
    </row>
    <row r="2236" spans="1:7" x14ac:dyDescent="0.25">
      <c r="A2236" s="1">
        <v>2234</v>
      </c>
      <c r="B2236" t="s">
        <v>2237</v>
      </c>
      <c r="C2236" t="s">
        <v>7687</v>
      </c>
      <c r="D2236" t="s">
        <v>13131</v>
      </c>
      <c r="E2236" t="s">
        <v>18486</v>
      </c>
      <c r="G2236" s="2"/>
    </row>
    <row r="2237" spans="1:7" x14ac:dyDescent="0.25">
      <c r="A2237" s="1">
        <v>2235</v>
      </c>
      <c r="B2237" t="s">
        <v>2238</v>
      </c>
      <c r="C2237" t="s">
        <v>7688</v>
      </c>
      <c r="D2237" t="s">
        <v>13132</v>
      </c>
      <c r="E2237" t="s">
        <v>16620</v>
      </c>
      <c r="G2237" s="2"/>
    </row>
    <row r="2238" spans="1:7" x14ac:dyDescent="0.25">
      <c r="A2238" s="1">
        <v>2236</v>
      </c>
      <c r="B2238" t="s">
        <v>2239</v>
      </c>
      <c r="C2238" t="s">
        <v>7689</v>
      </c>
      <c r="D2238" t="s">
        <v>13133</v>
      </c>
      <c r="E2238" t="s">
        <v>18487</v>
      </c>
      <c r="G2238" s="2"/>
    </row>
    <row r="2239" spans="1:7" x14ac:dyDescent="0.25">
      <c r="A2239" s="1">
        <v>2237</v>
      </c>
      <c r="B2239" t="s">
        <v>2240</v>
      </c>
      <c r="C2239" t="s">
        <v>7690</v>
      </c>
      <c r="D2239" t="s">
        <v>13134</v>
      </c>
      <c r="E2239" t="s">
        <v>18488</v>
      </c>
      <c r="G2239" s="2"/>
    </row>
    <row r="2240" spans="1:7" x14ac:dyDescent="0.25">
      <c r="A2240" s="1">
        <v>2238</v>
      </c>
      <c r="B2240" t="s">
        <v>2241</v>
      </c>
      <c r="C2240" t="s">
        <v>7691</v>
      </c>
      <c r="D2240" t="s">
        <v>13135</v>
      </c>
      <c r="E2240" t="s">
        <v>18489</v>
      </c>
      <c r="G2240" s="2"/>
    </row>
    <row r="2241" spans="1:7" x14ac:dyDescent="0.25">
      <c r="A2241" s="1">
        <v>2239</v>
      </c>
      <c r="B2241" t="s">
        <v>2242</v>
      </c>
      <c r="C2241" t="s">
        <v>7692</v>
      </c>
      <c r="D2241" t="s">
        <v>13136</v>
      </c>
      <c r="E2241" t="s">
        <v>18490</v>
      </c>
      <c r="G2241" s="2"/>
    </row>
    <row r="2242" spans="1:7" x14ac:dyDescent="0.25">
      <c r="A2242" s="1">
        <v>2240</v>
      </c>
      <c r="B2242" t="s">
        <v>2243</v>
      </c>
      <c r="C2242" t="s">
        <v>7693</v>
      </c>
      <c r="D2242" t="s">
        <v>13137</v>
      </c>
      <c r="E2242" t="s">
        <v>18491</v>
      </c>
      <c r="G2242" s="2"/>
    </row>
    <row r="2243" spans="1:7" x14ac:dyDescent="0.25">
      <c r="A2243" s="1">
        <v>2241</v>
      </c>
      <c r="B2243" t="s">
        <v>2244</v>
      </c>
      <c r="C2243" t="s">
        <v>7694</v>
      </c>
      <c r="D2243" t="s">
        <v>13138</v>
      </c>
      <c r="E2243" t="s">
        <v>18492</v>
      </c>
      <c r="G2243" s="2"/>
    </row>
    <row r="2244" spans="1:7" x14ac:dyDescent="0.25">
      <c r="A2244" s="1">
        <v>2242</v>
      </c>
      <c r="B2244" t="s">
        <v>2245</v>
      </c>
      <c r="C2244" t="s">
        <v>7695</v>
      </c>
      <c r="D2244" t="s">
        <v>13139</v>
      </c>
      <c r="E2244" t="s">
        <v>18493</v>
      </c>
      <c r="G2244" s="2"/>
    </row>
    <row r="2245" spans="1:7" x14ac:dyDescent="0.25">
      <c r="A2245" s="1">
        <v>2243</v>
      </c>
      <c r="B2245" t="s">
        <v>2246</v>
      </c>
      <c r="C2245" t="s">
        <v>7696</v>
      </c>
      <c r="D2245" t="s">
        <v>13140</v>
      </c>
      <c r="E2245" t="s">
        <v>18494</v>
      </c>
      <c r="G2245" s="2"/>
    </row>
    <row r="2246" spans="1:7" x14ac:dyDescent="0.25">
      <c r="A2246" s="1">
        <v>2244</v>
      </c>
      <c r="B2246" t="s">
        <v>2247</v>
      </c>
      <c r="C2246" t="s">
        <v>7697</v>
      </c>
      <c r="D2246" t="s">
        <v>13141</v>
      </c>
      <c r="E2246" t="s">
        <v>18495</v>
      </c>
      <c r="G2246" s="2"/>
    </row>
    <row r="2247" spans="1:7" x14ac:dyDescent="0.25">
      <c r="A2247" s="1">
        <v>2245</v>
      </c>
      <c r="B2247" t="s">
        <v>2248</v>
      </c>
      <c r="C2247" t="s">
        <v>7698</v>
      </c>
      <c r="D2247" t="s">
        <v>13142</v>
      </c>
      <c r="E2247" t="s">
        <v>18496</v>
      </c>
      <c r="G2247" s="2"/>
    </row>
    <row r="2248" spans="1:7" x14ac:dyDescent="0.25">
      <c r="A2248" s="1">
        <v>2246</v>
      </c>
      <c r="B2248" t="s">
        <v>2249</v>
      </c>
      <c r="C2248" t="s">
        <v>7699</v>
      </c>
      <c r="D2248" t="s">
        <v>13143</v>
      </c>
      <c r="E2248" t="s">
        <v>18497</v>
      </c>
      <c r="G2248" s="2"/>
    </row>
    <row r="2249" spans="1:7" x14ac:dyDescent="0.25">
      <c r="A2249" s="1">
        <v>2247</v>
      </c>
      <c r="B2249" t="s">
        <v>2250</v>
      </c>
      <c r="C2249" t="s">
        <v>7700</v>
      </c>
      <c r="D2249" t="s">
        <v>13144</v>
      </c>
      <c r="E2249" t="s">
        <v>18498</v>
      </c>
      <c r="G2249" s="2"/>
    </row>
    <row r="2250" spans="1:7" x14ac:dyDescent="0.25">
      <c r="A2250" s="1">
        <v>2248</v>
      </c>
      <c r="B2250" t="s">
        <v>2251</v>
      </c>
      <c r="C2250" t="s">
        <v>7701</v>
      </c>
      <c r="D2250" t="s">
        <v>13145</v>
      </c>
      <c r="E2250" t="s">
        <v>18499</v>
      </c>
      <c r="G2250" s="2"/>
    </row>
    <row r="2251" spans="1:7" x14ac:dyDescent="0.25">
      <c r="A2251" s="1">
        <v>2249</v>
      </c>
      <c r="B2251" t="s">
        <v>2252</v>
      </c>
      <c r="C2251" t="s">
        <v>7702</v>
      </c>
      <c r="D2251" t="s">
        <v>13146</v>
      </c>
      <c r="E2251" t="s">
        <v>18500</v>
      </c>
      <c r="G2251" s="2"/>
    </row>
    <row r="2252" spans="1:7" x14ac:dyDescent="0.25">
      <c r="A2252" s="1">
        <v>2250</v>
      </c>
      <c r="B2252" t="s">
        <v>2253</v>
      </c>
      <c r="C2252" t="s">
        <v>7703</v>
      </c>
      <c r="D2252" t="s">
        <v>13147</v>
      </c>
      <c r="E2252" t="s">
        <v>18501</v>
      </c>
      <c r="G2252" s="2"/>
    </row>
    <row r="2253" spans="1:7" x14ac:dyDescent="0.25">
      <c r="A2253" s="1">
        <v>2251</v>
      </c>
      <c r="B2253" t="s">
        <v>2254</v>
      </c>
      <c r="C2253" t="s">
        <v>7704</v>
      </c>
      <c r="D2253" t="s">
        <v>13148</v>
      </c>
      <c r="E2253" t="s">
        <v>18502</v>
      </c>
      <c r="G2253" s="2"/>
    </row>
    <row r="2254" spans="1:7" x14ac:dyDescent="0.25">
      <c r="A2254" s="1">
        <v>2252</v>
      </c>
      <c r="B2254" t="s">
        <v>2255</v>
      </c>
      <c r="C2254" t="s">
        <v>7705</v>
      </c>
      <c r="D2254" t="s">
        <v>13149</v>
      </c>
      <c r="E2254" t="s">
        <v>18503</v>
      </c>
      <c r="G2254" s="2"/>
    </row>
    <row r="2255" spans="1:7" x14ac:dyDescent="0.25">
      <c r="A2255" s="1">
        <v>2253</v>
      </c>
      <c r="B2255" t="s">
        <v>2256</v>
      </c>
      <c r="C2255" t="s">
        <v>7706</v>
      </c>
      <c r="D2255" t="s">
        <v>13150</v>
      </c>
      <c r="E2255" t="s">
        <v>16555</v>
      </c>
      <c r="G2255" s="2"/>
    </row>
    <row r="2256" spans="1:7" x14ac:dyDescent="0.25">
      <c r="A2256" s="1">
        <v>2254</v>
      </c>
      <c r="B2256" t="s">
        <v>2257</v>
      </c>
      <c r="C2256" t="s">
        <v>7707</v>
      </c>
      <c r="D2256" t="s">
        <v>13151</v>
      </c>
      <c r="E2256" t="s">
        <v>18504</v>
      </c>
      <c r="G2256" s="2"/>
    </row>
    <row r="2257" spans="1:7" x14ac:dyDescent="0.25">
      <c r="A2257" s="1">
        <v>2255</v>
      </c>
      <c r="B2257" t="s">
        <v>2258</v>
      </c>
      <c r="C2257" t="s">
        <v>7708</v>
      </c>
      <c r="D2257" t="s">
        <v>13152</v>
      </c>
      <c r="E2257" t="s">
        <v>17091</v>
      </c>
      <c r="G2257" s="2"/>
    </row>
    <row r="2258" spans="1:7" x14ac:dyDescent="0.25">
      <c r="A2258" s="1">
        <v>2256</v>
      </c>
      <c r="B2258" t="s">
        <v>2259</v>
      </c>
      <c r="C2258" t="s">
        <v>7709</v>
      </c>
      <c r="D2258" t="s">
        <v>13153</v>
      </c>
      <c r="E2258" t="s">
        <v>16372</v>
      </c>
      <c r="G2258" s="2"/>
    </row>
    <row r="2259" spans="1:7" x14ac:dyDescent="0.25">
      <c r="A2259" s="1">
        <v>2257</v>
      </c>
      <c r="B2259" t="s">
        <v>2260</v>
      </c>
      <c r="C2259" t="s">
        <v>7710</v>
      </c>
      <c r="D2259" t="s">
        <v>13154</v>
      </c>
      <c r="E2259" t="s">
        <v>18505</v>
      </c>
      <c r="G2259" s="2"/>
    </row>
    <row r="2260" spans="1:7" x14ac:dyDescent="0.25">
      <c r="A2260" s="1">
        <v>2258</v>
      </c>
      <c r="B2260" t="s">
        <v>2261</v>
      </c>
      <c r="C2260" t="s">
        <v>7711</v>
      </c>
      <c r="D2260" t="s">
        <v>13155</v>
      </c>
      <c r="E2260" t="s">
        <v>18506</v>
      </c>
      <c r="G2260" s="2"/>
    </row>
    <row r="2261" spans="1:7" x14ac:dyDescent="0.25">
      <c r="A2261" s="1">
        <v>2259</v>
      </c>
      <c r="B2261" t="s">
        <v>2262</v>
      </c>
      <c r="C2261" t="s">
        <v>7712</v>
      </c>
      <c r="D2261" t="s">
        <v>13156</v>
      </c>
      <c r="E2261" t="s">
        <v>18507</v>
      </c>
      <c r="G2261" s="2"/>
    </row>
    <row r="2262" spans="1:7" x14ac:dyDescent="0.25">
      <c r="A2262" s="1">
        <v>2260</v>
      </c>
      <c r="B2262" t="s">
        <v>2263</v>
      </c>
      <c r="C2262" t="s">
        <v>7713</v>
      </c>
      <c r="D2262" t="s">
        <v>13157</v>
      </c>
      <c r="E2262" t="s">
        <v>18508</v>
      </c>
      <c r="G2262" s="2"/>
    </row>
    <row r="2263" spans="1:7" x14ac:dyDescent="0.25">
      <c r="A2263" s="1">
        <v>2261</v>
      </c>
      <c r="B2263" t="s">
        <v>2264</v>
      </c>
      <c r="C2263" t="s">
        <v>7714</v>
      </c>
      <c r="D2263" t="s">
        <v>13158</v>
      </c>
      <c r="E2263" t="s">
        <v>18509</v>
      </c>
      <c r="G2263" s="2"/>
    </row>
    <row r="2264" spans="1:7" x14ac:dyDescent="0.25">
      <c r="A2264" s="1">
        <v>2262</v>
      </c>
      <c r="B2264" t="s">
        <v>2265</v>
      </c>
      <c r="C2264" t="s">
        <v>7715</v>
      </c>
      <c r="D2264" t="s">
        <v>13159</v>
      </c>
      <c r="E2264" t="s">
        <v>16347</v>
      </c>
      <c r="G2264" s="2"/>
    </row>
    <row r="2265" spans="1:7" x14ac:dyDescent="0.25">
      <c r="A2265" s="1">
        <v>2263</v>
      </c>
      <c r="B2265" t="s">
        <v>2266</v>
      </c>
      <c r="C2265" t="s">
        <v>7716</v>
      </c>
      <c r="D2265" t="s">
        <v>13160</v>
      </c>
      <c r="E2265" t="s">
        <v>18510</v>
      </c>
      <c r="G2265" s="2"/>
    </row>
    <row r="2266" spans="1:7" x14ac:dyDescent="0.25">
      <c r="A2266" s="1">
        <v>2264</v>
      </c>
      <c r="B2266" t="s">
        <v>2267</v>
      </c>
      <c r="C2266" t="s">
        <v>7717</v>
      </c>
      <c r="D2266" t="s">
        <v>13161</v>
      </c>
      <c r="E2266" t="s">
        <v>18511</v>
      </c>
      <c r="G2266" s="2"/>
    </row>
    <row r="2267" spans="1:7" x14ac:dyDescent="0.25">
      <c r="A2267" s="1">
        <v>2265</v>
      </c>
      <c r="B2267" t="s">
        <v>2268</v>
      </c>
      <c r="C2267" t="s">
        <v>7718</v>
      </c>
      <c r="D2267" t="s">
        <v>13162</v>
      </c>
      <c r="E2267" t="s">
        <v>18512</v>
      </c>
      <c r="G2267" s="2"/>
    </row>
    <row r="2268" spans="1:7" x14ac:dyDescent="0.25">
      <c r="A2268" s="1">
        <v>2266</v>
      </c>
      <c r="B2268" t="s">
        <v>2269</v>
      </c>
      <c r="C2268" t="s">
        <v>7719</v>
      </c>
      <c r="D2268" t="s">
        <v>13163</v>
      </c>
      <c r="E2268" t="s">
        <v>18513</v>
      </c>
      <c r="G2268" s="2"/>
    </row>
    <row r="2269" spans="1:7" x14ac:dyDescent="0.25">
      <c r="A2269" s="1">
        <v>2267</v>
      </c>
      <c r="B2269" t="s">
        <v>2270</v>
      </c>
      <c r="C2269" t="s">
        <v>7720</v>
      </c>
      <c r="D2269" t="s">
        <v>13164</v>
      </c>
      <c r="E2269" t="s">
        <v>18514</v>
      </c>
      <c r="G2269" s="2"/>
    </row>
    <row r="2270" spans="1:7" x14ac:dyDescent="0.25">
      <c r="A2270" s="1">
        <v>2268</v>
      </c>
      <c r="B2270" t="s">
        <v>2271</v>
      </c>
      <c r="C2270" t="s">
        <v>7721</v>
      </c>
      <c r="D2270" t="s">
        <v>13165</v>
      </c>
      <c r="E2270" t="s">
        <v>18515</v>
      </c>
      <c r="G2270" s="2"/>
    </row>
    <row r="2271" spans="1:7" x14ac:dyDescent="0.25">
      <c r="A2271" s="1">
        <v>2269</v>
      </c>
      <c r="B2271" t="s">
        <v>2272</v>
      </c>
      <c r="C2271" t="s">
        <v>7722</v>
      </c>
      <c r="D2271" t="s">
        <v>13166</v>
      </c>
      <c r="E2271" t="s">
        <v>18516</v>
      </c>
      <c r="G2271" s="2"/>
    </row>
    <row r="2272" spans="1:7" x14ac:dyDescent="0.25">
      <c r="A2272" s="1">
        <v>2270</v>
      </c>
      <c r="B2272" t="s">
        <v>2273</v>
      </c>
      <c r="C2272" t="s">
        <v>7723</v>
      </c>
      <c r="D2272" t="s">
        <v>13167</v>
      </c>
      <c r="E2272" t="s">
        <v>16731</v>
      </c>
      <c r="G2272" s="2"/>
    </row>
    <row r="2273" spans="1:7" x14ac:dyDescent="0.25">
      <c r="A2273" s="1">
        <v>2271</v>
      </c>
      <c r="B2273" t="s">
        <v>2274</v>
      </c>
      <c r="C2273" t="s">
        <v>7724</v>
      </c>
      <c r="D2273" t="s">
        <v>13168</v>
      </c>
      <c r="E2273" t="s">
        <v>18517</v>
      </c>
      <c r="G2273" s="2"/>
    </row>
    <row r="2274" spans="1:7" x14ac:dyDescent="0.25">
      <c r="A2274" s="1">
        <v>2272</v>
      </c>
      <c r="B2274" t="s">
        <v>2275</v>
      </c>
      <c r="C2274" t="s">
        <v>7725</v>
      </c>
      <c r="D2274" t="s">
        <v>13169</v>
      </c>
      <c r="E2274" t="s">
        <v>18457</v>
      </c>
      <c r="G2274" s="2"/>
    </row>
    <row r="2275" spans="1:7" x14ac:dyDescent="0.25">
      <c r="A2275" s="1">
        <v>2273</v>
      </c>
      <c r="B2275" t="s">
        <v>2276</v>
      </c>
      <c r="C2275" t="s">
        <v>7726</v>
      </c>
      <c r="D2275" t="s">
        <v>13170</v>
      </c>
      <c r="E2275" t="s">
        <v>18518</v>
      </c>
      <c r="G2275" s="2"/>
    </row>
    <row r="2276" spans="1:7" x14ac:dyDescent="0.25">
      <c r="A2276" s="1">
        <v>2274</v>
      </c>
      <c r="B2276" t="s">
        <v>2277</v>
      </c>
      <c r="C2276" t="s">
        <v>7727</v>
      </c>
      <c r="D2276" t="s">
        <v>13171</v>
      </c>
      <c r="E2276" t="s">
        <v>18519</v>
      </c>
      <c r="G2276" s="2"/>
    </row>
    <row r="2277" spans="1:7" x14ac:dyDescent="0.25">
      <c r="A2277" s="1">
        <v>2275</v>
      </c>
      <c r="B2277" t="s">
        <v>2278</v>
      </c>
      <c r="C2277" t="s">
        <v>7728</v>
      </c>
      <c r="D2277" t="s">
        <v>13172</v>
      </c>
      <c r="E2277" t="s">
        <v>18520</v>
      </c>
      <c r="G2277" s="2"/>
    </row>
    <row r="2278" spans="1:7" x14ac:dyDescent="0.25">
      <c r="A2278" s="1">
        <v>2276</v>
      </c>
      <c r="B2278" t="s">
        <v>2279</v>
      </c>
      <c r="C2278" t="s">
        <v>7729</v>
      </c>
      <c r="D2278" t="s">
        <v>13173</v>
      </c>
      <c r="E2278" t="s">
        <v>18521</v>
      </c>
      <c r="G2278" s="2"/>
    </row>
    <row r="2279" spans="1:7" x14ac:dyDescent="0.25">
      <c r="A2279" s="1">
        <v>2277</v>
      </c>
      <c r="B2279" t="s">
        <v>2280</v>
      </c>
      <c r="C2279" t="s">
        <v>7730</v>
      </c>
      <c r="D2279" t="s">
        <v>13174</v>
      </c>
      <c r="E2279" t="s">
        <v>17091</v>
      </c>
      <c r="G2279" s="2"/>
    </row>
    <row r="2280" spans="1:7" x14ac:dyDescent="0.25">
      <c r="A2280" s="1">
        <v>2278</v>
      </c>
      <c r="B2280" t="s">
        <v>2281</v>
      </c>
      <c r="C2280" t="s">
        <v>7731</v>
      </c>
      <c r="D2280" t="s">
        <v>13175</v>
      </c>
      <c r="E2280" t="s">
        <v>18522</v>
      </c>
      <c r="G2280" s="2"/>
    </row>
    <row r="2281" spans="1:7" x14ac:dyDescent="0.25">
      <c r="A2281" s="1">
        <v>2279</v>
      </c>
      <c r="B2281" t="s">
        <v>2282</v>
      </c>
      <c r="C2281" t="s">
        <v>7732</v>
      </c>
      <c r="D2281" t="s">
        <v>13176</v>
      </c>
      <c r="E2281" t="s">
        <v>18523</v>
      </c>
      <c r="G2281" s="2"/>
    </row>
    <row r="2282" spans="1:7" x14ac:dyDescent="0.25">
      <c r="A2282" s="1">
        <v>2280</v>
      </c>
      <c r="B2282" t="s">
        <v>2283</v>
      </c>
      <c r="C2282" t="s">
        <v>7733</v>
      </c>
      <c r="D2282" t="s">
        <v>13177</v>
      </c>
      <c r="E2282" t="s">
        <v>18524</v>
      </c>
      <c r="G2282" s="2"/>
    </row>
    <row r="2283" spans="1:7" x14ac:dyDescent="0.25">
      <c r="A2283" s="1">
        <v>2281</v>
      </c>
      <c r="B2283" t="s">
        <v>2284</v>
      </c>
      <c r="C2283" t="s">
        <v>7734</v>
      </c>
      <c r="D2283" t="s">
        <v>13178</v>
      </c>
      <c r="E2283" t="s">
        <v>18525</v>
      </c>
      <c r="G2283" s="2"/>
    </row>
    <row r="2284" spans="1:7" x14ac:dyDescent="0.25">
      <c r="A2284" s="1">
        <v>2282</v>
      </c>
      <c r="B2284" t="s">
        <v>2285</v>
      </c>
      <c r="C2284" t="s">
        <v>7735</v>
      </c>
      <c r="D2284" t="s">
        <v>13179</v>
      </c>
      <c r="E2284" t="s">
        <v>18526</v>
      </c>
      <c r="G2284" s="2"/>
    </row>
    <row r="2285" spans="1:7" x14ac:dyDescent="0.25">
      <c r="A2285" s="1">
        <v>2283</v>
      </c>
      <c r="B2285" t="s">
        <v>2286</v>
      </c>
      <c r="C2285" t="s">
        <v>7736</v>
      </c>
      <c r="D2285" t="s">
        <v>13180</v>
      </c>
      <c r="E2285" t="s">
        <v>18527</v>
      </c>
      <c r="G2285" s="2"/>
    </row>
    <row r="2286" spans="1:7" x14ac:dyDescent="0.25">
      <c r="A2286" s="1">
        <v>2284</v>
      </c>
      <c r="B2286" t="s">
        <v>2287</v>
      </c>
      <c r="C2286" t="s">
        <v>7737</v>
      </c>
      <c r="D2286" t="s">
        <v>13181</v>
      </c>
      <c r="E2286" t="s">
        <v>18528</v>
      </c>
      <c r="G2286" s="2"/>
    </row>
    <row r="2287" spans="1:7" x14ac:dyDescent="0.25">
      <c r="A2287" s="1">
        <v>2285</v>
      </c>
      <c r="B2287" t="s">
        <v>2288</v>
      </c>
      <c r="C2287" t="s">
        <v>7738</v>
      </c>
      <c r="D2287" t="s">
        <v>13182</v>
      </c>
      <c r="E2287" t="s">
        <v>16555</v>
      </c>
      <c r="G2287" s="2"/>
    </row>
    <row r="2288" spans="1:7" x14ac:dyDescent="0.25">
      <c r="A2288" s="1">
        <v>2286</v>
      </c>
      <c r="B2288" t="s">
        <v>2289</v>
      </c>
      <c r="C2288" t="s">
        <v>7739</v>
      </c>
      <c r="D2288" t="s">
        <v>13183</v>
      </c>
      <c r="E2288" t="s">
        <v>18529</v>
      </c>
      <c r="G2288" s="2"/>
    </row>
    <row r="2289" spans="1:7" x14ac:dyDescent="0.25">
      <c r="A2289" s="1">
        <v>2287</v>
      </c>
      <c r="B2289" t="s">
        <v>2290</v>
      </c>
      <c r="C2289" t="s">
        <v>7740</v>
      </c>
      <c r="D2289" t="s">
        <v>13184</v>
      </c>
      <c r="E2289" t="s">
        <v>18530</v>
      </c>
      <c r="G2289" s="2"/>
    </row>
    <row r="2290" spans="1:7" x14ac:dyDescent="0.25">
      <c r="A2290" s="1">
        <v>2288</v>
      </c>
      <c r="B2290" t="s">
        <v>2291</v>
      </c>
      <c r="C2290" t="s">
        <v>7741</v>
      </c>
      <c r="D2290" t="s">
        <v>13185</v>
      </c>
      <c r="E2290" t="s">
        <v>18531</v>
      </c>
      <c r="G2290" s="2"/>
    </row>
    <row r="2291" spans="1:7" x14ac:dyDescent="0.25">
      <c r="A2291" s="1">
        <v>2289</v>
      </c>
      <c r="B2291" t="s">
        <v>2292</v>
      </c>
      <c r="C2291" t="s">
        <v>7742</v>
      </c>
      <c r="D2291" t="s">
        <v>13186</v>
      </c>
      <c r="E2291" t="s">
        <v>18532</v>
      </c>
      <c r="G2291" s="2"/>
    </row>
    <row r="2292" spans="1:7" x14ac:dyDescent="0.25">
      <c r="A2292" s="1">
        <v>2290</v>
      </c>
      <c r="B2292" t="s">
        <v>2293</v>
      </c>
      <c r="C2292" t="s">
        <v>7743</v>
      </c>
      <c r="D2292" t="s">
        <v>13187</v>
      </c>
      <c r="E2292" t="s">
        <v>18533</v>
      </c>
      <c r="G2292" s="2"/>
    </row>
    <row r="2293" spans="1:7" x14ac:dyDescent="0.25">
      <c r="A2293" s="1">
        <v>2291</v>
      </c>
      <c r="B2293" t="s">
        <v>2294</v>
      </c>
      <c r="C2293" t="s">
        <v>7744</v>
      </c>
      <c r="D2293" t="s">
        <v>13188</v>
      </c>
      <c r="E2293" t="s">
        <v>18534</v>
      </c>
      <c r="G2293" s="2"/>
    </row>
    <row r="2294" spans="1:7" x14ac:dyDescent="0.25">
      <c r="A2294" s="1">
        <v>2292</v>
      </c>
      <c r="B2294" t="s">
        <v>2295</v>
      </c>
      <c r="C2294" t="s">
        <v>7745</v>
      </c>
      <c r="D2294" t="s">
        <v>13189</v>
      </c>
      <c r="E2294" t="s">
        <v>18535</v>
      </c>
      <c r="G2294" s="2"/>
    </row>
    <row r="2295" spans="1:7" x14ac:dyDescent="0.25">
      <c r="A2295" s="1">
        <v>2293</v>
      </c>
      <c r="B2295" t="s">
        <v>2296</v>
      </c>
      <c r="C2295" t="s">
        <v>7746</v>
      </c>
      <c r="D2295" t="s">
        <v>13190</v>
      </c>
      <c r="E2295" t="s">
        <v>18536</v>
      </c>
      <c r="G2295" s="2"/>
    </row>
    <row r="2296" spans="1:7" x14ac:dyDescent="0.25">
      <c r="A2296" s="1">
        <v>2294</v>
      </c>
      <c r="B2296" t="s">
        <v>2297</v>
      </c>
      <c r="C2296" t="s">
        <v>7747</v>
      </c>
      <c r="D2296" t="s">
        <v>13191</v>
      </c>
      <c r="E2296" t="s">
        <v>16372</v>
      </c>
      <c r="G2296" s="2"/>
    </row>
    <row r="2297" spans="1:7" x14ac:dyDescent="0.25">
      <c r="A2297" s="1">
        <v>2295</v>
      </c>
      <c r="B2297" t="s">
        <v>2298</v>
      </c>
      <c r="C2297" t="s">
        <v>7748</v>
      </c>
      <c r="D2297" t="s">
        <v>13192</v>
      </c>
      <c r="E2297" t="s">
        <v>18537</v>
      </c>
      <c r="G2297" s="2"/>
    </row>
    <row r="2298" spans="1:7" x14ac:dyDescent="0.25">
      <c r="A2298" s="1">
        <v>2296</v>
      </c>
      <c r="B2298" t="s">
        <v>2299</v>
      </c>
      <c r="C2298" t="s">
        <v>7749</v>
      </c>
      <c r="D2298" t="s">
        <v>13193</v>
      </c>
      <c r="E2298" t="s">
        <v>17628</v>
      </c>
      <c r="G2298" s="2"/>
    </row>
    <row r="2299" spans="1:7" x14ac:dyDescent="0.25">
      <c r="A2299" s="1">
        <v>2297</v>
      </c>
      <c r="B2299" t="s">
        <v>2300</v>
      </c>
      <c r="C2299" t="s">
        <v>7750</v>
      </c>
      <c r="D2299" t="s">
        <v>13194</v>
      </c>
      <c r="E2299" t="s">
        <v>18538</v>
      </c>
      <c r="G2299" s="2"/>
    </row>
    <row r="2300" spans="1:7" x14ac:dyDescent="0.25">
      <c r="A2300" s="1">
        <v>2298</v>
      </c>
      <c r="B2300" t="s">
        <v>2301</v>
      </c>
      <c r="C2300" t="s">
        <v>7751</v>
      </c>
      <c r="D2300" t="s">
        <v>13195</v>
      </c>
      <c r="E2300" t="s">
        <v>18539</v>
      </c>
      <c r="G2300" s="2"/>
    </row>
    <row r="2301" spans="1:7" x14ac:dyDescent="0.25">
      <c r="A2301" s="1">
        <v>2299</v>
      </c>
      <c r="B2301" t="s">
        <v>2302</v>
      </c>
      <c r="C2301" t="s">
        <v>7752</v>
      </c>
      <c r="D2301" t="s">
        <v>13196</v>
      </c>
      <c r="E2301" t="s">
        <v>18540</v>
      </c>
      <c r="G2301" s="2"/>
    </row>
    <row r="2302" spans="1:7" x14ac:dyDescent="0.25">
      <c r="A2302" s="1">
        <v>2300</v>
      </c>
      <c r="B2302" t="s">
        <v>2303</v>
      </c>
      <c r="C2302" t="s">
        <v>7753</v>
      </c>
      <c r="D2302" t="s">
        <v>13197</v>
      </c>
      <c r="E2302" t="s">
        <v>18541</v>
      </c>
      <c r="G2302" s="2"/>
    </row>
    <row r="2303" spans="1:7" x14ac:dyDescent="0.25">
      <c r="A2303" s="1">
        <v>2301</v>
      </c>
      <c r="B2303" t="s">
        <v>2304</v>
      </c>
      <c r="C2303" t="s">
        <v>7754</v>
      </c>
      <c r="D2303" t="s">
        <v>13198</v>
      </c>
      <c r="E2303" t="s">
        <v>18542</v>
      </c>
      <c r="G2303" s="2"/>
    </row>
    <row r="2304" spans="1:7" x14ac:dyDescent="0.25">
      <c r="A2304" s="1">
        <v>2302</v>
      </c>
      <c r="B2304" t="s">
        <v>2305</v>
      </c>
      <c r="C2304" t="s">
        <v>7755</v>
      </c>
      <c r="D2304" t="s">
        <v>13199</v>
      </c>
      <c r="E2304" t="s">
        <v>18543</v>
      </c>
      <c r="G2304" s="2"/>
    </row>
    <row r="2305" spans="1:7" x14ac:dyDescent="0.25">
      <c r="A2305" s="1">
        <v>2303</v>
      </c>
      <c r="B2305" t="s">
        <v>2306</v>
      </c>
      <c r="C2305" t="s">
        <v>7756</v>
      </c>
      <c r="D2305" t="s">
        <v>13200</v>
      </c>
      <c r="E2305" t="s">
        <v>18544</v>
      </c>
      <c r="G2305" s="2"/>
    </row>
    <row r="2306" spans="1:7" x14ac:dyDescent="0.25">
      <c r="A2306" s="1">
        <v>2304</v>
      </c>
      <c r="B2306" t="s">
        <v>2307</v>
      </c>
      <c r="C2306" t="s">
        <v>7757</v>
      </c>
      <c r="D2306" t="s">
        <v>13201</v>
      </c>
      <c r="E2306" t="s">
        <v>18545</v>
      </c>
      <c r="G2306" s="2"/>
    </row>
    <row r="2307" spans="1:7" x14ac:dyDescent="0.25">
      <c r="A2307" s="1">
        <v>2305</v>
      </c>
      <c r="B2307" t="s">
        <v>2308</v>
      </c>
      <c r="C2307" t="s">
        <v>7758</v>
      </c>
      <c r="D2307" t="s">
        <v>13202</v>
      </c>
      <c r="E2307" t="s">
        <v>18546</v>
      </c>
      <c r="G2307" s="2"/>
    </row>
    <row r="2308" spans="1:7" x14ac:dyDescent="0.25">
      <c r="A2308" s="1">
        <v>2306</v>
      </c>
      <c r="B2308" t="s">
        <v>2309</v>
      </c>
      <c r="C2308" t="s">
        <v>7759</v>
      </c>
      <c r="D2308" t="s">
        <v>13203</v>
      </c>
      <c r="E2308" t="s">
        <v>18547</v>
      </c>
      <c r="G2308" s="2"/>
    </row>
    <row r="2309" spans="1:7" x14ac:dyDescent="0.25">
      <c r="A2309" s="1">
        <v>2307</v>
      </c>
      <c r="B2309" t="s">
        <v>2310</v>
      </c>
      <c r="C2309" t="s">
        <v>7760</v>
      </c>
      <c r="D2309" t="s">
        <v>13204</v>
      </c>
      <c r="E2309" t="s">
        <v>18548</v>
      </c>
      <c r="G2309" s="2"/>
    </row>
    <row r="2310" spans="1:7" x14ac:dyDescent="0.25">
      <c r="A2310" s="1">
        <v>2308</v>
      </c>
      <c r="B2310" t="s">
        <v>2311</v>
      </c>
      <c r="C2310" t="s">
        <v>7761</v>
      </c>
      <c r="D2310" t="s">
        <v>13205</v>
      </c>
      <c r="E2310" t="s">
        <v>18549</v>
      </c>
      <c r="G2310" s="2"/>
    </row>
    <row r="2311" spans="1:7" x14ac:dyDescent="0.25">
      <c r="A2311" s="1">
        <v>2309</v>
      </c>
      <c r="B2311" t="s">
        <v>2312</v>
      </c>
      <c r="C2311" t="s">
        <v>7762</v>
      </c>
      <c r="D2311" t="s">
        <v>13206</v>
      </c>
      <c r="E2311" t="s">
        <v>18550</v>
      </c>
      <c r="G2311" s="2"/>
    </row>
    <row r="2312" spans="1:7" x14ac:dyDescent="0.25">
      <c r="A2312" s="1">
        <v>2310</v>
      </c>
      <c r="B2312" t="s">
        <v>2313</v>
      </c>
      <c r="C2312" t="s">
        <v>7763</v>
      </c>
      <c r="D2312" t="s">
        <v>13207</v>
      </c>
      <c r="E2312" t="s">
        <v>18551</v>
      </c>
      <c r="G2312" s="2"/>
    </row>
    <row r="2313" spans="1:7" x14ac:dyDescent="0.25">
      <c r="A2313" s="1">
        <v>2311</v>
      </c>
      <c r="B2313" t="s">
        <v>2314</v>
      </c>
      <c r="C2313" t="s">
        <v>7764</v>
      </c>
      <c r="D2313" t="s">
        <v>13208</v>
      </c>
      <c r="E2313" t="s">
        <v>18552</v>
      </c>
      <c r="G2313" s="2"/>
    </row>
    <row r="2314" spans="1:7" x14ac:dyDescent="0.25">
      <c r="A2314" s="1">
        <v>2312</v>
      </c>
      <c r="B2314" t="s">
        <v>2315</v>
      </c>
      <c r="C2314" t="s">
        <v>7765</v>
      </c>
      <c r="D2314" t="s">
        <v>13209</v>
      </c>
      <c r="E2314" t="s">
        <v>18553</v>
      </c>
      <c r="G2314" s="2"/>
    </row>
    <row r="2315" spans="1:7" x14ac:dyDescent="0.25">
      <c r="A2315" s="1">
        <v>2313</v>
      </c>
      <c r="B2315" t="s">
        <v>2316</v>
      </c>
      <c r="C2315" t="s">
        <v>7766</v>
      </c>
      <c r="D2315" t="s">
        <v>13210</v>
      </c>
      <c r="E2315" t="s">
        <v>18554</v>
      </c>
      <c r="G2315" s="2"/>
    </row>
    <row r="2316" spans="1:7" x14ac:dyDescent="0.25">
      <c r="A2316" s="1">
        <v>2314</v>
      </c>
      <c r="B2316" t="s">
        <v>2317</v>
      </c>
      <c r="C2316" t="s">
        <v>7767</v>
      </c>
      <c r="D2316" t="s">
        <v>13211</v>
      </c>
      <c r="E2316" t="s">
        <v>18555</v>
      </c>
      <c r="G2316" s="2"/>
    </row>
    <row r="2317" spans="1:7" x14ac:dyDescent="0.25">
      <c r="A2317" s="1">
        <v>2315</v>
      </c>
      <c r="B2317" t="s">
        <v>2318</v>
      </c>
      <c r="C2317" t="s">
        <v>7768</v>
      </c>
      <c r="D2317" t="s">
        <v>13212</v>
      </c>
      <c r="E2317" t="s">
        <v>18556</v>
      </c>
      <c r="G2317" s="2"/>
    </row>
    <row r="2318" spans="1:7" x14ac:dyDescent="0.25">
      <c r="A2318" s="1">
        <v>2316</v>
      </c>
      <c r="B2318" t="s">
        <v>2319</v>
      </c>
      <c r="C2318" t="s">
        <v>7769</v>
      </c>
      <c r="D2318" t="s">
        <v>13213</v>
      </c>
      <c r="E2318" t="s">
        <v>18557</v>
      </c>
      <c r="G2318" s="2"/>
    </row>
    <row r="2319" spans="1:7" x14ac:dyDescent="0.25">
      <c r="A2319" s="1">
        <v>2317</v>
      </c>
      <c r="B2319" t="s">
        <v>2320</v>
      </c>
      <c r="C2319" t="s">
        <v>7770</v>
      </c>
      <c r="D2319" t="s">
        <v>13214</v>
      </c>
      <c r="E2319" t="s">
        <v>18558</v>
      </c>
      <c r="G2319" s="2"/>
    </row>
    <row r="2320" spans="1:7" x14ac:dyDescent="0.25">
      <c r="A2320" s="1">
        <v>2318</v>
      </c>
      <c r="B2320" t="s">
        <v>2321</v>
      </c>
      <c r="C2320" t="s">
        <v>7771</v>
      </c>
      <c r="D2320" t="s">
        <v>13215</v>
      </c>
      <c r="E2320" t="s">
        <v>18559</v>
      </c>
      <c r="G2320" s="2"/>
    </row>
    <row r="2321" spans="1:7" x14ac:dyDescent="0.25">
      <c r="A2321" s="1">
        <v>2319</v>
      </c>
      <c r="B2321" t="s">
        <v>2322</v>
      </c>
      <c r="C2321" t="s">
        <v>7772</v>
      </c>
      <c r="D2321" t="s">
        <v>13216</v>
      </c>
      <c r="E2321" t="s">
        <v>18560</v>
      </c>
      <c r="G2321" s="2"/>
    </row>
    <row r="2322" spans="1:7" x14ac:dyDescent="0.25">
      <c r="A2322" s="1">
        <v>2320</v>
      </c>
      <c r="B2322" t="s">
        <v>2323</v>
      </c>
      <c r="C2322" t="s">
        <v>7773</v>
      </c>
      <c r="D2322" t="s">
        <v>13217</v>
      </c>
      <c r="E2322" t="s">
        <v>18561</v>
      </c>
      <c r="G2322" s="2"/>
    </row>
    <row r="2323" spans="1:7" x14ac:dyDescent="0.25">
      <c r="A2323" s="1">
        <v>2321</v>
      </c>
      <c r="B2323" t="s">
        <v>2324</v>
      </c>
      <c r="C2323" t="s">
        <v>7774</v>
      </c>
      <c r="D2323" t="s">
        <v>13218</v>
      </c>
      <c r="E2323" t="s">
        <v>18562</v>
      </c>
      <c r="G2323" s="2"/>
    </row>
    <row r="2324" spans="1:7" x14ac:dyDescent="0.25">
      <c r="A2324" s="1">
        <v>2322</v>
      </c>
      <c r="B2324" t="s">
        <v>2325</v>
      </c>
      <c r="C2324" t="s">
        <v>7775</v>
      </c>
      <c r="D2324" t="s">
        <v>13219</v>
      </c>
      <c r="E2324" t="s">
        <v>18563</v>
      </c>
      <c r="G2324" s="2"/>
    </row>
    <row r="2325" spans="1:7" x14ac:dyDescent="0.25">
      <c r="A2325" s="1">
        <v>2323</v>
      </c>
      <c r="B2325" t="s">
        <v>2326</v>
      </c>
      <c r="C2325" t="s">
        <v>7776</v>
      </c>
      <c r="D2325" t="s">
        <v>13220</v>
      </c>
      <c r="E2325" t="s">
        <v>18564</v>
      </c>
      <c r="G2325" s="2"/>
    </row>
    <row r="2326" spans="1:7" x14ac:dyDescent="0.25">
      <c r="A2326" s="1">
        <v>2324</v>
      </c>
      <c r="B2326" t="s">
        <v>2327</v>
      </c>
      <c r="C2326" t="s">
        <v>7777</v>
      </c>
      <c r="D2326" t="s">
        <v>13221</v>
      </c>
      <c r="E2326" t="s">
        <v>18565</v>
      </c>
      <c r="G2326" s="2"/>
    </row>
    <row r="2327" spans="1:7" x14ac:dyDescent="0.25">
      <c r="A2327" s="1">
        <v>2325</v>
      </c>
      <c r="B2327" t="s">
        <v>2328</v>
      </c>
      <c r="C2327" t="s">
        <v>7778</v>
      </c>
      <c r="D2327" t="s">
        <v>13222</v>
      </c>
      <c r="E2327" t="s">
        <v>16620</v>
      </c>
      <c r="G2327" s="2"/>
    </row>
    <row r="2328" spans="1:7" x14ac:dyDescent="0.25">
      <c r="A2328" s="1">
        <v>2326</v>
      </c>
      <c r="B2328" t="s">
        <v>2329</v>
      </c>
      <c r="C2328" t="s">
        <v>7779</v>
      </c>
      <c r="D2328" t="s">
        <v>13223</v>
      </c>
      <c r="E2328" t="s">
        <v>17162</v>
      </c>
      <c r="G2328" s="2"/>
    </row>
    <row r="2329" spans="1:7" x14ac:dyDescent="0.25">
      <c r="A2329" s="1">
        <v>2327</v>
      </c>
      <c r="B2329" t="s">
        <v>2330</v>
      </c>
      <c r="C2329" t="s">
        <v>7780</v>
      </c>
      <c r="D2329" t="s">
        <v>13224</v>
      </c>
      <c r="E2329" t="s">
        <v>18566</v>
      </c>
      <c r="G2329" s="2"/>
    </row>
    <row r="2330" spans="1:7" x14ac:dyDescent="0.25">
      <c r="A2330" s="1">
        <v>2328</v>
      </c>
      <c r="B2330" t="s">
        <v>2331</v>
      </c>
      <c r="C2330" t="s">
        <v>7781</v>
      </c>
      <c r="D2330" t="s">
        <v>13225</v>
      </c>
      <c r="E2330" t="s">
        <v>18567</v>
      </c>
      <c r="G2330" s="2"/>
    </row>
    <row r="2331" spans="1:7" x14ac:dyDescent="0.25">
      <c r="A2331" s="1">
        <v>2329</v>
      </c>
      <c r="B2331" t="s">
        <v>2332</v>
      </c>
      <c r="C2331" t="s">
        <v>7782</v>
      </c>
      <c r="D2331" t="s">
        <v>13226</v>
      </c>
      <c r="E2331" t="s">
        <v>18568</v>
      </c>
      <c r="G2331" s="2"/>
    </row>
    <row r="2332" spans="1:7" x14ac:dyDescent="0.25">
      <c r="A2332" s="1">
        <v>2330</v>
      </c>
      <c r="B2332" t="s">
        <v>2333</v>
      </c>
      <c r="C2332" t="s">
        <v>7783</v>
      </c>
      <c r="D2332" t="s">
        <v>13227</v>
      </c>
      <c r="E2332" t="s">
        <v>18569</v>
      </c>
      <c r="G2332" s="2"/>
    </row>
    <row r="2333" spans="1:7" x14ac:dyDescent="0.25">
      <c r="A2333" s="1">
        <v>2331</v>
      </c>
      <c r="B2333" t="s">
        <v>2334</v>
      </c>
      <c r="C2333" t="s">
        <v>7784</v>
      </c>
      <c r="D2333" t="s">
        <v>13228</v>
      </c>
      <c r="E2333" t="s">
        <v>18570</v>
      </c>
      <c r="G2333" s="2"/>
    </row>
    <row r="2334" spans="1:7" x14ac:dyDescent="0.25">
      <c r="A2334" s="1">
        <v>2332</v>
      </c>
      <c r="B2334" t="s">
        <v>2335</v>
      </c>
      <c r="C2334" t="s">
        <v>7785</v>
      </c>
      <c r="D2334" t="s">
        <v>13229</v>
      </c>
      <c r="E2334" t="s">
        <v>18571</v>
      </c>
      <c r="G2334" s="2"/>
    </row>
    <row r="2335" spans="1:7" x14ac:dyDescent="0.25">
      <c r="A2335" s="1">
        <v>2333</v>
      </c>
      <c r="B2335" t="s">
        <v>2336</v>
      </c>
      <c r="C2335" t="s">
        <v>7786</v>
      </c>
      <c r="D2335" t="s">
        <v>13230</v>
      </c>
      <c r="E2335" t="s">
        <v>18572</v>
      </c>
      <c r="G2335" s="2"/>
    </row>
    <row r="2336" spans="1:7" x14ac:dyDescent="0.25">
      <c r="A2336" s="1">
        <v>2334</v>
      </c>
      <c r="B2336" t="s">
        <v>2337</v>
      </c>
      <c r="C2336" t="s">
        <v>7787</v>
      </c>
      <c r="D2336" t="s">
        <v>13231</v>
      </c>
      <c r="E2336" t="s">
        <v>18573</v>
      </c>
      <c r="G2336" s="2"/>
    </row>
    <row r="2337" spans="1:7" x14ac:dyDescent="0.25">
      <c r="A2337" s="1">
        <v>2335</v>
      </c>
      <c r="B2337" t="s">
        <v>2338</v>
      </c>
      <c r="C2337" t="s">
        <v>7788</v>
      </c>
      <c r="D2337" t="s">
        <v>13232</v>
      </c>
      <c r="E2337" t="s">
        <v>16555</v>
      </c>
      <c r="G2337" s="2"/>
    </row>
    <row r="2338" spans="1:7" x14ac:dyDescent="0.25">
      <c r="A2338" s="1">
        <v>2336</v>
      </c>
      <c r="B2338" t="s">
        <v>2339</v>
      </c>
      <c r="C2338" t="s">
        <v>7789</v>
      </c>
      <c r="D2338" t="s">
        <v>13233</v>
      </c>
      <c r="E2338" t="s">
        <v>18574</v>
      </c>
      <c r="G2338" s="2"/>
    </row>
    <row r="2339" spans="1:7" x14ac:dyDescent="0.25">
      <c r="A2339" s="1">
        <v>2337</v>
      </c>
      <c r="B2339" t="s">
        <v>2340</v>
      </c>
      <c r="C2339" t="s">
        <v>7790</v>
      </c>
      <c r="D2339" t="s">
        <v>13234</v>
      </c>
      <c r="E2339" t="s">
        <v>18575</v>
      </c>
      <c r="G2339" s="2"/>
    </row>
    <row r="2340" spans="1:7" x14ac:dyDescent="0.25">
      <c r="A2340" s="1">
        <v>2338</v>
      </c>
      <c r="B2340" t="s">
        <v>2341</v>
      </c>
      <c r="C2340" t="s">
        <v>7791</v>
      </c>
      <c r="D2340" t="s">
        <v>13235</v>
      </c>
      <c r="E2340" t="s">
        <v>18576</v>
      </c>
      <c r="G2340" s="2"/>
    </row>
    <row r="2341" spans="1:7" x14ac:dyDescent="0.25">
      <c r="A2341" s="1">
        <v>2339</v>
      </c>
      <c r="B2341" t="s">
        <v>2342</v>
      </c>
      <c r="C2341" t="s">
        <v>7792</v>
      </c>
      <c r="D2341" t="s">
        <v>13236</v>
      </c>
      <c r="E2341" t="s">
        <v>18577</v>
      </c>
      <c r="G2341" s="2"/>
    </row>
    <row r="2342" spans="1:7" x14ac:dyDescent="0.25">
      <c r="A2342" s="1">
        <v>2340</v>
      </c>
      <c r="B2342" t="s">
        <v>2343</v>
      </c>
      <c r="C2342" t="s">
        <v>7793</v>
      </c>
      <c r="D2342" t="s">
        <v>13237</v>
      </c>
      <c r="E2342" t="s">
        <v>18578</v>
      </c>
      <c r="G2342" s="2"/>
    </row>
    <row r="2343" spans="1:7" x14ac:dyDescent="0.25">
      <c r="A2343" s="1">
        <v>2341</v>
      </c>
      <c r="B2343" t="s">
        <v>2344</v>
      </c>
      <c r="C2343" t="s">
        <v>7794</v>
      </c>
      <c r="D2343" t="s">
        <v>13238</v>
      </c>
      <c r="E2343" t="s">
        <v>18579</v>
      </c>
      <c r="G2343" s="2"/>
    </row>
    <row r="2344" spans="1:7" x14ac:dyDescent="0.25">
      <c r="A2344" s="1">
        <v>2342</v>
      </c>
      <c r="B2344" t="s">
        <v>2345</v>
      </c>
      <c r="C2344" t="s">
        <v>7795</v>
      </c>
      <c r="D2344" t="s">
        <v>13239</v>
      </c>
      <c r="E2344" t="s">
        <v>18580</v>
      </c>
      <c r="G2344" s="2"/>
    </row>
    <row r="2345" spans="1:7" x14ac:dyDescent="0.25">
      <c r="A2345" s="1">
        <v>2343</v>
      </c>
      <c r="B2345" t="s">
        <v>2346</v>
      </c>
      <c r="C2345" t="s">
        <v>7796</v>
      </c>
      <c r="D2345" t="s">
        <v>13240</v>
      </c>
      <c r="E2345" t="s">
        <v>18581</v>
      </c>
      <c r="G2345" s="2"/>
    </row>
    <row r="2346" spans="1:7" x14ac:dyDescent="0.25">
      <c r="A2346" s="1">
        <v>2344</v>
      </c>
      <c r="B2346" t="s">
        <v>2347</v>
      </c>
      <c r="C2346" t="s">
        <v>7797</v>
      </c>
      <c r="D2346" t="s">
        <v>13241</v>
      </c>
      <c r="E2346" t="s">
        <v>18582</v>
      </c>
      <c r="G2346" s="2"/>
    </row>
    <row r="2347" spans="1:7" x14ac:dyDescent="0.25">
      <c r="A2347" s="1">
        <v>2345</v>
      </c>
      <c r="B2347" t="s">
        <v>2348</v>
      </c>
      <c r="C2347" t="s">
        <v>7798</v>
      </c>
      <c r="D2347" t="s">
        <v>13242</v>
      </c>
      <c r="E2347" t="s">
        <v>18583</v>
      </c>
      <c r="G2347" s="2"/>
    </row>
    <row r="2348" spans="1:7" x14ac:dyDescent="0.25">
      <c r="A2348" s="1">
        <v>2346</v>
      </c>
      <c r="B2348" t="s">
        <v>2349</v>
      </c>
      <c r="C2348" t="s">
        <v>7799</v>
      </c>
      <c r="D2348" t="s">
        <v>13243</v>
      </c>
      <c r="E2348" t="s">
        <v>18584</v>
      </c>
      <c r="G2348" s="2"/>
    </row>
    <row r="2349" spans="1:7" x14ac:dyDescent="0.25">
      <c r="A2349" s="1">
        <v>2347</v>
      </c>
      <c r="B2349" t="s">
        <v>2350</v>
      </c>
      <c r="C2349" t="s">
        <v>7800</v>
      </c>
      <c r="D2349" t="s">
        <v>13244</v>
      </c>
      <c r="E2349" t="s">
        <v>18585</v>
      </c>
      <c r="G2349" s="2"/>
    </row>
    <row r="2350" spans="1:7" x14ac:dyDescent="0.25">
      <c r="A2350" s="1">
        <v>2348</v>
      </c>
      <c r="B2350" t="s">
        <v>2351</v>
      </c>
      <c r="C2350" t="s">
        <v>7801</v>
      </c>
      <c r="D2350" t="s">
        <v>13245</v>
      </c>
      <c r="E2350" t="s">
        <v>18586</v>
      </c>
      <c r="G2350" s="2"/>
    </row>
    <row r="2351" spans="1:7" x14ac:dyDescent="0.25">
      <c r="A2351" s="1">
        <v>2349</v>
      </c>
      <c r="B2351" t="s">
        <v>2352</v>
      </c>
      <c r="C2351" t="s">
        <v>7802</v>
      </c>
      <c r="D2351" t="s">
        <v>13246</v>
      </c>
      <c r="E2351" t="s">
        <v>18587</v>
      </c>
      <c r="G2351" s="2"/>
    </row>
    <row r="2352" spans="1:7" x14ac:dyDescent="0.25">
      <c r="A2352" s="1">
        <v>2350</v>
      </c>
      <c r="B2352" t="s">
        <v>2353</v>
      </c>
      <c r="C2352" t="s">
        <v>7803</v>
      </c>
      <c r="D2352" t="s">
        <v>13247</v>
      </c>
      <c r="E2352" t="s">
        <v>18588</v>
      </c>
      <c r="G2352" s="2"/>
    </row>
    <row r="2353" spans="1:7" x14ac:dyDescent="0.25">
      <c r="A2353" s="1">
        <v>2351</v>
      </c>
      <c r="B2353" t="s">
        <v>2354</v>
      </c>
      <c r="C2353" t="s">
        <v>7804</v>
      </c>
      <c r="D2353" t="s">
        <v>13248</v>
      </c>
      <c r="E2353" t="s">
        <v>18589</v>
      </c>
      <c r="G2353" s="2"/>
    </row>
    <row r="2354" spans="1:7" x14ac:dyDescent="0.25">
      <c r="A2354" s="1">
        <v>2352</v>
      </c>
      <c r="B2354" t="s">
        <v>2355</v>
      </c>
      <c r="C2354" t="s">
        <v>7805</v>
      </c>
      <c r="D2354" t="s">
        <v>13249</v>
      </c>
      <c r="E2354" t="s">
        <v>18590</v>
      </c>
      <c r="G2354" s="2"/>
    </row>
    <row r="2355" spans="1:7" x14ac:dyDescent="0.25">
      <c r="A2355" s="1">
        <v>2353</v>
      </c>
      <c r="B2355" t="s">
        <v>2356</v>
      </c>
      <c r="C2355" t="s">
        <v>7806</v>
      </c>
      <c r="D2355" t="s">
        <v>13250</v>
      </c>
      <c r="E2355" t="s">
        <v>18591</v>
      </c>
      <c r="G2355" s="2"/>
    </row>
    <row r="2356" spans="1:7" x14ac:dyDescent="0.25">
      <c r="A2356" s="1">
        <v>2354</v>
      </c>
      <c r="B2356" t="s">
        <v>2357</v>
      </c>
      <c r="C2356" t="s">
        <v>7807</v>
      </c>
      <c r="D2356" t="s">
        <v>13251</v>
      </c>
      <c r="E2356" t="s">
        <v>18592</v>
      </c>
      <c r="G2356" s="2"/>
    </row>
    <row r="2357" spans="1:7" x14ac:dyDescent="0.25">
      <c r="A2357" s="1">
        <v>2355</v>
      </c>
      <c r="B2357" t="s">
        <v>2358</v>
      </c>
      <c r="C2357" t="s">
        <v>7808</v>
      </c>
      <c r="D2357" t="s">
        <v>13252</v>
      </c>
      <c r="E2357" t="s">
        <v>18593</v>
      </c>
      <c r="G2357" s="2"/>
    </row>
    <row r="2358" spans="1:7" x14ac:dyDescent="0.25">
      <c r="A2358" s="1">
        <v>2356</v>
      </c>
      <c r="B2358" t="s">
        <v>2359</v>
      </c>
      <c r="C2358" t="s">
        <v>7809</v>
      </c>
      <c r="D2358" t="s">
        <v>13253</v>
      </c>
      <c r="E2358" t="s">
        <v>18594</v>
      </c>
      <c r="G2358" s="2"/>
    </row>
    <row r="2359" spans="1:7" x14ac:dyDescent="0.25">
      <c r="A2359" s="1">
        <v>2357</v>
      </c>
      <c r="B2359" t="s">
        <v>2360</v>
      </c>
      <c r="C2359" t="s">
        <v>7810</v>
      </c>
      <c r="D2359" t="s">
        <v>13254</v>
      </c>
      <c r="E2359" t="s">
        <v>18595</v>
      </c>
      <c r="G2359" s="2"/>
    </row>
    <row r="2360" spans="1:7" x14ac:dyDescent="0.25">
      <c r="A2360" s="1">
        <v>2358</v>
      </c>
      <c r="B2360" t="s">
        <v>2361</v>
      </c>
      <c r="C2360" t="s">
        <v>7811</v>
      </c>
      <c r="D2360" t="s">
        <v>13255</v>
      </c>
      <c r="E2360" t="s">
        <v>18596</v>
      </c>
      <c r="G2360" s="2"/>
    </row>
    <row r="2361" spans="1:7" x14ac:dyDescent="0.25">
      <c r="A2361" s="1">
        <v>2359</v>
      </c>
      <c r="B2361" t="s">
        <v>2362</v>
      </c>
      <c r="C2361" t="s">
        <v>7812</v>
      </c>
      <c r="D2361" t="s">
        <v>13256</v>
      </c>
      <c r="E2361" t="s">
        <v>18597</v>
      </c>
      <c r="G2361" s="2"/>
    </row>
    <row r="2362" spans="1:7" x14ac:dyDescent="0.25">
      <c r="A2362" s="1">
        <v>2360</v>
      </c>
      <c r="B2362" t="s">
        <v>2363</v>
      </c>
      <c r="C2362" t="s">
        <v>7813</v>
      </c>
      <c r="D2362" t="s">
        <v>13257</v>
      </c>
      <c r="E2362" t="s">
        <v>18598</v>
      </c>
      <c r="G2362" s="2"/>
    </row>
    <row r="2363" spans="1:7" x14ac:dyDescent="0.25">
      <c r="A2363" s="1">
        <v>2361</v>
      </c>
      <c r="B2363" t="s">
        <v>2364</v>
      </c>
      <c r="C2363" t="s">
        <v>7814</v>
      </c>
      <c r="D2363" t="s">
        <v>13258</v>
      </c>
      <c r="E2363" t="s">
        <v>18599</v>
      </c>
      <c r="G2363" s="2"/>
    </row>
    <row r="2364" spans="1:7" x14ac:dyDescent="0.25">
      <c r="A2364" s="1">
        <v>2362</v>
      </c>
      <c r="B2364" t="s">
        <v>2365</v>
      </c>
      <c r="C2364" t="s">
        <v>7815</v>
      </c>
      <c r="D2364" t="s">
        <v>13259</v>
      </c>
      <c r="E2364" t="s">
        <v>18600</v>
      </c>
      <c r="G2364" s="2"/>
    </row>
    <row r="2365" spans="1:7" x14ac:dyDescent="0.25">
      <c r="A2365" s="1">
        <v>2363</v>
      </c>
      <c r="B2365" t="s">
        <v>2366</v>
      </c>
      <c r="C2365" t="s">
        <v>7816</v>
      </c>
      <c r="D2365" t="s">
        <v>13260</v>
      </c>
      <c r="E2365" t="s">
        <v>18601</v>
      </c>
      <c r="G2365" s="2"/>
    </row>
    <row r="2366" spans="1:7" x14ac:dyDescent="0.25">
      <c r="A2366" s="1">
        <v>2364</v>
      </c>
      <c r="B2366" t="s">
        <v>2367</v>
      </c>
      <c r="C2366" t="s">
        <v>7817</v>
      </c>
      <c r="D2366" t="s">
        <v>13261</v>
      </c>
      <c r="E2366" t="s">
        <v>18602</v>
      </c>
      <c r="G2366" s="2"/>
    </row>
    <row r="2367" spans="1:7" x14ac:dyDescent="0.25">
      <c r="A2367" s="1">
        <v>2365</v>
      </c>
      <c r="B2367" t="s">
        <v>2368</v>
      </c>
      <c r="C2367" t="s">
        <v>7818</v>
      </c>
      <c r="D2367" t="s">
        <v>13262</v>
      </c>
      <c r="E2367" t="s">
        <v>18603</v>
      </c>
      <c r="G2367" s="2"/>
    </row>
    <row r="2368" spans="1:7" x14ac:dyDescent="0.25">
      <c r="A2368" s="1">
        <v>2366</v>
      </c>
      <c r="B2368" t="s">
        <v>2369</v>
      </c>
      <c r="C2368" t="s">
        <v>7819</v>
      </c>
      <c r="D2368" t="s">
        <v>13263</v>
      </c>
      <c r="E2368" t="s">
        <v>18604</v>
      </c>
      <c r="G2368" s="2"/>
    </row>
    <row r="2369" spans="1:7" x14ac:dyDescent="0.25">
      <c r="A2369" s="1">
        <v>2367</v>
      </c>
      <c r="B2369" t="s">
        <v>2370</v>
      </c>
      <c r="C2369" t="s">
        <v>7820</v>
      </c>
      <c r="D2369" t="s">
        <v>13264</v>
      </c>
      <c r="E2369" t="s">
        <v>18605</v>
      </c>
      <c r="G2369" s="2"/>
    </row>
    <row r="2370" spans="1:7" x14ac:dyDescent="0.25">
      <c r="A2370" s="1">
        <v>2368</v>
      </c>
      <c r="B2370" t="s">
        <v>2371</v>
      </c>
      <c r="C2370" t="s">
        <v>7821</v>
      </c>
      <c r="D2370" t="s">
        <v>13265</v>
      </c>
      <c r="E2370" t="s">
        <v>18606</v>
      </c>
      <c r="G2370" s="2"/>
    </row>
    <row r="2371" spans="1:7" x14ac:dyDescent="0.25">
      <c r="A2371" s="1">
        <v>2369</v>
      </c>
      <c r="B2371" t="s">
        <v>2372</v>
      </c>
      <c r="C2371" t="s">
        <v>7822</v>
      </c>
      <c r="D2371" t="s">
        <v>13266</v>
      </c>
      <c r="E2371" t="s">
        <v>18607</v>
      </c>
      <c r="G2371" s="2"/>
    </row>
    <row r="2372" spans="1:7" x14ac:dyDescent="0.25">
      <c r="A2372" s="1">
        <v>2370</v>
      </c>
      <c r="B2372" t="s">
        <v>2373</v>
      </c>
      <c r="C2372" t="s">
        <v>7823</v>
      </c>
      <c r="D2372" t="s">
        <v>13267</v>
      </c>
      <c r="E2372" t="s">
        <v>18608</v>
      </c>
      <c r="G2372" s="2"/>
    </row>
    <row r="2373" spans="1:7" x14ac:dyDescent="0.25">
      <c r="A2373" s="1">
        <v>2371</v>
      </c>
      <c r="B2373" t="s">
        <v>2374</v>
      </c>
      <c r="C2373" t="s">
        <v>7824</v>
      </c>
      <c r="D2373" t="s">
        <v>13268</v>
      </c>
      <c r="E2373" t="s">
        <v>18609</v>
      </c>
      <c r="G2373" s="2"/>
    </row>
    <row r="2374" spans="1:7" x14ac:dyDescent="0.25">
      <c r="A2374" s="1">
        <v>2372</v>
      </c>
      <c r="B2374" t="s">
        <v>2375</v>
      </c>
      <c r="C2374" t="s">
        <v>7825</v>
      </c>
      <c r="D2374" t="s">
        <v>13269</v>
      </c>
      <c r="E2374" t="s">
        <v>18610</v>
      </c>
      <c r="G2374" s="2"/>
    </row>
    <row r="2375" spans="1:7" x14ac:dyDescent="0.25">
      <c r="A2375" s="1">
        <v>2373</v>
      </c>
      <c r="B2375" t="s">
        <v>2376</v>
      </c>
      <c r="C2375" t="s">
        <v>7826</v>
      </c>
      <c r="D2375" t="s">
        <v>13270</v>
      </c>
      <c r="E2375" t="s">
        <v>18502</v>
      </c>
      <c r="G2375" s="2"/>
    </row>
    <row r="2376" spans="1:7" x14ac:dyDescent="0.25">
      <c r="A2376" s="1">
        <v>2374</v>
      </c>
      <c r="B2376" t="s">
        <v>2377</v>
      </c>
      <c r="C2376" t="s">
        <v>7827</v>
      </c>
      <c r="D2376" t="s">
        <v>13271</v>
      </c>
      <c r="E2376" t="s">
        <v>18611</v>
      </c>
      <c r="G2376" s="2"/>
    </row>
    <row r="2377" spans="1:7" x14ac:dyDescent="0.25">
      <c r="A2377" s="1">
        <v>2375</v>
      </c>
      <c r="B2377" t="s">
        <v>2378</v>
      </c>
      <c r="C2377" t="s">
        <v>7828</v>
      </c>
      <c r="D2377" t="s">
        <v>13272</v>
      </c>
      <c r="E2377" t="s">
        <v>16417</v>
      </c>
      <c r="G2377" s="2"/>
    </row>
    <row r="2378" spans="1:7" x14ac:dyDescent="0.25">
      <c r="A2378" s="1">
        <v>2376</v>
      </c>
      <c r="B2378" t="s">
        <v>2379</v>
      </c>
      <c r="C2378" t="s">
        <v>7829</v>
      </c>
      <c r="D2378" t="s">
        <v>13273</v>
      </c>
      <c r="E2378" t="s">
        <v>18612</v>
      </c>
      <c r="G2378" s="2"/>
    </row>
    <row r="2379" spans="1:7" x14ac:dyDescent="0.25">
      <c r="A2379" s="1">
        <v>2377</v>
      </c>
      <c r="B2379" t="s">
        <v>2380</v>
      </c>
      <c r="C2379" t="s">
        <v>7830</v>
      </c>
      <c r="D2379" t="s">
        <v>13274</v>
      </c>
      <c r="E2379" t="s">
        <v>18613</v>
      </c>
      <c r="G2379" s="2"/>
    </row>
    <row r="2380" spans="1:7" x14ac:dyDescent="0.25">
      <c r="A2380" s="1">
        <v>2378</v>
      </c>
      <c r="B2380" t="s">
        <v>2381</v>
      </c>
      <c r="C2380" t="s">
        <v>7831</v>
      </c>
      <c r="D2380" t="s">
        <v>13275</v>
      </c>
      <c r="E2380" t="s">
        <v>18614</v>
      </c>
      <c r="G2380" s="2"/>
    </row>
    <row r="2381" spans="1:7" x14ac:dyDescent="0.25">
      <c r="A2381" s="1">
        <v>2379</v>
      </c>
      <c r="B2381" t="s">
        <v>2382</v>
      </c>
      <c r="C2381" t="s">
        <v>7832</v>
      </c>
      <c r="D2381" t="s">
        <v>13276</v>
      </c>
      <c r="E2381" t="s">
        <v>16555</v>
      </c>
      <c r="G2381" s="2"/>
    </row>
    <row r="2382" spans="1:7" x14ac:dyDescent="0.25">
      <c r="A2382" s="1">
        <v>2380</v>
      </c>
      <c r="B2382" t="s">
        <v>2383</v>
      </c>
      <c r="C2382" t="s">
        <v>7833</v>
      </c>
      <c r="D2382" t="s">
        <v>13277</v>
      </c>
      <c r="E2382" t="s">
        <v>18615</v>
      </c>
      <c r="G2382" s="2"/>
    </row>
    <row r="2383" spans="1:7" x14ac:dyDescent="0.25">
      <c r="A2383" s="1">
        <v>2381</v>
      </c>
      <c r="B2383" t="s">
        <v>2384</v>
      </c>
      <c r="C2383" t="s">
        <v>7834</v>
      </c>
      <c r="D2383" t="s">
        <v>13278</v>
      </c>
      <c r="E2383" t="s">
        <v>18616</v>
      </c>
      <c r="G2383" s="2"/>
    </row>
    <row r="2384" spans="1:7" x14ac:dyDescent="0.25">
      <c r="A2384" s="1">
        <v>2382</v>
      </c>
      <c r="B2384" t="s">
        <v>2385</v>
      </c>
      <c r="C2384" t="s">
        <v>7835</v>
      </c>
      <c r="D2384" t="s">
        <v>13279</v>
      </c>
      <c r="E2384" t="s">
        <v>18617</v>
      </c>
      <c r="G2384" s="2"/>
    </row>
    <row r="2385" spans="1:7" x14ac:dyDescent="0.25">
      <c r="A2385" s="1">
        <v>2383</v>
      </c>
      <c r="B2385" t="s">
        <v>2386</v>
      </c>
      <c r="C2385" t="s">
        <v>7836</v>
      </c>
      <c r="D2385" t="s">
        <v>13280</v>
      </c>
      <c r="E2385" t="s">
        <v>18618</v>
      </c>
      <c r="G2385" s="2"/>
    </row>
    <row r="2386" spans="1:7" x14ac:dyDescent="0.25">
      <c r="A2386" s="1">
        <v>2384</v>
      </c>
      <c r="B2386" t="s">
        <v>2387</v>
      </c>
      <c r="C2386" t="s">
        <v>7837</v>
      </c>
      <c r="D2386" t="s">
        <v>13281</v>
      </c>
      <c r="E2386" t="s">
        <v>18619</v>
      </c>
      <c r="G2386" s="2"/>
    </row>
    <row r="2387" spans="1:7" x14ac:dyDescent="0.25">
      <c r="A2387" s="1">
        <v>2385</v>
      </c>
      <c r="B2387" t="s">
        <v>2388</v>
      </c>
      <c r="C2387" t="s">
        <v>7838</v>
      </c>
      <c r="D2387" t="s">
        <v>13282</v>
      </c>
      <c r="E2387" t="s">
        <v>18620</v>
      </c>
      <c r="G2387" s="2"/>
    </row>
    <row r="2388" spans="1:7" x14ac:dyDescent="0.25">
      <c r="A2388" s="1">
        <v>2386</v>
      </c>
      <c r="B2388" t="s">
        <v>2389</v>
      </c>
      <c r="C2388" t="s">
        <v>7839</v>
      </c>
      <c r="D2388" t="s">
        <v>13283</v>
      </c>
      <c r="E2388" t="s">
        <v>18621</v>
      </c>
      <c r="G2388" s="2"/>
    </row>
    <row r="2389" spans="1:7" x14ac:dyDescent="0.25">
      <c r="A2389" s="1">
        <v>2387</v>
      </c>
      <c r="B2389" t="s">
        <v>2390</v>
      </c>
      <c r="C2389" t="s">
        <v>7840</v>
      </c>
      <c r="D2389" t="s">
        <v>13284</v>
      </c>
      <c r="E2389" t="s">
        <v>18622</v>
      </c>
      <c r="G2389" s="2"/>
    </row>
    <row r="2390" spans="1:7" x14ac:dyDescent="0.25">
      <c r="A2390" s="1">
        <v>2388</v>
      </c>
      <c r="B2390" t="s">
        <v>2391</v>
      </c>
      <c r="C2390" t="s">
        <v>7841</v>
      </c>
      <c r="D2390" t="s">
        <v>13285</v>
      </c>
      <c r="E2390" t="s">
        <v>18623</v>
      </c>
      <c r="G2390" s="2"/>
    </row>
    <row r="2391" spans="1:7" x14ac:dyDescent="0.25">
      <c r="A2391" s="1">
        <v>2389</v>
      </c>
      <c r="B2391" t="s">
        <v>2392</v>
      </c>
      <c r="C2391" t="s">
        <v>7842</v>
      </c>
      <c r="D2391" t="s">
        <v>13286</v>
      </c>
      <c r="E2391" t="s">
        <v>18624</v>
      </c>
      <c r="G2391" s="2"/>
    </row>
    <row r="2392" spans="1:7" x14ac:dyDescent="0.25">
      <c r="A2392" s="1">
        <v>2390</v>
      </c>
      <c r="B2392" t="s">
        <v>2393</v>
      </c>
      <c r="C2392" t="s">
        <v>7843</v>
      </c>
      <c r="D2392" t="s">
        <v>13287</v>
      </c>
      <c r="E2392" t="s">
        <v>18625</v>
      </c>
      <c r="G2392" s="2"/>
    </row>
    <row r="2393" spans="1:7" x14ac:dyDescent="0.25">
      <c r="A2393" s="1">
        <v>2391</v>
      </c>
      <c r="B2393" t="s">
        <v>2394</v>
      </c>
      <c r="C2393" t="s">
        <v>7844</v>
      </c>
      <c r="D2393" t="s">
        <v>13288</v>
      </c>
      <c r="E2393" t="s">
        <v>18626</v>
      </c>
      <c r="G2393" s="2"/>
    </row>
    <row r="2394" spans="1:7" x14ac:dyDescent="0.25">
      <c r="A2394" s="1">
        <v>2392</v>
      </c>
      <c r="B2394" t="s">
        <v>2395</v>
      </c>
      <c r="C2394" t="s">
        <v>7845</v>
      </c>
      <c r="D2394" t="s">
        <v>13289</v>
      </c>
      <c r="E2394" t="s">
        <v>18627</v>
      </c>
      <c r="G2394" s="2"/>
    </row>
    <row r="2395" spans="1:7" x14ac:dyDescent="0.25">
      <c r="A2395" s="1">
        <v>2393</v>
      </c>
      <c r="B2395" t="s">
        <v>2396</v>
      </c>
      <c r="C2395" t="s">
        <v>7846</v>
      </c>
      <c r="D2395" t="s">
        <v>13290</v>
      </c>
      <c r="E2395" t="s">
        <v>18628</v>
      </c>
      <c r="G2395" s="2"/>
    </row>
    <row r="2396" spans="1:7" x14ac:dyDescent="0.25">
      <c r="A2396" s="1">
        <v>2394</v>
      </c>
      <c r="B2396" t="s">
        <v>2397</v>
      </c>
      <c r="C2396" t="s">
        <v>7847</v>
      </c>
      <c r="D2396" t="s">
        <v>13291</v>
      </c>
      <c r="E2396" t="s">
        <v>18629</v>
      </c>
      <c r="G2396" s="2"/>
    </row>
    <row r="2397" spans="1:7" x14ac:dyDescent="0.25">
      <c r="A2397" s="1">
        <v>2395</v>
      </c>
      <c r="B2397" t="s">
        <v>2398</v>
      </c>
      <c r="C2397" t="s">
        <v>7848</v>
      </c>
      <c r="D2397" t="s">
        <v>13292</v>
      </c>
      <c r="E2397" t="s">
        <v>18630</v>
      </c>
      <c r="G2397" s="2"/>
    </row>
    <row r="2398" spans="1:7" x14ac:dyDescent="0.25">
      <c r="A2398" s="1">
        <v>2396</v>
      </c>
      <c r="B2398" t="s">
        <v>2399</v>
      </c>
      <c r="C2398" t="s">
        <v>7849</v>
      </c>
      <c r="D2398" t="s">
        <v>13293</v>
      </c>
      <c r="E2398" t="s">
        <v>18631</v>
      </c>
      <c r="G2398" s="2"/>
    </row>
    <row r="2399" spans="1:7" x14ac:dyDescent="0.25">
      <c r="A2399" s="1">
        <v>2397</v>
      </c>
      <c r="B2399" t="s">
        <v>2400</v>
      </c>
      <c r="C2399" t="s">
        <v>7850</v>
      </c>
      <c r="D2399" t="s">
        <v>13294</v>
      </c>
      <c r="E2399" t="s">
        <v>17091</v>
      </c>
      <c r="G2399" s="2"/>
    </row>
    <row r="2400" spans="1:7" x14ac:dyDescent="0.25">
      <c r="A2400" s="1">
        <v>2398</v>
      </c>
      <c r="B2400" t="s">
        <v>2401</v>
      </c>
      <c r="C2400" t="s">
        <v>7851</v>
      </c>
      <c r="D2400" t="s">
        <v>13295</v>
      </c>
      <c r="E2400" t="s">
        <v>18632</v>
      </c>
      <c r="G2400" s="2"/>
    </row>
    <row r="2401" spans="1:7" x14ac:dyDescent="0.25">
      <c r="A2401" s="1">
        <v>2399</v>
      </c>
      <c r="B2401" t="s">
        <v>2402</v>
      </c>
      <c r="C2401" t="s">
        <v>7852</v>
      </c>
      <c r="D2401" t="s">
        <v>13296</v>
      </c>
      <c r="E2401" t="s">
        <v>18633</v>
      </c>
      <c r="G2401" s="2"/>
    </row>
    <row r="2402" spans="1:7" x14ac:dyDescent="0.25">
      <c r="A2402" s="1">
        <v>2400</v>
      </c>
      <c r="B2402" t="s">
        <v>2403</v>
      </c>
      <c r="C2402" t="s">
        <v>7853</v>
      </c>
      <c r="D2402" t="s">
        <v>13297</v>
      </c>
      <c r="E2402" t="s">
        <v>18634</v>
      </c>
      <c r="G2402" s="2"/>
    </row>
    <row r="2403" spans="1:7" x14ac:dyDescent="0.25">
      <c r="A2403" s="1">
        <v>2401</v>
      </c>
      <c r="B2403" t="s">
        <v>2404</v>
      </c>
      <c r="C2403" t="s">
        <v>7854</v>
      </c>
      <c r="D2403" t="s">
        <v>13298</v>
      </c>
      <c r="E2403" t="s">
        <v>18635</v>
      </c>
      <c r="G2403" s="2"/>
    </row>
    <row r="2404" spans="1:7" x14ac:dyDescent="0.25">
      <c r="A2404" s="1">
        <v>2402</v>
      </c>
      <c r="B2404" t="s">
        <v>2405</v>
      </c>
      <c r="C2404" t="s">
        <v>7855</v>
      </c>
      <c r="D2404" t="s">
        <v>13299</v>
      </c>
      <c r="E2404" t="s">
        <v>18636</v>
      </c>
      <c r="G2404" s="2"/>
    </row>
    <row r="2405" spans="1:7" x14ac:dyDescent="0.25">
      <c r="A2405" s="1">
        <v>2403</v>
      </c>
      <c r="B2405" t="s">
        <v>2406</v>
      </c>
      <c r="C2405" t="s">
        <v>7856</v>
      </c>
      <c r="D2405" t="s">
        <v>13300</v>
      </c>
      <c r="E2405" t="s">
        <v>18637</v>
      </c>
      <c r="G2405" s="2"/>
    </row>
    <row r="2406" spans="1:7" x14ac:dyDescent="0.25">
      <c r="A2406" s="1">
        <v>2404</v>
      </c>
      <c r="B2406" t="s">
        <v>2407</v>
      </c>
      <c r="C2406" t="s">
        <v>7857</v>
      </c>
      <c r="D2406" t="s">
        <v>13301</v>
      </c>
      <c r="E2406" t="s">
        <v>18638</v>
      </c>
      <c r="G2406" s="2"/>
    </row>
    <row r="2407" spans="1:7" x14ac:dyDescent="0.25">
      <c r="A2407" s="1">
        <v>2405</v>
      </c>
      <c r="B2407" t="s">
        <v>2408</v>
      </c>
      <c r="C2407" t="s">
        <v>7858</v>
      </c>
      <c r="D2407" t="s">
        <v>13302</v>
      </c>
      <c r="E2407" t="s">
        <v>18639</v>
      </c>
      <c r="G2407" s="2"/>
    </row>
    <row r="2408" spans="1:7" x14ac:dyDescent="0.25">
      <c r="A2408" s="1">
        <v>2406</v>
      </c>
      <c r="B2408" t="s">
        <v>2409</v>
      </c>
      <c r="C2408" t="s">
        <v>7859</v>
      </c>
      <c r="D2408" t="s">
        <v>13303</v>
      </c>
      <c r="E2408" t="s">
        <v>18640</v>
      </c>
      <c r="G2408" s="2"/>
    </row>
    <row r="2409" spans="1:7" x14ac:dyDescent="0.25">
      <c r="A2409" s="1">
        <v>2407</v>
      </c>
      <c r="B2409" t="s">
        <v>2410</v>
      </c>
      <c r="C2409" t="s">
        <v>7860</v>
      </c>
      <c r="D2409" t="s">
        <v>13304</v>
      </c>
      <c r="E2409" t="s">
        <v>18641</v>
      </c>
      <c r="G2409" s="2"/>
    </row>
    <row r="2410" spans="1:7" x14ac:dyDescent="0.25">
      <c r="A2410" s="1">
        <v>2408</v>
      </c>
      <c r="B2410" t="s">
        <v>2411</v>
      </c>
      <c r="C2410" t="s">
        <v>7861</v>
      </c>
      <c r="D2410" t="s">
        <v>13305</v>
      </c>
      <c r="E2410" t="s">
        <v>18642</v>
      </c>
      <c r="G2410" s="2"/>
    </row>
    <row r="2411" spans="1:7" x14ac:dyDescent="0.25">
      <c r="A2411" s="1">
        <v>2409</v>
      </c>
      <c r="B2411" t="s">
        <v>2412</v>
      </c>
      <c r="C2411" t="s">
        <v>7862</v>
      </c>
      <c r="D2411" t="s">
        <v>13306</v>
      </c>
      <c r="E2411" t="s">
        <v>18643</v>
      </c>
      <c r="G2411" s="2"/>
    </row>
    <row r="2412" spans="1:7" x14ac:dyDescent="0.25">
      <c r="A2412" s="1">
        <v>2410</v>
      </c>
      <c r="B2412" t="s">
        <v>2413</v>
      </c>
      <c r="C2412" t="s">
        <v>7863</v>
      </c>
      <c r="D2412" t="s">
        <v>13307</v>
      </c>
      <c r="E2412" t="s">
        <v>18644</v>
      </c>
      <c r="G2412" s="2"/>
    </row>
    <row r="2413" spans="1:7" x14ac:dyDescent="0.25">
      <c r="A2413" s="1">
        <v>2411</v>
      </c>
      <c r="B2413" t="s">
        <v>2414</v>
      </c>
      <c r="C2413" t="s">
        <v>7864</v>
      </c>
      <c r="D2413" t="s">
        <v>13308</v>
      </c>
      <c r="E2413" t="s">
        <v>18645</v>
      </c>
      <c r="G2413" s="2"/>
    </row>
    <row r="2414" spans="1:7" x14ac:dyDescent="0.25">
      <c r="A2414" s="1">
        <v>2412</v>
      </c>
      <c r="B2414" t="s">
        <v>2415</v>
      </c>
      <c r="C2414" t="s">
        <v>7865</v>
      </c>
      <c r="D2414" t="s">
        <v>13309</v>
      </c>
      <c r="E2414" t="s">
        <v>18646</v>
      </c>
      <c r="G2414" s="2"/>
    </row>
    <row r="2415" spans="1:7" x14ac:dyDescent="0.25">
      <c r="A2415" s="1">
        <v>2413</v>
      </c>
      <c r="B2415" t="s">
        <v>2416</v>
      </c>
      <c r="C2415" t="s">
        <v>7866</v>
      </c>
      <c r="D2415" t="s">
        <v>13310</v>
      </c>
      <c r="E2415" t="s">
        <v>18647</v>
      </c>
      <c r="G2415" s="2"/>
    </row>
    <row r="2416" spans="1:7" x14ac:dyDescent="0.25">
      <c r="A2416" s="1">
        <v>2414</v>
      </c>
      <c r="B2416" t="s">
        <v>2417</v>
      </c>
      <c r="C2416" t="s">
        <v>7867</v>
      </c>
      <c r="D2416" t="s">
        <v>13311</v>
      </c>
      <c r="E2416" t="s">
        <v>18648</v>
      </c>
      <c r="G2416" s="2"/>
    </row>
    <row r="2417" spans="1:7" x14ac:dyDescent="0.25">
      <c r="A2417" s="1">
        <v>2415</v>
      </c>
      <c r="B2417" t="s">
        <v>2418</v>
      </c>
      <c r="C2417" t="s">
        <v>7868</v>
      </c>
      <c r="D2417" t="s">
        <v>13312</v>
      </c>
      <c r="E2417" t="s">
        <v>18649</v>
      </c>
      <c r="G2417" s="2"/>
    </row>
    <row r="2418" spans="1:7" x14ac:dyDescent="0.25">
      <c r="A2418" s="1">
        <v>2416</v>
      </c>
      <c r="B2418" t="s">
        <v>2419</v>
      </c>
      <c r="C2418" t="s">
        <v>7869</v>
      </c>
      <c r="D2418" t="s">
        <v>13313</v>
      </c>
      <c r="E2418" t="s">
        <v>18650</v>
      </c>
      <c r="G2418" s="2"/>
    </row>
    <row r="2419" spans="1:7" x14ac:dyDescent="0.25">
      <c r="A2419" s="1">
        <v>2417</v>
      </c>
      <c r="B2419" t="s">
        <v>2420</v>
      </c>
      <c r="C2419" t="s">
        <v>7870</v>
      </c>
      <c r="D2419" t="s">
        <v>13314</v>
      </c>
      <c r="E2419" t="s">
        <v>18651</v>
      </c>
      <c r="G2419" s="2"/>
    </row>
    <row r="2420" spans="1:7" x14ac:dyDescent="0.25">
      <c r="A2420" s="1">
        <v>2418</v>
      </c>
      <c r="B2420" t="s">
        <v>2421</v>
      </c>
      <c r="C2420" t="s">
        <v>7871</v>
      </c>
      <c r="D2420" t="s">
        <v>13315</v>
      </c>
      <c r="E2420" t="s">
        <v>18652</v>
      </c>
      <c r="G2420" s="2"/>
    </row>
    <row r="2421" spans="1:7" x14ac:dyDescent="0.25">
      <c r="A2421" s="1">
        <v>2419</v>
      </c>
      <c r="B2421" t="s">
        <v>2422</v>
      </c>
      <c r="C2421" t="s">
        <v>7872</v>
      </c>
      <c r="D2421" t="s">
        <v>13316</v>
      </c>
      <c r="E2421" t="s">
        <v>18653</v>
      </c>
      <c r="G2421" s="2"/>
    </row>
    <row r="2422" spans="1:7" x14ac:dyDescent="0.25">
      <c r="A2422" s="1">
        <v>2420</v>
      </c>
      <c r="B2422" t="s">
        <v>2423</v>
      </c>
      <c r="C2422" t="s">
        <v>7873</v>
      </c>
      <c r="D2422" t="s">
        <v>13317</v>
      </c>
      <c r="E2422" t="s">
        <v>18654</v>
      </c>
      <c r="G2422" s="2"/>
    </row>
    <row r="2423" spans="1:7" x14ac:dyDescent="0.25">
      <c r="A2423" s="1">
        <v>2421</v>
      </c>
      <c r="B2423" t="s">
        <v>2424</v>
      </c>
      <c r="C2423" t="s">
        <v>7874</v>
      </c>
      <c r="D2423" t="s">
        <v>13318</v>
      </c>
      <c r="E2423" t="s">
        <v>18655</v>
      </c>
      <c r="G2423" s="2"/>
    </row>
    <row r="2424" spans="1:7" x14ac:dyDescent="0.25">
      <c r="A2424" s="1">
        <v>2422</v>
      </c>
      <c r="B2424" t="s">
        <v>2425</v>
      </c>
      <c r="C2424" t="s">
        <v>7875</v>
      </c>
      <c r="D2424" t="s">
        <v>13319</v>
      </c>
      <c r="E2424" t="s">
        <v>18656</v>
      </c>
      <c r="G2424" s="2"/>
    </row>
    <row r="2425" spans="1:7" x14ac:dyDescent="0.25">
      <c r="A2425" s="1">
        <v>2423</v>
      </c>
      <c r="B2425" t="s">
        <v>2426</v>
      </c>
      <c r="C2425" t="s">
        <v>7876</v>
      </c>
      <c r="D2425" t="s">
        <v>13320</v>
      </c>
      <c r="E2425" t="s">
        <v>18657</v>
      </c>
      <c r="G2425" s="2"/>
    </row>
    <row r="2426" spans="1:7" x14ac:dyDescent="0.25">
      <c r="A2426" s="1">
        <v>2424</v>
      </c>
      <c r="B2426" t="s">
        <v>2427</v>
      </c>
      <c r="C2426" t="s">
        <v>7877</v>
      </c>
      <c r="D2426" t="s">
        <v>13321</v>
      </c>
      <c r="E2426" t="s">
        <v>18658</v>
      </c>
      <c r="G2426" s="2"/>
    </row>
    <row r="2427" spans="1:7" x14ac:dyDescent="0.25">
      <c r="A2427" s="1">
        <v>2425</v>
      </c>
      <c r="B2427" t="s">
        <v>2428</v>
      </c>
      <c r="C2427" t="s">
        <v>7878</v>
      </c>
      <c r="D2427" t="s">
        <v>13322</v>
      </c>
      <c r="E2427" t="s">
        <v>18659</v>
      </c>
      <c r="G2427" s="2"/>
    </row>
    <row r="2428" spans="1:7" x14ac:dyDescent="0.25">
      <c r="A2428" s="1">
        <v>2426</v>
      </c>
      <c r="B2428" t="s">
        <v>2429</v>
      </c>
      <c r="C2428" t="s">
        <v>7879</v>
      </c>
      <c r="D2428" t="s">
        <v>13323</v>
      </c>
      <c r="E2428" t="s">
        <v>18660</v>
      </c>
      <c r="G2428" s="2"/>
    </row>
    <row r="2429" spans="1:7" x14ac:dyDescent="0.25">
      <c r="A2429" s="1">
        <v>2427</v>
      </c>
      <c r="B2429" t="s">
        <v>2430</v>
      </c>
      <c r="C2429" t="s">
        <v>7880</v>
      </c>
      <c r="D2429" t="s">
        <v>13324</v>
      </c>
      <c r="E2429" t="s">
        <v>18661</v>
      </c>
      <c r="G2429" s="2"/>
    </row>
    <row r="2430" spans="1:7" x14ac:dyDescent="0.25">
      <c r="A2430" s="1">
        <v>2428</v>
      </c>
      <c r="B2430" t="s">
        <v>2431</v>
      </c>
      <c r="C2430" t="s">
        <v>7881</v>
      </c>
      <c r="D2430" t="s">
        <v>13325</v>
      </c>
      <c r="E2430" t="s">
        <v>18662</v>
      </c>
      <c r="G2430" s="2"/>
    </row>
    <row r="2431" spans="1:7" x14ac:dyDescent="0.25">
      <c r="A2431" s="1">
        <v>2429</v>
      </c>
      <c r="B2431" t="s">
        <v>2432</v>
      </c>
      <c r="C2431" t="s">
        <v>7882</v>
      </c>
      <c r="D2431" t="s">
        <v>13326</v>
      </c>
      <c r="E2431" t="s">
        <v>18663</v>
      </c>
      <c r="G2431" s="2"/>
    </row>
    <row r="2432" spans="1:7" x14ac:dyDescent="0.25">
      <c r="A2432" s="1">
        <v>2430</v>
      </c>
      <c r="B2432" t="s">
        <v>2433</v>
      </c>
      <c r="C2432" t="s">
        <v>7883</v>
      </c>
      <c r="D2432" t="s">
        <v>13327</v>
      </c>
      <c r="E2432" t="s">
        <v>18664</v>
      </c>
      <c r="G2432" s="2"/>
    </row>
    <row r="2433" spans="1:7" x14ac:dyDescent="0.25">
      <c r="A2433" s="1">
        <v>2431</v>
      </c>
      <c r="B2433" t="s">
        <v>2434</v>
      </c>
      <c r="C2433" t="s">
        <v>7884</v>
      </c>
      <c r="D2433" t="s">
        <v>13328</v>
      </c>
      <c r="E2433" t="s">
        <v>18665</v>
      </c>
      <c r="G2433" s="2"/>
    </row>
    <row r="2434" spans="1:7" x14ac:dyDescent="0.25">
      <c r="A2434" s="1">
        <v>2432</v>
      </c>
      <c r="B2434" t="s">
        <v>2435</v>
      </c>
      <c r="C2434" t="s">
        <v>7885</v>
      </c>
      <c r="D2434" t="s">
        <v>13329</v>
      </c>
      <c r="E2434" t="s">
        <v>16617</v>
      </c>
      <c r="G2434" s="2"/>
    </row>
    <row r="2435" spans="1:7" x14ac:dyDescent="0.25">
      <c r="A2435" s="1">
        <v>2433</v>
      </c>
      <c r="B2435" t="s">
        <v>2436</v>
      </c>
      <c r="C2435" t="s">
        <v>7886</v>
      </c>
      <c r="D2435" t="s">
        <v>13330</v>
      </c>
      <c r="E2435" t="s">
        <v>18666</v>
      </c>
      <c r="G2435" s="2"/>
    </row>
    <row r="2436" spans="1:7" x14ac:dyDescent="0.25">
      <c r="A2436" s="1">
        <v>2434</v>
      </c>
      <c r="B2436" t="s">
        <v>2437</v>
      </c>
      <c r="C2436" t="s">
        <v>7887</v>
      </c>
      <c r="D2436" t="s">
        <v>13331</v>
      </c>
      <c r="E2436" t="s">
        <v>18667</v>
      </c>
      <c r="G2436" s="2"/>
    </row>
    <row r="2437" spans="1:7" x14ac:dyDescent="0.25">
      <c r="A2437" s="1">
        <v>2435</v>
      </c>
      <c r="B2437" t="s">
        <v>2438</v>
      </c>
      <c r="C2437" t="s">
        <v>7888</v>
      </c>
      <c r="D2437" t="s">
        <v>13332</v>
      </c>
      <c r="E2437" t="s">
        <v>18668</v>
      </c>
      <c r="G2437" s="2"/>
    </row>
    <row r="2438" spans="1:7" x14ac:dyDescent="0.25">
      <c r="A2438" s="1">
        <v>2436</v>
      </c>
      <c r="B2438" t="s">
        <v>2439</v>
      </c>
      <c r="C2438" t="s">
        <v>7889</v>
      </c>
      <c r="D2438" t="s">
        <v>13333</v>
      </c>
      <c r="E2438" t="s">
        <v>18669</v>
      </c>
      <c r="G2438" s="2"/>
    </row>
    <row r="2439" spans="1:7" x14ac:dyDescent="0.25">
      <c r="A2439" s="1">
        <v>2437</v>
      </c>
      <c r="B2439" t="s">
        <v>2440</v>
      </c>
      <c r="C2439" t="s">
        <v>7890</v>
      </c>
      <c r="D2439" t="s">
        <v>13334</v>
      </c>
      <c r="E2439" t="s">
        <v>18670</v>
      </c>
      <c r="G2439" s="2"/>
    </row>
    <row r="2440" spans="1:7" x14ac:dyDescent="0.25">
      <c r="A2440" s="1">
        <v>2438</v>
      </c>
      <c r="B2440" t="s">
        <v>2441</v>
      </c>
      <c r="C2440" t="s">
        <v>7891</v>
      </c>
      <c r="D2440" t="s">
        <v>13335</v>
      </c>
      <c r="E2440" t="s">
        <v>18671</v>
      </c>
      <c r="G2440" s="2"/>
    </row>
    <row r="2441" spans="1:7" x14ac:dyDescent="0.25">
      <c r="A2441" s="1">
        <v>2439</v>
      </c>
      <c r="B2441" t="s">
        <v>2442</v>
      </c>
      <c r="C2441" t="s">
        <v>7892</v>
      </c>
      <c r="D2441" t="s">
        <v>13336</v>
      </c>
      <c r="E2441" t="s">
        <v>18672</v>
      </c>
      <c r="G2441" s="2"/>
    </row>
    <row r="2442" spans="1:7" x14ac:dyDescent="0.25">
      <c r="A2442" s="1">
        <v>2440</v>
      </c>
      <c r="B2442" t="s">
        <v>2443</v>
      </c>
      <c r="C2442" t="s">
        <v>7893</v>
      </c>
      <c r="D2442" t="s">
        <v>13337</v>
      </c>
      <c r="E2442" t="s">
        <v>18673</v>
      </c>
      <c r="G2442" s="2"/>
    </row>
    <row r="2443" spans="1:7" x14ac:dyDescent="0.25">
      <c r="A2443" s="1">
        <v>2441</v>
      </c>
      <c r="B2443" t="s">
        <v>2444</v>
      </c>
      <c r="C2443" t="s">
        <v>7894</v>
      </c>
      <c r="D2443" t="s">
        <v>13338</v>
      </c>
      <c r="E2443" t="s">
        <v>18674</v>
      </c>
      <c r="G2443" s="2"/>
    </row>
    <row r="2444" spans="1:7" x14ac:dyDescent="0.25">
      <c r="A2444" s="1">
        <v>2442</v>
      </c>
      <c r="B2444" t="s">
        <v>2445</v>
      </c>
      <c r="C2444" t="s">
        <v>7895</v>
      </c>
      <c r="D2444" t="s">
        <v>13339</v>
      </c>
      <c r="E2444" t="s">
        <v>18675</v>
      </c>
      <c r="G2444" s="2"/>
    </row>
    <row r="2445" spans="1:7" x14ac:dyDescent="0.25">
      <c r="A2445" s="1">
        <v>2443</v>
      </c>
      <c r="B2445" t="s">
        <v>2446</v>
      </c>
      <c r="C2445" t="s">
        <v>7896</v>
      </c>
      <c r="D2445" t="s">
        <v>13340</v>
      </c>
      <c r="E2445" t="s">
        <v>18676</v>
      </c>
      <c r="G2445" s="2"/>
    </row>
    <row r="2446" spans="1:7" x14ac:dyDescent="0.25">
      <c r="A2446" s="1">
        <v>2444</v>
      </c>
      <c r="B2446" t="s">
        <v>2447</v>
      </c>
      <c r="C2446" t="s">
        <v>7897</v>
      </c>
      <c r="D2446" t="s">
        <v>13341</v>
      </c>
      <c r="E2446" t="s">
        <v>18677</v>
      </c>
      <c r="G2446" s="2"/>
    </row>
    <row r="2447" spans="1:7" x14ac:dyDescent="0.25">
      <c r="A2447" s="1">
        <v>2445</v>
      </c>
      <c r="B2447" t="s">
        <v>2448</v>
      </c>
      <c r="C2447" t="s">
        <v>7898</v>
      </c>
      <c r="D2447" t="s">
        <v>13342</v>
      </c>
      <c r="E2447" t="s">
        <v>18678</v>
      </c>
      <c r="G2447" s="2"/>
    </row>
    <row r="2448" spans="1:7" x14ac:dyDescent="0.25">
      <c r="A2448" s="1">
        <v>2446</v>
      </c>
      <c r="B2448" t="s">
        <v>2449</v>
      </c>
      <c r="C2448" t="s">
        <v>7899</v>
      </c>
      <c r="D2448" t="s">
        <v>13343</v>
      </c>
      <c r="E2448" t="s">
        <v>18679</v>
      </c>
      <c r="G2448" s="2"/>
    </row>
    <row r="2449" spans="1:7" x14ac:dyDescent="0.25">
      <c r="A2449" s="1">
        <v>2447</v>
      </c>
      <c r="B2449" t="s">
        <v>2450</v>
      </c>
      <c r="C2449" t="s">
        <v>7900</v>
      </c>
      <c r="D2449" t="s">
        <v>13344</v>
      </c>
      <c r="E2449" t="s">
        <v>18680</v>
      </c>
      <c r="G2449" s="2"/>
    </row>
    <row r="2450" spans="1:7" x14ac:dyDescent="0.25">
      <c r="A2450" s="1">
        <v>2448</v>
      </c>
      <c r="B2450" t="s">
        <v>2451</v>
      </c>
      <c r="C2450" t="s">
        <v>7901</v>
      </c>
      <c r="D2450" t="s">
        <v>13345</v>
      </c>
      <c r="E2450" t="s">
        <v>18681</v>
      </c>
      <c r="G2450" s="2"/>
    </row>
    <row r="2451" spans="1:7" x14ac:dyDescent="0.25">
      <c r="A2451" s="1">
        <v>2449</v>
      </c>
      <c r="B2451" t="s">
        <v>2452</v>
      </c>
      <c r="C2451" t="s">
        <v>7902</v>
      </c>
      <c r="D2451" t="s">
        <v>13346</v>
      </c>
      <c r="E2451" t="s">
        <v>18682</v>
      </c>
      <c r="G2451" s="2"/>
    </row>
    <row r="2452" spans="1:7" x14ac:dyDescent="0.25">
      <c r="A2452" s="1">
        <v>2450</v>
      </c>
      <c r="B2452" t="s">
        <v>2453</v>
      </c>
      <c r="C2452" t="s">
        <v>7903</v>
      </c>
      <c r="D2452" t="s">
        <v>13347</v>
      </c>
      <c r="E2452" t="s">
        <v>18683</v>
      </c>
      <c r="G2452" s="2"/>
    </row>
    <row r="2453" spans="1:7" x14ac:dyDescent="0.25">
      <c r="A2453" s="1">
        <v>2451</v>
      </c>
      <c r="B2453" t="s">
        <v>2454</v>
      </c>
      <c r="C2453" t="s">
        <v>7904</v>
      </c>
      <c r="D2453" t="s">
        <v>13348</v>
      </c>
      <c r="E2453" t="s">
        <v>18684</v>
      </c>
      <c r="G2453" s="2"/>
    </row>
    <row r="2454" spans="1:7" x14ac:dyDescent="0.25">
      <c r="A2454" s="1">
        <v>2452</v>
      </c>
      <c r="B2454" t="s">
        <v>2455</v>
      </c>
      <c r="C2454" t="s">
        <v>7905</v>
      </c>
      <c r="D2454" t="s">
        <v>13349</v>
      </c>
      <c r="E2454" t="s">
        <v>18685</v>
      </c>
      <c r="G2454" s="2"/>
    </row>
    <row r="2455" spans="1:7" x14ac:dyDescent="0.25">
      <c r="A2455" s="1">
        <v>2453</v>
      </c>
      <c r="B2455" t="s">
        <v>2456</v>
      </c>
      <c r="C2455" t="s">
        <v>7906</v>
      </c>
      <c r="D2455" t="s">
        <v>13350</v>
      </c>
      <c r="E2455" t="s">
        <v>17091</v>
      </c>
      <c r="G2455" s="2"/>
    </row>
    <row r="2456" spans="1:7" x14ac:dyDescent="0.25">
      <c r="A2456" s="1">
        <v>2454</v>
      </c>
      <c r="B2456" t="s">
        <v>2457</v>
      </c>
      <c r="C2456" t="s">
        <v>7907</v>
      </c>
      <c r="D2456" t="s">
        <v>13351</v>
      </c>
      <c r="E2456" t="s">
        <v>18686</v>
      </c>
      <c r="G2456" s="2"/>
    </row>
    <row r="2457" spans="1:7" x14ac:dyDescent="0.25">
      <c r="A2457" s="1">
        <v>2455</v>
      </c>
      <c r="B2457" t="s">
        <v>2458</v>
      </c>
      <c r="C2457" t="s">
        <v>7908</v>
      </c>
      <c r="D2457" t="s">
        <v>13352</v>
      </c>
      <c r="E2457" t="s">
        <v>18687</v>
      </c>
      <c r="G2457" s="2"/>
    </row>
    <row r="2458" spans="1:7" x14ac:dyDescent="0.25">
      <c r="A2458" s="1">
        <v>2456</v>
      </c>
      <c r="B2458" t="s">
        <v>2459</v>
      </c>
      <c r="C2458" t="s">
        <v>7909</v>
      </c>
      <c r="D2458" t="s">
        <v>13353</v>
      </c>
      <c r="E2458" t="s">
        <v>18688</v>
      </c>
      <c r="G2458" s="2"/>
    </row>
    <row r="2459" spans="1:7" x14ac:dyDescent="0.25">
      <c r="A2459" s="1">
        <v>2457</v>
      </c>
      <c r="B2459" t="s">
        <v>2460</v>
      </c>
      <c r="C2459" t="s">
        <v>7910</v>
      </c>
      <c r="D2459" t="s">
        <v>13354</v>
      </c>
      <c r="E2459" t="s">
        <v>18689</v>
      </c>
      <c r="G2459" s="2"/>
    </row>
    <row r="2460" spans="1:7" x14ac:dyDescent="0.25">
      <c r="A2460" s="1">
        <v>2458</v>
      </c>
      <c r="B2460" t="s">
        <v>2461</v>
      </c>
      <c r="C2460" t="s">
        <v>7911</v>
      </c>
      <c r="D2460" t="s">
        <v>13355</v>
      </c>
      <c r="E2460" t="s">
        <v>18690</v>
      </c>
      <c r="G2460" s="2"/>
    </row>
    <row r="2461" spans="1:7" x14ac:dyDescent="0.25">
      <c r="A2461" s="1">
        <v>2459</v>
      </c>
      <c r="B2461" t="s">
        <v>2462</v>
      </c>
      <c r="C2461" t="s">
        <v>7912</v>
      </c>
      <c r="D2461" t="s">
        <v>13356</v>
      </c>
      <c r="E2461" t="s">
        <v>18691</v>
      </c>
      <c r="G2461" s="2"/>
    </row>
    <row r="2462" spans="1:7" x14ac:dyDescent="0.25">
      <c r="A2462" s="1">
        <v>2460</v>
      </c>
      <c r="B2462" t="s">
        <v>2463</v>
      </c>
      <c r="C2462" t="s">
        <v>7913</v>
      </c>
      <c r="D2462" t="s">
        <v>13357</v>
      </c>
      <c r="E2462" t="s">
        <v>18692</v>
      </c>
      <c r="G2462" s="2"/>
    </row>
    <row r="2463" spans="1:7" x14ac:dyDescent="0.25">
      <c r="A2463" s="1">
        <v>2461</v>
      </c>
      <c r="B2463" t="s">
        <v>2464</v>
      </c>
      <c r="C2463" t="s">
        <v>7914</v>
      </c>
      <c r="D2463" t="s">
        <v>13358</v>
      </c>
      <c r="E2463" t="s">
        <v>18693</v>
      </c>
      <c r="G2463" s="2"/>
    </row>
    <row r="2464" spans="1:7" x14ac:dyDescent="0.25">
      <c r="A2464" s="1">
        <v>2462</v>
      </c>
      <c r="B2464" t="s">
        <v>2465</v>
      </c>
      <c r="C2464" t="s">
        <v>7915</v>
      </c>
      <c r="D2464" t="s">
        <v>13359</v>
      </c>
      <c r="E2464" t="s">
        <v>18694</v>
      </c>
      <c r="G2464" s="2"/>
    </row>
    <row r="2465" spans="1:7" x14ac:dyDescent="0.25">
      <c r="A2465" s="1">
        <v>2463</v>
      </c>
      <c r="B2465" t="s">
        <v>2466</v>
      </c>
      <c r="C2465" t="s">
        <v>7916</v>
      </c>
      <c r="D2465" t="s">
        <v>13360</v>
      </c>
      <c r="E2465" t="s">
        <v>18695</v>
      </c>
      <c r="G2465" s="2"/>
    </row>
    <row r="2466" spans="1:7" x14ac:dyDescent="0.25">
      <c r="A2466" s="1">
        <v>2464</v>
      </c>
      <c r="B2466" t="s">
        <v>2467</v>
      </c>
      <c r="C2466" t="s">
        <v>7917</v>
      </c>
      <c r="D2466" t="s">
        <v>13361</v>
      </c>
      <c r="E2466" t="s">
        <v>18696</v>
      </c>
      <c r="G2466" s="2"/>
    </row>
    <row r="2467" spans="1:7" x14ac:dyDescent="0.25">
      <c r="A2467" s="1">
        <v>2465</v>
      </c>
      <c r="B2467" t="s">
        <v>2468</v>
      </c>
      <c r="C2467" t="s">
        <v>7918</v>
      </c>
      <c r="D2467" t="s">
        <v>13362</v>
      </c>
      <c r="E2467" t="s">
        <v>18697</v>
      </c>
      <c r="G2467" s="2"/>
    </row>
    <row r="2468" spans="1:7" x14ac:dyDescent="0.25">
      <c r="A2468" s="1">
        <v>2466</v>
      </c>
      <c r="B2468" t="s">
        <v>2469</v>
      </c>
      <c r="C2468" t="s">
        <v>7919</v>
      </c>
      <c r="D2468" t="s">
        <v>13363</v>
      </c>
      <c r="E2468" t="s">
        <v>18698</v>
      </c>
      <c r="G2468" s="2"/>
    </row>
    <row r="2469" spans="1:7" x14ac:dyDescent="0.25">
      <c r="A2469" s="1">
        <v>2467</v>
      </c>
      <c r="B2469" t="s">
        <v>2470</v>
      </c>
      <c r="C2469" t="s">
        <v>7920</v>
      </c>
      <c r="D2469" t="s">
        <v>13364</v>
      </c>
      <c r="E2469" t="s">
        <v>18699</v>
      </c>
      <c r="G2469" s="2"/>
    </row>
    <row r="2470" spans="1:7" x14ac:dyDescent="0.25">
      <c r="A2470" s="1">
        <v>2468</v>
      </c>
      <c r="B2470" t="s">
        <v>2471</v>
      </c>
      <c r="C2470" t="s">
        <v>7921</v>
      </c>
      <c r="D2470" t="s">
        <v>13365</v>
      </c>
      <c r="E2470" t="s">
        <v>18700</v>
      </c>
      <c r="G2470" s="2"/>
    </row>
    <row r="2471" spans="1:7" x14ac:dyDescent="0.25">
      <c r="A2471" s="1">
        <v>2469</v>
      </c>
      <c r="B2471" t="s">
        <v>2472</v>
      </c>
      <c r="C2471" t="s">
        <v>7922</v>
      </c>
      <c r="D2471" t="s">
        <v>13366</v>
      </c>
      <c r="E2471" t="s">
        <v>18701</v>
      </c>
      <c r="G2471" s="2"/>
    </row>
    <row r="2472" spans="1:7" x14ac:dyDescent="0.25">
      <c r="A2472" s="1">
        <v>2470</v>
      </c>
      <c r="B2472" t="s">
        <v>2473</v>
      </c>
      <c r="C2472" t="s">
        <v>7923</v>
      </c>
      <c r="D2472" t="s">
        <v>13367</v>
      </c>
      <c r="E2472" t="s">
        <v>18702</v>
      </c>
      <c r="G2472" s="2"/>
    </row>
    <row r="2473" spans="1:7" x14ac:dyDescent="0.25">
      <c r="A2473" s="1">
        <v>2471</v>
      </c>
      <c r="B2473" t="s">
        <v>2474</v>
      </c>
      <c r="C2473" t="s">
        <v>7924</v>
      </c>
      <c r="D2473" t="s">
        <v>13368</v>
      </c>
      <c r="E2473" t="s">
        <v>18502</v>
      </c>
      <c r="G2473" s="2"/>
    </row>
    <row r="2474" spans="1:7" x14ac:dyDescent="0.25">
      <c r="A2474" s="1">
        <v>2472</v>
      </c>
      <c r="B2474" t="s">
        <v>2475</v>
      </c>
      <c r="C2474" t="s">
        <v>7925</v>
      </c>
      <c r="D2474" t="s">
        <v>13369</v>
      </c>
      <c r="E2474" t="s">
        <v>18703</v>
      </c>
      <c r="G2474" s="2"/>
    </row>
    <row r="2475" spans="1:7" x14ac:dyDescent="0.25">
      <c r="A2475" s="1">
        <v>2473</v>
      </c>
      <c r="B2475" t="s">
        <v>2476</v>
      </c>
      <c r="C2475" t="s">
        <v>7926</v>
      </c>
      <c r="D2475" t="s">
        <v>13370</v>
      </c>
      <c r="E2475" t="s">
        <v>18704</v>
      </c>
      <c r="G2475" s="2"/>
    </row>
    <row r="2476" spans="1:7" x14ac:dyDescent="0.25">
      <c r="A2476" s="1">
        <v>2474</v>
      </c>
      <c r="B2476" t="s">
        <v>2477</v>
      </c>
      <c r="C2476" t="s">
        <v>7927</v>
      </c>
      <c r="D2476" t="s">
        <v>13371</v>
      </c>
      <c r="E2476" t="s">
        <v>18705</v>
      </c>
      <c r="G2476" s="2"/>
    </row>
    <row r="2477" spans="1:7" x14ac:dyDescent="0.25">
      <c r="A2477" s="1">
        <v>2475</v>
      </c>
      <c r="B2477" t="s">
        <v>2478</v>
      </c>
      <c r="C2477" t="s">
        <v>7928</v>
      </c>
      <c r="D2477" t="s">
        <v>13372</v>
      </c>
      <c r="E2477" t="s">
        <v>18706</v>
      </c>
      <c r="G2477" s="2"/>
    </row>
    <row r="2478" spans="1:7" x14ac:dyDescent="0.25">
      <c r="A2478" s="1">
        <v>2476</v>
      </c>
      <c r="B2478" t="s">
        <v>2479</v>
      </c>
      <c r="C2478" t="s">
        <v>7929</v>
      </c>
      <c r="D2478" t="s">
        <v>13373</v>
      </c>
      <c r="E2478" t="s">
        <v>18707</v>
      </c>
      <c r="G2478" s="2"/>
    </row>
    <row r="2479" spans="1:7" x14ac:dyDescent="0.25">
      <c r="A2479" s="1">
        <v>2477</v>
      </c>
      <c r="B2479" t="s">
        <v>2480</v>
      </c>
      <c r="C2479" t="s">
        <v>7930</v>
      </c>
      <c r="D2479" t="s">
        <v>13374</v>
      </c>
      <c r="E2479" t="s">
        <v>18708</v>
      </c>
      <c r="G2479" s="2"/>
    </row>
    <row r="2480" spans="1:7" x14ac:dyDescent="0.25">
      <c r="A2480" s="1">
        <v>2478</v>
      </c>
      <c r="B2480" t="s">
        <v>2481</v>
      </c>
      <c r="C2480" t="s">
        <v>7931</v>
      </c>
      <c r="D2480" t="s">
        <v>13375</v>
      </c>
      <c r="E2480" t="s">
        <v>18709</v>
      </c>
      <c r="G2480" s="2"/>
    </row>
    <row r="2481" spans="1:7" x14ac:dyDescent="0.25">
      <c r="A2481" s="1">
        <v>2479</v>
      </c>
      <c r="B2481" t="s">
        <v>2482</v>
      </c>
      <c r="C2481" t="s">
        <v>7932</v>
      </c>
      <c r="D2481" t="s">
        <v>13376</v>
      </c>
      <c r="E2481" t="s">
        <v>18710</v>
      </c>
      <c r="G2481" s="2"/>
    </row>
    <row r="2482" spans="1:7" x14ac:dyDescent="0.25">
      <c r="A2482" s="1">
        <v>2480</v>
      </c>
      <c r="B2482" t="s">
        <v>2483</v>
      </c>
      <c r="C2482" t="s">
        <v>7933</v>
      </c>
      <c r="D2482" t="s">
        <v>13377</v>
      </c>
      <c r="E2482" t="s">
        <v>18711</v>
      </c>
      <c r="G2482" s="2"/>
    </row>
    <row r="2483" spans="1:7" x14ac:dyDescent="0.25">
      <c r="A2483" s="1">
        <v>2481</v>
      </c>
      <c r="B2483" t="s">
        <v>2484</v>
      </c>
      <c r="C2483" t="s">
        <v>7934</v>
      </c>
      <c r="D2483" t="s">
        <v>13378</v>
      </c>
      <c r="E2483" t="s">
        <v>18712</v>
      </c>
      <c r="G2483" s="2"/>
    </row>
    <row r="2484" spans="1:7" x14ac:dyDescent="0.25">
      <c r="A2484" s="1">
        <v>2482</v>
      </c>
      <c r="B2484" t="s">
        <v>2485</v>
      </c>
      <c r="C2484" t="s">
        <v>7935</v>
      </c>
      <c r="D2484" t="s">
        <v>13379</v>
      </c>
      <c r="E2484" t="s">
        <v>18713</v>
      </c>
      <c r="G2484" s="2"/>
    </row>
    <row r="2485" spans="1:7" x14ac:dyDescent="0.25">
      <c r="A2485" s="1">
        <v>2483</v>
      </c>
      <c r="B2485" t="s">
        <v>2486</v>
      </c>
      <c r="C2485" t="s">
        <v>7936</v>
      </c>
      <c r="D2485" t="s">
        <v>13380</v>
      </c>
      <c r="E2485" t="s">
        <v>18714</v>
      </c>
      <c r="G2485" s="2"/>
    </row>
    <row r="2486" spans="1:7" x14ac:dyDescent="0.25">
      <c r="A2486" s="1">
        <v>2484</v>
      </c>
      <c r="B2486" t="s">
        <v>2487</v>
      </c>
      <c r="C2486" t="s">
        <v>7937</v>
      </c>
      <c r="D2486" t="s">
        <v>13381</v>
      </c>
      <c r="E2486" t="s">
        <v>18715</v>
      </c>
      <c r="G2486" s="2"/>
    </row>
    <row r="2487" spans="1:7" x14ac:dyDescent="0.25">
      <c r="A2487" s="1">
        <v>2485</v>
      </c>
      <c r="B2487" t="s">
        <v>2488</v>
      </c>
      <c r="C2487" t="s">
        <v>7938</v>
      </c>
      <c r="D2487" t="s">
        <v>13382</v>
      </c>
      <c r="E2487" t="s">
        <v>18716</v>
      </c>
      <c r="G2487" s="2"/>
    </row>
    <row r="2488" spans="1:7" x14ac:dyDescent="0.25">
      <c r="A2488" s="1">
        <v>2486</v>
      </c>
      <c r="B2488" t="s">
        <v>2489</v>
      </c>
      <c r="C2488" t="s">
        <v>7939</v>
      </c>
      <c r="D2488" t="s">
        <v>13383</v>
      </c>
      <c r="E2488" t="s">
        <v>18717</v>
      </c>
      <c r="G2488" s="2"/>
    </row>
    <row r="2489" spans="1:7" x14ac:dyDescent="0.25">
      <c r="A2489" s="1">
        <v>2487</v>
      </c>
      <c r="B2489" t="s">
        <v>2490</v>
      </c>
      <c r="C2489" t="s">
        <v>7940</v>
      </c>
      <c r="D2489" t="s">
        <v>13384</v>
      </c>
      <c r="E2489" t="s">
        <v>18718</v>
      </c>
      <c r="G2489" s="2"/>
    </row>
    <row r="2490" spans="1:7" x14ac:dyDescent="0.25">
      <c r="A2490" s="1">
        <v>2488</v>
      </c>
      <c r="B2490" t="s">
        <v>2491</v>
      </c>
      <c r="C2490" t="s">
        <v>7941</v>
      </c>
      <c r="D2490" t="s">
        <v>13385</v>
      </c>
      <c r="E2490" t="s">
        <v>18719</v>
      </c>
      <c r="G2490" s="2"/>
    </row>
    <row r="2491" spans="1:7" x14ac:dyDescent="0.25">
      <c r="A2491" s="1">
        <v>2489</v>
      </c>
      <c r="B2491" t="s">
        <v>2492</v>
      </c>
      <c r="C2491" t="s">
        <v>7942</v>
      </c>
      <c r="D2491" t="s">
        <v>13386</v>
      </c>
      <c r="E2491" t="s">
        <v>18720</v>
      </c>
      <c r="G2491" s="2"/>
    </row>
    <row r="2492" spans="1:7" x14ac:dyDescent="0.25">
      <c r="A2492" s="1">
        <v>2490</v>
      </c>
      <c r="B2492" t="s">
        <v>2493</v>
      </c>
      <c r="C2492" t="s">
        <v>7943</v>
      </c>
      <c r="D2492" t="s">
        <v>13387</v>
      </c>
      <c r="E2492" t="s">
        <v>18721</v>
      </c>
      <c r="G2492" s="2"/>
    </row>
    <row r="2493" spans="1:7" x14ac:dyDescent="0.25">
      <c r="A2493" s="1">
        <v>2491</v>
      </c>
      <c r="B2493" t="s">
        <v>2494</v>
      </c>
      <c r="C2493" t="s">
        <v>7944</v>
      </c>
      <c r="D2493" t="s">
        <v>13388</v>
      </c>
      <c r="E2493" t="s">
        <v>18722</v>
      </c>
      <c r="G2493" s="2"/>
    </row>
    <row r="2494" spans="1:7" x14ac:dyDescent="0.25">
      <c r="A2494" s="1">
        <v>2492</v>
      </c>
      <c r="B2494" t="s">
        <v>2495</v>
      </c>
      <c r="C2494" t="s">
        <v>7945</v>
      </c>
      <c r="D2494" t="s">
        <v>13389</v>
      </c>
      <c r="E2494" t="s">
        <v>16347</v>
      </c>
      <c r="G2494" s="2"/>
    </row>
    <row r="2495" spans="1:7" x14ac:dyDescent="0.25">
      <c r="A2495" s="1">
        <v>2493</v>
      </c>
      <c r="B2495" t="s">
        <v>2496</v>
      </c>
      <c r="C2495" t="s">
        <v>7946</v>
      </c>
      <c r="D2495" t="s">
        <v>13390</v>
      </c>
      <c r="E2495" t="s">
        <v>18723</v>
      </c>
      <c r="G2495" s="2"/>
    </row>
    <row r="2496" spans="1:7" x14ac:dyDescent="0.25">
      <c r="A2496" s="1">
        <v>2494</v>
      </c>
      <c r="B2496" t="s">
        <v>2497</v>
      </c>
      <c r="C2496" t="s">
        <v>7947</v>
      </c>
      <c r="D2496" t="s">
        <v>13391</v>
      </c>
      <c r="E2496" t="s">
        <v>18724</v>
      </c>
      <c r="G2496" s="2"/>
    </row>
    <row r="2497" spans="1:7" x14ac:dyDescent="0.25">
      <c r="A2497" s="1">
        <v>2495</v>
      </c>
      <c r="B2497" t="s">
        <v>2498</v>
      </c>
      <c r="C2497" t="s">
        <v>7948</v>
      </c>
      <c r="D2497" t="s">
        <v>13392</v>
      </c>
      <c r="E2497" t="s">
        <v>18725</v>
      </c>
      <c r="G2497" s="2"/>
    </row>
    <row r="2498" spans="1:7" x14ac:dyDescent="0.25">
      <c r="A2498" s="1">
        <v>2496</v>
      </c>
      <c r="B2498" t="s">
        <v>2499</v>
      </c>
      <c r="C2498" t="s">
        <v>7949</v>
      </c>
      <c r="D2498" t="s">
        <v>13393</v>
      </c>
      <c r="E2498" t="s">
        <v>18726</v>
      </c>
      <c r="G2498" s="2"/>
    </row>
    <row r="2499" spans="1:7" x14ac:dyDescent="0.25">
      <c r="A2499" s="1">
        <v>2497</v>
      </c>
      <c r="B2499" t="s">
        <v>2500</v>
      </c>
      <c r="C2499" t="s">
        <v>7950</v>
      </c>
      <c r="D2499" t="s">
        <v>13394</v>
      </c>
      <c r="E2499" t="s">
        <v>18727</v>
      </c>
      <c r="G2499" s="2"/>
    </row>
    <row r="2500" spans="1:7" x14ac:dyDescent="0.25">
      <c r="A2500" s="1">
        <v>2498</v>
      </c>
      <c r="B2500" t="s">
        <v>2501</v>
      </c>
      <c r="C2500" t="s">
        <v>7951</v>
      </c>
      <c r="D2500" t="s">
        <v>13395</v>
      </c>
      <c r="E2500" t="s">
        <v>18728</v>
      </c>
      <c r="G2500" s="2"/>
    </row>
    <row r="2501" spans="1:7" x14ac:dyDescent="0.25">
      <c r="A2501" s="1">
        <v>2499</v>
      </c>
      <c r="B2501" t="s">
        <v>2502</v>
      </c>
      <c r="C2501" t="s">
        <v>7952</v>
      </c>
      <c r="D2501" t="s">
        <v>13396</v>
      </c>
      <c r="E2501" t="s">
        <v>18729</v>
      </c>
      <c r="G2501" s="2"/>
    </row>
    <row r="2502" spans="1:7" x14ac:dyDescent="0.25">
      <c r="A2502" s="1">
        <v>2500</v>
      </c>
      <c r="B2502" t="s">
        <v>2503</v>
      </c>
      <c r="C2502" t="s">
        <v>7953</v>
      </c>
      <c r="D2502" t="s">
        <v>13397</v>
      </c>
      <c r="E2502" t="s">
        <v>18730</v>
      </c>
      <c r="G2502" s="2"/>
    </row>
    <row r="2503" spans="1:7" x14ac:dyDescent="0.25">
      <c r="A2503" s="1">
        <v>2501</v>
      </c>
      <c r="B2503" t="s">
        <v>2504</v>
      </c>
      <c r="C2503" t="s">
        <v>7954</v>
      </c>
      <c r="D2503" t="s">
        <v>13398</v>
      </c>
      <c r="E2503" t="s">
        <v>18731</v>
      </c>
      <c r="G2503" s="2"/>
    </row>
    <row r="2504" spans="1:7" x14ac:dyDescent="0.25">
      <c r="A2504" s="1">
        <v>2502</v>
      </c>
      <c r="B2504" t="s">
        <v>2505</v>
      </c>
      <c r="C2504" t="s">
        <v>7955</v>
      </c>
      <c r="D2504" t="s">
        <v>13399</v>
      </c>
      <c r="E2504" t="s">
        <v>18732</v>
      </c>
      <c r="G2504" s="2"/>
    </row>
    <row r="2505" spans="1:7" x14ac:dyDescent="0.25">
      <c r="A2505" s="1">
        <v>2503</v>
      </c>
      <c r="B2505" t="s">
        <v>2506</v>
      </c>
      <c r="C2505" t="s">
        <v>7956</v>
      </c>
      <c r="D2505" t="s">
        <v>13400</v>
      </c>
      <c r="E2505" t="s">
        <v>18733</v>
      </c>
      <c r="G2505" s="2"/>
    </row>
    <row r="2506" spans="1:7" x14ac:dyDescent="0.25">
      <c r="A2506" s="1">
        <v>2504</v>
      </c>
      <c r="B2506" t="s">
        <v>2507</v>
      </c>
      <c r="C2506" t="s">
        <v>7957</v>
      </c>
      <c r="D2506" t="s">
        <v>13401</v>
      </c>
      <c r="E2506" t="s">
        <v>18734</v>
      </c>
      <c r="G2506" s="2"/>
    </row>
    <row r="2507" spans="1:7" x14ac:dyDescent="0.25">
      <c r="A2507" s="1">
        <v>2505</v>
      </c>
      <c r="B2507" t="s">
        <v>2508</v>
      </c>
      <c r="C2507" t="s">
        <v>7958</v>
      </c>
      <c r="D2507" t="s">
        <v>13402</v>
      </c>
      <c r="E2507" t="s">
        <v>18735</v>
      </c>
      <c r="G2507" s="2"/>
    </row>
    <row r="2508" spans="1:7" x14ac:dyDescent="0.25">
      <c r="A2508" s="1">
        <v>2506</v>
      </c>
      <c r="B2508" t="s">
        <v>2509</v>
      </c>
      <c r="C2508" t="s">
        <v>7959</v>
      </c>
      <c r="D2508" t="s">
        <v>13403</v>
      </c>
      <c r="E2508" t="s">
        <v>18736</v>
      </c>
      <c r="G2508" s="2"/>
    </row>
    <row r="2509" spans="1:7" x14ac:dyDescent="0.25">
      <c r="A2509" s="1">
        <v>2507</v>
      </c>
      <c r="B2509" t="s">
        <v>2510</v>
      </c>
      <c r="C2509" t="s">
        <v>7960</v>
      </c>
      <c r="D2509" t="s">
        <v>13404</v>
      </c>
      <c r="E2509" t="s">
        <v>18737</v>
      </c>
      <c r="G2509" s="2"/>
    </row>
    <row r="2510" spans="1:7" x14ac:dyDescent="0.25">
      <c r="A2510" s="1">
        <v>2508</v>
      </c>
      <c r="B2510" t="s">
        <v>2511</v>
      </c>
      <c r="C2510" t="s">
        <v>7961</v>
      </c>
      <c r="D2510" t="s">
        <v>13405</v>
      </c>
      <c r="E2510" t="s">
        <v>18738</v>
      </c>
      <c r="G2510" s="2"/>
    </row>
    <row r="2511" spans="1:7" x14ac:dyDescent="0.25">
      <c r="A2511" s="1">
        <v>2509</v>
      </c>
      <c r="B2511" t="s">
        <v>2512</v>
      </c>
      <c r="C2511" t="s">
        <v>7962</v>
      </c>
      <c r="D2511" t="s">
        <v>13406</v>
      </c>
      <c r="E2511" t="s">
        <v>18739</v>
      </c>
      <c r="G2511" s="2"/>
    </row>
    <row r="2512" spans="1:7" x14ac:dyDescent="0.25">
      <c r="A2512" s="1">
        <v>2510</v>
      </c>
      <c r="B2512" t="s">
        <v>2513</v>
      </c>
      <c r="C2512" t="s">
        <v>7963</v>
      </c>
      <c r="D2512" t="s">
        <v>13407</v>
      </c>
      <c r="E2512" t="s">
        <v>18740</v>
      </c>
      <c r="G2512" s="2"/>
    </row>
    <row r="2513" spans="1:7" x14ac:dyDescent="0.25">
      <c r="A2513" s="1">
        <v>2511</v>
      </c>
      <c r="B2513" t="s">
        <v>2514</v>
      </c>
      <c r="C2513" t="s">
        <v>7964</v>
      </c>
      <c r="D2513" t="s">
        <v>13408</v>
      </c>
      <c r="E2513" t="s">
        <v>18741</v>
      </c>
      <c r="G2513" s="2"/>
    </row>
    <row r="2514" spans="1:7" x14ac:dyDescent="0.25">
      <c r="A2514" s="1">
        <v>2512</v>
      </c>
      <c r="B2514" t="s">
        <v>2515</v>
      </c>
      <c r="C2514" t="s">
        <v>7965</v>
      </c>
      <c r="D2514" t="s">
        <v>13409</v>
      </c>
      <c r="E2514" t="s">
        <v>18742</v>
      </c>
      <c r="G2514" s="2"/>
    </row>
    <row r="2515" spans="1:7" x14ac:dyDescent="0.25">
      <c r="A2515" s="1">
        <v>2513</v>
      </c>
      <c r="B2515" t="s">
        <v>2516</v>
      </c>
      <c r="C2515" t="s">
        <v>7966</v>
      </c>
      <c r="D2515" t="s">
        <v>13410</v>
      </c>
      <c r="E2515" t="s">
        <v>18743</v>
      </c>
      <c r="G2515" s="2"/>
    </row>
    <row r="2516" spans="1:7" x14ac:dyDescent="0.25">
      <c r="A2516" s="1">
        <v>2514</v>
      </c>
      <c r="B2516" t="s">
        <v>2517</v>
      </c>
      <c r="C2516" t="s">
        <v>7967</v>
      </c>
      <c r="D2516" t="s">
        <v>13411</v>
      </c>
      <c r="E2516" t="s">
        <v>18744</v>
      </c>
      <c r="G2516" s="2"/>
    </row>
    <row r="2517" spans="1:7" x14ac:dyDescent="0.25">
      <c r="A2517" s="1">
        <v>2515</v>
      </c>
      <c r="B2517" t="s">
        <v>2518</v>
      </c>
      <c r="C2517" t="s">
        <v>7968</v>
      </c>
      <c r="D2517" t="s">
        <v>13412</v>
      </c>
      <c r="E2517" t="s">
        <v>18745</v>
      </c>
      <c r="G2517" s="2"/>
    </row>
    <row r="2518" spans="1:7" x14ac:dyDescent="0.25">
      <c r="A2518" s="1">
        <v>2516</v>
      </c>
      <c r="B2518" t="s">
        <v>2519</v>
      </c>
      <c r="C2518" t="s">
        <v>7969</v>
      </c>
      <c r="D2518" t="s">
        <v>13413</v>
      </c>
      <c r="E2518" t="s">
        <v>18746</v>
      </c>
      <c r="G2518" s="2"/>
    </row>
    <row r="2519" spans="1:7" x14ac:dyDescent="0.25">
      <c r="A2519" s="1">
        <v>2517</v>
      </c>
      <c r="B2519" t="s">
        <v>2520</v>
      </c>
      <c r="C2519" t="s">
        <v>7970</v>
      </c>
      <c r="D2519" t="s">
        <v>13414</v>
      </c>
      <c r="E2519" t="s">
        <v>18747</v>
      </c>
      <c r="G2519" s="2"/>
    </row>
    <row r="2520" spans="1:7" x14ac:dyDescent="0.25">
      <c r="A2520" s="1">
        <v>2518</v>
      </c>
      <c r="B2520" t="s">
        <v>2521</v>
      </c>
      <c r="C2520" t="s">
        <v>7971</v>
      </c>
      <c r="D2520" t="s">
        <v>13415</v>
      </c>
      <c r="E2520" t="s">
        <v>18748</v>
      </c>
      <c r="G2520" s="2"/>
    </row>
    <row r="2521" spans="1:7" x14ac:dyDescent="0.25">
      <c r="A2521" s="1">
        <v>2519</v>
      </c>
      <c r="B2521" t="s">
        <v>2522</v>
      </c>
      <c r="C2521" t="s">
        <v>7972</v>
      </c>
      <c r="D2521" t="s">
        <v>13416</v>
      </c>
      <c r="E2521" t="s">
        <v>18749</v>
      </c>
      <c r="G2521" s="2"/>
    </row>
    <row r="2522" spans="1:7" x14ac:dyDescent="0.25">
      <c r="A2522" s="1">
        <v>2520</v>
      </c>
      <c r="B2522" t="s">
        <v>2523</v>
      </c>
      <c r="C2522" t="s">
        <v>7973</v>
      </c>
      <c r="D2522" t="s">
        <v>13417</v>
      </c>
      <c r="E2522" t="s">
        <v>18750</v>
      </c>
      <c r="G2522" s="2"/>
    </row>
    <row r="2523" spans="1:7" x14ac:dyDescent="0.25">
      <c r="A2523" s="1">
        <v>2521</v>
      </c>
      <c r="B2523" t="s">
        <v>2524</v>
      </c>
      <c r="C2523" t="s">
        <v>7974</v>
      </c>
      <c r="D2523" t="s">
        <v>13418</v>
      </c>
      <c r="E2523" t="s">
        <v>18751</v>
      </c>
      <c r="G2523" s="2"/>
    </row>
    <row r="2524" spans="1:7" x14ac:dyDescent="0.25">
      <c r="A2524" s="1">
        <v>2522</v>
      </c>
      <c r="B2524" t="s">
        <v>2525</v>
      </c>
      <c r="C2524" t="s">
        <v>7975</v>
      </c>
      <c r="D2524" t="s">
        <v>13419</v>
      </c>
      <c r="E2524" t="s">
        <v>18752</v>
      </c>
      <c r="G2524" s="2"/>
    </row>
    <row r="2525" spans="1:7" x14ac:dyDescent="0.25">
      <c r="A2525" s="1">
        <v>2523</v>
      </c>
      <c r="B2525" t="s">
        <v>2526</v>
      </c>
      <c r="C2525" t="s">
        <v>7976</v>
      </c>
      <c r="D2525" t="s">
        <v>13420</v>
      </c>
      <c r="E2525" t="s">
        <v>16617</v>
      </c>
      <c r="G2525" s="2"/>
    </row>
    <row r="2526" spans="1:7" x14ac:dyDescent="0.25">
      <c r="A2526" s="1">
        <v>2524</v>
      </c>
      <c r="B2526" t="s">
        <v>2527</v>
      </c>
      <c r="C2526" t="s">
        <v>7977</v>
      </c>
      <c r="D2526" t="s">
        <v>13421</v>
      </c>
      <c r="E2526" t="s">
        <v>18753</v>
      </c>
      <c r="G2526" s="2"/>
    </row>
    <row r="2527" spans="1:7" x14ac:dyDescent="0.25">
      <c r="A2527" s="1">
        <v>2525</v>
      </c>
      <c r="B2527" t="s">
        <v>2528</v>
      </c>
      <c r="C2527" t="s">
        <v>7978</v>
      </c>
      <c r="D2527" t="s">
        <v>13422</v>
      </c>
      <c r="E2527" t="s">
        <v>18754</v>
      </c>
      <c r="G2527" s="2"/>
    </row>
    <row r="2528" spans="1:7" x14ac:dyDescent="0.25">
      <c r="A2528" s="1">
        <v>2526</v>
      </c>
      <c r="B2528" t="s">
        <v>2529</v>
      </c>
      <c r="C2528" t="s">
        <v>7979</v>
      </c>
      <c r="D2528" t="s">
        <v>13423</v>
      </c>
      <c r="E2528" t="s">
        <v>18755</v>
      </c>
      <c r="G2528" s="2"/>
    </row>
    <row r="2529" spans="1:7" x14ac:dyDescent="0.25">
      <c r="A2529" s="1">
        <v>2527</v>
      </c>
      <c r="B2529" t="s">
        <v>2530</v>
      </c>
      <c r="C2529" t="s">
        <v>7980</v>
      </c>
      <c r="D2529" t="s">
        <v>13424</v>
      </c>
      <c r="E2529" t="s">
        <v>18756</v>
      </c>
      <c r="G2529" s="2"/>
    </row>
    <row r="2530" spans="1:7" x14ac:dyDescent="0.25">
      <c r="A2530" s="1">
        <v>2528</v>
      </c>
      <c r="B2530" t="s">
        <v>2531</v>
      </c>
      <c r="C2530" t="s">
        <v>7981</v>
      </c>
      <c r="D2530" t="s">
        <v>13425</v>
      </c>
      <c r="E2530" t="s">
        <v>18757</v>
      </c>
      <c r="G2530" s="2"/>
    </row>
    <row r="2531" spans="1:7" x14ac:dyDescent="0.25">
      <c r="A2531" s="1">
        <v>2529</v>
      </c>
      <c r="B2531" t="s">
        <v>2532</v>
      </c>
      <c r="C2531" t="s">
        <v>7982</v>
      </c>
      <c r="D2531" t="s">
        <v>13426</v>
      </c>
      <c r="E2531" t="s">
        <v>18758</v>
      </c>
      <c r="G2531" s="2"/>
    </row>
    <row r="2532" spans="1:7" x14ac:dyDescent="0.25">
      <c r="A2532" s="1">
        <v>2530</v>
      </c>
      <c r="B2532" t="s">
        <v>2533</v>
      </c>
      <c r="C2532" t="s">
        <v>7983</v>
      </c>
      <c r="D2532" t="s">
        <v>13427</v>
      </c>
      <c r="E2532" t="s">
        <v>18759</v>
      </c>
      <c r="G2532" s="2"/>
    </row>
    <row r="2533" spans="1:7" x14ac:dyDescent="0.25">
      <c r="A2533" s="1">
        <v>2531</v>
      </c>
      <c r="B2533" t="s">
        <v>2534</v>
      </c>
      <c r="C2533" t="s">
        <v>7984</v>
      </c>
      <c r="D2533" t="s">
        <v>13428</v>
      </c>
      <c r="E2533" t="s">
        <v>18760</v>
      </c>
      <c r="G2533" s="2"/>
    </row>
    <row r="2534" spans="1:7" x14ac:dyDescent="0.25">
      <c r="A2534" s="1">
        <v>2532</v>
      </c>
      <c r="B2534" t="s">
        <v>2535</v>
      </c>
      <c r="C2534" t="s">
        <v>7985</v>
      </c>
      <c r="D2534" t="s">
        <v>13429</v>
      </c>
      <c r="E2534" t="s">
        <v>18761</v>
      </c>
      <c r="G2534" s="2"/>
    </row>
    <row r="2535" spans="1:7" x14ac:dyDescent="0.25">
      <c r="A2535" s="1">
        <v>2533</v>
      </c>
      <c r="B2535" t="s">
        <v>2536</v>
      </c>
      <c r="C2535" t="s">
        <v>7986</v>
      </c>
      <c r="D2535" t="s">
        <v>13430</v>
      </c>
      <c r="E2535" t="s">
        <v>18762</v>
      </c>
      <c r="G2535" s="2"/>
    </row>
    <row r="2536" spans="1:7" x14ac:dyDescent="0.25">
      <c r="A2536" s="1">
        <v>2534</v>
      </c>
      <c r="B2536" t="s">
        <v>2537</v>
      </c>
      <c r="C2536" t="s">
        <v>7987</v>
      </c>
      <c r="D2536" t="s">
        <v>13431</v>
      </c>
      <c r="E2536" t="s">
        <v>18763</v>
      </c>
      <c r="G2536" s="2"/>
    </row>
    <row r="2537" spans="1:7" x14ac:dyDescent="0.25">
      <c r="A2537" s="1">
        <v>2535</v>
      </c>
      <c r="B2537" t="s">
        <v>2538</v>
      </c>
      <c r="C2537" t="s">
        <v>7988</v>
      </c>
      <c r="D2537" t="s">
        <v>13432</v>
      </c>
      <c r="E2537" t="s">
        <v>18764</v>
      </c>
      <c r="G2537" s="2"/>
    </row>
    <row r="2538" spans="1:7" x14ac:dyDescent="0.25">
      <c r="A2538" s="1">
        <v>2536</v>
      </c>
      <c r="B2538" t="s">
        <v>2539</v>
      </c>
      <c r="C2538" t="s">
        <v>7989</v>
      </c>
      <c r="D2538" t="s">
        <v>13433</v>
      </c>
      <c r="E2538" t="s">
        <v>18765</v>
      </c>
      <c r="G2538" s="2"/>
    </row>
    <row r="2539" spans="1:7" x14ac:dyDescent="0.25">
      <c r="A2539" s="1">
        <v>2537</v>
      </c>
      <c r="B2539" t="s">
        <v>2540</v>
      </c>
      <c r="C2539" t="s">
        <v>7990</v>
      </c>
      <c r="D2539" t="s">
        <v>13434</v>
      </c>
      <c r="E2539" t="s">
        <v>18766</v>
      </c>
      <c r="G2539" s="2"/>
    </row>
    <row r="2540" spans="1:7" x14ac:dyDescent="0.25">
      <c r="A2540" s="1">
        <v>2538</v>
      </c>
      <c r="B2540" t="s">
        <v>2541</v>
      </c>
      <c r="C2540" t="s">
        <v>7991</v>
      </c>
      <c r="D2540" t="s">
        <v>13435</v>
      </c>
      <c r="E2540" t="s">
        <v>18767</v>
      </c>
      <c r="G2540" s="2"/>
    </row>
    <row r="2541" spans="1:7" x14ac:dyDescent="0.25">
      <c r="A2541" s="1">
        <v>2539</v>
      </c>
      <c r="B2541" t="s">
        <v>2542</v>
      </c>
      <c r="C2541" t="s">
        <v>7992</v>
      </c>
      <c r="D2541" t="s">
        <v>13436</v>
      </c>
      <c r="E2541" t="s">
        <v>18768</v>
      </c>
      <c r="G2541" s="2"/>
    </row>
    <row r="2542" spans="1:7" x14ac:dyDescent="0.25">
      <c r="A2542" s="1">
        <v>2540</v>
      </c>
      <c r="B2542" t="s">
        <v>2543</v>
      </c>
      <c r="C2542" t="s">
        <v>7993</v>
      </c>
      <c r="D2542" t="s">
        <v>13437</v>
      </c>
      <c r="E2542" t="s">
        <v>18769</v>
      </c>
      <c r="G2542" s="2"/>
    </row>
    <row r="2543" spans="1:7" x14ac:dyDescent="0.25">
      <c r="A2543" s="1">
        <v>2541</v>
      </c>
      <c r="B2543" t="s">
        <v>2544</v>
      </c>
      <c r="C2543" t="s">
        <v>7994</v>
      </c>
      <c r="D2543" t="s">
        <v>13438</v>
      </c>
      <c r="E2543" t="s">
        <v>18770</v>
      </c>
      <c r="G2543" s="2"/>
    </row>
    <row r="2544" spans="1:7" x14ac:dyDescent="0.25">
      <c r="A2544" s="1">
        <v>2542</v>
      </c>
      <c r="B2544" t="s">
        <v>2545</v>
      </c>
      <c r="C2544" t="s">
        <v>7995</v>
      </c>
      <c r="D2544" t="s">
        <v>13439</v>
      </c>
      <c r="E2544" t="s">
        <v>18771</v>
      </c>
      <c r="G2544" s="2"/>
    </row>
    <row r="2545" spans="1:7" x14ac:dyDescent="0.25">
      <c r="A2545" s="1">
        <v>2543</v>
      </c>
      <c r="B2545" t="s">
        <v>2546</v>
      </c>
      <c r="C2545" t="s">
        <v>7996</v>
      </c>
      <c r="D2545" t="s">
        <v>13440</v>
      </c>
      <c r="E2545" t="s">
        <v>18772</v>
      </c>
      <c r="G2545" s="2"/>
    </row>
    <row r="2546" spans="1:7" x14ac:dyDescent="0.25">
      <c r="A2546" s="1">
        <v>2544</v>
      </c>
      <c r="B2546" t="s">
        <v>2547</v>
      </c>
      <c r="C2546" t="s">
        <v>7997</v>
      </c>
      <c r="D2546" t="s">
        <v>13441</v>
      </c>
      <c r="E2546" t="s">
        <v>16514</v>
      </c>
      <c r="G2546" s="2"/>
    </row>
    <row r="2547" spans="1:7" x14ac:dyDescent="0.25">
      <c r="A2547" s="1">
        <v>2545</v>
      </c>
      <c r="B2547" t="s">
        <v>2548</v>
      </c>
      <c r="C2547" t="s">
        <v>7998</v>
      </c>
      <c r="D2547" t="s">
        <v>13442</v>
      </c>
      <c r="E2547" t="s">
        <v>18773</v>
      </c>
      <c r="G2547" s="2"/>
    </row>
    <row r="2548" spans="1:7" x14ac:dyDescent="0.25">
      <c r="A2548" s="1">
        <v>2546</v>
      </c>
      <c r="B2548" t="s">
        <v>2549</v>
      </c>
      <c r="C2548" t="s">
        <v>7999</v>
      </c>
      <c r="D2548" t="s">
        <v>13443</v>
      </c>
      <c r="E2548" t="s">
        <v>18774</v>
      </c>
      <c r="G2548" s="2"/>
    </row>
    <row r="2549" spans="1:7" x14ac:dyDescent="0.25">
      <c r="A2549" s="1">
        <v>2547</v>
      </c>
      <c r="B2549" t="s">
        <v>2550</v>
      </c>
      <c r="C2549" t="s">
        <v>8000</v>
      </c>
      <c r="D2549" t="s">
        <v>13444</v>
      </c>
      <c r="E2549" t="s">
        <v>18775</v>
      </c>
      <c r="G2549" s="2"/>
    </row>
    <row r="2550" spans="1:7" x14ac:dyDescent="0.25">
      <c r="A2550" s="1">
        <v>2548</v>
      </c>
      <c r="B2550" t="s">
        <v>2551</v>
      </c>
      <c r="C2550" t="s">
        <v>8001</v>
      </c>
      <c r="D2550" t="s">
        <v>13445</v>
      </c>
      <c r="E2550" t="s">
        <v>18776</v>
      </c>
      <c r="G2550" s="2"/>
    </row>
    <row r="2551" spans="1:7" x14ac:dyDescent="0.25">
      <c r="A2551" s="1">
        <v>2549</v>
      </c>
      <c r="B2551" t="s">
        <v>2552</v>
      </c>
      <c r="C2551" t="s">
        <v>8002</v>
      </c>
      <c r="D2551" t="s">
        <v>13446</v>
      </c>
      <c r="E2551" t="s">
        <v>18777</v>
      </c>
      <c r="G2551" s="2"/>
    </row>
    <row r="2552" spans="1:7" x14ac:dyDescent="0.25">
      <c r="A2552" s="1">
        <v>2550</v>
      </c>
      <c r="B2552" t="s">
        <v>2553</v>
      </c>
      <c r="C2552" t="s">
        <v>8003</v>
      </c>
      <c r="D2552" t="s">
        <v>13447</v>
      </c>
      <c r="E2552" t="s">
        <v>18778</v>
      </c>
      <c r="G2552" s="2"/>
    </row>
    <row r="2553" spans="1:7" x14ac:dyDescent="0.25">
      <c r="A2553" s="1">
        <v>2551</v>
      </c>
      <c r="B2553" t="s">
        <v>2554</v>
      </c>
      <c r="C2553" t="s">
        <v>8004</v>
      </c>
      <c r="D2553" t="s">
        <v>13448</v>
      </c>
      <c r="E2553" t="s">
        <v>18779</v>
      </c>
      <c r="G2553" s="2"/>
    </row>
    <row r="2554" spans="1:7" x14ac:dyDescent="0.25">
      <c r="A2554" s="1">
        <v>2552</v>
      </c>
      <c r="B2554" t="s">
        <v>2555</v>
      </c>
      <c r="C2554" t="s">
        <v>8005</v>
      </c>
      <c r="D2554" t="s">
        <v>13449</v>
      </c>
      <c r="E2554" t="s">
        <v>18780</v>
      </c>
      <c r="G2554" s="2"/>
    </row>
    <row r="2555" spans="1:7" x14ac:dyDescent="0.25">
      <c r="A2555" s="1">
        <v>2553</v>
      </c>
      <c r="B2555" t="s">
        <v>2556</v>
      </c>
      <c r="C2555" t="s">
        <v>8006</v>
      </c>
      <c r="D2555" t="s">
        <v>13450</v>
      </c>
      <c r="E2555" t="s">
        <v>18781</v>
      </c>
      <c r="G2555" s="2"/>
    </row>
    <row r="2556" spans="1:7" x14ac:dyDescent="0.25">
      <c r="A2556" s="1">
        <v>2554</v>
      </c>
      <c r="B2556" t="s">
        <v>2557</v>
      </c>
      <c r="C2556" t="s">
        <v>8007</v>
      </c>
      <c r="D2556" t="s">
        <v>13451</v>
      </c>
      <c r="E2556" t="s">
        <v>18782</v>
      </c>
      <c r="G2556" s="2"/>
    </row>
    <row r="2557" spans="1:7" x14ac:dyDescent="0.25">
      <c r="A2557" s="1">
        <v>2555</v>
      </c>
      <c r="B2557" t="s">
        <v>2558</v>
      </c>
      <c r="C2557" t="s">
        <v>8008</v>
      </c>
      <c r="D2557" t="s">
        <v>13452</v>
      </c>
      <c r="E2557" t="s">
        <v>18783</v>
      </c>
      <c r="G2557" s="2"/>
    </row>
    <row r="2558" spans="1:7" x14ac:dyDescent="0.25">
      <c r="A2558" s="1">
        <v>2556</v>
      </c>
      <c r="B2558" t="s">
        <v>2559</v>
      </c>
      <c r="C2558" t="s">
        <v>8009</v>
      </c>
      <c r="D2558" t="s">
        <v>13453</v>
      </c>
      <c r="E2558" t="s">
        <v>18784</v>
      </c>
      <c r="G2558" s="2"/>
    </row>
    <row r="2559" spans="1:7" x14ac:dyDescent="0.25">
      <c r="A2559" s="1">
        <v>2557</v>
      </c>
      <c r="B2559" t="s">
        <v>2560</v>
      </c>
      <c r="C2559" t="s">
        <v>8010</v>
      </c>
      <c r="D2559" t="s">
        <v>13454</v>
      </c>
      <c r="E2559" t="s">
        <v>18785</v>
      </c>
      <c r="G2559" s="2"/>
    </row>
    <row r="2560" spans="1:7" x14ac:dyDescent="0.25">
      <c r="A2560" s="1">
        <v>2558</v>
      </c>
      <c r="B2560" t="s">
        <v>2561</v>
      </c>
      <c r="C2560" t="s">
        <v>8011</v>
      </c>
      <c r="D2560" t="s">
        <v>13455</v>
      </c>
      <c r="E2560" t="s">
        <v>18786</v>
      </c>
      <c r="G2560" s="2"/>
    </row>
    <row r="2561" spans="1:7" x14ac:dyDescent="0.25">
      <c r="A2561" s="1">
        <v>2559</v>
      </c>
      <c r="B2561" t="s">
        <v>2562</v>
      </c>
      <c r="C2561" t="s">
        <v>8012</v>
      </c>
      <c r="D2561" t="s">
        <v>13456</v>
      </c>
      <c r="E2561" t="s">
        <v>18787</v>
      </c>
      <c r="G2561" s="2"/>
    </row>
    <row r="2562" spans="1:7" x14ac:dyDescent="0.25">
      <c r="A2562" s="1">
        <v>2560</v>
      </c>
      <c r="B2562" t="s">
        <v>2563</v>
      </c>
      <c r="C2562" t="s">
        <v>8013</v>
      </c>
      <c r="D2562" t="s">
        <v>13457</v>
      </c>
      <c r="E2562" t="s">
        <v>18788</v>
      </c>
      <c r="G2562" s="2"/>
    </row>
    <row r="2563" spans="1:7" x14ac:dyDescent="0.25">
      <c r="A2563" s="1">
        <v>2561</v>
      </c>
      <c r="B2563" t="s">
        <v>2564</v>
      </c>
      <c r="C2563" t="s">
        <v>8014</v>
      </c>
      <c r="D2563" t="s">
        <v>13458</v>
      </c>
      <c r="E2563" t="s">
        <v>18789</v>
      </c>
      <c r="G2563" s="2"/>
    </row>
    <row r="2564" spans="1:7" x14ac:dyDescent="0.25">
      <c r="A2564" s="1">
        <v>2562</v>
      </c>
      <c r="B2564" t="s">
        <v>2565</v>
      </c>
      <c r="C2564" t="s">
        <v>8015</v>
      </c>
      <c r="D2564" t="s">
        <v>13459</v>
      </c>
      <c r="E2564" t="s">
        <v>18790</v>
      </c>
      <c r="G2564" s="2"/>
    </row>
    <row r="2565" spans="1:7" x14ac:dyDescent="0.25">
      <c r="A2565" s="1">
        <v>2563</v>
      </c>
      <c r="B2565" t="s">
        <v>2566</v>
      </c>
      <c r="C2565" t="s">
        <v>8016</v>
      </c>
      <c r="D2565" t="s">
        <v>13460</v>
      </c>
      <c r="E2565" t="s">
        <v>18791</v>
      </c>
      <c r="G2565" s="2"/>
    </row>
    <row r="2566" spans="1:7" x14ac:dyDescent="0.25">
      <c r="A2566" s="1">
        <v>2564</v>
      </c>
      <c r="B2566" t="s">
        <v>2567</v>
      </c>
      <c r="C2566" t="s">
        <v>8017</v>
      </c>
      <c r="D2566" t="s">
        <v>13461</v>
      </c>
      <c r="E2566" t="s">
        <v>18792</v>
      </c>
      <c r="G2566" s="2"/>
    </row>
    <row r="2567" spans="1:7" x14ac:dyDescent="0.25">
      <c r="A2567" s="1">
        <v>2565</v>
      </c>
      <c r="B2567" t="s">
        <v>2568</v>
      </c>
      <c r="C2567" t="s">
        <v>8018</v>
      </c>
      <c r="D2567" t="s">
        <v>13462</v>
      </c>
      <c r="E2567" t="s">
        <v>18793</v>
      </c>
      <c r="G2567" s="2"/>
    </row>
    <row r="2568" spans="1:7" x14ac:dyDescent="0.25">
      <c r="A2568" s="1">
        <v>2566</v>
      </c>
      <c r="B2568" t="s">
        <v>2569</v>
      </c>
      <c r="C2568" t="s">
        <v>8019</v>
      </c>
      <c r="D2568" t="s">
        <v>13463</v>
      </c>
      <c r="E2568" t="s">
        <v>18794</v>
      </c>
      <c r="G2568" s="2"/>
    </row>
    <row r="2569" spans="1:7" x14ac:dyDescent="0.25">
      <c r="A2569" s="1">
        <v>2567</v>
      </c>
      <c r="B2569" t="s">
        <v>2570</v>
      </c>
      <c r="C2569" t="s">
        <v>8020</v>
      </c>
      <c r="D2569" t="s">
        <v>13464</v>
      </c>
      <c r="E2569" t="s">
        <v>18795</v>
      </c>
      <c r="G2569" s="2"/>
    </row>
    <row r="2570" spans="1:7" x14ac:dyDescent="0.25">
      <c r="A2570" s="1">
        <v>2568</v>
      </c>
      <c r="B2570" t="s">
        <v>2571</v>
      </c>
      <c r="C2570" t="s">
        <v>8021</v>
      </c>
      <c r="D2570" t="s">
        <v>13465</v>
      </c>
      <c r="E2570" t="s">
        <v>18308</v>
      </c>
      <c r="G2570" s="2"/>
    </row>
    <row r="2571" spans="1:7" x14ac:dyDescent="0.25">
      <c r="A2571" s="1">
        <v>2569</v>
      </c>
      <c r="B2571" t="s">
        <v>2572</v>
      </c>
      <c r="C2571" t="s">
        <v>8022</v>
      </c>
      <c r="D2571" t="s">
        <v>13466</v>
      </c>
      <c r="E2571" t="s">
        <v>18796</v>
      </c>
      <c r="G2571" s="2"/>
    </row>
    <row r="2572" spans="1:7" x14ac:dyDescent="0.25">
      <c r="A2572" s="1">
        <v>2570</v>
      </c>
      <c r="B2572" t="s">
        <v>2573</v>
      </c>
      <c r="C2572" t="s">
        <v>8023</v>
      </c>
      <c r="D2572" t="s">
        <v>13467</v>
      </c>
      <c r="E2572" t="s">
        <v>18797</v>
      </c>
      <c r="G2572" s="2"/>
    </row>
    <row r="2573" spans="1:7" x14ac:dyDescent="0.25">
      <c r="A2573" s="1">
        <v>2571</v>
      </c>
      <c r="B2573" t="s">
        <v>2574</v>
      </c>
      <c r="C2573" t="s">
        <v>8024</v>
      </c>
      <c r="D2573" t="s">
        <v>13468</v>
      </c>
      <c r="E2573" t="s">
        <v>18798</v>
      </c>
      <c r="G2573" s="2"/>
    </row>
    <row r="2574" spans="1:7" x14ac:dyDescent="0.25">
      <c r="A2574" s="1">
        <v>2572</v>
      </c>
      <c r="B2574" t="s">
        <v>2575</v>
      </c>
      <c r="C2574" t="s">
        <v>8025</v>
      </c>
      <c r="D2574" t="s">
        <v>13469</v>
      </c>
      <c r="E2574" t="s">
        <v>18799</v>
      </c>
      <c r="G2574" s="2"/>
    </row>
    <row r="2575" spans="1:7" x14ac:dyDescent="0.25">
      <c r="A2575" s="1">
        <v>2573</v>
      </c>
      <c r="B2575" t="s">
        <v>2576</v>
      </c>
      <c r="C2575" t="s">
        <v>8026</v>
      </c>
      <c r="D2575" t="s">
        <v>13470</v>
      </c>
      <c r="E2575" t="s">
        <v>18800</v>
      </c>
      <c r="G2575" s="2"/>
    </row>
    <row r="2576" spans="1:7" x14ac:dyDescent="0.25">
      <c r="A2576" s="1">
        <v>2574</v>
      </c>
      <c r="B2576" t="s">
        <v>2577</v>
      </c>
      <c r="C2576" t="s">
        <v>8027</v>
      </c>
      <c r="D2576" t="s">
        <v>13471</v>
      </c>
      <c r="E2576" t="s">
        <v>18801</v>
      </c>
      <c r="G2576" s="2"/>
    </row>
    <row r="2577" spans="1:7" x14ac:dyDescent="0.25">
      <c r="A2577" s="1">
        <v>2575</v>
      </c>
      <c r="B2577" t="s">
        <v>2578</v>
      </c>
      <c r="C2577" t="s">
        <v>8028</v>
      </c>
      <c r="D2577" t="s">
        <v>13472</v>
      </c>
      <c r="E2577" t="s">
        <v>18802</v>
      </c>
      <c r="G2577" s="2"/>
    </row>
    <row r="2578" spans="1:7" x14ac:dyDescent="0.25">
      <c r="A2578" s="1">
        <v>2576</v>
      </c>
      <c r="B2578" t="s">
        <v>2579</v>
      </c>
      <c r="C2578" t="s">
        <v>8029</v>
      </c>
      <c r="D2578" t="s">
        <v>13473</v>
      </c>
      <c r="E2578" t="s">
        <v>18803</v>
      </c>
      <c r="G2578" s="2"/>
    </row>
    <row r="2579" spans="1:7" x14ac:dyDescent="0.25">
      <c r="A2579" s="1">
        <v>2577</v>
      </c>
      <c r="B2579" t="s">
        <v>2580</v>
      </c>
      <c r="C2579" t="s">
        <v>8030</v>
      </c>
      <c r="D2579" t="s">
        <v>13474</v>
      </c>
      <c r="E2579" t="s">
        <v>18804</v>
      </c>
      <c r="G2579" s="2"/>
    </row>
    <row r="2580" spans="1:7" x14ac:dyDescent="0.25">
      <c r="A2580" s="1">
        <v>2578</v>
      </c>
      <c r="B2580" t="s">
        <v>2581</v>
      </c>
      <c r="C2580" t="s">
        <v>8031</v>
      </c>
      <c r="D2580" t="s">
        <v>13475</v>
      </c>
      <c r="E2580" t="s">
        <v>18805</v>
      </c>
      <c r="G2580" s="2"/>
    </row>
    <row r="2581" spans="1:7" x14ac:dyDescent="0.25">
      <c r="A2581" s="1">
        <v>2579</v>
      </c>
      <c r="B2581" t="s">
        <v>2582</v>
      </c>
      <c r="C2581" t="s">
        <v>8032</v>
      </c>
      <c r="D2581" t="s">
        <v>13476</v>
      </c>
      <c r="E2581" t="s">
        <v>18806</v>
      </c>
      <c r="G2581" s="2"/>
    </row>
    <row r="2582" spans="1:7" x14ac:dyDescent="0.25">
      <c r="A2582" s="1">
        <v>2580</v>
      </c>
      <c r="B2582" t="s">
        <v>2583</v>
      </c>
      <c r="C2582" t="s">
        <v>8033</v>
      </c>
      <c r="D2582" t="s">
        <v>13477</v>
      </c>
      <c r="E2582" t="s">
        <v>18807</v>
      </c>
      <c r="G2582" s="2"/>
    </row>
    <row r="2583" spans="1:7" x14ac:dyDescent="0.25">
      <c r="A2583" s="1">
        <v>2581</v>
      </c>
      <c r="B2583" t="s">
        <v>2584</v>
      </c>
      <c r="C2583" t="s">
        <v>8034</v>
      </c>
      <c r="D2583" t="s">
        <v>13478</v>
      </c>
      <c r="E2583" t="s">
        <v>18808</v>
      </c>
      <c r="G2583" s="2"/>
    </row>
    <row r="2584" spans="1:7" x14ac:dyDescent="0.25">
      <c r="A2584" s="1">
        <v>2582</v>
      </c>
      <c r="B2584" t="s">
        <v>2585</v>
      </c>
      <c r="C2584" t="s">
        <v>8035</v>
      </c>
      <c r="D2584" t="s">
        <v>13479</v>
      </c>
      <c r="E2584" t="s">
        <v>18809</v>
      </c>
      <c r="G2584" s="2"/>
    </row>
    <row r="2585" spans="1:7" x14ac:dyDescent="0.25">
      <c r="A2585" s="1">
        <v>2583</v>
      </c>
      <c r="B2585" t="s">
        <v>2586</v>
      </c>
      <c r="C2585" t="s">
        <v>8036</v>
      </c>
      <c r="D2585" t="s">
        <v>13480</v>
      </c>
      <c r="E2585" t="s">
        <v>18810</v>
      </c>
      <c r="G2585" s="2"/>
    </row>
    <row r="2586" spans="1:7" x14ac:dyDescent="0.25">
      <c r="A2586" s="1">
        <v>2584</v>
      </c>
      <c r="B2586" t="s">
        <v>2587</v>
      </c>
      <c r="C2586" t="s">
        <v>8037</v>
      </c>
      <c r="D2586" t="s">
        <v>13481</v>
      </c>
      <c r="E2586" t="s">
        <v>18811</v>
      </c>
      <c r="G2586" s="2"/>
    </row>
    <row r="2587" spans="1:7" x14ac:dyDescent="0.25">
      <c r="A2587" s="1">
        <v>2585</v>
      </c>
      <c r="B2587" t="s">
        <v>2588</v>
      </c>
      <c r="C2587" t="s">
        <v>8038</v>
      </c>
      <c r="D2587" t="s">
        <v>13482</v>
      </c>
      <c r="E2587" t="s">
        <v>18812</v>
      </c>
      <c r="G2587" s="2"/>
    </row>
    <row r="2588" spans="1:7" x14ac:dyDescent="0.25">
      <c r="A2588" s="1">
        <v>2586</v>
      </c>
      <c r="B2588" t="s">
        <v>2589</v>
      </c>
      <c r="C2588" t="s">
        <v>8039</v>
      </c>
      <c r="D2588" t="s">
        <v>13483</v>
      </c>
      <c r="E2588" t="s">
        <v>18813</v>
      </c>
      <c r="G2588" s="2"/>
    </row>
    <row r="2589" spans="1:7" x14ac:dyDescent="0.25">
      <c r="A2589" s="1">
        <v>2587</v>
      </c>
      <c r="B2589" t="s">
        <v>2590</v>
      </c>
      <c r="C2589" t="s">
        <v>8040</v>
      </c>
      <c r="D2589" t="s">
        <v>13484</v>
      </c>
      <c r="E2589" t="s">
        <v>18814</v>
      </c>
      <c r="G2589" s="2"/>
    </row>
    <row r="2590" spans="1:7" x14ac:dyDescent="0.25">
      <c r="A2590" s="1">
        <v>2588</v>
      </c>
      <c r="B2590" t="s">
        <v>2591</v>
      </c>
      <c r="C2590" t="s">
        <v>8041</v>
      </c>
      <c r="D2590" t="s">
        <v>13485</v>
      </c>
      <c r="E2590" t="s">
        <v>18815</v>
      </c>
      <c r="G2590" s="2"/>
    </row>
    <row r="2591" spans="1:7" x14ac:dyDescent="0.25">
      <c r="A2591" s="1">
        <v>2589</v>
      </c>
      <c r="B2591" t="s">
        <v>2592</v>
      </c>
      <c r="C2591" t="s">
        <v>8042</v>
      </c>
      <c r="D2591" t="s">
        <v>13486</v>
      </c>
      <c r="E2591" t="s">
        <v>17687</v>
      </c>
      <c r="G2591" s="2"/>
    </row>
    <row r="2592" spans="1:7" x14ac:dyDescent="0.25">
      <c r="A2592" s="1">
        <v>2590</v>
      </c>
      <c r="B2592" t="s">
        <v>2593</v>
      </c>
      <c r="C2592" t="s">
        <v>8043</v>
      </c>
      <c r="D2592" t="s">
        <v>13487</v>
      </c>
      <c r="E2592" t="s">
        <v>18816</v>
      </c>
      <c r="G2592" s="2"/>
    </row>
    <row r="2593" spans="1:7" x14ac:dyDescent="0.25">
      <c r="A2593" s="1">
        <v>2591</v>
      </c>
      <c r="B2593" t="s">
        <v>2594</v>
      </c>
      <c r="C2593" t="s">
        <v>8044</v>
      </c>
      <c r="D2593" t="s">
        <v>13488</v>
      </c>
      <c r="E2593" t="s">
        <v>18817</v>
      </c>
      <c r="G2593" s="2"/>
    </row>
    <row r="2594" spans="1:7" x14ac:dyDescent="0.25">
      <c r="A2594" s="1">
        <v>2592</v>
      </c>
      <c r="B2594" t="s">
        <v>2595</v>
      </c>
      <c r="C2594" t="s">
        <v>8045</v>
      </c>
      <c r="D2594" t="s">
        <v>13489</v>
      </c>
      <c r="E2594" t="s">
        <v>18818</v>
      </c>
      <c r="G2594" s="2"/>
    </row>
    <row r="2595" spans="1:7" x14ac:dyDescent="0.25">
      <c r="A2595" s="1">
        <v>2593</v>
      </c>
      <c r="B2595" t="s">
        <v>2596</v>
      </c>
      <c r="C2595" t="s">
        <v>8046</v>
      </c>
      <c r="D2595" t="s">
        <v>13490</v>
      </c>
      <c r="E2595" t="s">
        <v>18819</v>
      </c>
      <c r="G2595" s="2"/>
    </row>
    <row r="2596" spans="1:7" x14ac:dyDescent="0.25">
      <c r="A2596" s="1">
        <v>2594</v>
      </c>
      <c r="B2596" t="s">
        <v>2597</v>
      </c>
      <c r="C2596" t="s">
        <v>8047</v>
      </c>
      <c r="D2596" t="s">
        <v>13491</v>
      </c>
      <c r="E2596" t="s">
        <v>18820</v>
      </c>
      <c r="G2596" s="2"/>
    </row>
    <row r="2597" spans="1:7" x14ac:dyDescent="0.25">
      <c r="A2597" s="1">
        <v>2595</v>
      </c>
      <c r="B2597" t="s">
        <v>2598</v>
      </c>
      <c r="C2597" t="s">
        <v>8048</v>
      </c>
      <c r="D2597" t="s">
        <v>13492</v>
      </c>
      <c r="E2597" t="s">
        <v>18821</v>
      </c>
      <c r="G2597" s="2"/>
    </row>
    <row r="2598" spans="1:7" x14ac:dyDescent="0.25">
      <c r="A2598" s="1">
        <v>2596</v>
      </c>
      <c r="B2598" t="s">
        <v>2599</v>
      </c>
      <c r="C2598" t="s">
        <v>8049</v>
      </c>
      <c r="D2598" t="s">
        <v>13493</v>
      </c>
      <c r="E2598" t="s">
        <v>18822</v>
      </c>
      <c r="G2598" s="2"/>
    </row>
    <row r="2599" spans="1:7" x14ac:dyDescent="0.25">
      <c r="A2599" s="1">
        <v>2597</v>
      </c>
      <c r="B2599" t="s">
        <v>2600</v>
      </c>
      <c r="C2599" t="s">
        <v>8050</v>
      </c>
      <c r="D2599" t="s">
        <v>13494</v>
      </c>
      <c r="E2599" t="s">
        <v>18823</v>
      </c>
      <c r="G2599" s="2"/>
    </row>
    <row r="2600" spans="1:7" x14ac:dyDescent="0.25">
      <c r="A2600" s="1">
        <v>2598</v>
      </c>
      <c r="B2600" t="s">
        <v>2601</v>
      </c>
      <c r="C2600" t="s">
        <v>8051</v>
      </c>
      <c r="D2600" t="s">
        <v>13495</v>
      </c>
      <c r="E2600" t="s">
        <v>18824</v>
      </c>
      <c r="G2600" s="2"/>
    </row>
    <row r="2601" spans="1:7" x14ac:dyDescent="0.25">
      <c r="A2601" s="1">
        <v>2599</v>
      </c>
      <c r="B2601" t="s">
        <v>2602</v>
      </c>
      <c r="C2601" t="s">
        <v>8052</v>
      </c>
      <c r="D2601" t="s">
        <v>13496</v>
      </c>
      <c r="E2601" t="s">
        <v>18825</v>
      </c>
      <c r="G2601" s="2"/>
    </row>
    <row r="2602" spans="1:7" x14ac:dyDescent="0.25">
      <c r="A2602" s="1">
        <v>2600</v>
      </c>
      <c r="B2602" t="s">
        <v>2603</v>
      </c>
      <c r="C2602" t="s">
        <v>8053</v>
      </c>
      <c r="D2602" t="s">
        <v>13497</v>
      </c>
      <c r="E2602" t="s">
        <v>18826</v>
      </c>
      <c r="G2602" s="2"/>
    </row>
    <row r="2603" spans="1:7" x14ac:dyDescent="0.25">
      <c r="A2603" s="1">
        <v>2601</v>
      </c>
      <c r="B2603" t="s">
        <v>2604</v>
      </c>
      <c r="C2603" t="s">
        <v>8054</v>
      </c>
      <c r="D2603" t="s">
        <v>13498</v>
      </c>
      <c r="E2603" t="s">
        <v>18827</v>
      </c>
      <c r="G2603" s="2"/>
    </row>
    <row r="2604" spans="1:7" x14ac:dyDescent="0.25">
      <c r="A2604" s="1">
        <v>2602</v>
      </c>
      <c r="B2604" t="s">
        <v>2605</v>
      </c>
      <c r="C2604" t="s">
        <v>8055</v>
      </c>
      <c r="D2604" t="s">
        <v>13499</v>
      </c>
      <c r="E2604" t="s">
        <v>16372</v>
      </c>
      <c r="G2604" s="2"/>
    </row>
    <row r="2605" spans="1:7" x14ac:dyDescent="0.25">
      <c r="A2605" s="1">
        <v>2603</v>
      </c>
      <c r="B2605" t="s">
        <v>2606</v>
      </c>
      <c r="C2605" t="s">
        <v>8056</v>
      </c>
      <c r="D2605" t="s">
        <v>13500</v>
      </c>
      <c r="E2605" t="s">
        <v>18828</v>
      </c>
      <c r="G2605" s="2"/>
    </row>
    <row r="2606" spans="1:7" x14ac:dyDescent="0.25">
      <c r="A2606" s="1">
        <v>2604</v>
      </c>
      <c r="B2606" t="s">
        <v>2607</v>
      </c>
      <c r="C2606" t="s">
        <v>8057</v>
      </c>
      <c r="D2606" t="s">
        <v>13501</v>
      </c>
      <c r="E2606" t="s">
        <v>18829</v>
      </c>
      <c r="G2606" s="2"/>
    </row>
    <row r="2607" spans="1:7" x14ac:dyDescent="0.25">
      <c r="A2607" s="1">
        <v>2605</v>
      </c>
      <c r="B2607" t="s">
        <v>2608</v>
      </c>
      <c r="C2607" t="s">
        <v>8058</v>
      </c>
      <c r="D2607" t="s">
        <v>13502</v>
      </c>
      <c r="E2607" t="s">
        <v>18830</v>
      </c>
      <c r="G2607" s="2"/>
    </row>
    <row r="2608" spans="1:7" x14ac:dyDescent="0.25">
      <c r="A2608" s="1">
        <v>2606</v>
      </c>
      <c r="B2608" t="s">
        <v>2609</v>
      </c>
      <c r="C2608" t="s">
        <v>8059</v>
      </c>
      <c r="D2608" t="s">
        <v>13503</v>
      </c>
      <c r="E2608" t="s">
        <v>18831</v>
      </c>
      <c r="G2608" s="2"/>
    </row>
    <row r="2609" spans="1:7" x14ac:dyDescent="0.25">
      <c r="A2609" s="1">
        <v>2607</v>
      </c>
      <c r="B2609" t="s">
        <v>2610</v>
      </c>
      <c r="C2609" t="s">
        <v>8060</v>
      </c>
      <c r="D2609" t="s">
        <v>13504</v>
      </c>
      <c r="E2609" t="s">
        <v>18832</v>
      </c>
      <c r="G2609" s="2"/>
    </row>
    <row r="2610" spans="1:7" x14ac:dyDescent="0.25">
      <c r="A2610" s="1">
        <v>2608</v>
      </c>
      <c r="B2610" t="s">
        <v>2611</v>
      </c>
      <c r="C2610" t="s">
        <v>8061</v>
      </c>
      <c r="D2610" t="s">
        <v>13505</v>
      </c>
      <c r="E2610" t="s">
        <v>18833</v>
      </c>
      <c r="G2610" s="2"/>
    </row>
    <row r="2611" spans="1:7" x14ac:dyDescent="0.25">
      <c r="A2611" s="1">
        <v>2609</v>
      </c>
      <c r="B2611" t="s">
        <v>2612</v>
      </c>
      <c r="C2611" t="s">
        <v>8062</v>
      </c>
      <c r="D2611" t="s">
        <v>13506</v>
      </c>
      <c r="E2611" t="s">
        <v>18834</v>
      </c>
      <c r="G2611" s="2"/>
    </row>
    <row r="2612" spans="1:7" x14ac:dyDescent="0.25">
      <c r="A2612" s="1">
        <v>2610</v>
      </c>
      <c r="B2612" t="s">
        <v>2613</v>
      </c>
      <c r="C2612" t="s">
        <v>8063</v>
      </c>
      <c r="D2612" t="s">
        <v>13507</v>
      </c>
      <c r="E2612" t="s">
        <v>18835</v>
      </c>
      <c r="G2612" s="2"/>
    </row>
    <row r="2613" spans="1:7" x14ac:dyDescent="0.25">
      <c r="A2613" s="1">
        <v>2611</v>
      </c>
      <c r="B2613" t="s">
        <v>2614</v>
      </c>
      <c r="C2613" t="s">
        <v>8064</v>
      </c>
      <c r="D2613" t="s">
        <v>13508</v>
      </c>
      <c r="E2613" t="s">
        <v>18836</v>
      </c>
      <c r="G2613" s="2"/>
    </row>
    <row r="2614" spans="1:7" x14ac:dyDescent="0.25">
      <c r="A2614" s="1">
        <v>2612</v>
      </c>
      <c r="B2614" t="s">
        <v>2615</v>
      </c>
      <c r="C2614" t="s">
        <v>8065</v>
      </c>
      <c r="D2614" t="s">
        <v>13509</v>
      </c>
      <c r="E2614" t="s">
        <v>18837</v>
      </c>
      <c r="G2614" s="2"/>
    </row>
    <row r="2615" spans="1:7" x14ac:dyDescent="0.25">
      <c r="A2615" s="1">
        <v>2613</v>
      </c>
      <c r="B2615" t="s">
        <v>2616</v>
      </c>
      <c r="C2615" t="s">
        <v>8066</v>
      </c>
      <c r="D2615" t="s">
        <v>13510</v>
      </c>
      <c r="E2615" t="s">
        <v>18838</v>
      </c>
      <c r="G2615" s="2"/>
    </row>
    <row r="2616" spans="1:7" x14ac:dyDescent="0.25">
      <c r="A2616" s="1">
        <v>2614</v>
      </c>
      <c r="B2616" t="s">
        <v>2617</v>
      </c>
      <c r="C2616" t="s">
        <v>8067</v>
      </c>
      <c r="D2616" t="s">
        <v>13511</v>
      </c>
      <c r="E2616" t="s">
        <v>18839</v>
      </c>
      <c r="G2616" s="2"/>
    </row>
    <row r="2617" spans="1:7" x14ac:dyDescent="0.25">
      <c r="A2617" s="1">
        <v>2615</v>
      </c>
      <c r="B2617" t="s">
        <v>2618</v>
      </c>
      <c r="C2617" t="s">
        <v>8068</v>
      </c>
      <c r="D2617" t="s">
        <v>13512</v>
      </c>
      <c r="E2617" t="s">
        <v>18840</v>
      </c>
      <c r="G2617" s="2"/>
    </row>
    <row r="2618" spans="1:7" x14ac:dyDescent="0.25">
      <c r="A2618" s="1">
        <v>2616</v>
      </c>
      <c r="B2618" t="s">
        <v>2619</v>
      </c>
      <c r="C2618" t="s">
        <v>8069</v>
      </c>
      <c r="D2618" t="s">
        <v>13513</v>
      </c>
      <c r="E2618" t="s">
        <v>18841</v>
      </c>
      <c r="G2618" s="2"/>
    </row>
    <row r="2619" spans="1:7" x14ac:dyDescent="0.25">
      <c r="A2619" s="1">
        <v>2617</v>
      </c>
      <c r="B2619" t="s">
        <v>2620</v>
      </c>
      <c r="C2619" t="s">
        <v>8070</v>
      </c>
      <c r="D2619" t="s">
        <v>13514</v>
      </c>
      <c r="E2619" t="s">
        <v>16417</v>
      </c>
      <c r="G2619" s="2"/>
    </row>
    <row r="2620" spans="1:7" x14ac:dyDescent="0.25">
      <c r="A2620" s="1">
        <v>2618</v>
      </c>
      <c r="B2620" t="s">
        <v>2621</v>
      </c>
      <c r="C2620" t="s">
        <v>8071</v>
      </c>
      <c r="D2620" t="s">
        <v>13515</v>
      </c>
      <c r="E2620" t="s">
        <v>16514</v>
      </c>
      <c r="G2620" s="2"/>
    </row>
    <row r="2621" spans="1:7" x14ac:dyDescent="0.25">
      <c r="A2621" s="1">
        <v>2619</v>
      </c>
      <c r="B2621" t="s">
        <v>2622</v>
      </c>
      <c r="C2621" t="s">
        <v>8072</v>
      </c>
      <c r="D2621" t="s">
        <v>13516</v>
      </c>
      <c r="E2621" t="s">
        <v>18842</v>
      </c>
      <c r="G2621" s="2"/>
    </row>
    <row r="2622" spans="1:7" x14ac:dyDescent="0.25">
      <c r="A2622" s="1">
        <v>2620</v>
      </c>
      <c r="B2622" t="s">
        <v>2623</v>
      </c>
      <c r="C2622" t="s">
        <v>8073</v>
      </c>
      <c r="D2622" t="s">
        <v>13517</v>
      </c>
      <c r="E2622" t="s">
        <v>18843</v>
      </c>
      <c r="G2622" s="2"/>
    </row>
    <row r="2623" spans="1:7" x14ac:dyDescent="0.25">
      <c r="A2623" s="1">
        <v>2621</v>
      </c>
      <c r="B2623" t="s">
        <v>2624</v>
      </c>
      <c r="C2623" t="s">
        <v>8074</v>
      </c>
      <c r="D2623" t="s">
        <v>13518</v>
      </c>
      <c r="E2623" t="s">
        <v>18844</v>
      </c>
      <c r="G2623" s="2"/>
    </row>
    <row r="2624" spans="1:7" x14ac:dyDescent="0.25">
      <c r="A2624" s="1">
        <v>2622</v>
      </c>
      <c r="B2624" t="s">
        <v>2625</v>
      </c>
      <c r="C2624" t="s">
        <v>8075</v>
      </c>
      <c r="D2624" t="s">
        <v>13519</v>
      </c>
      <c r="E2624" t="s">
        <v>18845</v>
      </c>
      <c r="G2624" s="2"/>
    </row>
    <row r="2625" spans="1:7" x14ac:dyDescent="0.25">
      <c r="A2625" s="1">
        <v>2623</v>
      </c>
      <c r="B2625" t="s">
        <v>2626</v>
      </c>
      <c r="C2625" t="s">
        <v>8076</v>
      </c>
      <c r="D2625" t="s">
        <v>13520</v>
      </c>
      <c r="E2625" t="s">
        <v>18846</v>
      </c>
      <c r="G2625" s="2"/>
    </row>
    <row r="2626" spans="1:7" x14ac:dyDescent="0.25">
      <c r="A2626" s="1">
        <v>2624</v>
      </c>
      <c r="B2626" t="s">
        <v>2627</v>
      </c>
      <c r="C2626" t="s">
        <v>8077</v>
      </c>
      <c r="D2626" t="s">
        <v>13521</v>
      </c>
      <c r="E2626" t="s">
        <v>18847</v>
      </c>
      <c r="G2626" s="2"/>
    </row>
    <row r="2627" spans="1:7" x14ac:dyDescent="0.25">
      <c r="A2627" s="1">
        <v>2625</v>
      </c>
      <c r="B2627" t="s">
        <v>2628</v>
      </c>
      <c r="C2627" t="s">
        <v>8078</v>
      </c>
      <c r="D2627" t="s">
        <v>13522</v>
      </c>
      <c r="E2627" t="s">
        <v>18848</v>
      </c>
      <c r="G2627" s="2"/>
    </row>
    <row r="2628" spans="1:7" x14ac:dyDescent="0.25">
      <c r="A2628" s="1">
        <v>2626</v>
      </c>
      <c r="B2628" t="s">
        <v>2629</v>
      </c>
      <c r="C2628" t="s">
        <v>8079</v>
      </c>
      <c r="D2628" t="s">
        <v>13523</v>
      </c>
      <c r="E2628" t="s">
        <v>18849</v>
      </c>
      <c r="G2628" s="2"/>
    </row>
    <row r="2629" spans="1:7" x14ac:dyDescent="0.25">
      <c r="A2629" s="1">
        <v>2627</v>
      </c>
      <c r="B2629" t="s">
        <v>2630</v>
      </c>
      <c r="C2629" t="s">
        <v>8080</v>
      </c>
      <c r="D2629" t="s">
        <v>13524</v>
      </c>
      <c r="E2629" t="s">
        <v>18850</v>
      </c>
      <c r="G2629" s="2"/>
    </row>
    <row r="2630" spans="1:7" x14ac:dyDescent="0.25">
      <c r="A2630" s="1">
        <v>2628</v>
      </c>
      <c r="B2630" t="s">
        <v>2631</v>
      </c>
      <c r="C2630" t="s">
        <v>8081</v>
      </c>
      <c r="D2630" t="s">
        <v>13525</v>
      </c>
      <c r="E2630" t="s">
        <v>18851</v>
      </c>
      <c r="G2630" s="2"/>
    </row>
    <row r="2631" spans="1:7" x14ac:dyDescent="0.25">
      <c r="A2631" s="1">
        <v>2629</v>
      </c>
      <c r="B2631" t="s">
        <v>2632</v>
      </c>
      <c r="C2631" t="s">
        <v>8082</v>
      </c>
      <c r="D2631" t="s">
        <v>13526</v>
      </c>
      <c r="E2631" t="s">
        <v>18852</v>
      </c>
      <c r="G2631" s="2"/>
    </row>
    <row r="2632" spans="1:7" x14ac:dyDescent="0.25">
      <c r="A2632" s="1">
        <v>2630</v>
      </c>
      <c r="B2632" t="s">
        <v>2633</v>
      </c>
      <c r="C2632" t="s">
        <v>8083</v>
      </c>
      <c r="D2632" t="s">
        <v>13527</v>
      </c>
      <c r="E2632" t="s">
        <v>18853</v>
      </c>
      <c r="G2632" s="2"/>
    </row>
    <row r="2633" spans="1:7" x14ac:dyDescent="0.25">
      <c r="A2633" s="1">
        <v>2631</v>
      </c>
      <c r="B2633" t="s">
        <v>2634</v>
      </c>
      <c r="C2633" t="s">
        <v>8084</v>
      </c>
      <c r="D2633" t="s">
        <v>13528</v>
      </c>
      <c r="E2633" t="s">
        <v>18854</v>
      </c>
      <c r="G2633" s="2"/>
    </row>
    <row r="2634" spans="1:7" x14ac:dyDescent="0.25">
      <c r="A2634" s="1">
        <v>2632</v>
      </c>
      <c r="B2634" t="s">
        <v>2635</v>
      </c>
      <c r="C2634" t="s">
        <v>8085</v>
      </c>
      <c r="D2634" t="s">
        <v>13529</v>
      </c>
      <c r="E2634" t="s">
        <v>18855</v>
      </c>
      <c r="G2634" s="2"/>
    </row>
    <row r="2635" spans="1:7" x14ac:dyDescent="0.25">
      <c r="A2635" s="1">
        <v>2633</v>
      </c>
      <c r="B2635" t="s">
        <v>2636</v>
      </c>
      <c r="C2635" t="s">
        <v>8086</v>
      </c>
      <c r="D2635" t="s">
        <v>13530</v>
      </c>
      <c r="E2635" t="s">
        <v>16372</v>
      </c>
      <c r="G2635" s="2"/>
    </row>
    <row r="2636" spans="1:7" x14ac:dyDescent="0.25">
      <c r="A2636" s="1">
        <v>2634</v>
      </c>
      <c r="B2636" t="s">
        <v>2637</v>
      </c>
      <c r="C2636" t="s">
        <v>8087</v>
      </c>
      <c r="D2636" t="s">
        <v>13531</v>
      </c>
      <c r="E2636" t="s">
        <v>18856</v>
      </c>
      <c r="G2636" s="2"/>
    </row>
    <row r="2637" spans="1:7" x14ac:dyDescent="0.25">
      <c r="A2637" s="1">
        <v>2635</v>
      </c>
      <c r="B2637" t="s">
        <v>2638</v>
      </c>
      <c r="C2637" t="s">
        <v>8088</v>
      </c>
      <c r="D2637" t="s">
        <v>13532</v>
      </c>
      <c r="E2637" t="s">
        <v>18857</v>
      </c>
      <c r="G2637" s="2"/>
    </row>
    <row r="2638" spans="1:7" x14ac:dyDescent="0.25">
      <c r="A2638" s="1">
        <v>2636</v>
      </c>
      <c r="B2638" t="s">
        <v>2639</v>
      </c>
      <c r="C2638" t="s">
        <v>8089</v>
      </c>
      <c r="D2638" t="s">
        <v>13533</v>
      </c>
      <c r="E2638" t="s">
        <v>18858</v>
      </c>
      <c r="G2638" s="2"/>
    </row>
    <row r="2639" spans="1:7" x14ac:dyDescent="0.25">
      <c r="A2639" s="1">
        <v>2637</v>
      </c>
      <c r="B2639" t="s">
        <v>2640</v>
      </c>
      <c r="C2639" t="s">
        <v>8090</v>
      </c>
      <c r="D2639" t="s">
        <v>13534</v>
      </c>
      <c r="E2639" t="s">
        <v>18859</v>
      </c>
      <c r="G2639" s="2"/>
    </row>
    <row r="2640" spans="1:7" x14ac:dyDescent="0.25">
      <c r="A2640" s="1">
        <v>2638</v>
      </c>
      <c r="B2640" t="s">
        <v>2641</v>
      </c>
      <c r="C2640" t="s">
        <v>8091</v>
      </c>
      <c r="D2640" t="s">
        <v>13535</v>
      </c>
      <c r="E2640" t="s">
        <v>18860</v>
      </c>
      <c r="G2640" s="2"/>
    </row>
    <row r="2641" spans="1:7" x14ac:dyDescent="0.25">
      <c r="A2641" s="1">
        <v>2639</v>
      </c>
      <c r="B2641" t="s">
        <v>2642</v>
      </c>
      <c r="C2641" t="s">
        <v>8092</v>
      </c>
      <c r="D2641" t="s">
        <v>13536</v>
      </c>
      <c r="E2641" t="s">
        <v>18861</v>
      </c>
      <c r="G2641" s="2"/>
    </row>
    <row r="2642" spans="1:7" x14ac:dyDescent="0.25">
      <c r="A2642" s="1">
        <v>2640</v>
      </c>
      <c r="B2642" t="s">
        <v>2643</v>
      </c>
      <c r="C2642" t="s">
        <v>8093</v>
      </c>
      <c r="D2642" t="s">
        <v>13537</v>
      </c>
      <c r="E2642" t="s">
        <v>18862</v>
      </c>
      <c r="G2642" s="2"/>
    </row>
    <row r="2643" spans="1:7" x14ac:dyDescent="0.25">
      <c r="A2643" s="1">
        <v>2641</v>
      </c>
      <c r="B2643" t="s">
        <v>2644</v>
      </c>
      <c r="C2643" t="s">
        <v>8094</v>
      </c>
      <c r="D2643" t="s">
        <v>13538</v>
      </c>
      <c r="E2643" t="s">
        <v>18863</v>
      </c>
      <c r="G2643" s="2"/>
    </row>
    <row r="2644" spans="1:7" x14ac:dyDescent="0.25">
      <c r="A2644" s="1">
        <v>2642</v>
      </c>
      <c r="B2644" t="s">
        <v>2645</v>
      </c>
      <c r="C2644" t="s">
        <v>8095</v>
      </c>
      <c r="D2644" t="s">
        <v>13539</v>
      </c>
      <c r="E2644" t="s">
        <v>18864</v>
      </c>
      <c r="G2644" s="2"/>
    </row>
    <row r="2645" spans="1:7" x14ac:dyDescent="0.25">
      <c r="A2645" s="1">
        <v>2643</v>
      </c>
      <c r="B2645" t="s">
        <v>2646</v>
      </c>
      <c r="C2645" t="s">
        <v>8096</v>
      </c>
      <c r="D2645" t="s">
        <v>13540</v>
      </c>
      <c r="E2645" t="s">
        <v>18865</v>
      </c>
      <c r="G2645" s="2"/>
    </row>
    <row r="2646" spans="1:7" x14ac:dyDescent="0.25">
      <c r="A2646" s="1">
        <v>2644</v>
      </c>
      <c r="B2646" t="s">
        <v>2647</v>
      </c>
      <c r="C2646" t="s">
        <v>8097</v>
      </c>
      <c r="D2646" t="s">
        <v>13541</v>
      </c>
      <c r="E2646" t="s">
        <v>18866</v>
      </c>
      <c r="G2646" s="2"/>
    </row>
    <row r="2647" spans="1:7" x14ac:dyDescent="0.25">
      <c r="A2647" s="1">
        <v>2645</v>
      </c>
      <c r="B2647" t="s">
        <v>2648</v>
      </c>
      <c r="C2647" t="s">
        <v>8098</v>
      </c>
      <c r="D2647" t="s">
        <v>13542</v>
      </c>
      <c r="E2647" t="s">
        <v>18867</v>
      </c>
      <c r="G2647" s="2"/>
    </row>
    <row r="2648" spans="1:7" x14ac:dyDescent="0.25">
      <c r="A2648" s="1">
        <v>2646</v>
      </c>
      <c r="B2648" t="s">
        <v>2649</v>
      </c>
      <c r="C2648" t="s">
        <v>8099</v>
      </c>
      <c r="D2648" t="s">
        <v>13543</v>
      </c>
      <c r="E2648" t="s">
        <v>18868</v>
      </c>
      <c r="G2648" s="2"/>
    </row>
    <row r="2649" spans="1:7" x14ac:dyDescent="0.25">
      <c r="A2649" s="1">
        <v>2647</v>
      </c>
      <c r="B2649" t="s">
        <v>2650</v>
      </c>
      <c r="C2649" t="s">
        <v>8100</v>
      </c>
      <c r="D2649" t="s">
        <v>13544</v>
      </c>
      <c r="E2649" t="s">
        <v>18869</v>
      </c>
      <c r="G2649" s="2"/>
    </row>
    <row r="2650" spans="1:7" x14ac:dyDescent="0.25">
      <c r="A2650" s="1">
        <v>2648</v>
      </c>
      <c r="B2650" t="s">
        <v>2651</v>
      </c>
      <c r="C2650" t="s">
        <v>8101</v>
      </c>
      <c r="D2650" t="s">
        <v>13545</v>
      </c>
      <c r="E2650" t="s">
        <v>18183</v>
      </c>
      <c r="G2650" s="2"/>
    </row>
    <row r="2651" spans="1:7" x14ac:dyDescent="0.25">
      <c r="A2651" s="1">
        <v>2649</v>
      </c>
      <c r="B2651" t="s">
        <v>2652</v>
      </c>
      <c r="C2651" t="s">
        <v>8102</v>
      </c>
      <c r="D2651" t="s">
        <v>13546</v>
      </c>
      <c r="E2651" t="s">
        <v>18870</v>
      </c>
      <c r="G2651" s="2"/>
    </row>
    <row r="2652" spans="1:7" x14ac:dyDescent="0.25">
      <c r="A2652" s="1">
        <v>2650</v>
      </c>
      <c r="B2652" t="s">
        <v>2653</v>
      </c>
      <c r="C2652" t="s">
        <v>8103</v>
      </c>
      <c r="D2652" t="s">
        <v>13547</v>
      </c>
      <c r="E2652" t="s">
        <v>18871</v>
      </c>
      <c r="G2652" s="2"/>
    </row>
    <row r="2653" spans="1:7" x14ac:dyDescent="0.25">
      <c r="A2653" s="1">
        <v>2651</v>
      </c>
      <c r="B2653" t="s">
        <v>2654</v>
      </c>
      <c r="C2653" t="s">
        <v>8104</v>
      </c>
      <c r="D2653" t="s">
        <v>13548</v>
      </c>
      <c r="E2653" t="s">
        <v>18872</v>
      </c>
      <c r="G2653" s="2"/>
    </row>
    <row r="2654" spans="1:7" x14ac:dyDescent="0.25">
      <c r="A2654" s="1">
        <v>2652</v>
      </c>
      <c r="B2654" t="s">
        <v>2655</v>
      </c>
      <c r="C2654" t="s">
        <v>8105</v>
      </c>
      <c r="D2654" t="s">
        <v>13549</v>
      </c>
      <c r="E2654" t="s">
        <v>18873</v>
      </c>
      <c r="G2654" s="2"/>
    </row>
    <row r="2655" spans="1:7" x14ac:dyDescent="0.25">
      <c r="A2655" s="1">
        <v>2653</v>
      </c>
      <c r="B2655" t="s">
        <v>2656</v>
      </c>
      <c r="C2655" t="s">
        <v>8106</v>
      </c>
      <c r="D2655" t="s">
        <v>13550</v>
      </c>
      <c r="E2655" t="s">
        <v>18874</v>
      </c>
      <c r="G2655" s="2"/>
    </row>
    <row r="2656" spans="1:7" x14ac:dyDescent="0.25">
      <c r="A2656" s="1">
        <v>2654</v>
      </c>
      <c r="B2656" t="s">
        <v>2657</v>
      </c>
      <c r="C2656" t="s">
        <v>8107</v>
      </c>
      <c r="D2656" t="s">
        <v>13551</v>
      </c>
      <c r="E2656" t="s">
        <v>18875</v>
      </c>
      <c r="G2656" s="2"/>
    </row>
    <row r="2657" spans="1:7" x14ac:dyDescent="0.25">
      <c r="A2657" s="1">
        <v>2655</v>
      </c>
      <c r="B2657" t="s">
        <v>2658</v>
      </c>
      <c r="C2657" t="s">
        <v>8108</v>
      </c>
      <c r="D2657" t="s">
        <v>13552</v>
      </c>
      <c r="E2657" t="s">
        <v>18876</v>
      </c>
      <c r="G2657" s="2"/>
    </row>
    <row r="2658" spans="1:7" x14ac:dyDescent="0.25">
      <c r="A2658" s="1">
        <v>2656</v>
      </c>
      <c r="B2658" t="s">
        <v>2659</v>
      </c>
      <c r="C2658" t="s">
        <v>6810</v>
      </c>
      <c r="D2658" t="s">
        <v>13553</v>
      </c>
      <c r="E2658" t="s">
        <v>18877</v>
      </c>
      <c r="G2658" s="2"/>
    </row>
    <row r="2659" spans="1:7" x14ac:dyDescent="0.25">
      <c r="A2659" s="1">
        <v>2657</v>
      </c>
      <c r="B2659" t="s">
        <v>2660</v>
      </c>
      <c r="C2659" t="s">
        <v>8109</v>
      </c>
      <c r="D2659" t="s">
        <v>13554</v>
      </c>
      <c r="E2659" t="s">
        <v>17091</v>
      </c>
      <c r="G2659" s="2"/>
    </row>
    <row r="2660" spans="1:7" x14ac:dyDescent="0.25">
      <c r="A2660" s="1">
        <v>2658</v>
      </c>
      <c r="B2660" t="s">
        <v>2661</v>
      </c>
      <c r="C2660" t="s">
        <v>8110</v>
      </c>
      <c r="D2660" t="s">
        <v>13555</v>
      </c>
      <c r="E2660" t="s">
        <v>18878</v>
      </c>
      <c r="G2660" s="2"/>
    </row>
    <row r="2661" spans="1:7" x14ac:dyDescent="0.25">
      <c r="A2661" s="1">
        <v>2659</v>
      </c>
      <c r="B2661" t="s">
        <v>2662</v>
      </c>
      <c r="C2661" t="s">
        <v>8111</v>
      </c>
      <c r="D2661" t="s">
        <v>13556</v>
      </c>
      <c r="E2661" t="s">
        <v>18879</v>
      </c>
      <c r="G2661" s="2"/>
    </row>
    <row r="2662" spans="1:7" x14ac:dyDescent="0.25">
      <c r="A2662" s="1">
        <v>2660</v>
      </c>
      <c r="B2662" t="s">
        <v>2663</v>
      </c>
      <c r="C2662" t="s">
        <v>8112</v>
      </c>
      <c r="D2662" t="s">
        <v>13557</v>
      </c>
      <c r="E2662" t="s">
        <v>18880</v>
      </c>
      <c r="G2662" s="2"/>
    </row>
    <row r="2663" spans="1:7" x14ac:dyDescent="0.25">
      <c r="A2663" s="1">
        <v>2661</v>
      </c>
      <c r="B2663" t="s">
        <v>2664</v>
      </c>
      <c r="C2663" t="s">
        <v>8113</v>
      </c>
      <c r="D2663" t="s">
        <v>13558</v>
      </c>
      <c r="E2663" t="s">
        <v>18881</v>
      </c>
      <c r="G2663" s="2"/>
    </row>
    <row r="2664" spans="1:7" x14ac:dyDescent="0.25">
      <c r="A2664" s="1">
        <v>2662</v>
      </c>
      <c r="B2664" t="s">
        <v>2665</v>
      </c>
      <c r="C2664" t="s">
        <v>8114</v>
      </c>
      <c r="D2664" t="s">
        <v>13559</v>
      </c>
      <c r="E2664" t="s">
        <v>18882</v>
      </c>
      <c r="G2664" s="2"/>
    </row>
    <row r="2665" spans="1:7" x14ac:dyDescent="0.25">
      <c r="A2665" s="1">
        <v>2663</v>
      </c>
      <c r="B2665" t="s">
        <v>2666</v>
      </c>
      <c r="C2665" t="s">
        <v>8115</v>
      </c>
      <c r="D2665" t="s">
        <v>13560</v>
      </c>
      <c r="E2665" t="s">
        <v>17380</v>
      </c>
      <c r="G2665" s="2"/>
    </row>
    <row r="2666" spans="1:7" x14ac:dyDescent="0.25">
      <c r="A2666" s="1">
        <v>2664</v>
      </c>
      <c r="B2666" t="s">
        <v>2667</v>
      </c>
      <c r="C2666" t="s">
        <v>8116</v>
      </c>
      <c r="D2666" t="s">
        <v>13561</v>
      </c>
      <c r="E2666" t="s">
        <v>18883</v>
      </c>
      <c r="G2666" s="2"/>
    </row>
    <row r="2667" spans="1:7" x14ac:dyDescent="0.25">
      <c r="A2667" s="1">
        <v>2665</v>
      </c>
      <c r="B2667" t="s">
        <v>2668</v>
      </c>
      <c r="C2667" t="s">
        <v>8117</v>
      </c>
      <c r="D2667" t="s">
        <v>13562</v>
      </c>
      <c r="E2667" t="s">
        <v>18884</v>
      </c>
      <c r="G2667" s="2"/>
    </row>
    <row r="2668" spans="1:7" x14ac:dyDescent="0.25">
      <c r="A2668" s="1">
        <v>2666</v>
      </c>
      <c r="B2668" t="s">
        <v>2669</v>
      </c>
      <c r="C2668" t="s">
        <v>8118</v>
      </c>
      <c r="D2668" t="s">
        <v>13563</v>
      </c>
      <c r="E2668" t="s">
        <v>18885</v>
      </c>
      <c r="G2668" s="2"/>
    </row>
    <row r="2669" spans="1:7" x14ac:dyDescent="0.25">
      <c r="A2669" s="1">
        <v>2667</v>
      </c>
      <c r="B2669" t="s">
        <v>2670</v>
      </c>
      <c r="C2669" t="s">
        <v>8119</v>
      </c>
      <c r="D2669" t="s">
        <v>13564</v>
      </c>
      <c r="E2669" t="s">
        <v>18886</v>
      </c>
      <c r="G2669" s="2"/>
    </row>
    <row r="2670" spans="1:7" x14ac:dyDescent="0.25">
      <c r="A2670" s="1">
        <v>2668</v>
      </c>
      <c r="B2670" t="s">
        <v>2671</v>
      </c>
      <c r="C2670" t="s">
        <v>8120</v>
      </c>
      <c r="D2670" t="s">
        <v>13565</v>
      </c>
      <c r="E2670" t="s">
        <v>18887</v>
      </c>
      <c r="G2670" s="2"/>
    </row>
    <row r="2671" spans="1:7" x14ac:dyDescent="0.25">
      <c r="A2671" s="1">
        <v>2669</v>
      </c>
      <c r="B2671" t="s">
        <v>2672</v>
      </c>
      <c r="C2671" t="s">
        <v>8121</v>
      </c>
      <c r="D2671" t="s">
        <v>13566</v>
      </c>
      <c r="E2671" t="s">
        <v>18888</v>
      </c>
      <c r="G2671" s="2"/>
    </row>
    <row r="2672" spans="1:7" x14ac:dyDescent="0.25">
      <c r="A2672" s="1">
        <v>2670</v>
      </c>
      <c r="B2672" t="s">
        <v>2673</v>
      </c>
      <c r="C2672" t="s">
        <v>8122</v>
      </c>
      <c r="D2672" t="s">
        <v>13567</v>
      </c>
      <c r="E2672" t="s">
        <v>18889</v>
      </c>
      <c r="G2672" s="2"/>
    </row>
    <row r="2673" spans="1:7" x14ac:dyDescent="0.25">
      <c r="A2673" s="1">
        <v>2671</v>
      </c>
      <c r="B2673" t="s">
        <v>2674</v>
      </c>
      <c r="C2673" t="s">
        <v>8123</v>
      </c>
      <c r="D2673" t="s">
        <v>13568</v>
      </c>
      <c r="E2673" t="s">
        <v>18890</v>
      </c>
      <c r="G2673" s="2"/>
    </row>
    <row r="2674" spans="1:7" x14ac:dyDescent="0.25">
      <c r="A2674" s="1">
        <v>2672</v>
      </c>
      <c r="B2674" t="s">
        <v>2675</v>
      </c>
      <c r="C2674" t="s">
        <v>8124</v>
      </c>
      <c r="D2674" t="s">
        <v>13569</v>
      </c>
      <c r="E2674" t="s">
        <v>18891</v>
      </c>
      <c r="G2674" s="2"/>
    </row>
    <row r="2675" spans="1:7" x14ac:dyDescent="0.25">
      <c r="A2675" s="1">
        <v>2673</v>
      </c>
      <c r="B2675" t="s">
        <v>2676</v>
      </c>
      <c r="C2675" t="s">
        <v>8125</v>
      </c>
      <c r="D2675" t="s">
        <v>13570</v>
      </c>
      <c r="E2675" t="s">
        <v>18892</v>
      </c>
      <c r="G2675" s="2"/>
    </row>
    <row r="2676" spans="1:7" x14ac:dyDescent="0.25">
      <c r="A2676" s="1">
        <v>2674</v>
      </c>
      <c r="B2676" t="s">
        <v>2677</v>
      </c>
      <c r="C2676" t="s">
        <v>8126</v>
      </c>
      <c r="D2676" t="s">
        <v>13571</v>
      </c>
      <c r="E2676" t="s">
        <v>18893</v>
      </c>
      <c r="G2676" s="2"/>
    </row>
    <row r="2677" spans="1:7" x14ac:dyDescent="0.25">
      <c r="A2677" s="1">
        <v>2675</v>
      </c>
      <c r="B2677" t="s">
        <v>2678</v>
      </c>
      <c r="C2677" t="s">
        <v>8127</v>
      </c>
      <c r="D2677" t="s">
        <v>13572</v>
      </c>
      <c r="E2677" t="s">
        <v>18894</v>
      </c>
      <c r="G2677" s="2"/>
    </row>
    <row r="2678" spans="1:7" x14ac:dyDescent="0.25">
      <c r="A2678" s="1">
        <v>2676</v>
      </c>
      <c r="B2678" t="s">
        <v>2679</v>
      </c>
      <c r="C2678" t="s">
        <v>8128</v>
      </c>
      <c r="D2678" t="s">
        <v>13573</v>
      </c>
      <c r="E2678" t="s">
        <v>18895</v>
      </c>
      <c r="G2678" s="2"/>
    </row>
    <row r="2679" spans="1:7" x14ac:dyDescent="0.25">
      <c r="A2679" s="1">
        <v>2677</v>
      </c>
      <c r="B2679" t="s">
        <v>2680</v>
      </c>
      <c r="C2679" t="s">
        <v>8129</v>
      </c>
      <c r="D2679" t="s">
        <v>13574</v>
      </c>
      <c r="E2679" t="s">
        <v>18896</v>
      </c>
      <c r="G2679" s="2"/>
    </row>
    <row r="2680" spans="1:7" x14ac:dyDescent="0.25">
      <c r="A2680" s="1">
        <v>2678</v>
      </c>
      <c r="B2680" t="s">
        <v>2681</v>
      </c>
      <c r="C2680" t="s">
        <v>8130</v>
      </c>
      <c r="D2680" t="s">
        <v>13575</v>
      </c>
      <c r="E2680" t="s">
        <v>18897</v>
      </c>
      <c r="G2680" s="2"/>
    </row>
    <row r="2681" spans="1:7" x14ac:dyDescent="0.25">
      <c r="A2681" s="1">
        <v>2679</v>
      </c>
      <c r="B2681" t="s">
        <v>2682</v>
      </c>
      <c r="C2681" t="s">
        <v>8131</v>
      </c>
      <c r="D2681" t="s">
        <v>13576</v>
      </c>
      <c r="E2681" t="s">
        <v>18898</v>
      </c>
      <c r="G2681" s="2"/>
    </row>
    <row r="2682" spans="1:7" x14ac:dyDescent="0.25">
      <c r="A2682" s="1">
        <v>2680</v>
      </c>
      <c r="B2682" t="s">
        <v>2683</v>
      </c>
      <c r="C2682" t="s">
        <v>8132</v>
      </c>
      <c r="D2682" t="s">
        <v>13577</v>
      </c>
      <c r="E2682" t="s">
        <v>18899</v>
      </c>
      <c r="G2682" s="2"/>
    </row>
    <row r="2683" spans="1:7" x14ac:dyDescent="0.25">
      <c r="A2683" s="1">
        <v>2681</v>
      </c>
      <c r="B2683" t="s">
        <v>2684</v>
      </c>
      <c r="C2683" t="s">
        <v>8133</v>
      </c>
      <c r="D2683" t="s">
        <v>13578</v>
      </c>
      <c r="E2683" t="s">
        <v>18900</v>
      </c>
      <c r="G2683" s="2"/>
    </row>
    <row r="2684" spans="1:7" x14ac:dyDescent="0.25">
      <c r="A2684" s="1">
        <v>2682</v>
      </c>
      <c r="B2684" t="s">
        <v>2685</v>
      </c>
      <c r="C2684" t="s">
        <v>8134</v>
      </c>
      <c r="D2684" t="s">
        <v>13579</v>
      </c>
      <c r="E2684" t="s">
        <v>18901</v>
      </c>
      <c r="G2684" s="2"/>
    </row>
    <row r="2685" spans="1:7" x14ac:dyDescent="0.25">
      <c r="A2685" s="1">
        <v>2683</v>
      </c>
      <c r="B2685" t="s">
        <v>2686</v>
      </c>
      <c r="C2685" t="s">
        <v>8135</v>
      </c>
      <c r="D2685" t="s">
        <v>13580</v>
      </c>
      <c r="E2685" t="s">
        <v>18902</v>
      </c>
      <c r="G2685" s="2"/>
    </row>
    <row r="2686" spans="1:7" x14ac:dyDescent="0.25">
      <c r="A2686" s="1">
        <v>2684</v>
      </c>
      <c r="B2686" t="s">
        <v>2687</v>
      </c>
      <c r="C2686" t="s">
        <v>8136</v>
      </c>
      <c r="D2686" t="s">
        <v>13581</v>
      </c>
      <c r="E2686" t="s">
        <v>18903</v>
      </c>
      <c r="G2686" s="2"/>
    </row>
    <row r="2687" spans="1:7" x14ac:dyDescent="0.25">
      <c r="A2687" s="1">
        <v>2685</v>
      </c>
      <c r="B2687" t="s">
        <v>2688</v>
      </c>
      <c r="C2687" t="s">
        <v>8137</v>
      </c>
      <c r="D2687" t="s">
        <v>13582</v>
      </c>
      <c r="E2687" t="s">
        <v>18904</v>
      </c>
      <c r="G2687" s="2"/>
    </row>
    <row r="2688" spans="1:7" x14ac:dyDescent="0.25">
      <c r="A2688" s="1">
        <v>2686</v>
      </c>
      <c r="B2688" t="s">
        <v>2689</v>
      </c>
      <c r="C2688" t="s">
        <v>8138</v>
      </c>
      <c r="D2688" t="s">
        <v>13583</v>
      </c>
      <c r="E2688" t="s">
        <v>16620</v>
      </c>
      <c r="G2688" s="2"/>
    </row>
    <row r="2689" spans="1:7" x14ac:dyDescent="0.25">
      <c r="A2689" s="1">
        <v>2687</v>
      </c>
      <c r="B2689" t="s">
        <v>2690</v>
      </c>
      <c r="C2689" t="s">
        <v>8139</v>
      </c>
      <c r="D2689" t="s">
        <v>13584</v>
      </c>
      <c r="E2689" t="s">
        <v>18905</v>
      </c>
      <c r="G2689" s="2"/>
    </row>
    <row r="2690" spans="1:7" x14ac:dyDescent="0.25">
      <c r="A2690" s="1">
        <v>2688</v>
      </c>
      <c r="B2690" t="s">
        <v>2691</v>
      </c>
      <c r="C2690" t="s">
        <v>8140</v>
      </c>
      <c r="D2690" t="s">
        <v>13585</v>
      </c>
      <c r="E2690" t="s">
        <v>18906</v>
      </c>
      <c r="G2690" s="2"/>
    </row>
    <row r="2691" spans="1:7" x14ac:dyDescent="0.25">
      <c r="A2691" s="1">
        <v>2689</v>
      </c>
      <c r="B2691" t="s">
        <v>2692</v>
      </c>
      <c r="C2691" t="s">
        <v>8141</v>
      </c>
      <c r="D2691" t="s">
        <v>13586</v>
      </c>
      <c r="E2691" t="s">
        <v>18907</v>
      </c>
      <c r="G2691" s="2"/>
    </row>
    <row r="2692" spans="1:7" x14ac:dyDescent="0.25">
      <c r="A2692" s="1">
        <v>2690</v>
      </c>
      <c r="B2692" t="s">
        <v>2693</v>
      </c>
      <c r="C2692" t="s">
        <v>8142</v>
      </c>
      <c r="D2692" t="s">
        <v>13587</v>
      </c>
      <c r="E2692" t="s">
        <v>18908</v>
      </c>
      <c r="G2692" s="2"/>
    </row>
    <row r="2693" spans="1:7" x14ac:dyDescent="0.25">
      <c r="A2693" s="1">
        <v>2691</v>
      </c>
      <c r="B2693" t="s">
        <v>2694</v>
      </c>
      <c r="C2693" t="s">
        <v>8143</v>
      </c>
      <c r="D2693" t="s">
        <v>13588</v>
      </c>
      <c r="E2693" t="s">
        <v>18909</v>
      </c>
      <c r="G2693" s="2"/>
    </row>
    <row r="2694" spans="1:7" x14ac:dyDescent="0.25">
      <c r="A2694" s="1">
        <v>2692</v>
      </c>
      <c r="B2694" t="s">
        <v>2695</v>
      </c>
      <c r="C2694" t="s">
        <v>8144</v>
      </c>
      <c r="D2694" t="s">
        <v>13589</v>
      </c>
      <c r="E2694" t="s">
        <v>18910</v>
      </c>
      <c r="G2694" s="2"/>
    </row>
    <row r="2695" spans="1:7" x14ac:dyDescent="0.25">
      <c r="A2695" s="1">
        <v>2693</v>
      </c>
      <c r="B2695" t="s">
        <v>2696</v>
      </c>
      <c r="C2695" t="s">
        <v>8145</v>
      </c>
      <c r="D2695" t="s">
        <v>13590</v>
      </c>
      <c r="E2695" t="s">
        <v>18911</v>
      </c>
      <c r="G2695" s="2"/>
    </row>
    <row r="2696" spans="1:7" x14ac:dyDescent="0.25">
      <c r="A2696" s="1">
        <v>2694</v>
      </c>
      <c r="B2696" t="s">
        <v>2697</v>
      </c>
      <c r="C2696" t="s">
        <v>8146</v>
      </c>
      <c r="D2696" t="s">
        <v>13591</v>
      </c>
      <c r="E2696" t="s">
        <v>18912</v>
      </c>
      <c r="G2696" s="2"/>
    </row>
    <row r="2697" spans="1:7" x14ac:dyDescent="0.25">
      <c r="A2697" s="1">
        <v>2695</v>
      </c>
      <c r="B2697" t="s">
        <v>2698</v>
      </c>
      <c r="C2697" t="s">
        <v>8147</v>
      </c>
      <c r="D2697" t="s">
        <v>13592</v>
      </c>
      <c r="E2697" t="s">
        <v>18913</v>
      </c>
      <c r="G2697" s="2"/>
    </row>
    <row r="2698" spans="1:7" x14ac:dyDescent="0.25">
      <c r="A2698" s="1">
        <v>2696</v>
      </c>
      <c r="B2698" t="s">
        <v>2699</v>
      </c>
      <c r="C2698" t="s">
        <v>8148</v>
      </c>
      <c r="D2698" t="s">
        <v>13593</v>
      </c>
      <c r="E2698" t="s">
        <v>18914</v>
      </c>
      <c r="G2698" s="2"/>
    </row>
    <row r="2699" spans="1:7" x14ac:dyDescent="0.25">
      <c r="A2699" s="1">
        <v>2697</v>
      </c>
      <c r="B2699" t="s">
        <v>2700</v>
      </c>
      <c r="C2699" t="s">
        <v>8149</v>
      </c>
      <c r="D2699" t="s">
        <v>13594</v>
      </c>
      <c r="E2699" t="s">
        <v>16347</v>
      </c>
      <c r="G2699" s="2"/>
    </row>
    <row r="2700" spans="1:7" x14ac:dyDescent="0.25">
      <c r="A2700" s="1">
        <v>2698</v>
      </c>
      <c r="B2700" t="s">
        <v>2701</v>
      </c>
      <c r="C2700" t="s">
        <v>8150</v>
      </c>
      <c r="D2700" t="s">
        <v>13595</v>
      </c>
      <c r="E2700" t="s">
        <v>18915</v>
      </c>
      <c r="G2700" s="2"/>
    </row>
    <row r="2701" spans="1:7" x14ac:dyDescent="0.25">
      <c r="A2701" s="1">
        <v>2699</v>
      </c>
      <c r="B2701" t="s">
        <v>2702</v>
      </c>
      <c r="C2701" t="s">
        <v>8151</v>
      </c>
      <c r="D2701" t="s">
        <v>13596</v>
      </c>
      <c r="E2701" t="s">
        <v>18916</v>
      </c>
      <c r="G2701" s="2"/>
    </row>
    <row r="2702" spans="1:7" x14ac:dyDescent="0.25">
      <c r="A2702" s="1">
        <v>2700</v>
      </c>
      <c r="B2702" t="s">
        <v>2703</v>
      </c>
      <c r="C2702" t="s">
        <v>8152</v>
      </c>
      <c r="D2702" t="s">
        <v>13597</v>
      </c>
      <c r="E2702" t="s">
        <v>18917</v>
      </c>
      <c r="G2702" s="2"/>
    </row>
    <row r="2703" spans="1:7" x14ac:dyDescent="0.25">
      <c r="A2703" s="1">
        <v>2701</v>
      </c>
      <c r="B2703" t="s">
        <v>2704</v>
      </c>
      <c r="C2703" t="s">
        <v>8153</v>
      </c>
      <c r="D2703" t="s">
        <v>13598</v>
      </c>
      <c r="E2703" t="s">
        <v>18918</v>
      </c>
      <c r="G2703" s="2"/>
    </row>
    <row r="2704" spans="1:7" x14ac:dyDescent="0.25">
      <c r="A2704" s="1">
        <v>2702</v>
      </c>
      <c r="B2704" t="s">
        <v>2705</v>
      </c>
      <c r="C2704" t="s">
        <v>8154</v>
      </c>
      <c r="D2704" t="s">
        <v>13599</v>
      </c>
      <c r="E2704" t="s">
        <v>18919</v>
      </c>
      <c r="G2704" s="2"/>
    </row>
    <row r="2705" spans="1:7" x14ac:dyDescent="0.25">
      <c r="A2705" s="1">
        <v>2703</v>
      </c>
      <c r="B2705" t="s">
        <v>2706</v>
      </c>
      <c r="C2705" t="s">
        <v>8155</v>
      </c>
      <c r="D2705" t="s">
        <v>13600</v>
      </c>
      <c r="E2705" t="s">
        <v>18920</v>
      </c>
      <c r="G2705" s="2"/>
    </row>
    <row r="2706" spans="1:7" x14ac:dyDescent="0.25">
      <c r="A2706" s="1">
        <v>2704</v>
      </c>
      <c r="B2706" t="s">
        <v>2707</v>
      </c>
      <c r="C2706" t="s">
        <v>8156</v>
      </c>
      <c r="D2706" t="s">
        <v>13601</v>
      </c>
      <c r="E2706" t="s">
        <v>18921</v>
      </c>
      <c r="G2706" s="2"/>
    </row>
    <row r="2707" spans="1:7" x14ac:dyDescent="0.25">
      <c r="A2707" s="1">
        <v>2705</v>
      </c>
      <c r="B2707" t="s">
        <v>2708</v>
      </c>
      <c r="C2707" t="s">
        <v>8157</v>
      </c>
      <c r="D2707" t="s">
        <v>13602</v>
      </c>
      <c r="E2707" t="s">
        <v>18922</v>
      </c>
      <c r="G2707" s="2"/>
    </row>
    <row r="2708" spans="1:7" x14ac:dyDescent="0.25">
      <c r="A2708" s="1">
        <v>2706</v>
      </c>
      <c r="B2708" t="s">
        <v>2709</v>
      </c>
      <c r="C2708" t="s">
        <v>8158</v>
      </c>
      <c r="D2708" t="s">
        <v>13603</v>
      </c>
      <c r="E2708" t="s">
        <v>18923</v>
      </c>
      <c r="G2708" s="2"/>
    </row>
    <row r="2709" spans="1:7" x14ac:dyDescent="0.25">
      <c r="A2709" s="1">
        <v>2707</v>
      </c>
      <c r="B2709" t="s">
        <v>2710</v>
      </c>
      <c r="C2709" t="s">
        <v>8159</v>
      </c>
      <c r="D2709" t="s">
        <v>13604</v>
      </c>
      <c r="E2709" t="s">
        <v>18924</v>
      </c>
      <c r="G2709" s="2"/>
    </row>
    <row r="2710" spans="1:7" x14ac:dyDescent="0.25">
      <c r="A2710" s="1">
        <v>2708</v>
      </c>
      <c r="B2710" t="s">
        <v>2711</v>
      </c>
      <c r="C2710" t="s">
        <v>8160</v>
      </c>
      <c r="D2710" t="s">
        <v>13605</v>
      </c>
      <c r="E2710" t="s">
        <v>18925</v>
      </c>
      <c r="G2710" s="2"/>
    </row>
    <row r="2711" spans="1:7" x14ac:dyDescent="0.25">
      <c r="A2711" s="1">
        <v>2709</v>
      </c>
      <c r="B2711" t="s">
        <v>2712</v>
      </c>
      <c r="C2711" t="s">
        <v>8161</v>
      </c>
      <c r="D2711" t="s">
        <v>13606</v>
      </c>
      <c r="E2711" t="s">
        <v>18926</v>
      </c>
      <c r="G2711" s="2"/>
    </row>
    <row r="2712" spans="1:7" x14ac:dyDescent="0.25">
      <c r="A2712" s="1">
        <v>2710</v>
      </c>
      <c r="B2712" t="s">
        <v>2713</v>
      </c>
      <c r="C2712" t="s">
        <v>8162</v>
      </c>
      <c r="D2712" t="s">
        <v>13607</v>
      </c>
      <c r="E2712" t="s">
        <v>18927</v>
      </c>
      <c r="G2712" s="2"/>
    </row>
    <row r="2713" spans="1:7" x14ac:dyDescent="0.25">
      <c r="A2713" s="1">
        <v>2711</v>
      </c>
      <c r="B2713" t="s">
        <v>2714</v>
      </c>
      <c r="C2713" t="s">
        <v>8163</v>
      </c>
      <c r="D2713" t="s">
        <v>13608</v>
      </c>
      <c r="E2713" t="s">
        <v>18928</v>
      </c>
      <c r="G2713" s="2"/>
    </row>
    <row r="2714" spans="1:7" x14ac:dyDescent="0.25">
      <c r="A2714" s="1">
        <v>2712</v>
      </c>
      <c r="B2714" t="s">
        <v>2715</v>
      </c>
      <c r="C2714" t="s">
        <v>8164</v>
      </c>
      <c r="D2714" t="s">
        <v>13609</v>
      </c>
      <c r="E2714" t="s">
        <v>18929</v>
      </c>
      <c r="G2714" s="2"/>
    </row>
    <row r="2715" spans="1:7" x14ac:dyDescent="0.25">
      <c r="A2715" s="1">
        <v>2713</v>
      </c>
      <c r="B2715" t="s">
        <v>2716</v>
      </c>
      <c r="C2715" t="s">
        <v>8165</v>
      </c>
      <c r="D2715" t="s">
        <v>13610</v>
      </c>
      <c r="E2715" t="s">
        <v>18930</v>
      </c>
      <c r="G2715" s="2"/>
    </row>
    <row r="2716" spans="1:7" x14ac:dyDescent="0.25">
      <c r="A2716" s="1">
        <v>2714</v>
      </c>
      <c r="B2716" t="s">
        <v>2717</v>
      </c>
      <c r="C2716" t="s">
        <v>8166</v>
      </c>
      <c r="D2716" t="s">
        <v>13611</v>
      </c>
      <c r="E2716" t="s">
        <v>18931</v>
      </c>
      <c r="G2716" s="2"/>
    </row>
    <row r="2717" spans="1:7" x14ac:dyDescent="0.25">
      <c r="A2717" s="1">
        <v>2715</v>
      </c>
      <c r="B2717" t="s">
        <v>2718</v>
      </c>
      <c r="C2717" t="s">
        <v>8167</v>
      </c>
      <c r="D2717" t="s">
        <v>13612</v>
      </c>
      <c r="E2717" t="s">
        <v>18932</v>
      </c>
      <c r="G2717" s="2"/>
    </row>
    <row r="2718" spans="1:7" x14ac:dyDescent="0.25">
      <c r="A2718" s="1">
        <v>2716</v>
      </c>
      <c r="B2718" t="s">
        <v>2719</v>
      </c>
      <c r="C2718" t="s">
        <v>8168</v>
      </c>
      <c r="D2718" t="s">
        <v>13613</v>
      </c>
      <c r="E2718" t="s">
        <v>18933</v>
      </c>
      <c r="G2718" s="2"/>
    </row>
    <row r="2719" spans="1:7" x14ac:dyDescent="0.25">
      <c r="A2719" s="1">
        <v>2717</v>
      </c>
      <c r="B2719" t="s">
        <v>2720</v>
      </c>
      <c r="C2719" t="s">
        <v>8169</v>
      </c>
      <c r="D2719" t="s">
        <v>13614</v>
      </c>
      <c r="E2719" t="s">
        <v>18934</v>
      </c>
      <c r="G2719" s="2"/>
    </row>
    <row r="2720" spans="1:7" x14ac:dyDescent="0.25">
      <c r="A2720" s="1">
        <v>2718</v>
      </c>
      <c r="B2720" t="s">
        <v>2721</v>
      </c>
      <c r="C2720" t="s">
        <v>8170</v>
      </c>
      <c r="D2720" t="s">
        <v>13615</v>
      </c>
      <c r="E2720" t="s">
        <v>18935</v>
      </c>
      <c r="G2720" s="2"/>
    </row>
    <row r="2721" spans="1:7" x14ac:dyDescent="0.25">
      <c r="A2721" s="1">
        <v>2719</v>
      </c>
      <c r="B2721" t="s">
        <v>2722</v>
      </c>
      <c r="C2721" t="s">
        <v>8171</v>
      </c>
      <c r="D2721" t="s">
        <v>13616</v>
      </c>
      <c r="E2721" t="s">
        <v>18936</v>
      </c>
      <c r="G2721" s="2"/>
    </row>
    <row r="2722" spans="1:7" x14ac:dyDescent="0.25">
      <c r="A2722" s="1">
        <v>2720</v>
      </c>
      <c r="B2722" t="s">
        <v>2723</v>
      </c>
      <c r="C2722" t="s">
        <v>8172</v>
      </c>
      <c r="D2722" t="s">
        <v>13617</v>
      </c>
      <c r="E2722" t="s">
        <v>18937</v>
      </c>
      <c r="G2722" s="2"/>
    </row>
    <row r="2723" spans="1:7" x14ac:dyDescent="0.25">
      <c r="A2723" s="1">
        <v>2721</v>
      </c>
      <c r="B2723" t="s">
        <v>2724</v>
      </c>
      <c r="C2723" t="s">
        <v>8173</v>
      </c>
      <c r="D2723" t="s">
        <v>13618</v>
      </c>
      <c r="E2723" t="s">
        <v>18938</v>
      </c>
      <c r="G2723" s="2"/>
    </row>
    <row r="2724" spans="1:7" x14ac:dyDescent="0.25">
      <c r="A2724" s="1">
        <v>2722</v>
      </c>
      <c r="B2724" t="s">
        <v>2725</v>
      </c>
      <c r="C2724" t="s">
        <v>8174</v>
      </c>
      <c r="D2724" t="s">
        <v>13619</v>
      </c>
      <c r="E2724" t="s">
        <v>18939</v>
      </c>
      <c r="G2724" s="2"/>
    </row>
    <row r="2725" spans="1:7" x14ac:dyDescent="0.25">
      <c r="A2725" s="1">
        <v>2723</v>
      </c>
      <c r="B2725" t="s">
        <v>2726</v>
      </c>
      <c r="C2725" t="s">
        <v>8175</v>
      </c>
      <c r="D2725" t="s">
        <v>13620</v>
      </c>
      <c r="E2725" t="s">
        <v>18940</v>
      </c>
      <c r="G2725" s="2"/>
    </row>
    <row r="2726" spans="1:7" x14ac:dyDescent="0.25">
      <c r="A2726" s="1">
        <v>2724</v>
      </c>
      <c r="B2726" t="s">
        <v>2727</v>
      </c>
      <c r="C2726" t="s">
        <v>8176</v>
      </c>
      <c r="D2726" t="s">
        <v>13621</v>
      </c>
      <c r="E2726" t="s">
        <v>18941</v>
      </c>
      <c r="G2726" s="2"/>
    </row>
    <row r="2727" spans="1:7" x14ac:dyDescent="0.25">
      <c r="A2727" s="1">
        <v>2725</v>
      </c>
      <c r="B2727" t="s">
        <v>2728</v>
      </c>
      <c r="C2727" t="s">
        <v>8177</v>
      </c>
      <c r="D2727" t="s">
        <v>13622</v>
      </c>
      <c r="E2727" t="s">
        <v>18942</v>
      </c>
      <c r="G2727" s="2"/>
    </row>
    <row r="2728" spans="1:7" x14ac:dyDescent="0.25">
      <c r="A2728" s="1">
        <v>2726</v>
      </c>
      <c r="B2728" t="s">
        <v>2729</v>
      </c>
      <c r="C2728" t="s">
        <v>8178</v>
      </c>
      <c r="D2728" t="s">
        <v>13623</v>
      </c>
      <c r="E2728" t="s">
        <v>18943</v>
      </c>
      <c r="G2728" s="2"/>
    </row>
    <row r="2729" spans="1:7" x14ac:dyDescent="0.25">
      <c r="A2729" s="1">
        <v>2727</v>
      </c>
      <c r="B2729" t="s">
        <v>2730</v>
      </c>
      <c r="C2729" t="s">
        <v>8179</v>
      </c>
      <c r="D2729" t="s">
        <v>13624</v>
      </c>
      <c r="E2729" t="s">
        <v>18944</v>
      </c>
      <c r="G2729" s="2"/>
    </row>
    <row r="2730" spans="1:7" x14ac:dyDescent="0.25">
      <c r="A2730" s="1">
        <v>2728</v>
      </c>
      <c r="B2730" t="s">
        <v>2731</v>
      </c>
      <c r="C2730" t="s">
        <v>8180</v>
      </c>
      <c r="D2730" t="s">
        <v>13625</v>
      </c>
      <c r="E2730" t="s">
        <v>18945</v>
      </c>
      <c r="G2730" s="2"/>
    </row>
    <row r="2731" spans="1:7" x14ac:dyDescent="0.25">
      <c r="A2731" s="1">
        <v>2729</v>
      </c>
      <c r="B2731" t="s">
        <v>2732</v>
      </c>
      <c r="C2731" t="s">
        <v>8181</v>
      </c>
      <c r="D2731" t="s">
        <v>13626</v>
      </c>
      <c r="E2731" t="s">
        <v>16347</v>
      </c>
      <c r="G2731" s="2"/>
    </row>
    <row r="2732" spans="1:7" x14ac:dyDescent="0.25">
      <c r="A2732" s="1">
        <v>2730</v>
      </c>
      <c r="B2732" t="s">
        <v>2733</v>
      </c>
      <c r="C2732" t="s">
        <v>8182</v>
      </c>
      <c r="D2732" t="s">
        <v>13627</v>
      </c>
      <c r="E2732" t="s">
        <v>18946</v>
      </c>
      <c r="G2732" s="2"/>
    </row>
    <row r="2733" spans="1:7" x14ac:dyDescent="0.25">
      <c r="A2733" s="1">
        <v>2731</v>
      </c>
      <c r="B2733" t="s">
        <v>2734</v>
      </c>
      <c r="C2733" t="s">
        <v>8183</v>
      </c>
      <c r="D2733" t="s">
        <v>13628</v>
      </c>
      <c r="E2733" t="s">
        <v>18947</v>
      </c>
      <c r="G2733" s="2"/>
    </row>
    <row r="2734" spans="1:7" x14ac:dyDescent="0.25">
      <c r="A2734" s="1">
        <v>2732</v>
      </c>
      <c r="B2734" t="s">
        <v>2735</v>
      </c>
      <c r="C2734" t="s">
        <v>8184</v>
      </c>
      <c r="D2734" t="s">
        <v>13629</v>
      </c>
      <c r="E2734" t="s">
        <v>18948</v>
      </c>
      <c r="G2734" s="2"/>
    </row>
    <row r="2735" spans="1:7" x14ac:dyDescent="0.25">
      <c r="A2735" s="1">
        <v>2733</v>
      </c>
      <c r="B2735" t="s">
        <v>2736</v>
      </c>
      <c r="C2735" t="s">
        <v>8185</v>
      </c>
      <c r="D2735" t="s">
        <v>13630</v>
      </c>
      <c r="E2735" t="s">
        <v>18949</v>
      </c>
      <c r="G2735" s="2"/>
    </row>
    <row r="2736" spans="1:7" x14ac:dyDescent="0.25">
      <c r="A2736" s="1">
        <v>2734</v>
      </c>
      <c r="B2736" t="s">
        <v>2737</v>
      </c>
      <c r="C2736" t="s">
        <v>8186</v>
      </c>
      <c r="D2736" t="s">
        <v>13631</v>
      </c>
      <c r="E2736" t="s">
        <v>18950</v>
      </c>
      <c r="G2736" s="2"/>
    </row>
    <row r="2737" spans="1:7" x14ac:dyDescent="0.25">
      <c r="A2737" s="1">
        <v>2735</v>
      </c>
      <c r="B2737" t="s">
        <v>2738</v>
      </c>
      <c r="C2737" t="s">
        <v>8187</v>
      </c>
      <c r="D2737" t="s">
        <v>13632</v>
      </c>
      <c r="E2737" t="s">
        <v>18951</v>
      </c>
      <c r="G2737" s="2"/>
    </row>
    <row r="2738" spans="1:7" x14ac:dyDescent="0.25">
      <c r="A2738" s="1">
        <v>2736</v>
      </c>
      <c r="B2738" t="s">
        <v>2739</v>
      </c>
      <c r="C2738" t="s">
        <v>8188</v>
      </c>
      <c r="D2738" t="s">
        <v>13633</v>
      </c>
      <c r="E2738" t="s">
        <v>18952</v>
      </c>
      <c r="G2738" s="2"/>
    </row>
    <row r="2739" spans="1:7" x14ac:dyDescent="0.25">
      <c r="A2739" s="1">
        <v>2737</v>
      </c>
      <c r="B2739" t="s">
        <v>2740</v>
      </c>
      <c r="C2739" t="s">
        <v>8189</v>
      </c>
      <c r="D2739" t="s">
        <v>13634</v>
      </c>
      <c r="E2739" t="s">
        <v>16908</v>
      </c>
      <c r="G2739" s="2"/>
    </row>
    <row r="2740" spans="1:7" x14ac:dyDescent="0.25">
      <c r="A2740" s="1">
        <v>2738</v>
      </c>
      <c r="B2740" t="s">
        <v>2741</v>
      </c>
      <c r="C2740" t="s">
        <v>8190</v>
      </c>
      <c r="D2740" t="s">
        <v>13635</v>
      </c>
      <c r="E2740" t="s">
        <v>18953</v>
      </c>
      <c r="G2740" s="2"/>
    </row>
    <row r="2741" spans="1:7" x14ac:dyDescent="0.25">
      <c r="A2741" s="1">
        <v>2739</v>
      </c>
      <c r="B2741" t="s">
        <v>2742</v>
      </c>
      <c r="C2741" t="s">
        <v>8191</v>
      </c>
      <c r="D2741" t="s">
        <v>13636</v>
      </c>
      <c r="E2741" t="s">
        <v>18954</v>
      </c>
      <c r="G2741" s="2"/>
    </row>
    <row r="2742" spans="1:7" x14ac:dyDescent="0.25">
      <c r="A2742" s="1">
        <v>2740</v>
      </c>
      <c r="B2742" t="s">
        <v>2743</v>
      </c>
      <c r="C2742" t="s">
        <v>8192</v>
      </c>
      <c r="D2742" t="s">
        <v>13637</v>
      </c>
      <c r="E2742" t="s">
        <v>18955</v>
      </c>
      <c r="G2742" s="2"/>
    </row>
    <row r="2743" spans="1:7" x14ac:dyDescent="0.25">
      <c r="A2743" s="1">
        <v>2741</v>
      </c>
      <c r="B2743" t="s">
        <v>2744</v>
      </c>
      <c r="C2743" t="s">
        <v>8193</v>
      </c>
      <c r="D2743" t="s">
        <v>13638</v>
      </c>
      <c r="E2743" t="s">
        <v>18956</v>
      </c>
      <c r="G2743" s="2"/>
    </row>
    <row r="2744" spans="1:7" x14ac:dyDescent="0.25">
      <c r="A2744" s="1">
        <v>2742</v>
      </c>
      <c r="B2744" t="s">
        <v>2745</v>
      </c>
      <c r="C2744" t="s">
        <v>8194</v>
      </c>
      <c r="D2744" t="s">
        <v>13639</v>
      </c>
      <c r="E2744" t="s">
        <v>18957</v>
      </c>
      <c r="G2744" s="2"/>
    </row>
    <row r="2745" spans="1:7" x14ac:dyDescent="0.25">
      <c r="A2745" s="1">
        <v>2743</v>
      </c>
      <c r="B2745" t="s">
        <v>2746</v>
      </c>
      <c r="C2745" t="s">
        <v>8195</v>
      </c>
      <c r="D2745" t="s">
        <v>13640</v>
      </c>
      <c r="E2745" t="s">
        <v>18958</v>
      </c>
      <c r="G2745" s="2"/>
    </row>
    <row r="2746" spans="1:7" x14ac:dyDescent="0.25">
      <c r="A2746" s="1">
        <v>2744</v>
      </c>
      <c r="B2746" t="s">
        <v>2747</v>
      </c>
      <c r="C2746" t="s">
        <v>8196</v>
      </c>
      <c r="D2746" t="s">
        <v>13641</v>
      </c>
      <c r="E2746" t="s">
        <v>18959</v>
      </c>
      <c r="G2746" s="2"/>
    </row>
    <row r="2747" spans="1:7" x14ac:dyDescent="0.25">
      <c r="A2747" s="1">
        <v>2745</v>
      </c>
      <c r="B2747" t="s">
        <v>2748</v>
      </c>
      <c r="C2747" t="s">
        <v>8197</v>
      </c>
      <c r="D2747" t="s">
        <v>13642</v>
      </c>
      <c r="E2747" t="s">
        <v>18960</v>
      </c>
      <c r="G2747" s="2"/>
    </row>
    <row r="2748" spans="1:7" x14ac:dyDescent="0.25">
      <c r="A2748" s="1">
        <v>2746</v>
      </c>
      <c r="B2748" t="s">
        <v>2749</v>
      </c>
      <c r="C2748" t="s">
        <v>8198</v>
      </c>
      <c r="D2748" t="s">
        <v>13643</v>
      </c>
      <c r="E2748" t="s">
        <v>18961</v>
      </c>
      <c r="G2748" s="2"/>
    </row>
    <row r="2749" spans="1:7" x14ac:dyDescent="0.25">
      <c r="A2749" s="1">
        <v>2747</v>
      </c>
      <c r="B2749" t="s">
        <v>2750</v>
      </c>
      <c r="C2749" t="s">
        <v>8199</v>
      </c>
      <c r="D2749" t="s">
        <v>13644</v>
      </c>
      <c r="E2749" t="s">
        <v>18962</v>
      </c>
      <c r="G2749" s="2"/>
    </row>
    <row r="2750" spans="1:7" x14ac:dyDescent="0.25">
      <c r="A2750" s="1">
        <v>2748</v>
      </c>
      <c r="B2750" t="s">
        <v>2751</v>
      </c>
      <c r="C2750" t="s">
        <v>8200</v>
      </c>
      <c r="D2750" t="s">
        <v>13645</v>
      </c>
      <c r="E2750" t="s">
        <v>18963</v>
      </c>
      <c r="G2750" s="2"/>
    </row>
    <row r="2751" spans="1:7" x14ac:dyDescent="0.25">
      <c r="A2751" s="1">
        <v>2749</v>
      </c>
      <c r="B2751" t="s">
        <v>2752</v>
      </c>
      <c r="C2751" t="s">
        <v>8201</v>
      </c>
      <c r="D2751" t="s">
        <v>13646</v>
      </c>
      <c r="E2751" t="s">
        <v>18964</v>
      </c>
      <c r="G2751" s="2"/>
    </row>
    <row r="2752" spans="1:7" x14ac:dyDescent="0.25">
      <c r="A2752" s="1">
        <v>2750</v>
      </c>
      <c r="B2752" t="s">
        <v>2753</v>
      </c>
      <c r="C2752" t="s">
        <v>8202</v>
      </c>
      <c r="D2752" t="s">
        <v>13647</v>
      </c>
      <c r="E2752" t="s">
        <v>16347</v>
      </c>
      <c r="G2752" s="2"/>
    </row>
    <row r="2753" spans="1:7" x14ac:dyDescent="0.25">
      <c r="A2753" s="1">
        <v>2751</v>
      </c>
      <c r="B2753" t="s">
        <v>2754</v>
      </c>
      <c r="C2753" t="s">
        <v>8203</v>
      </c>
      <c r="D2753" t="s">
        <v>13648</v>
      </c>
      <c r="E2753" t="s">
        <v>18965</v>
      </c>
      <c r="G2753" s="2"/>
    </row>
    <row r="2754" spans="1:7" x14ac:dyDescent="0.25">
      <c r="A2754" s="1">
        <v>2752</v>
      </c>
      <c r="B2754" t="s">
        <v>2755</v>
      </c>
      <c r="C2754" t="s">
        <v>8204</v>
      </c>
      <c r="D2754" t="s">
        <v>13649</v>
      </c>
      <c r="E2754" t="s">
        <v>18966</v>
      </c>
      <c r="G2754" s="2"/>
    </row>
    <row r="2755" spans="1:7" x14ac:dyDescent="0.25">
      <c r="A2755" s="1">
        <v>2753</v>
      </c>
      <c r="B2755" t="s">
        <v>2756</v>
      </c>
      <c r="C2755" t="s">
        <v>8205</v>
      </c>
      <c r="D2755" t="s">
        <v>13650</v>
      </c>
      <c r="E2755" t="s">
        <v>18967</v>
      </c>
      <c r="G2755" s="2"/>
    </row>
    <row r="2756" spans="1:7" x14ac:dyDescent="0.25">
      <c r="A2756" s="1">
        <v>2754</v>
      </c>
      <c r="B2756" t="s">
        <v>2757</v>
      </c>
      <c r="C2756" t="s">
        <v>8206</v>
      </c>
      <c r="D2756" t="s">
        <v>13651</v>
      </c>
      <c r="E2756" t="s">
        <v>18968</v>
      </c>
      <c r="G2756" s="2"/>
    </row>
    <row r="2757" spans="1:7" x14ac:dyDescent="0.25">
      <c r="A2757" s="1">
        <v>2755</v>
      </c>
      <c r="B2757" t="s">
        <v>2758</v>
      </c>
      <c r="C2757" t="s">
        <v>8207</v>
      </c>
      <c r="D2757" t="s">
        <v>13652</v>
      </c>
      <c r="E2757" t="s">
        <v>18969</v>
      </c>
      <c r="G2757" s="2"/>
    </row>
    <row r="2758" spans="1:7" x14ac:dyDescent="0.25">
      <c r="A2758" s="1">
        <v>2756</v>
      </c>
      <c r="B2758" t="s">
        <v>2759</v>
      </c>
      <c r="C2758" t="s">
        <v>8208</v>
      </c>
      <c r="D2758" t="s">
        <v>13653</v>
      </c>
      <c r="E2758" t="s">
        <v>18970</v>
      </c>
      <c r="G2758" s="2"/>
    </row>
    <row r="2759" spans="1:7" x14ac:dyDescent="0.25">
      <c r="A2759" s="1">
        <v>2757</v>
      </c>
      <c r="B2759" t="s">
        <v>2760</v>
      </c>
      <c r="C2759" t="s">
        <v>8209</v>
      </c>
      <c r="D2759" t="s">
        <v>13654</v>
      </c>
      <c r="E2759" t="s">
        <v>18971</v>
      </c>
      <c r="G2759" s="2"/>
    </row>
    <row r="2760" spans="1:7" x14ac:dyDescent="0.25">
      <c r="A2760" s="1">
        <v>2758</v>
      </c>
      <c r="B2760" t="s">
        <v>2761</v>
      </c>
      <c r="C2760" t="s">
        <v>8210</v>
      </c>
      <c r="D2760" t="s">
        <v>13655</v>
      </c>
      <c r="E2760" t="s">
        <v>18972</v>
      </c>
      <c r="G2760" s="2"/>
    </row>
    <row r="2761" spans="1:7" x14ac:dyDescent="0.25">
      <c r="A2761" s="1">
        <v>2759</v>
      </c>
      <c r="B2761" t="s">
        <v>2762</v>
      </c>
      <c r="C2761" t="s">
        <v>8211</v>
      </c>
      <c r="D2761" t="s">
        <v>13656</v>
      </c>
      <c r="E2761" t="s">
        <v>18973</v>
      </c>
      <c r="G2761" s="2"/>
    </row>
    <row r="2762" spans="1:7" x14ac:dyDescent="0.25">
      <c r="A2762" s="1">
        <v>2760</v>
      </c>
      <c r="B2762" t="s">
        <v>2763</v>
      </c>
      <c r="C2762" t="s">
        <v>8212</v>
      </c>
      <c r="D2762" t="s">
        <v>13657</v>
      </c>
      <c r="E2762" t="s">
        <v>18974</v>
      </c>
      <c r="G2762" s="2"/>
    </row>
    <row r="2763" spans="1:7" x14ac:dyDescent="0.25">
      <c r="A2763" s="1">
        <v>2761</v>
      </c>
      <c r="B2763" t="s">
        <v>2764</v>
      </c>
      <c r="C2763" t="s">
        <v>8213</v>
      </c>
      <c r="D2763" t="s">
        <v>13658</v>
      </c>
      <c r="E2763" t="s">
        <v>16555</v>
      </c>
      <c r="G2763" s="2"/>
    </row>
    <row r="2764" spans="1:7" x14ac:dyDescent="0.25">
      <c r="A2764" s="1">
        <v>2762</v>
      </c>
      <c r="B2764" t="s">
        <v>2765</v>
      </c>
      <c r="C2764" t="s">
        <v>8214</v>
      </c>
      <c r="D2764" t="s">
        <v>13659</v>
      </c>
      <c r="E2764" t="s">
        <v>18975</v>
      </c>
      <c r="G2764" s="2"/>
    </row>
    <row r="2765" spans="1:7" x14ac:dyDescent="0.25">
      <c r="A2765" s="1">
        <v>2763</v>
      </c>
      <c r="B2765" t="s">
        <v>2766</v>
      </c>
      <c r="C2765" t="s">
        <v>8215</v>
      </c>
      <c r="D2765" t="s">
        <v>13660</v>
      </c>
      <c r="E2765" t="s">
        <v>18976</v>
      </c>
      <c r="G2765" s="2"/>
    </row>
    <row r="2766" spans="1:7" x14ac:dyDescent="0.25">
      <c r="A2766" s="1">
        <v>2764</v>
      </c>
      <c r="B2766" t="s">
        <v>2767</v>
      </c>
      <c r="C2766" t="s">
        <v>8216</v>
      </c>
      <c r="D2766" t="s">
        <v>13661</v>
      </c>
      <c r="E2766" t="s">
        <v>18977</v>
      </c>
      <c r="G2766" s="2"/>
    </row>
    <row r="2767" spans="1:7" x14ac:dyDescent="0.25">
      <c r="A2767" s="1">
        <v>2765</v>
      </c>
      <c r="B2767" t="s">
        <v>2768</v>
      </c>
      <c r="C2767" t="s">
        <v>8217</v>
      </c>
      <c r="D2767" t="s">
        <v>13662</v>
      </c>
      <c r="E2767" t="s">
        <v>18978</v>
      </c>
      <c r="G2767" s="2"/>
    </row>
    <row r="2768" spans="1:7" x14ac:dyDescent="0.25">
      <c r="A2768" s="1">
        <v>2766</v>
      </c>
      <c r="B2768" t="s">
        <v>2769</v>
      </c>
      <c r="C2768" t="s">
        <v>8218</v>
      </c>
      <c r="D2768" t="s">
        <v>13663</v>
      </c>
      <c r="E2768" t="s">
        <v>18457</v>
      </c>
      <c r="G2768" s="2"/>
    </row>
    <row r="2769" spans="1:7" x14ac:dyDescent="0.25">
      <c r="A2769" s="1">
        <v>2767</v>
      </c>
      <c r="B2769" t="s">
        <v>2770</v>
      </c>
      <c r="C2769" t="s">
        <v>8219</v>
      </c>
      <c r="D2769" t="s">
        <v>13664</v>
      </c>
      <c r="E2769" t="s">
        <v>18979</v>
      </c>
      <c r="G2769" s="2"/>
    </row>
    <row r="2770" spans="1:7" x14ac:dyDescent="0.25">
      <c r="A2770" s="1">
        <v>2768</v>
      </c>
      <c r="B2770" t="s">
        <v>2771</v>
      </c>
      <c r="C2770" t="s">
        <v>8220</v>
      </c>
      <c r="D2770" t="s">
        <v>13665</v>
      </c>
      <c r="E2770" t="s">
        <v>18980</v>
      </c>
      <c r="G2770" s="2"/>
    </row>
    <row r="2771" spans="1:7" x14ac:dyDescent="0.25">
      <c r="A2771" s="1">
        <v>2769</v>
      </c>
      <c r="B2771" t="s">
        <v>2772</v>
      </c>
      <c r="C2771" t="s">
        <v>8221</v>
      </c>
      <c r="D2771" t="s">
        <v>13666</v>
      </c>
      <c r="E2771" t="s">
        <v>18981</v>
      </c>
      <c r="G2771" s="2"/>
    </row>
    <row r="2772" spans="1:7" x14ac:dyDescent="0.25">
      <c r="A2772" s="1">
        <v>2770</v>
      </c>
      <c r="B2772" t="s">
        <v>2773</v>
      </c>
      <c r="C2772" t="s">
        <v>8222</v>
      </c>
      <c r="D2772" t="s">
        <v>13667</v>
      </c>
      <c r="E2772" t="s">
        <v>18982</v>
      </c>
      <c r="G2772" s="2"/>
    </row>
    <row r="2773" spans="1:7" x14ac:dyDescent="0.25">
      <c r="A2773" s="1">
        <v>2771</v>
      </c>
      <c r="B2773" t="s">
        <v>2774</v>
      </c>
      <c r="C2773" t="s">
        <v>8223</v>
      </c>
      <c r="D2773" t="s">
        <v>13668</v>
      </c>
      <c r="E2773" t="s">
        <v>18983</v>
      </c>
      <c r="G2773" s="2"/>
    </row>
    <row r="2774" spans="1:7" x14ac:dyDescent="0.25">
      <c r="A2774" s="1">
        <v>2772</v>
      </c>
      <c r="B2774" t="s">
        <v>2775</v>
      </c>
      <c r="C2774" t="s">
        <v>8224</v>
      </c>
      <c r="D2774" t="s">
        <v>13669</v>
      </c>
      <c r="E2774" t="s">
        <v>18984</v>
      </c>
      <c r="G2774" s="2"/>
    </row>
    <row r="2775" spans="1:7" x14ac:dyDescent="0.25">
      <c r="A2775" s="1">
        <v>2773</v>
      </c>
      <c r="B2775" t="s">
        <v>2776</v>
      </c>
      <c r="C2775" t="s">
        <v>8225</v>
      </c>
      <c r="D2775" t="s">
        <v>13670</v>
      </c>
      <c r="E2775" t="s">
        <v>18985</v>
      </c>
      <c r="G2775" s="2"/>
    </row>
    <row r="2776" spans="1:7" x14ac:dyDescent="0.25">
      <c r="A2776" s="1">
        <v>2774</v>
      </c>
      <c r="B2776" t="s">
        <v>2777</v>
      </c>
      <c r="C2776" t="s">
        <v>8226</v>
      </c>
      <c r="D2776" t="s">
        <v>13671</v>
      </c>
      <c r="E2776" t="s">
        <v>18986</v>
      </c>
      <c r="G2776" s="2"/>
    </row>
    <row r="2777" spans="1:7" x14ac:dyDescent="0.25">
      <c r="A2777" s="1">
        <v>2775</v>
      </c>
      <c r="B2777" t="s">
        <v>2778</v>
      </c>
      <c r="C2777" t="s">
        <v>8227</v>
      </c>
      <c r="D2777" t="s">
        <v>13672</v>
      </c>
      <c r="E2777" t="s">
        <v>18987</v>
      </c>
      <c r="G2777" s="2"/>
    </row>
    <row r="2778" spans="1:7" x14ac:dyDescent="0.25">
      <c r="A2778" s="1">
        <v>2776</v>
      </c>
      <c r="B2778" t="s">
        <v>2779</v>
      </c>
      <c r="C2778" t="s">
        <v>8228</v>
      </c>
      <c r="D2778" t="s">
        <v>13673</v>
      </c>
      <c r="E2778" t="s">
        <v>18117</v>
      </c>
      <c r="G2778" s="2"/>
    </row>
    <row r="2779" spans="1:7" x14ac:dyDescent="0.25">
      <c r="A2779" s="1">
        <v>2777</v>
      </c>
      <c r="B2779" t="s">
        <v>2780</v>
      </c>
      <c r="C2779" t="s">
        <v>8229</v>
      </c>
      <c r="D2779" t="s">
        <v>13674</v>
      </c>
      <c r="E2779" t="s">
        <v>18988</v>
      </c>
      <c r="G2779" s="2"/>
    </row>
    <row r="2780" spans="1:7" x14ac:dyDescent="0.25">
      <c r="A2780" s="1">
        <v>2778</v>
      </c>
      <c r="B2780" t="s">
        <v>2781</v>
      </c>
      <c r="C2780" t="s">
        <v>8230</v>
      </c>
      <c r="D2780" t="s">
        <v>13675</v>
      </c>
      <c r="E2780" t="s">
        <v>18989</v>
      </c>
      <c r="G2780" s="2"/>
    </row>
    <row r="2781" spans="1:7" x14ac:dyDescent="0.25">
      <c r="A2781" s="1">
        <v>2779</v>
      </c>
      <c r="B2781" t="s">
        <v>2782</v>
      </c>
      <c r="C2781" t="s">
        <v>8231</v>
      </c>
      <c r="D2781" t="s">
        <v>13676</v>
      </c>
      <c r="E2781" t="s">
        <v>18990</v>
      </c>
      <c r="G2781" s="2"/>
    </row>
    <row r="2782" spans="1:7" x14ac:dyDescent="0.25">
      <c r="A2782" s="1">
        <v>2780</v>
      </c>
      <c r="B2782" t="s">
        <v>2783</v>
      </c>
      <c r="C2782" t="s">
        <v>8232</v>
      </c>
      <c r="D2782" t="s">
        <v>8232</v>
      </c>
      <c r="E2782" t="s">
        <v>18991</v>
      </c>
      <c r="G2782" s="2"/>
    </row>
    <row r="2783" spans="1:7" x14ac:dyDescent="0.25">
      <c r="A2783" s="1">
        <v>2781</v>
      </c>
      <c r="B2783" t="s">
        <v>2784</v>
      </c>
      <c r="C2783" t="s">
        <v>8233</v>
      </c>
      <c r="D2783" t="s">
        <v>13677</v>
      </c>
      <c r="E2783" t="s">
        <v>16347</v>
      </c>
      <c r="G2783" s="2"/>
    </row>
    <row r="2784" spans="1:7" x14ac:dyDescent="0.25">
      <c r="A2784" s="1">
        <v>2782</v>
      </c>
      <c r="B2784" t="s">
        <v>2785</v>
      </c>
      <c r="C2784" t="s">
        <v>8234</v>
      </c>
      <c r="D2784" t="s">
        <v>13678</v>
      </c>
      <c r="E2784" t="s">
        <v>18992</v>
      </c>
      <c r="G2784" s="2"/>
    </row>
    <row r="2785" spans="1:7" x14ac:dyDescent="0.25">
      <c r="A2785" s="1">
        <v>2783</v>
      </c>
      <c r="B2785" t="s">
        <v>2786</v>
      </c>
      <c r="C2785" t="s">
        <v>8235</v>
      </c>
      <c r="D2785" t="s">
        <v>13679</v>
      </c>
      <c r="E2785" t="s">
        <v>18993</v>
      </c>
      <c r="G2785" s="2"/>
    </row>
    <row r="2786" spans="1:7" x14ac:dyDescent="0.25">
      <c r="A2786" s="1">
        <v>2784</v>
      </c>
      <c r="B2786" t="s">
        <v>2787</v>
      </c>
      <c r="C2786" t="s">
        <v>8236</v>
      </c>
      <c r="D2786" t="s">
        <v>13680</v>
      </c>
      <c r="E2786" t="s">
        <v>18994</v>
      </c>
      <c r="G2786" s="2"/>
    </row>
    <row r="2787" spans="1:7" x14ac:dyDescent="0.25">
      <c r="A2787" s="1">
        <v>2785</v>
      </c>
      <c r="B2787" t="s">
        <v>2788</v>
      </c>
      <c r="C2787" t="s">
        <v>8237</v>
      </c>
      <c r="D2787" t="s">
        <v>13681</v>
      </c>
      <c r="E2787" t="s">
        <v>18995</v>
      </c>
      <c r="G2787" s="2"/>
    </row>
    <row r="2788" spans="1:7" x14ac:dyDescent="0.25">
      <c r="A2788" s="1">
        <v>2786</v>
      </c>
      <c r="B2788" t="s">
        <v>2789</v>
      </c>
      <c r="C2788" t="s">
        <v>8238</v>
      </c>
      <c r="D2788" t="s">
        <v>13682</v>
      </c>
      <c r="E2788" t="s">
        <v>18996</v>
      </c>
      <c r="G2788" s="2"/>
    </row>
    <row r="2789" spans="1:7" x14ac:dyDescent="0.25">
      <c r="A2789" s="1">
        <v>2787</v>
      </c>
      <c r="B2789" t="s">
        <v>2790</v>
      </c>
      <c r="C2789" t="s">
        <v>8239</v>
      </c>
      <c r="D2789" t="s">
        <v>13683</v>
      </c>
      <c r="E2789" t="s">
        <v>18997</v>
      </c>
      <c r="G2789" s="2"/>
    </row>
    <row r="2790" spans="1:7" x14ac:dyDescent="0.25">
      <c r="A2790" s="1">
        <v>2788</v>
      </c>
      <c r="B2790" t="s">
        <v>2791</v>
      </c>
      <c r="C2790" t="s">
        <v>8240</v>
      </c>
      <c r="D2790" t="s">
        <v>13684</v>
      </c>
      <c r="E2790" t="s">
        <v>18998</v>
      </c>
      <c r="G2790" s="2"/>
    </row>
    <row r="2791" spans="1:7" x14ac:dyDescent="0.25">
      <c r="A2791" s="1">
        <v>2789</v>
      </c>
      <c r="B2791" t="s">
        <v>2792</v>
      </c>
      <c r="C2791" t="s">
        <v>8241</v>
      </c>
      <c r="D2791" t="s">
        <v>13685</v>
      </c>
      <c r="E2791" t="s">
        <v>18999</v>
      </c>
      <c r="G2791" s="2"/>
    </row>
    <row r="2792" spans="1:7" x14ac:dyDescent="0.25">
      <c r="A2792" s="1">
        <v>2790</v>
      </c>
      <c r="B2792" t="s">
        <v>2793</v>
      </c>
      <c r="C2792" t="s">
        <v>8242</v>
      </c>
      <c r="D2792" t="s">
        <v>13686</v>
      </c>
      <c r="E2792" t="s">
        <v>19000</v>
      </c>
      <c r="G2792" s="2"/>
    </row>
    <row r="2793" spans="1:7" x14ac:dyDescent="0.25">
      <c r="A2793" s="1">
        <v>2791</v>
      </c>
      <c r="B2793" t="s">
        <v>2794</v>
      </c>
      <c r="C2793" t="s">
        <v>8243</v>
      </c>
      <c r="D2793" t="s">
        <v>13687</v>
      </c>
      <c r="E2793" t="s">
        <v>19001</v>
      </c>
      <c r="G2793" s="2"/>
    </row>
    <row r="2794" spans="1:7" x14ac:dyDescent="0.25">
      <c r="A2794" s="1">
        <v>2792</v>
      </c>
      <c r="B2794" t="s">
        <v>2795</v>
      </c>
      <c r="C2794" t="s">
        <v>8244</v>
      </c>
      <c r="D2794" t="s">
        <v>13688</v>
      </c>
      <c r="E2794" t="s">
        <v>19002</v>
      </c>
      <c r="G2794" s="2"/>
    </row>
    <row r="2795" spans="1:7" x14ac:dyDescent="0.25">
      <c r="A2795" s="1">
        <v>2793</v>
      </c>
      <c r="B2795" t="s">
        <v>2796</v>
      </c>
      <c r="C2795" t="s">
        <v>8245</v>
      </c>
      <c r="D2795" t="s">
        <v>13689</v>
      </c>
      <c r="E2795" t="s">
        <v>19003</v>
      </c>
      <c r="G2795" s="2"/>
    </row>
    <row r="2796" spans="1:7" x14ac:dyDescent="0.25">
      <c r="A2796" s="1">
        <v>2794</v>
      </c>
      <c r="B2796" t="s">
        <v>2797</v>
      </c>
      <c r="C2796" t="s">
        <v>8246</v>
      </c>
      <c r="D2796" t="s">
        <v>13690</v>
      </c>
      <c r="E2796" t="s">
        <v>19004</v>
      </c>
      <c r="G2796" s="2"/>
    </row>
    <row r="2797" spans="1:7" x14ac:dyDescent="0.25">
      <c r="A2797" s="1">
        <v>2795</v>
      </c>
      <c r="B2797" t="s">
        <v>2798</v>
      </c>
      <c r="C2797" t="s">
        <v>8247</v>
      </c>
      <c r="D2797" t="s">
        <v>13691</v>
      </c>
      <c r="E2797" t="s">
        <v>19005</v>
      </c>
      <c r="G2797" s="2"/>
    </row>
    <row r="2798" spans="1:7" x14ac:dyDescent="0.25">
      <c r="A2798" s="1">
        <v>2796</v>
      </c>
      <c r="B2798" t="s">
        <v>2799</v>
      </c>
      <c r="C2798" t="s">
        <v>8248</v>
      </c>
      <c r="D2798" t="s">
        <v>13692</v>
      </c>
      <c r="E2798" t="s">
        <v>19006</v>
      </c>
      <c r="G2798" s="2"/>
    </row>
    <row r="2799" spans="1:7" x14ac:dyDescent="0.25">
      <c r="A2799" s="1">
        <v>2797</v>
      </c>
      <c r="B2799" t="s">
        <v>2800</v>
      </c>
      <c r="C2799" t="s">
        <v>8249</v>
      </c>
      <c r="D2799" t="s">
        <v>13693</v>
      </c>
      <c r="E2799" t="s">
        <v>16347</v>
      </c>
      <c r="G2799" s="2"/>
    </row>
    <row r="2800" spans="1:7" x14ac:dyDescent="0.25">
      <c r="A2800" s="1">
        <v>2798</v>
      </c>
      <c r="B2800" t="s">
        <v>2801</v>
      </c>
      <c r="C2800" t="s">
        <v>8250</v>
      </c>
      <c r="D2800" t="s">
        <v>13694</v>
      </c>
      <c r="E2800" t="s">
        <v>19007</v>
      </c>
      <c r="G2800" s="2"/>
    </row>
    <row r="2801" spans="1:7" x14ac:dyDescent="0.25">
      <c r="A2801" s="1">
        <v>2799</v>
      </c>
      <c r="B2801" t="s">
        <v>2802</v>
      </c>
      <c r="C2801" t="s">
        <v>8251</v>
      </c>
      <c r="D2801" t="s">
        <v>13695</v>
      </c>
      <c r="E2801" t="s">
        <v>19008</v>
      </c>
      <c r="G2801" s="2"/>
    </row>
    <row r="2802" spans="1:7" x14ac:dyDescent="0.25">
      <c r="A2802" s="1">
        <v>2800</v>
      </c>
      <c r="B2802" t="s">
        <v>2803</v>
      </c>
      <c r="C2802" t="s">
        <v>8252</v>
      </c>
      <c r="D2802" t="s">
        <v>13696</v>
      </c>
      <c r="E2802" t="s">
        <v>19009</v>
      </c>
      <c r="G2802" s="2"/>
    </row>
    <row r="2803" spans="1:7" x14ac:dyDescent="0.25">
      <c r="A2803" s="1">
        <v>2801</v>
      </c>
      <c r="B2803" t="s">
        <v>2804</v>
      </c>
      <c r="C2803" t="s">
        <v>8253</v>
      </c>
      <c r="D2803" t="s">
        <v>13697</v>
      </c>
      <c r="E2803" t="s">
        <v>19010</v>
      </c>
      <c r="G2803" s="2"/>
    </row>
    <row r="2804" spans="1:7" x14ac:dyDescent="0.25">
      <c r="A2804" s="1">
        <v>2802</v>
      </c>
      <c r="B2804" t="s">
        <v>2805</v>
      </c>
      <c r="C2804" t="s">
        <v>8254</v>
      </c>
      <c r="D2804" t="s">
        <v>13698</v>
      </c>
      <c r="E2804" t="s">
        <v>19011</v>
      </c>
      <c r="G2804" s="2"/>
    </row>
    <row r="2805" spans="1:7" x14ac:dyDescent="0.25">
      <c r="A2805" s="1">
        <v>2803</v>
      </c>
      <c r="B2805" t="s">
        <v>2806</v>
      </c>
      <c r="C2805" t="s">
        <v>8255</v>
      </c>
      <c r="D2805" t="s">
        <v>13699</v>
      </c>
      <c r="E2805" t="s">
        <v>19012</v>
      </c>
      <c r="G2805" s="2"/>
    </row>
    <row r="2806" spans="1:7" x14ac:dyDescent="0.25">
      <c r="A2806" s="1">
        <v>2804</v>
      </c>
      <c r="B2806" t="s">
        <v>2807</v>
      </c>
      <c r="C2806" t="s">
        <v>8256</v>
      </c>
      <c r="D2806" t="s">
        <v>13700</v>
      </c>
      <c r="E2806" t="s">
        <v>19013</v>
      </c>
      <c r="G2806" s="2"/>
    </row>
    <row r="2807" spans="1:7" x14ac:dyDescent="0.25">
      <c r="A2807" s="1">
        <v>2805</v>
      </c>
      <c r="B2807" t="s">
        <v>2808</v>
      </c>
      <c r="C2807" t="s">
        <v>8257</v>
      </c>
      <c r="D2807" t="s">
        <v>13701</v>
      </c>
      <c r="E2807" t="s">
        <v>19014</v>
      </c>
      <c r="G2807" s="2"/>
    </row>
    <row r="2808" spans="1:7" x14ac:dyDescent="0.25">
      <c r="A2808" s="1">
        <v>2806</v>
      </c>
      <c r="B2808" t="s">
        <v>2809</v>
      </c>
      <c r="C2808" t="s">
        <v>8258</v>
      </c>
      <c r="D2808" t="s">
        <v>13702</v>
      </c>
      <c r="E2808" t="s">
        <v>19015</v>
      </c>
      <c r="G2808" s="2"/>
    </row>
    <row r="2809" spans="1:7" x14ac:dyDescent="0.25">
      <c r="A2809" s="1">
        <v>2807</v>
      </c>
      <c r="B2809" t="s">
        <v>2810</v>
      </c>
      <c r="C2809" t="s">
        <v>8259</v>
      </c>
      <c r="D2809" t="s">
        <v>13703</v>
      </c>
      <c r="E2809" t="s">
        <v>19016</v>
      </c>
      <c r="G2809" s="2"/>
    </row>
    <row r="2810" spans="1:7" x14ac:dyDescent="0.25">
      <c r="A2810" s="1">
        <v>2808</v>
      </c>
      <c r="B2810" t="s">
        <v>2811</v>
      </c>
      <c r="C2810" t="s">
        <v>8260</v>
      </c>
      <c r="D2810" t="s">
        <v>13704</v>
      </c>
      <c r="E2810" t="s">
        <v>19017</v>
      </c>
      <c r="G2810" s="2"/>
    </row>
    <row r="2811" spans="1:7" x14ac:dyDescent="0.25">
      <c r="A2811" s="1">
        <v>2809</v>
      </c>
      <c r="B2811" t="s">
        <v>2812</v>
      </c>
      <c r="C2811" t="s">
        <v>8261</v>
      </c>
      <c r="D2811" t="s">
        <v>13705</v>
      </c>
      <c r="E2811" t="s">
        <v>19018</v>
      </c>
      <c r="G2811" s="2"/>
    </row>
    <row r="2812" spans="1:7" x14ac:dyDescent="0.25">
      <c r="A2812" s="1">
        <v>2810</v>
      </c>
      <c r="B2812" t="s">
        <v>2813</v>
      </c>
      <c r="C2812" t="s">
        <v>8262</v>
      </c>
      <c r="D2812" t="s">
        <v>13706</v>
      </c>
      <c r="E2812" t="s">
        <v>17380</v>
      </c>
      <c r="G2812" s="2"/>
    </row>
    <row r="2813" spans="1:7" x14ac:dyDescent="0.25">
      <c r="A2813" s="1">
        <v>2811</v>
      </c>
      <c r="B2813" t="s">
        <v>2814</v>
      </c>
      <c r="C2813" t="s">
        <v>8263</v>
      </c>
      <c r="D2813" t="s">
        <v>13707</v>
      </c>
      <c r="E2813" t="s">
        <v>19019</v>
      </c>
      <c r="G2813" s="2"/>
    </row>
    <row r="2814" spans="1:7" x14ac:dyDescent="0.25">
      <c r="A2814" s="1">
        <v>2812</v>
      </c>
      <c r="B2814" t="s">
        <v>2815</v>
      </c>
      <c r="C2814" t="s">
        <v>8264</v>
      </c>
      <c r="D2814" t="s">
        <v>13708</v>
      </c>
      <c r="E2814" t="s">
        <v>19020</v>
      </c>
      <c r="G2814" s="2"/>
    </row>
    <row r="2815" spans="1:7" x14ac:dyDescent="0.25">
      <c r="A2815" s="1">
        <v>2813</v>
      </c>
      <c r="B2815" t="s">
        <v>2816</v>
      </c>
      <c r="C2815" t="s">
        <v>8265</v>
      </c>
      <c r="D2815" t="s">
        <v>13709</v>
      </c>
      <c r="E2815" t="s">
        <v>19021</v>
      </c>
      <c r="G2815" s="2"/>
    </row>
    <row r="2816" spans="1:7" x14ac:dyDescent="0.25">
      <c r="A2816" s="1">
        <v>2814</v>
      </c>
      <c r="B2816" t="s">
        <v>2817</v>
      </c>
      <c r="C2816" t="s">
        <v>8266</v>
      </c>
      <c r="D2816" t="s">
        <v>13710</v>
      </c>
      <c r="E2816" t="s">
        <v>19022</v>
      </c>
      <c r="G2816" s="2"/>
    </row>
    <row r="2817" spans="1:7" x14ac:dyDescent="0.25">
      <c r="A2817" s="1">
        <v>2815</v>
      </c>
      <c r="B2817" t="s">
        <v>2818</v>
      </c>
      <c r="C2817" t="s">
        <v>8267</v>
      </c>
      <c r="D2817" t="s">
        <v>13711</v>
      </c>
      <c r="E2817" t="s">
        <v>19023</v>
      </c>
      <c r="G2817" s="2"/>
    </row>
    <row r="2818" spans="1:7" x14ac:dyDescent="0.25">
      <c r="A2818" s="1">
        <v>2816</v>
      </c>
      <c r="B2818" t="s">
        <v>2819</v>
      </c>
      <c r="C2818" t="s">
        <v>8268</v>
      </c>
      <c r="D2818" t="s">
        <v>13712</v>
      </c>
      <c r="E2818" t="s">
        <v>19024</v>
      </c>
      <c r="G2818" s="2"/>
    </row>
    <row r="2819" spans="1:7" x14ac:dyDescent="0.25">
      <c r="A2819" s="1">
        <v>2817</v>
      </c>
      <c r="B2819" t="s">
        <v>2820</v>
      </c>
      <c r="C2819" t="s">
        <v>8269</v>
      </c>
      <c r="D2819" t="s">
        <v>13713</v>
      </c>
      <c r="E2819" t="s">
        <v>19025</v>
      </c>
      <c r="G2819" s="2"/>
    </row>
    <row r="2820" spans="1:7" x14ac:dyDescent="0.25">
      <c r="A2820" s="1">
        <v>2818</v>
      </c>
      <c r="B2820" t="s">
        <v>2821</v>
      </c>
      <c r="C2820" t="s">
        <v>8270</v>
      </c>
      <c r="D2820" t="s">
        <v>13714</v>
      </c>
      <c r="E2820" t="s">
        <v>19026</v>
      </c>
      <c r="G2820" s="2"/>
    </row>
    <row r="2821" spans="1:7" x14ac:dyDescent="0.25">
      <c r="A2821" s="1">
        <v>2819</v>
      </c>
      <c r="B2821" t="s">
        <v>2822</v>
      </c>
      <c r="C2821" t="s">
        <v>8271</v>
      </c>
      <c r="D2821" t="s">
        <v>13715</v>
      </c>
      <c r="E2821" t="s">
        <v>19027</v>
      </c>
      <c r="G2821" s="2"/>
    </row>
    <row r="2822" spans="1:7" x14ac:dyDescent="0.25">
      <c r="A2822" s="1">
        <v>2820</v>
      </c>
      <c r="B2822" t="s">
        <v>2823</v>
      </c>
      <c r="C2822" t="s">
        <v>8272</v>
      </c>
      <c r="D2822" t="s">
        <v>13716</v>
      </c>
      <c r="E2822" t="s">
        <v>19028</v>
      </c>
      <c r="G2822" s="2"/>
    </row>
    <row r="2823" spans="1:7" x14ac:dyDescent="0.25">
      <c r="A2823" s="1">
        <v>2821</v>
      </c>
      <c r="B2823" t="s">
        <v>2824</v>
      </c>
      <c r="C2823" t="s">
        <v>8273</v>
      </c>
      <c r="D2823" t="s">
        <v>13717</v>
      </c>
      <c r="E2823" t="s">
        <v>19029</v>
      </c>
      <c r="G2823" s="2"/>
    </row>
    <row r="2824" spans="1:7" x14ac:dyDescent="0.25">
      <c r="A2824" s="1">
        <v>2822</v>
      </c>
      <c r="B2824" t="s">
        <v>2825</v>
      </c>
      <c r="C2824" t="s">
        <v>8274</v>
      </c>
      <c r="D2824" t="s">
        <v>13718</v>
      </c>
      <c r="E2824" t="s">
        <v>19030</v>
      </c>
      <c r="G2824" s="2"/>
    </row>
    <row r="2825" spans="1:7" x14ac:dyDescent="0.25">
      <c r="A2825" s="1">
        <v>2823</v>
      </c>
      <c r="B2825" t="s">
        <v>2826</v>
      </c>
      <c r="C2825" t="s">
        <v>8275</v>
      </c>
      <c r="D2825" t="s">
        <v>13719</v>
      </c>
      <c r="E2825" t="s">
        <v>19031</v>
      </c>
      <c r="G2825" s="2"/>
    </row>
    <row r="2826" spans="1:7" x14ac:dyDescent="0.25">
      <c r="A2826" s="1">
        <v>2824</v>
      </c>
      <c r="B2826" t="s">
        <v>2827</v>
      </c>
      <c r="C2826" t="s">
        <v>8276</v>
      </c>
      <c r="D2826" t="s">
        <v>13720</v>
      </c>
      <c r="E2826" t="s">
        <v>19032</v>
      </c>
      <c r="G2826" s="2"/>
    </row>
    <row r="2827" spans="1:7" x14ac:dyDescent="0.25">
      <c r="A2827" s="1">
        <v>2825</v>
      </c>
      <c r="B2827" t="s">
        <v>2828</v>
      </c>
      <c r="C2827" t="s">
        <v>8277</v>
      </c>
      <c r="D2827" t="s">
        <v>13721</v>
      </c>
      <c r="E2827" t="s">
        <v>19033</v>
      </c>
      <c r="G2827" s="2"/>
    </row>
    <row r="2828" spans="1:7" x14ac:dyDescent="0.25">
      <c r="A2828" s="1">
        <v>2826</v>
      </c>
      <c r="B2828" t="s">
        <v>2829</v>
      </c>
      <c r="C2828" t="s">
        <v>8278</v>
      </c>
      <c r="D2828" t="s">
        <v>13722</v>
      </c>
      <c r="E2828" t="s">
        <v>19034</v>
      </c>
      <c r="G2828" s="2"/>
    </row>
    <row r="2829" spans="1:7" x14ac:dyDescent="0.25">
      <c r="A2829" s="1">
        <v>2827</v>
      </c>
      <c r="B2829" t="s">
        <v>2830</v>
      </c>
      <c r="C2829" t="s">
        <v>8279</v>
      </c>
      <c r="D2829" t="s">
        <v>13723</v>
      </c>
      <c r="E2829" t="s">
        <v>19035</v>
      </c>
      <c r="G2829" s="2"/>
    </row>
    <row r="2830" spans="1:7" x14ac:dyDescent="0.25">
      <c r="A2830" s="1">
        <v>2828</v>
      </c>
      <c r="B2830" t="s">
        <v>2831</v>
      </c>
      <c r="C2830" t="s">
        <v>8280</v>
      </c>
      <c r="D2830" t="s">
        <v>13724</v>
      </c>
      <c r="E2830" t="s">
        <v>19036</v>
      </c>
      <c r="G2830" s="2"/>
    </row>
    <row r="2831" spans="1:7" x14ac:dyDescent="0.25">
      <c r="A2831" s="1">
        <v>2829</v>
      </c>
      <c r="B2831" t="s">
        <v>2832</v>
      </c>
      <c r="C2831" t="s">
        <v>8281</v>
      </c>
      <c r="D2831" t="s">
        <v>13725</v>
      </c>
      <c r="E2831" t="s">
        <v>19037</v>
      </c>
      <c r="G2831" s="2"/>
    </row>
    <row r="2832" spans="1:7" x14ac:dyDescent="0.25">
      <c r="A2832" s="1">
        <v>2830</v>
      </c>
      <c r="B2832" t="s">
        <v>2833</v>
      </c>
      <c r="C2832" t="s">
        <v>8282</v>
      </c>
      <c r="D2832" t="s">
        <v>13726</v>
      </c>
      <c r="E2832" t="s">
        <v>19038</v>
      </c>
      <c r="G2832" s="2"/>
    </row>
    <row r="2833" spans="1:7" x14ac:dyDescent="0.25">
      <c r="A2833" s="1">
        <v>2831</v>
      </c>
      <c r="B2833" t="s">
        <v>2834</v>
      </c>
      <c r="C2833" t="s">
        <v>8283</v>
      </c>
      <c r="D2833" t="s">
        <v>13727</v>
      </c>
      <c r="E2833" t="s">
        <v>19039</v>
      </c>
      <c r="G2833" s="2"/>
    </row>
    <row r="2834" spans="1:7" x14ac:dyDescent="0.25">
      <c r="A2834" s="1">
        <v>2832</v>
      </c>
      <c r="B2834" t="s">
        <v>2835</v>
      </c>
      <c r="C2834" t="s">
        <v>8284</v>
      </c>
      <c r="D2834" t="s">
        <v>13728</v>
      </c>
      <c r="E2834" t="s">
        <v>19040</v>
      </c>
      <c r="G2834" s="2"/>
    </row>
    <row r="2835" spans="1:7" x14ac:dyDescent="0.25">
      <c r="A2835" s="1">
        <v>2833</v>
      </c>
      <c r="B2835" t="s">
        <v>2836</v>
      </c>
      <c r="C2835" t="s">
        <v>8285</v>
      </c>
      <c r="D2835" t="s">
        <v>13729</v>
      </c>
      <c r="E2835" t="s">
        <v>19041</v>
      </c>
      <c r="G2835" s="2"/>
    </row>
    <row r="2836" spans="1:7" x14ac:dyDescent="0.25">
      <c r="A2836" s="1">
        <v>2834</v>
      </c>
      <c r="B2836" t="s">
        <v>2837</v>
      </c>
      <c r="C2836" t="s">
        <v>8286</v>
      </c>
      <c r="D2836" t="s">
        <v>13730</v>
      </c>
      <c r="E2836" t="s">
        <v>19042</v>
      </c>
      <c r="G2836" s="2"/>
    </row>
    <row r="2837" spans="1:7" x14ac:dyDescent="0.25">
      <c r="A2837" s="1">
        <v>2835</v>
      </c>
      <c r="B2837" t="s">
        <v>2838</v>
      </c>
      <c r="C2837" t="s">
        <v>8287</v>
      </c>
      <c r="D2837" t="s">
        <v>13731</v>
      </c>
      <c r="E2837" t="s">
        <v>19043</v>
      </c>
      <c r="G2837" s="2"/>
    </row>
    <row r="2838" spans="1:7" x14ac:dyDescent="0.25">
      <c r="A2838" s="1">
        <v>2836</v>
      </c>
      <c r="B2838" t="s">
        <v>2839</v>
      </c>
      <c r="C2838" t="s">
        <v>8288</v>
      </c>
      <c r="D2838" t="s">
        <v>13732</v>
      </c>
      <c r="E2838" t="s">
        <v>19044</v>
      </c>
      <c r="G2838" s="2"/>
    </row>
    <row r="2839" spans="1:7" x14ac:dyDescent="0.25">
      <c r="A2839" s="1">
        <v>2837</v>
      </c>
      <c r="B2839" t="s">
        <v>2840</v>
      </c>
      <c r="C2839" t="s">
        <v>8289</v>
      </c>
      <c r="D2839" t="s">
        <v>13733</v>
      </c>
      <c r="E2839" t="s">
        <v>19045</v>
      </c>
      <c r="G2839" s="2"/>
    </row>
    <row r="2840" spans="1:7" x14ac:dyDescent="0.25">
      <c r="A2840" s="1">
        <v>2838</v>
      </c>
      <c r="B2840" t="s">
        <v>2841</v>
      </c>
      <c r="C2840" t="s">
        <v>8290</v>
      </c>
      <c r="D2840" t="s">
        <v>13734</v>
      </c>
      <c r="E2840" t="s">
        <v>16347</v>
      </c>
      <c r="G2840" s="2"/>
    </row>
    <row r="2841" spans="1:7" x14ac:dyDescent="0.25">
      <c r="A2841" s="1">
        <v>2839</v>
      </c>
      <c r="B2841" t="s">
        <v>2842</v>
      </c>
      <c r="C2841" t="s">
        <v>8291</v>
      </c>
      <c r="D2841" t="s">
        <v>13735</v>
      </c>
      <c r="E2841" t="s">
        <v>19046</v>
      </c>
      <c r="G2841" s="2"/>
    </row>
    <row r="2842" spans="1:7" x14ac:dyDescent="0.25">
      <c r="A2842" s="1">
        <v>2840</v>
      </c>
      <c r="B2842" t="s">
        <v>2843</v>
      </c>
      <c r="C2842" t="s">
        <v>8292</v>
      </c>
      <c r="D2842" t="s">
        <v>13736</v>
      </c>
      <c r="E2842" t="s">
        <v>19047</v>
      </c>
      <c r="G2842" s="2"/>
    </row>
    <row r="2843" spans="1:7" x14ac:dyDescent="0.25">
      <c r="A2843" s="1">
        <v>2841</v>
      </c>
      <c r="B2843" t="s">
        <v>2844</v>
      </c>
      <c r="C2843" t="s">
        <v>8293</v>
      </c>
      <c r="D2843" t="s">
        <v>13737</v>
      </c>
      <c r="E2843" t="s">
        <v>16347</v>
      </c>
      <c r="G2843" s="2"/>
    </row>
    <row r="2844" spans="1:7" x14ac:dyDescent="0.25">
      <c r="A2844" s="1">
        <v>2842</v>
      </c>
      <c r="B2844" t="s">
        <v>2845</v>
      </c>
      <c r="C2844" t="s">
        <v>8294</v>
      </c>
      <c r="D2844" t="s">
        <v>13738</v>
      </c>
      <c r="E2844" t="s">
        <v>19048</v>
      </c>
      <c r="G2844" s="2"/>
    </row>
    <row r="2845" spans="1:7" x14ac:dyDescent="0.25">
      <c r="A2845" s="1">
        <v>2843</v>
      </c>
      <c r="B2845" t="s">
        <v>2846</v>
      </c>
      <c r="C2845" t="s">
        <v>8295</v>
      </c>
      <c r="D2845" t="s">
        <v>13739</v>
      </c>
      <c r="E2845" t="s">
        <v>19049</v>
      </c>
      <c r="G2845" s="2"/>
    </row>
    <row r="2846" spans="1:7" x14ac:dyDescent="0.25">
      <c r="A2846" s="1">
        <v>2844</v>
      </c>
      <c r="B2846" t="s">
        <v>2847</v>
      </c>
      <c r="C2846" t="s">
        <v>8296</v>
      </c>
      <c r="D2846" t="s">
        <v>13740</v>
      </c>
      <c r="E2846" t="s">
        <v>19050</v>
      </c>
      <c r="G2846" s="2"/>
    </row>
    <row r="2847" spans="1:7" x14ac:dyDescent="0.25">
      <c r="A2847" s="1">
        <v>2845</v>
      </c>
      <c r="B2847" t="s">
        <v>2848</v>
      </c>
      <c r="C2847" t="s">
        <v>8297</v>
      </c>
      <c r="D2847" t="s">
        <v>13741</v>
      </c>
      <c r="E2847" t="s">
        <v>19051</v>
      </c>
      <c r="G2847" s="2"/>
    </row>
    <row r="2848" spans="1:7" x14ac:dyDescent="0.25">
      <c r="A2848" s="1">
        <v>2846</v>
      </c>
      <c r="B2848" t="s">
        <v>2849</v>
      </c>
      <c r="C2848" t="s">
        <v>8298</v>
      </c>
      <c r="D2848" t="s">
        <v>13742</v>
      </c>
      <c r="E2848" t="s">
        <v>19052</v>
      </c>
      <c r="G2848" s="2"/>
    </row>
    <row r="2849" spans="1:7" x14ac:dyDescent="0.25">
      <c r="A2849" s="1">
        <v>2847</v>
      </c>
      <c r="B2849" t="s">
        <v>2850</v>
      </c>
      <c r="C2849" t="s">
        <v>8299</v>
      </c>
      <c r="D2849" t="s">
        <v>13743</v>
      </c>
      <c r="E2849" t="s">
        <v>19053</v>
      </c>
      <c r="G2849" s="2"/>
    </row>
    <row r="2850" spans="1:7" x14ac:dyDescent="0.25">
      <c r="A2850" s="1">
        <v>2848</v>
      </c>
      <c r="B2850" t="s">
        <v>2851</v>
      </c>
      <c r="C2850" t="s">
        <v>8300</v>
      </c>
      <c r="D2850" t="s">
        <v>13744</v>
      </c>
      <c r="E2850" t="s">
        <v>19054</v>
      </c>
      <c r="G2850" s="2"/>
    </row>
    <row r="2851" spans="1:7" x14ac:dyDescent="0.25">
      <c r="A2851" s="1">
        <v>2849</v>
      </c>
      <c r="B2851" t="s">
        <v>2852</v>
      </c>
      <c r="C2851" t="s">
        <v>8301</v>
      </c>
      <c r="D2851" t="s">
        <v>13745</v>
      </c>
      <c r="E2851" t="s">
        <v>19055</v>
      </c>
      <c r="G2851" s="2"/>
    </row>
    <row r="2852" spans="1:7" x14ac:dyDescent="0.25">
      <c r="A2852" s="1">
        <v>2850</v>
      </c>
      <c r="B2852" t="s">
        <v>2853</v>
      </c>
      <c r="C2852" t="s">
        <v>8302</v>
      </c>
      <c r="D2852" t="s">
        <v>13746</v>
      </c>
      <c r="E2852" t="s">
        <v>19056</v>
      </c>
      <c r="G2852" s="2"/>
    </row>
    <row r="2853" spans="1:7" x14ac:dyDescent="0.25">
      <c r="A2853" s="1">
        <v>2851</v>
      </c>
      <c r="B2853" t="s">
        <v>2854</v>
      </c>
      <c r="C2853" t="s">
        <v>8303</v>
      </c>
      <c r="D2853" t="s">
        <v>13747</v>
      </c>
      <c r="E2853" t="s">
        <v>19057</v>
      </c>
      <c r="G2853" s="2"/>
    </row>
    <row r="2854" spans="1:7" x14ac:dyDescent="0.25">
      <c r="A2854" s="1">
        <v>2852</v>
      </c>
      <c r="B2854" t="s">
        <v>2855</v>
      </c>
      <c r="C2854" t="s">
        <v>8304</v>
      </c>
      <c r="D2854" t="s">
        <v>13748</v>
      </c>
      <c r="E2854" t="s">
        <v>19058</v>
      </c>
      <c r="G2854" s="2"/>
    </row>
    <row r="2855" spans="1:7" x14ac:dyDescent="0.25">
      <c r="A2855" s="1">
        <v>2853</v>
      </c>
      <c r="B2855" t="s">
        <v>2856</v>
      </c>
      <c r="C2855" t="s">
        <v>8305</v>
      </c>
      <c r="D2855" t="s">
        <v>13749</v>
      </c>
      <c r="E2855" t="s">
        <v>19059</v>
      </c>
      <c r="G2855" s="2"/>
    </row>
    <row r="2856" spans="1:7" x14ac:dyDescent="0.25">
      <c r="A2856" s="1">
        <v>2854</v>
      </c>
      <c r="B2856" t="s">
        <v>2857</v>
      </c>
      <c r="C2856" t="s">
        <v>8306</v>
      </c>
      <c r="D2856" t="s">
        <v>13750</v>
      </c>
      <c r="E2856" t="s">
        <v>19060</v>
      </c>
      <c r="G2856" s="2"/>
    </row>
    <row r="2857" spans="1:7" x14ac:dyDescent="0.25">
      <c r="A2857" s="1">
        <v>2855</v>
      </c>
      <c r="B2857" t="s">
        <v>2858</v>
      </c>
      <c r="C2857" t="s">
        <v>8307</v>
      </c>
      <c r="D2857" t="s">
        <v>13751</v>
      </c>
      <c r="E2857" t="s">
        <v>19061</v>
      </c>
      <c r="G2857" s="2"/>
    </row>
    <row r="2858" spans="1:7" x14ac:dyDescent="0.25">
      <c r="A2858" s="1">
        <v>2856</v>
      </c>
      <c r="B2858" t="s">
        <v>2859</v>
      </c>
      <c r="C2858" t="s">
        <v>8308</v>
      </c>
      <c r="D2858" t="s">
        <v>13752</v>
      </c>
      <c r="E2858" t="s">
        <v>19062</v>
      </c>
      <c r="G2858" s="2"/>
    </row>
    <row r="2859" spans="1:7" x14ac:dyDescent="0.25">
      <c r="A2859" s="1">
        <v>2857</v>
      </c>
      <c r="B2859" t="s">
        <v>2860</v>
      </c>
      <c r="C2859" t="s">
        <v>8309</v>
      </c>
      <c r="D2859" t="s">
        <v>13753</v>
      </c>
      <c r="E2859" t="s">
        <v>19063</v>
      </c>
      <c r="G2859" s="2"/>
    </row>
    <row r="2860" spans="1:7" x14ac:dyDescent="0.25">
      <c r="A2860" s="1">
        <v>2858</v>
      </c>
      <c r="B2860" t="s">
        <v>2861</v>
      </c>
      <c r="C2860" t="s">
        <v>8310</v>
      </c>
      <c r="D2860" t="s">
        <v>13754</v>
      </c>
      <c r="E2860" t="s">
        <v>19064</v>
      </c>
      <c r="G2860" s="2"/>
    </row>
    <row r="2861" spans="1:7" x14ac:dyDescent="0.25">
      <c r="A2861" s="1">
        <v>2859</v>
      </c>
      <c r="B2861" t="s">
        <v>2862</v>
      </c>
      <c r="C2861" t="s">
        <v>8311</v>
      </c>
      <c r="D2861" t="s">
        <v>13755</v>
      </c>
      <c r="E2861" t="s">
        <v>19065</v>
      </c>
      <c r="G2861" s="2"/>
    </row>
    <row r="2862" spans="1:7" x14ac:dyDescent="0.25">
      <c r="A2862" s="1">
        <v>2860</v>
      </c>
      <c r="B2862" t="s">
        <v>2863</v>
      </c>
      <c r="C2862" t="s">
        <v>8312</v>
      </c>
      <c r="D2862" t="s">
        <v>13756</v>
      </c>
      <c r="E2862" t="s">
        <v>19066</v>
      </c>
      <c r="G2862" s="2"/>
    </row>
    <row r="2863" spans="1:7" x14ac:dyDescent="0.25">
      <c r="A2863" s="1">
        <v>2861</v>
      </c>
      <c r="B2863" t="s">
        <v>2864</v>
      </c>
      <c r="C2863" t="s">
        <v>8313</v>
      </c>
      <c r="D2863" t="s">
        <v>13757</v>
      </c>
      <c r="E2863" t="s">
        <v>19067</v>
      </c>
      <c r="G2863" s="2"/>
    </row>
    <row r="2864" spans="1:7" x14ac:dyDescent="0.25">
      <c r="A2864" s="1">
        <v>2862</v>
      </c>
      <c r="B2864" t="s">
        <v>2865</v>
      </c>
      <c r="C2864" t="s">
        <v>8314</v>
      </c>
      <c r="D2864" t="s">
        <v>13758</v>
      </c>
      <c r="E2864" t="s">
        <v>19068</v>
      </c>
      <c r="G2864" s="2"/>
    </row>
    <row r="2865" spans="1:7" x14ac:dyDescent="0.25">
      <c r="A2865" s="1">
        <v>2863</v>
      </c>
      <c r="B2865" t="s">
        <v>2866</v>
      </c>
      <c r="C2865" t="s">
        <v>8315</v>
      </c>
      <c r="D2865" t="s">
        <v>13759</v>
      </c>
      <c r="E2865" t="s">
        <v>19069</v>
      </c>
      <c r="G2865" s="2"/>
    </row>
    <row r="2866" spans="1:7" x14ac:dyDescent="0.25">
      <c r="A2866" s="1">
        <v>2864</v>
      </c>
      <c r="B2866" t="s">
        <v>2867</v>
      </c>
      <c r="C2866" t="s">
        <v>8316</v>
      </c>
      <c r="D2866" t="s">
        <v>13760</v>
      </c>
      <c r="E2866" t="s">
        <v>19070</v>
      </c>
      <c r="G2866" s="2"/>
    </row>
    <row r="2867" spans="1:7" x14ac:dyDescent="0.25">
      <c r="A2867" s="1">
        <v>2865</v>
      </c>
      <c r="B2867" t="s">
        <v>2868</v>
      </c>
      <c r="C2867" t="s">
        <v>8317</v>
      </c>
      <c r="D2867" t="s">
        <v>13761</v>
      </c>
      <c r="E2867" t="s">
        <v>19071</v>
      </c>
      <c r="G2867" s="2"/>
    </row>
    <row r="2868" spans="1:7" x14ac:dyDescent="0.25">
      <c r="A2868" s="1">
        <v>2866</v>
      </c>
      <c r="B2868" t="s">
        <v>2869</v>
      </c>
      <c r="C2868" t="s">
        <v>8318</v>
      </c>
      <c r="D2868" t="s">
        <v>13762</v>
      </c>
      <c r="E2868" t="s">
        <v>19072</v>
      </c>
      <c r="G2868" s="2"/>
    </row>
    <row r="2869" spans="1:7" x14ac:dyDescent="0.25">
      <c r="A2869" s="1">
        <v>2867</v>
      </c>
      <c r="B2869" t="s">
        <v>2870</v>
      </c>
      <c r="C2869" t="s">
        <v>8319</v>
      </c>
      <c r="D2869" t="s">
        <v>13763</v>
      </c>
      <c r="E2869" t="s">
        <v>19073</v>
      </c>
      <c r="G2869" s="2"/>
    </row>
    <row r="2870" spans="1:7" x14ac:dyDescent="0.25">
      <c r="A2870" s="1">
        <v>2868</v>
      </c>
      <c r="B2870" t="s">
        <v>2871</v>
      </c>
      <c r="C2870" t="s">
        <v>8320</v>
      </c>
      <c r="D2870" t="s">
        <v>13764</v>
      </c>
      <c r="E2870" t="s">
        <v>19074</v>
      </c>
      <c r="G2870" s="2"/>
    </row>
    <row r="2871" spans="1:7" x14ac:dyDescent="0.25">
      <c r="A2871" s="1">
        <v>2869</v>
      </c>
      <c r="B2871" t="s">
        <v>2872</v>
      </c>
      <c r="C2871" t="s">
        <v>8321</v>
      </c>
      <c r="D2871" t="s">
        <v>13765</v>
      </c>
      <c r="E2871" t="s">
        <v>19075</v>
      </c>
      <c r="G2871" s="2"/>
    </row>
    <row r="2872" spans="1:7" x14ac:dyDescent="0.25">
      <c r="A2872" s="1">
        <v>2870</v>
      </c>
      <c r="B2872" t="s">
        <v>2873</v>
      </c>
      <c r="C2872" t="s">
        <v>8322</v>
      </c>
      <c r="D2872" t="s">
        <v>13766</v>
      </c>
      <c r="E2872" t="s">
        <v>19076</v>
      </c>
      <c r="G2872" s="2"/>
    </row>
    <row r="2873" spans="1:7" x14ac:dyDescent="0.25">
      <c r="A2873" s="1">
        <v>2871</v>
      </c>
      <c r="B2873" t="s">
        <v>2874</v>
      </c>
      <c r="C2873" t="s">
        <v>8323</v>
      </c>
      <c r="D2873" t="s">
        <v>13767</v>
      </c>
      <c r="E2873" t="s">
        <v>19077</v>
      </c>
      <c r="G2873" s="2"/>
    </row>
    <row r="2874" spans="1:7" x14ac:dyDescent="0.25">
      <c r="A2874" s="1">
        <v>2872</v>
      </c>
      <c r="B2874" t="s">
        <v>2875</v>
      </c>
      <c r="C2874" t="s">
        <v>8324</v>
      </c>
      <c r="D2874" t="s">
        <v>13768</v>
      </c>
      <c r="E2874" t="s">
        <v>19078</v>
      </c>
      <c r="G2874" s="2"/>
    </row>
    <row r="2875" spans="1:7" x14ac:dyDescent="0.25">
      <c r="A2875" s="1">
        <v>2873</v>
      </c>
      <c r="B2875" t="s">
        <v>2876</v>
      </c>
      <c r="C2875" t="s">
        <v>8325</v>
      </c>
      <c r="D2875" t="s">
        <v>13769</v>
      </c>
      <c r="E2875" t="s">
        <v>19079</v>
      </c>
      <c r="G2875" s="2"/>
    </row>
    <row r="2876" spans="1:7" x14ac:dyDescent="0.25">
      <c r="A2876" s="1">
        <v>2874</v>
      </c>
      <c r="B2876" t="s">
        <v>2877</v>
      </c>
      <c r="C2876" t="s">
        <v>8326</v>
      </c>
      <c r="D2876" t="s">
        <v>13770</v>
      </c>
      <c r="E2876" t="s">
        <v>19080</v>
      </c>
      <c r="G2876" s="2"/>
    </row>
    <row r="2877" spans="1:7" x14ac:dyDescent="0.25">
      <c r="A2877" s="1">
        <v>2875</v>
      </c>
      <c r="B2877" t="s">
        <v>2878</v>
      </c>
      <c r="C2877" t="s">
        <v>8327</v>
      </c>
      <c r="D2877" t="s">
        <v>13771</v>
      </c>
      <c r="E2877" t="s">
        <v>19081</v>
      </c>
      <c r="G2877" s="2"/>
    </row>
    <row r="2878" spans="1:7" x14ac:dyDescent="0.25">
      <c r="A2878" s="1">
        <v>2876</v>
      </c>
      <c r="B2878" t="s">
        <v>2879</v>
      </c>
      <c r="C2878" t="s">
        <v>8328</v>
      </c>
      <c r="D2878" t="s">
        <v>13772</v>
      </c>
      <c r="E2878" t="s">
        <v>19082</v>
      </c>
      <c r="G2878" s="2"/>
    </row>
    <row r="2879" spans="1:7" x14ac:dyDescent="0.25">
      <c r="A2879" s="1">
        <v>2877</v>
      </c>
      <c r="B2879" t="s">
        <v>2880</v>
      </c>
      <c r="C2879" t="s">
        <v>8329</v>
      </c>
      <c r="D2879" t="s">
        <v>13773</v>
      </c>
      <c r="E2879" t="s">
        <v>19083</v>
      </c>
      <c r="G2879" s="2"/>
    </row>
    <row r="2880" spans="1:7" x14ac:dyDescent="0.25">
      <c r="A2880" s="1">
        <v>2878</v>
      </c>
      <c r="B2880" t="s">
        <v>2881</v>
      </c>
      <c r="C2880" t="s">
        <v>8330</v>
      </c>
      <c r="D2880" t="s">
        <v>13774</v>
      </c>
      <c r="E2880" t="s">
        <v>19084</v>
      </c>
      <c r="G2880" s="2"/>
    </row>
    <row r="2881" spans="1:7" x14ac:dyDescent="0.25">
      <c r="A2881" s="1">
        <v>2879</v>
      </c>
      <c r="B2881" t="s">
        <v>2882</v>
      </c>
      <c r="C2881" t="s">
        <v>8331</v>
      </c>
      <c r="D2881" t="s">
        <v>13775</v>
      </c>
      <c r="E2881" t="s">
        <v>19085</v>
      </c>
      <c r="G2881" s="2"/>
    </row>
    <row r="2882" spans="1:7" x14ac:dyDescent="0.25">
      <c r="A2882" s="1">
        <v>2880</v>
      </c>
      <c r="B2882" t="s">
        <v>2883</v>
      </c>
      <c r="C2882" t="s">
        <v>8332</v>
      </c>
      <c r="D2882" t="s">
        <v>13776</v>
      </c>
      <c r="E2882" t="s">
        <v>19086</v>
      </c>
      <c r="G2882" s="2"/>
    </row>
    <row r="2883" spans="1:7" x14ac:dyDescent="0.25">
      <c r="A2883" s="1">
        <v>2881</v>
      </c>
      <c r="B2883" t="s">
        <v>2884</v>
      </c>
      <c r="C2883" t="s">
        <v>8333</v>
      </c>
      <c r="D2883" t="s">
        <v>13777</v>
      </c>
      <c r="E2883" t="s">
        <v>19087</v>
      </c>
      <c r="G2883" s="2"/>
    </row>
    <row r="2884" spans="1:7" x14ac:dyDescent="0.25">
      <c r="A2884" s="1">
        <v>2882</v>
      </c>
      <c r="B2884" t="s">
        <v>2885</v>
      </c>
      <c r="C2884" t="s">
        <v>8334</v>
      </c>
      <c r="D2884" t="s">
        <v>13778</v>
      </c>
      <c r="E2884" t="s">
        <v>19088</v>
      </c>
      <c r="G2884" s="2"/>
    </row>
    <row r="2885" spans="1:7" x14ac:dyDescent="0.25">
      <c r="A2885" s="1">
        <v>2883</v>
      </c>
      <c r="B2885" t="s">
        <v>2886</v>
      </c>
      <c r="C2885" t="s">
        <v>8335</v>
      </c>
      <c r="D2885" t="s">
        <v>13779</v>
      </c>
      <c r="E2885" t="s">
        <v>19089</v>
      </c>
      <c r="G2885" s="2"/>
    </row>
    <row r="2886" spans="1:7" x14ac:dyDescent="0.25">
      <c r="A2886" s="1">
        <v>2884</v>
      </c>
      <c r="B2886" t="s">
        <v>2887</v>
      </c>
      <c r="C2886" t="s">
        <v>8336</v>
      </c>
      <c r="D2886" t="s">
        <v>13780</v>
      </c>
      <c r="E2886" t="s">
        <v>19090</v>
      </c>
      <c r="G2886" s="2"/>
    </row>
    <row r="2887" spans="1:7" x14ac:dyDescent="0.25">
      <c r="A2887" s="1">
        <v>2885</v>
      </c>
      <c r="B2887" t="s">
        <v>2888</v>
      </c>
      <c r="C2887" t="s">
        <v>8337</v>
      </c>
      <c r="D2887" t="s">
        <v>13781</v>
      </c>
      <c r="E2887" t="s">
        <v>19091</v>
      </c>
      <c r="G2887" s="2"/>
    </row>
    <row r="2888" spans="1:7" x14ac:dyDescent="0.25">
      <c r="A2888" s="1">
        <v>2886</v>
      </c>
      <c r="B2888" t="s">
        <v>2889</v>
      </c>
      <c r="C2888" t="s">
        <v>8338</v>
      </c>
      <c r="D2888" t="s">
        <v>13782</v>
      </c>
      <c r="E2888" t="s">
        <v>19092</v>
      </c>
      <c r="G2888" s="2"/>
    </row>
    <row r="2889" spans="1:7" x14ac:dyDescent="0.25">
      <c r="A2889" s="1">
        <v>2887</v>
      </c>
      <c r="B2889" t="s">
        <v>2890</v>
      </c>
      <c r="C2889" t="s">
        <v>8339</v>
      </c>
      <c r="D2889" t="s">
        <v>13783</v>
      </c>
      <c r="E2889" t="s">
        <v>16555</v>
      </c>
      <c r="G2889" s="2"/>
    </row>
    <row r="2890" spans="1:7" x14ac:dyDescent="0.25">
      <c r="A2890" s="1">
        <v>2888</v>
      </c>
      <c r="B2890" t="s">
        <v>2891</v>
      </c>
      <c r="C2890" t="s">
        <v>8340</v>
      </c>
      <c r="D2890" t="s">
        <v>13784</v>
      </c>
      <c r="E2890" t="s">
        <v>19093</v>
      </c>
      <c r="G2890" s="2"/>
    </row>
    <row r="2891" spans="1:7" x14ac:dyDescent="0.25">
      <c r="A2891" s="1">
        <v>2889</v>
      </c>
      <c r="B2891" t="s">
        <v>2892</v>
      </c>
      <c r="C2891" t="s">
        <v>8341</v>
      </c>
      <c r="D2891" t="s">
        <v>13785</v>
      </c>
      <c r="E2891" t="s">
        <v>19094</v>
      </c>
      <c r="G2891" s="2"/>
    </row>
    <row r="2892" spans="1:7" x14ac:dyDescent="0.25">
      <c r="A2892" s="1">
        <v>2890</v>
      </c>
      <c r="B2892" t="s">
        <v>2893</v>
      </c>
      <c r="C2892" t="s">
        <v>8342</v>
      </c>
      <c r="D2892" t="s">
        <v>13786</v>
      </c>
      <c r="E2892" t="s">
        <v>19095</v>
      </c>
      <c r="G2892" s="2"/>
    </row>
    <row r="2893" spans="1:7" x14ac:dyDescent="0.25">
      <c r="A2893" s="1">
        <v>2891</v>
      </c>
      <c r="B2893" t="s">
        <v>2894</v>
      </c>
      <c r="C2893" t="s">
        <v>8343</v>
      </c>
      <c r="D2893" t="s">
        <v>13787</v>
      </c>
      <c r="E2893" t="s">
        <v>19096</v>
      </c>
      <c r="G2893" s="2"/>
    </row>
    <row r="2894" spans="1:7" x14ac:dyDescent="0.25">
      <c r="A2894" s="1">
        <v>2892</v>
      </c>
      <c r="B2894" t="s">
        <v>2895</v>
      </c>
      <c r="C2894" t="s">
        <v>8344</v>
      </c>
      <c r="D2894" t="s">
        <v>13788</v>
      </c>
      <c r="E2894" t="s">
        <v>19097</v>
      </c>
      <c r="G2894" s="2"/>
    </row>
    <row r="2895" spans="1:7" x14ac:dyDescent="0.25">
      <c r="A2895" s="1">
        <v>2893</v>
      </c>
      <c r="B2895" t="s">
        <v>2896</v>
      </c>
      <c r="C2895" t="s">
        <v>8345</v>
      </c>
      <c r="D2895" t="s">
        <v>13789</v>
      </c>
      <c r="E2895" t="s">
        <v>19098</v>
      </c>
      <c r="G2895" s="2"/>
    </row>
    <row r="2896" spans="1:7" x14ac:dyDescent="0.25">
      <c r="A2896" s="1">
        <v>2894</v>
      </c>
      <c r="B2896" t="s">
        <v>2897</v>
      </c>
      <c r="C2896" t="s">
        <v>8346</v>
      </c>
      <c r="D2896" t="s">
        <v>13790</v>
      </c>
      <c r="E2896" t="s">
        <v>19099</v>
      </c>
      <c r="G2896" s="2"/>
    </row>
    <row r="2897" spans="1:7" x14ac:dyDescent="0.25">
      <c r="A2897" s="1">
        <v>2895</v>
      </c>
      <c r="B2897" t="s">
        <v>2898</v>
      </c>
      <c r="C2897" t="s">
        <v>8347</v>
      </c>
      <c r="D2897" t="s">
        <v>13791</v>
      </c>
      <c r="E2897" t="s">
        <v>16347</v>
      </c>
      <c r="G2897" s="2"/>
    </row>
    <row r="2898" spans="1:7" x14ac:dyDescent="0.25">
      <c r="A2898" s="1">
        <v>2896</v>
      </c>
      <c r="B2898" t="s">
        <v>2899</v>
      </c>
      <c r="C2898" t="s">
        <v>8348</v>
      </c>
      <c r="D2898" t="s">
        <v>13792</v>
      </c>
      <c r="E2898" t="s">
        <v>19100</v>
      </c>
      <c r="G2898" s="2"/>
    </row>
    <row r="2899" spans="1:7" x14ac:dyDescent="0.25">
      <c r="A2899" s="1">
        <v>2897</v>
      </c>
      <c r="B2899" t="s">
        <v>2900</v>
      </c>
      <c r="C2899" t="s">
        <v>8349</v>
      </c>
      <c r="D2899" t="s">
        <v>13793</v>
      </c>
      <c r="E2899" t="s">
        <v>19101</v>
      </c>
      <c r="G2899" s="2"/>
    </row>
    <row r="2900" spans="1:7" x14ac:dyDescent="0.25">
      <c r="A2900" s="1">
        <v>2898</v>
      </c>
      <c r="B2900" t="s">
        <v>2901</v>
      </c>
      <c r="C2900" t="s">
        <v>8350</v>
      </c>
      <c r="D2900" t="s">
        <v>13794</v>
      </c>
      <c r="E2900" t="s">
        <v>19102</v>
      </c>
      <c r="G2900" s="2"/>
    </row>
    <row r="2901" spans="1:7" x14ac:dyDescent="0.25">
      <c r="A2901" s="1">
        <v>2899</v>
      </c>
      <c r="B2901" t="s">
        <v>2902</v>
      </c>
      <c r="C2901" t="s">
        <v>8351</v>
      </c>
      <c r="D2901" t="s">
        <v>13795</v>
      </c>
      <c r="E2901" t="s">
        <v>19103</v>
      </c>
      <c r="G2901" s="2"/>
    </row>
    <row r="2902" spans="1:7" x14ac:dyDescent="0.25">
      <c r="A2902" s="1">
        <v>2900</v>
      </c>
      <c r="B2902" t="s">
        <v>2903</v>
      </c>
      <c r="C2902" t="s">
        <v>8352</v>
      </c>
      <c r="D2902" t="s">
        <v>13796</v>
      </c>
      <c r="E2902" t="s">
        <v>19104</v>
      </c>
      <c r="G2902" s="2"/>
    </row>
    <row r="2903" spans="1:7" x14ac:dyDescent="0.25">
      <c r="A2903" s="1">
        <v>2901</v>
      </c>
      <c r="B2903" t="s">
        <v>2904</v>
      </c>
      <c r="C2903" t="s">
        <v>8353</v>
      </c>
      <c r="D2903" t="s">
        <v>13797</v>
      </c>
      <c r="E2903" t="s">
        <v>19105</v>
      </c>
      <c r="G2903" s="2"/>
    </row>
    <row r="2904" spans="1:7" x14ac:dyDescent="0.25">
      <c r="A2904" s="1">
        <v>2902</v>
      </c>
      <c r="B2904" t="s">
        <v>2905</v>
      </c>
      <c r="C2904" t="s">
        <v>8354</v>
      </c>
      <c r="D2904" t="s">
        <v>13798</v>
      </c>
      <c r="E2904" t="s">
        <v>19106</v>
      </c>
      <c r="G2904" s="2"/>
    </row>
    <row r="2905" spans="1:7" x14ac:dyDescent="0.25">
      <c r="A2905" s="1">
        <v>2903</v>
      </c>
      <c r="B2905" t="s">
        <v>2906</v>
      </c>
      <c r="C2905" t="s">
        <v>8355</v>
      </c>
      <c r="D2905" t="s">
        <v>13799</v>
      </c>
      <c r="E2905" t="s">
        <v>19107</v>
      </c>
      <c r="G2905" s="2"/>
    </row>
    <row r="2906" spans="1:7" x14ac:dyDescent="0.25">
      <c r="A2906" s="1">
        <v>2904</v>
      </c>
      <c r="B2906" t="s">
        <v>2907</v>
      </c>
      <c r="C2906" t="s">
        <v>8356</v>
      </c>
      <c r="D2906" t="s">
        <v>13800</v>
      </c>
      <c r="E2906" t="s">
        <v>19108</v>
      </c>
      <c r="G2906" s="2"/>
    </row>
    <row r="2907" spans="1:7" x14ac:dyDescent="0.25">
      <c r="A2907" s="1">
        <v>2905</v>
      </c>
      <c r="B2907" t="s">
        <v>2908</v>
      </c>
      <c r="C2907" t="s">
        <v>8357</v>
      </c>
      <c r="D2907" t="s">
        <v>13801</v>
      </c>
      <c r="E2907" t="s">
        <v>19109</v>
      </c>
      <c r="G2907" s="2"/>
    </row>
    <row r="2908" spans="1:7" x14ac:dyDescent="0.25">
      <c r="A2908" s="1">
        <v>2906</v>
      </c>
      <c r="B2908" t="s">
        <v>2909</v>
      </c>
      <c r="C2908" t="s">
        <v>8358</v>
      </c>
      <c r="D2908" t="s">
        <v>13802</v>
      </c>
      <c r="E2908" t="s">
        <v>19110</v>
      </c>
      <c r="G2908" s="2"/>
    </row>
    <row r="2909" spans="1:7" x14ac:dyDescent="0.25">
      <c r="A2909" s="1">
        <v>2907</v>
      </c>
      <c r="B2909" t="s">
        <v>2910</v>
      </c>
      <c r="C2909" t="s">
        <v>8359</v>
      </c>
      <c r="D2909" t="s">
        <v>13803</v>
      </c>
      <c r="E2909" t="s">
        <v>19111</v>
      </c>
      <c r="G2909" s="2"/>
    </row>
    <row r="2910" spans="1:7" x14ac:dyDescent="0.25">
      <c r="A2910" s="1">
        <v>2908</v>
      </c>
      <c r="B2910" t="s">
        <v>2911</v>
      </c>
      <c r="C2910" t="s">
        <v>8360</v>
      </c>
      <c r="D2910" t="s">
        <v>13804</v>
      </c>
      <c r="E2910" t="s">
        <v>19112</v>
      </c>
      <c r="G2910" s="2"/>
    </row>
    <row r="2911" spans="1:7" x14ac:dyDescent="0.25">
      <c r="A2911" s="1">
        <v>2909</v>
      </c>
      <c r="B2911" t="s">
        <v>2912</v>
      </c>
      <c r="C2911" t="s">
        <v>8361</v>
      </c>
      <c r="D2911" t="s">
        <v>13805</v>
      </c>
      <c r="E2911" t="s">
        <v>19113</v>
      </c>
      <c r="G2911" s="2"/>
    </row>
    <row r="2912" spans="1:7" x14ac:dyDescent="0.25">
      <c r="A2912" s="1">
        <v>2910</v>
      </c>
      <c r="B2912" t="s">
        <v>2913</v>
      </c>
      <c r="C2912" t="s">
        <v>8362</v>
      </c>
      <c r="D2912" t="s">
        <v>13806</v>
      </c>
      <c r="E2912" t="s">
        <v>19114</v>
      </c>
      <c r="G2912" s="2"/>
    </row>
    <row r="2913" spans="1:7" x14ac:dyDescent="0.25">
      <c r="A2913" s="1">
        <v>2911</v>
      </c>
      <c r="B2913" t="s">
        <v>2914</v>
      </c>
      <c r="C2913" t="s">
        <v>8363</v>
      </c>
      <c r="D2913" t="s">
        <v>13807</v>
      </c>
      <c r="E2913" t="s">
        <v>19115</v>
      </c>
      <c r="G2913" s="2"/>
    </row>
    <row r="2914" spans="1:7" x14ac:dyDescent="0.25">
      <c r="A2914" s="1">
        <v>2912</v>
      </c>
      <c r="B2914" t="s">
        <v>2915</v>
      </c>
      <c r="C2914" t="s">
        <v>8364</v>
      </c>
      <c r="D2914" t="s">
        <v>13808</v>
      </c>
      <c r="E2914" t="s">
        <v>19116</v>
      </c>
      <c r="G2914" s="2"/>
    </row>
    <row r="2915" spans="1:7" x14ac:dyDescent="0.25">
      <c r="A2915" s="1">
        <v>2913</v>
      </c>
      <c r="B2915" t="s">
        <v>2916</v>
      </c>
      <c r="C2915" t="s">
        <v>8365</v>
      </c>
      <c r="D2915" t="s">
        <v>13809</v>
      </c>
      <c r="E2915" t="s">
        <v>19117</v>
      </c>
      <c r="G2915" s="2"/>
    </row>
    <row r="2916" spans="1:7" x14ac:dyDescent="0.25">
      <c r="A2916" s="1">
        <v>2914</v>
      </c>
      <c r="B2916" t="s">
        <v>2917</v>
      </c>
      <c r="C2916" t="s">
        <v>8366</v>
      </c>
      <c r="D2916" t="s">
        <v>13810</v>
      </c>
      <c r="E2916" t="s">
        <v>18748</v>
      </c>
      <c r="G2916" s="2"/>
    </row>
    <row r="2917" spans="1:7" x14ac:dyDescent="0.25">
      <c r="A2917" s="1">
        <v>2915</v>
      </c>
      <c r="B2917" t="s">
        <v>2918</v>
      </c>
      <c r="C2917" t="s">
        <v>8367</v>
      </c>
      <c r="D2917" t="s">
        <v>13811</v>
      </c>
      <c r="E2917" t="s">
        <v>19118</v>
      </c>
      <c r="G2917" s="2"/>
    </row>
    <row r="2918" spans="1:7" x14ac:dyDescent="0.25">
      <c r="A2918" s="1">
        <v>2916</v>
      </c>
      <c r="B2918" t="s">
        <v>2919</v>
      </c>
      <c r="C2918" t="s">
        <v>8368</v>
      </c>
      <c r="D2918" t="s">
        <v>13812</v>
      </c>
      <c r="E2918" t="s">
        <v>19119</v>
      </c>
      <c r="G2918" s="2"/>
    </row>
    <row r="2919" spans="1:7" x14ac:dyDescent="0.25">
      <c r="A2919" s="1">
        <v>2917</v>
      </c>
      <c r="B2919" t="s">
        <v>2920</v>
      </c>
      <c r="C2919" t="s">
        <v>8369</v>
      </c>
      <c r="D2919" t="s">
        <v>13813</v>
      </c>
      <c r="E2919" t="s">
        <v>19120</v>
      </c>
      <c r="G2919" s="2"/>
    </row>
    <row r="2920" spans="1:7" x14ac:dyDescent="0.25">
      <c r="A2920" s="1">
        <v>2918</v>
      </c>
      <c r="B2920" t="s">
        <v>2921</v>
      </c>
      <c r="C2920" t="s">
        <v>8370</v>
      </c>
      <c r="D2920" t="s">
        <v>13814</v>
      </c>
      <c r="E2920" t="s">
        <v>19121</v>
      </c>
      <c r="G2920" s="2"/>
    </row>
    <row r="2921" spans="1:7" x14ac:dyDescent="0.25">
      <c r="A2921" s="1">
        <v>2919</v>
      </c>
      <c r="B2921" t="s">
        <v>2922</v>
      </c>
      <c r="C2921" t="s">
        <v>8371</v>
      </c>
      <c r="D2921" t="s">
        <v>13815</v>
      </c>
      <c r="E2921" t="s">
        <v>19122</v>
      </c>
      <c r="G2921" s="2"/>
    </row>
    <row r="2922" spans="1:7" x14ac:dyDescent="0.25">
      <c r="A2922" s="1">
        <v>2920</v>
      </c>
      <c r="B2922" t="s">
        <v>2923</v>
      </c>
      <c r="C2922" t="s">
        <v>8372</v>
      </c>
      <c r="D2922" t="s">
        <v>13816</v>
      </c>
      <c r="E2922" t="s">
        <v>19123</v>
      </c>
      <c r="G2922" s="2"/>
    </row>
    <row r="2923" spans="1:7" x14ac:dyDescent="0.25">
      <c r="A2923" s="1">
        <v>2921</v>
      </c>
      <c r="B2923" t="s">
        <v>2924</v>
      </c>
      <c r="C2923" t="s">
        <v>8373</v>
      </c>
      <c r="D2923" t="s">
        <v>13817</v>
      </c>
      <c r="E2923" t="s">
        <v>19124</v>
      </c>
      <c r="G2923" s="2"/>
    </row>
    <row r="2924" spans="1:7" x14ac:dyDescent="0.25">
      <c r="A2924" s="1">
        <v>2922</v>
      </c>
      <c r="B2924" t="s">
        <v>2925</v>
      </c>
      <c r="C2924" t="s">
        <v>8374</v>
      </c>
      <c r="D2924" t="s">
        <v>13818</v>
      </c>
      <c r="E2924" t="s">
        <v>19125</v>
      </c>
      <c r="G2924" s="2"/>
    </row>
    <row r="2925" spans="1:7" x14ac:dyDescent="0.25">
      <c r="A2925" s="1">
        <v>2923</v>
      </c>
      <c r="B2925" t="s">
        <v>2926</v>
      </c>
      <c r="C2925" t="s">
        <v>8375</v>
      </c>
      <c r="D2925" t="s">
        <v>13819</v>
      </c>
      <c r="E2925" t="s">
        <v>19126</v>
      </c>
      <c r="G2925" s="2"/>
    </row>
    <row r="2926" spans="1:7" x14ac:dyDescent="0.25">
      <c r="A2926" s="1">
        <v>2924</v>
      </c>
      <c r="B2926" t="s">
        <v>2927</v>
      </c>
      <c r="C2926" t="s">
        <v>8376</v>
      </c>
      <c r="D2926" t="s">
        <v>13820</v>
      </c>
      <c r="E2926" t="s">
        <v>19127</v>
      </c>
      <c r="G2926" s="2"/>
    </row>
    <row r="2927" spans="1:7" x14ac:dyDescent="0.25">
      <c r="A2927" s="1">
        <v>2925</v>
      </c>
      <c r="B2927" t="s">
        <v>2928</v>
      </c>
      <c r="C2927" t="s">
        <v>8377</v>
      </c>
      <c r="D2927" t="s">
        <v>13821</v>
      </c>
      <c r="E2927" t="s">
        <v>19128</v>
      </c>
      <c r="G2927" s="2"/>
    </row>
    <row r="2928" spans="1:7" x14ac:dyDescent="0.25">
      <c r="A2928" s="1">
        <v>2926</v>
      </c>
      <c r="B2928" t="s">
        <v>2929</v>
      </c>
      <c r="C2928" t="s">
        <v>8378</v>
      </c>
      <c r="D2928" t="s">
        <v>13822</v>
      </c>
      <c r="E2928" t="s">
        <v>19129</v>
      </c>
      <c r="G2928" s="2"/>
    </row>
    <row r="2929" spans="1:7" x14ac:dyDescent="0.25">
      <c r="A2929" s="1">
        <v>2927</v>
      </c>
      <c r="B2929" t="s">
        <v>2930</v>
      </c>
      <c r="C2929" t="s">
        <v>8379</v>
      </c>
      <c r="D2929" t="s">
        <v>13823</v>
      </c>
      <c r="E2929" t="s">
        <v>19130</v>
      </c>
      <c r="G2929" s="2"/>
    </row>
    <row r="2930" spans="1:7" x14ac:dyDescent="0.25">
      <c r="A2930" s="1">
        <v>2928</v>
      </c>
      <c r="B2930" t="s">
        <v>2931</v>
      </c>
      <c r="C2930" t="s">
        <v>8380</v>
      </c>
      <c r="D2930" t="s">
        <v>13824</v>
      </c>
      <c r="E2930" t="s">
        <v>19131</v>
      </c>
      <c r="G2930" s="2"/>
    </row>
    <row r="2931" spans="1:7" x14ac:dyDescent="0.25">
      <c r="A2931" s="1">
        <v>2929</v>
      </c>
      <c r="B2931" t="s">
        <v>2932</v>
      </c>
      <c r="C2931" t="s">
        <v>8381</v>
      </c>
      <c r="D2931" t="s">
        <v>13825</v>
      </c>
      <c r="E2931" t="s">
        <v>19132</v>
      </c>
      <c r="G2931" s="2"/>
    </row>
    <row r="2932" spans="1:7" x14ac:dyDescent="0.25">
      <c r="A2932" s="1">
        <v>2930</v>
      </c>
      <c r="B2932" t="s">
        <v>2933</v>
      </c>
      <c r="C2932" t="s">
        <v>8382</v>
      </c>
      <c r="D2932" t="s">
        <v>13826</v>
      </c>
      <c r="E2932" t="s">
        <v>19133</v>
      </c>
      <c r="G2932" s="2"/>
    </row>
    <row r="2933" spans="1:7" x14ac:dyDescent="0.25">
      <c r="A2933" s="1">
        <v>2931</v>
      </c>
      <c r="B2933" t="s">
        <v>2934</v>
      </c>
      <c r="C2933" t="s">
        <v>8383</v>
      </c>
      <c r="D2933" t="s">
        <v>13827</v>
      </c>
      <c r="E2933" t="s">
        <v>19134</v>
      </c>
      <c r="G2933" s="2"/>
    </row>
    <row r="2934" spans="1:7" x14ac:dyDescent="0.25">
      <c r="A2934" s="1">
        <v>2932</v>
      </c>
      <c r="B2934" t="s">
        <v>2935</v>
      </c>
      <c r="C2934" t="s">
        <v>8384</v>
      </c>
      <c r="D2934" t="s">
        <v>13828</v>
      </c>
      <c r="E2934" t="s">
        <v>19135</v>
      </c>
      <c r="G2934" s="2"/>
    </row>
    <row r="2935" spans="1:7" x14ac:dyDescent="0.25">
      <c r="A2935" s="1">
        <v>2933</v>
      </c>
      <c r="B2935" t="s">
        <v>2936</v>
      </c>
      <c r="C2935" t="s">
        <v>8385</v>
      </c>
      <c r="D2935" t="s">
        <v>13829</v>
      </c>
      <c r="E2935" t="s">
        <v>16731</v>
      </c>
      <c r="G2935" s="2"/>
    </row>
    <row r="2936" spans="1:7" x14ac:dyDescent="0.25">
      <c r="A2936" s="1">
        <v>2934</v>
      </c>
      <c r="B2936" t="s">
        <v>2937</v>
      </c>
      <c r="C2936" t="s">
        <v>8386</v>
      </c>
      <c r="D2936" t="s">
        <v>13830</v>
      </c>
      <c r="E2936" t="s">
        <v>19136</v>
      </c>
      <c r="G2936" s="2"/>
    </row>
    <row r="2937" spans="1:7" x14ac:dyDescent="0.25">
      <c r="A2937" s="1">
        <v>2935</v>
      </c>
      <c r="B2937" t="s">
        <v>2938</v>
      </c>
      <c r="C2937" t="s">
        <v>8387</v>
      </c>
      <c r="D2937" t="s">
        <v>13831</v>
      </c>
      <c r="E2937" t="s">
        <v>19137</v>
      </c>
      <c r="G2937" s="2"/>
    </row>
    <row r="2938" spans="1:7" x14ac:dyDescent="0.25">
      <c r="A2938" s="1">
        <v>2936</v>
      </c>
      <c r="B2938" t="s">
        <v>2939</v>
      </c>
      <c r="C2938" t="s">
        <v>8388</v>
      </c>
      <c r="D2938" t="s">
        <v>13832</v>
      </c>
      <c r="E2938" t="s">
        <v>19138</v>
      </c>
      <c r="G2938" s="2"/>
    </row>
    <row r="2939" spans="1:7" x14ac:dyDescent="0.25">
      <c r="A2939" s="1">
        <v>2937</v>
      </c>
      <c r="B2939" t="s">
        <v>2940</v>
      </c>
      <c r="C2939" t="s">
        <v>8389</v>
      </c>
      <c r="D2939" t="s">
        <v>13833</v>
      </c>
      <c r="E2939" t="s">
        <v>19139</v>
      </c>
      <c r="G2939" s="2"/>
    </row>
    <row r="2940" spans="1:7" x14ac:dyDescent="0.25">
      <c r="A2940" s="1">
        <v>2938</v>
      </c>
      <c r="B2940" t="s">
        <v>2941</v>
      </c>
      <c r="C2940" t="s">
        <v>8390</v>
      </c>
      <c r="D2940" t="s">
        <v>13834</v>
      </c>
      <c r="E2940" t="s">
        <v>19140</v>
      </c>
      <c r="G2940" s="2"/>
    </row>
    <row r="2941" spans="1:7" x14ac:dyDescent="0.25">
      <c r="A2941" s="1">
        <v>2939</v>
      </c>
      <c r="B2941" t="s">
        <v>2942</v>
      </c>
      <c r="C2941" t="s">
        <v>8391</v>
      </c>
      <c r="D2941" t="s">
        <v>13835</v>
      </c>
      <c r="E2941" t="s">
        <v>19141</v>
      </c>
      <c r="G2941" s="2"/>
    </row>
    <row r="2942" spans="1:7" x14ac:dyDescent="0.25">
      <c r="A2942" s="1">
        <v>2940</v>
      </c>
      <c r="B2942" t="s">
        <v>2943</v>
      </c>
      <c r="C2942" t="s">
        <v>8392</v>
      </c>
      <c r="D2942" t="s">
        <v>13836</v>
      </c>
      <c r="E2942" t="s">
        <v>19142</v>
      </c>
      <c r="G2942" s="2"/>
    </row>
    <row r="2943" spans="1:7" x14ac:dyDescent="0.25">
      <c r="A2943" s="1">
        <v>2941</v>
      </c>
      <c r="B2943" t="s">
        <v>2944</v>
      </c>
      <c r="C2943" t="s">
        <v>8393</v>
      </c>
      <c r="D2943" t="s">
        <v>13837</v>
      </c>
      <c r="E2943" t="s">
        <v>19143</v>
      </c>
      <c r="G2943" s="2"/>
    </row>
    <row r="2944" spans="1:7" x14ac:dyDescent="0.25">
      <c r="A2944" s="1">
        <v>2942</v>
      </c>
      <c r="B2944" t="s">
        <v>2945</v>
      </c>
      <c r="C2944" t="s">
        <v>8394</v>
      </c>
      <c r="D2944" t="s">
        <v>13838</v>
      </c>
      <c r="E2944" t="s">
        <v>19144</v>
      </c>
      <c r="G2944" s="2"/>
    </row>
    <row r="2945" spans="1:7" x14ac:dyDescent="0.25">
      <c r="A2945" s="1">
        <v>2943</v>
      </c>
      <c r="B2945" t="s">
        <v>2946</v>
      </c>
      <c r="C2945" t="s">
        <v>8395</v>
      </c>
      <c r="D2945" t="s">
        <v>13839</v>
      </c>
      <c r="E2945" t="s">
        <v>16620</v>
      </c>
      <c r="G2945" s="2"/>
    </row>
    <row r="2946" spans="1:7" x14ac:dyDescent="0.25">
      <c r="A2946" s="1">
        <v>2944</v>
      </c>
      <c r="B2946" t="s">
        <v>2947</v>
      </c>
      <c r="C2946" t="s">
        <v>8396</v>
      </c>
      <c r="D2946" t="s">
        <v>13840</v>
      </c>
      <c r="E2946" t="s">
        <v>19145</v>
      </c>
      <c r="G2946" s="2"/>
    </row>
    <row r="2947" spans="1:7" x14ac:dyDescent="0.25">
      <c r="A2947" s="1">
        <v>2945</v>
      </c>
      <c r="B2947" t="s">
        <v>2948</v>
      </c>
      <c r="C2947" t="s">
        <v>8397</v>
      </c>
      <c r="D2947" t="s">
        <v>13841</v>
      </c>
      <c r="E2947" t="s">
        <v>19146</v>
      </c>
      <c r="G2947" s="2"/>
    </row>
    <row r="2948" spans="1:7" x14ac:dyDescent="0.25">
      <c r="A2948" s="1">
        <v>2946</v>
      </c>
      <c r="B2948" t="s">
        <v>2949</v>
      </c>
      <c r="C2948" t="s">
        <v>8398</v>
      </c>
      <c r="D2948" t="s">
        <v>13842</v>
      </c>
      <c r="E2948" t="s">
        <v>19147</v>
      </c>
      <c r="G2948" s="2"/>
    </row>
    <row r="2949" spans="1:7" x14ac:dyDescent="0.25">
      <c r="A2949" s="1">
        <v>2947</v>
      </c>
      <c r="B2949" t="s">
        <v>2950</v>
      </c>
      <c r="C2949" t="s">
        <v>8399</v>
      </c>
      <c r="D2949" t="s">
        <v>13843</v>
      </c>
      <c r="E2949" t="s">
        <v>19148</v>
      </c>
      <c r="G2949" s="2"/>
    </row>
    <row r="2950" spans="1:7" x14ac:dyDescent="0.25">
      <c r="A2950" s="1">
        <v>2948</v>
      </c>
      <c r="B2950" t="s">
        <v>2951</v>
      </c>
      <c r="C2950" t="s">
        <v>8400</v>
      </c>
      <c r="D2950" t="s">
        <v>13844</v>
      </c>
      <c r="E2950" t="s">
        <v>19149</v>
      </c>
      <c r="G2950" s="2"/>
    </row>
    <row r="2951" spans="1:7" x14ac:dyDescent="0.25">
      <c r="A2951" s="1">
        <v>2949</v>
      </c>
      <c r="B2951" t="s">
        <v>2952</v>
      </c>
      <c r="C2951" t="s">
        <v>8401</v>
      </c>
      <c r="D2951" t="s">
        <v>13845</v>
      </c>
      <c r="E2951" t="s">
        <v>19150</v>
      </c>
      <c r="G2951" s="2"/>
    </row>
    <row r="2952" spans="1:7" x14ac:dyDescent="0.25">
      <c r="A2952" s="1">
        <v>2950</v>
      </c>
      <c r="B2952" t="s">
        <v>2953</v>
      </c>
      <c r="C2952" t="s">
        <v>8402</v>
      </c>
      <c r="D2952" t="s">
        <v>13846</v>
      </c>
      <c r="E2952" t="s">
        <v>19151</v>
      </c>
      <c r="G2952" s="2"/>
    </row>
    <row r="2953" spans="1:7" x14ac:dyDescent="0.25">
      <c r="A2953" s="1">
        <v>2951</v>
      </c>
      <c r="B2953" t="s">
        <v>2954</v>
      </c>
      <c r="C2953" t="s">
        <v>8403</v>
      </c>
      <c r="D2953" t="s">
        <v>13847</v>
      </c>
      <c r="E2953" t="s">
        <v>19152</v>
      </c>
      <c r="G2953" s="2"/>
    </row>
    <row r="2954" spans="1:7" x14ac:dyDescent="0.25">
      <c r="A2954" s="1">
        <v>2952</v>
      </c>
      <c r="B2954" t="s">
        <v>2955</v>
      </c>
      <c r="C2954" t="s">
        <v>8404</v>
      </c>
      <c r="D2954" t="s">
        <v>13848</v>
      </c>
      <c r="E2954" t="s">
        <v>19153</v>
      </c>
      <c r="G2954" s="2"/>
    </row>
    <row r="2955" spans="1:7" x14ac:dyDescent="0.25">
      <c r="A2955" s="1">
        <v>2953</v>
      </c>
      <c r="B2955" t="s">
        <v>2956</v>
      </c>
      <c r="C2955" t="s">
        <v>8405</v>
      </c>
      <c r="D2955" t="s">
        <v>13849</v>
      </c>
      <c r="E2955" t="s">
        <v>19154</v>
      </c>
      <c r="G2955" s="2"/>
    </row>
    <row r="2956" spans="1:7" x14ac:dyDescent="0.25">
      <c r="A2956" s="1">
        <v>2954</v>
      </c>
      <c r="B2956" t="s">
        <v>2957</v>
      </c>
      <c r="C2956" t="s">
        <v>8406</v>
      </c>
      <c r="D2956" t="s">
        <v>13850</v>
      </c>
      <c r="E2956" t="s">
        <v>19155</v>
      </c>
      <c r="G2956" s="2"/>
    </row>
    <row r="2957" spans="1:7" x14ac:dyDescent="0.25">
      <c r="A2957" s="1">
        <v>2955</v>
      </c>
      <c r="B2957" t="s">
        <v>2958</v>
      </c>
      <c r="C2957" t="s">
        <v>8407</v>
      </c>
      <c r="D2957" t="s">
        <v>13851</v>
      </c>
      <c r="E2957" t="s">
        <v>19156</v>
      </c>
      <c r="G2957" s="2"/>
    </row>
    <row r="2958" spans="1:7" x14ac:dyDescent="0.25">
      <c r="A2958" s="1">
        <v>2956</v>
      </c>
      <c r="B2958" t="s">
        <v>2959</v>
      </c>
      <c r="C2958" t="s">
        <v>8408</v>
      </c>
      <c r="D2958" t="s">
        <v>13852</v>
      </c>
      <c r="E2958" t="s">
        <v>19157</v>
      </c>
      <c r="G2958" s="2"/>
    </row>
    <row r="2959" spans="1:7" x14ac:dyDescent="0.25">
      <c r="A2959" s="1">
        <v>2957</v>
      </c>
      <c r="B2959" t="s">
        <v>2960</v>
      </c>
      <c r="C2959" t="s">
        <v>8409</v>
      </c>
      <c r="D2959" t="s">
        <v>13853</v>
      </c>
      <c r="E2959" t="s">
        <v>19158</v>
      </c>
      <c r="G2959" s="2"/>
    </row>
    <row r="2960" spans="1:7" x14ac:dyDescent="0.25">
      <c r="A2960" s="1">
        <v>2958</v>
      </c>
      <c r="B2960" t="s">
        <v>2961</v>
      </c>
      <c r="C2960" t="s">
        <v>8410</v>
      </c>
      <c r="D2960" t="s">
        <v>13854</v>
      </c>
      <c r="E2960" t="s">
        <v>19159</v>
      </c>
      <c r="G2960" s="2"/>
    </row>
    <row r="2961" spans="1:7" x14ac:dyDescent="0.25">
      <c r="A2961" s="1">
        <v>2959</v>
      </c>
      <c r="B2961" t="s">
        <v>2962</v>
      </c>
      <c r="C2961" t="s">
        <v>8411</v>
      </c>
      <c r="D2961" t="s">
        <v>13855</v>
      </c>
      <c r="E2961" t="s">
        <v>19160</v>
      </c>
      <c r="G2961" s="2"/>
    </row>
    <row r="2962" spans="1:7" x14ac:dyDescent="0.25">
      <c r="A2962" s="1">
        <v>2960</v>
      </c>
      <c r="B2962" t="s">
        <v>2963</v>
      </c>
      <c r="C2962" t="s">
        <v>8412</v>
      </c>
      <c r="D2962" t="s">
        <v>13856</v>
      </c>
      <c r="E2962" t="s">
        <v>19161</v>
      </c>
      <c r="G2962" s="2"/>
    </row>
    <row r="2963" spans="1:7" x14ac:dyDescent="0.25">
      <c r="A2963" s="1">
        <v>2961</v>
      </c>
      <c r="B2963" t="s">
        <v>2964</v>
      </c>
      <c r="C2963" t="s">
        <v>8413</v>
      </c>
      <c r="D2963" t="s">
        <v>13857</v>
      </c>
      <c r="E2963" t="s">
        <v>19162</v>
      </c>
      <c r="G2963" s="2"/>
    </row>
    <row r="2964" spans="1:7" x14ac:dyDescent="0.25">
      <c r="A2964" s="1">
        <v>2962</v>
      </c>
      <c r="B2964" t="s">
        <v>2965</v>
      </c>
      <c r="C2964" t="s">
        <v>8414</v>
      </c>
      <c r="D2964" t="s">
        <v>13858</v>
      </c>
      <c r="E2964" t="s">
        <v>19163</v>
      </c>
      <c r="G2964" s="2"/>
    </row>
    <row r="2965" spans="1:7" x14ac:dyDescent="0.25">
      <c r="A2965" s="1">
        <v>2963</v>
      </c>
      <c r="B2965" t="s">
        <v>2966</v>
      </c>
      <c r="C2965" t="s">
        <v>8415</v>
      </c>
      <c r="D2965" t="s">
        <v>13859</v>
      </c>
      <c r="E2965" t="s">
        <v>19164</v>
      </c>
      <c r="G2965" s="2"/>
    </row>
    <row r="2966" spans="1:7" x14ac:dyDescent="0.25">
      <c r="A2966" s="1">
        <v>2964</v>
      </c>
      <c r="B2966" t="s">
        <v>2967</v>
      </c>
      <c r="C2966" t="s">
        <v>8416</v>
      </c>
      <c r="D2966" t="s">
        <v>13860</v>
      </c>
      <c r="E2966" t="s">
        <v>19165</v>
      </c>
      <c r="G2966" s="2"/>
    </row>
    <row r="2967" spans="1:7" x14ac:dyDescent="0.25">
      <c r="A2967" s="1">
        <v>2965</v>
      </c>
      <c r="B2967" t="s">
        <v>2968</v>
      </c>
      <c r="C2967" t="s">
        <v>8417</v>
      </c>
      <c r="D2967" t="s">
        <v>13861</v>
      </c>
      <c r="E2967" t="s">
        <v>19166</v>
      </c>
      <c r="G2967" s="2"/>
    </row>
    <row r="2968" spans="1:7" x14ac:dyDescent="0.25">
      <c r="A2968" s="1">
        <v>2966</v>
      </c>
      <c r="B2968" t="s">
        <v>2969</v>
      </c>
      <c r="C2968" t="s">
        <v>8418</v>
      </c>
      <c r="D2968" t="s">
        <v>13862</v>
      </c>
      <c r="E2968" t="s">
        <v>19167</v>
      </c>
      <c r="G2968" s="2"/>
    </row>
    <row r="2969" spans="1:7" x14ac:dyDescent="0.25">
      <c r="A2969" s="1">
        <v>2967</v>
      </c>
      <c r="B2969" t="s">
        <v>2970</v>
      </c>
      <c r="C2969" t="s">
        <v>8419</v>
      </c>
      <c r="D2969" t="s">
        <v>13863</v>
      </c>
      <c r="E2969" t="s">
        <v>19168</v>
      </c>
      <c r="G2969" s="2"/>
    </row>
    <row r="2970" spans="1:7" x14ac:dyDescent="0.25">
      <c r="A2970" s="1">
        <v>2968</v>
      </c>
      <c r="B2970" t="s">
        <v>2971</v>
      </c>
      <c r="C2970" t="s">
        <v>8420</v>
      </c>
      <c r="D2970" t="s">
        <v>13864</v>
      </c>
      <c r="E2970" t="s">
        <v>19169</v>
      </c>
      <c r="G2970" s="2"/>
    </row>
    <row r="2971" spans="1:7" x14ac:dyDescent="0.25">
      <c r="A2971" s="1">
        <v>2969</v>
      </c>
      <c r="B2971" t="s">
        <v>2972</v>
      </c>
      <c r="C2971" t="s">
        <v>8421</v>
      </c>
      <c r="D2971" t="s">
        <v>13865</v>
      </c>
      <c r="E2971" t="s">
        <v>19170</v>
      </c>
      <c r="G2971" s="2"/>
    </row>
    <row r="2972" spans="1:7" x14ac:dyDescent="0.25">
      <c r="A2972" s="1">
        <v>2970</v>
      </c>
      <c r="B2972" t="s">
        <v>2973</v>
      </c>
      <c r="C2972" t="s">
        <v>8422</v>
      </c>
      <c r="D2972" t="s">
        <v>13866</v>
      </c>
      <c r="E2972" t="s">
        <v>19171</v>
      </c>
      <c r="G2972" s="2"/>
    </row>
    <row r="2973" spans="1:7" x14ac:dyDescent="0.25">
      <c r="A2973" s="1">
        <v>2971</v>
      </c>
      <c r="B2973" t="s">
        <v>2974</v>
      </c>
      <c r="C2973" t="s">
        <v>8423</v>
      </c>
      <c r="D2973" t="s">
        <v>13867</v>
      </c>
      <c r="E2973" t="s">
        <v>19172</v>
      </c>
      <c r="G2973" s="2"/>
    </row>
    <row r="2974" spans="1:7" x14ac:dyDescent="0.25">
      <c r="A2974" s="1">
        <v>2972</v>
      </c>
      <c r="B2974" t="s">
        <v>2975</v>
      </c>
      <c r="C2974" t="s">
        <v>8424</v>
      </c>
      <c r="D2974" t="s">
        <v>13868</v>
      </c>
      <c r="E2974" t="s">
        <v>19173</v>
      </c>
      <c r="G2974" s="2"/>
    </row>
    <row r="2975" spans="1:7" x14ac:dyDescent="0.25">
      <c r="A2975" s="1">
        <v>2973</v>
      </c>
      <c r="B2975" t="s">
        <v>2976</v>
      </c>
      <c r="C2975" t="s">
        <v>8425</v>
      </c>
      <c r="D2975" t="s">
        <v>13869</v>
      </c>
      <c r="E2975" t="s">
        <v>19174</v>
      </c>
      <c r="G2975" s="2"/>
    </row>
    <row r="2976" spans="1:7" x14ac:dyDescent="0.25">
      <c r="A2976" s="1">
        <v>2974</v>
      </c>
      <c r="B2976" t="s">
        <v>2977</v>
      </c>
      <c r="C2976" t="s">
        <v>8426</v>
      </c>
      <c r="D2976" t="s">
        <v>13870</v>
      </c>
      <c r="E2976" t="s">
        <v>19175</v>
      </c>
      <c r="G2976" s="2"/>
    </row>
    <row r="2977" spans="1:7" x14ac:dyDescent="0.25">
      <c r="A2977" s="1">
        <v>2975</v>
      </c>
      <c r="B2977" t="s">
        <v>2978</v>
      </c>
      <c r="C2977" t="s">
        <v>8427</v>
      </c>
      <c r="D2977" t="s">
        <v>13871</v>
      </c>
      <c r="E2977" t="s">
        <v>19176</v>
      </c>
      <c r="G2977" s="2"/>
    </row>
    <row r="2978" spans="1:7" x14ac:dyDescent="0.25">
      <c r="A2978" s="1">
        <v>2976</v>
      </c>
      <c r="B2978" t="s">
        <v>2979</v>
      </c>
      <c r="C2978" t="s">
        <v>8428</v>
      </c>
      <c r="D2978" t="s">
        <v>13872</v>
      </c>
      <c r="E2978" t="s">
        <v>19177</v>
      </c>
      <c r="G2978" s="2"/>
    </row>
    <row r="2979" spans="1:7" x14ac:dyDescent="0.25">
      <c r="A2979" s="1">
        <v>2977</v>
      </c>
      <c r="B2979" t="s">
        <v>2980</v>
      </c>
      <c r="C2979" t="s">
        <v>8429</v>
      </c>
      <c r="D2979" t="s">
        <v>13873</v>
      </c>
      <c r="E2979" t="s">
        <v>19178</v>
      </c>
      <c r="G2979" s="2"/>
    </row>
    <row r="2980" spans="1:7" x14ac:dyDescent="0.25">
      <c r="A2980" s="1">
        <v>2978</v>
      </c>
      <c r="B2980" t="s">
        <v>2981</v>
      </c>
      <c r="C2980" t="s">
        <v>8430</v>
      </c>
      <c r="D2980" t="s">
        <v>13874</v>
      </c>
      <c r="E2980" t="s">
        <v>19179</v>
      </c>
      <c r="G2980" s="2"/>
    </row>
    <row r="2981" spans="1:7" x14ac:dyDescent="0.25">
      <c r="A2981" s="1">
        <v>2979</v>
      </c>
      <c r="B2981" t="s">
        <v>2982</v>
      </c>
      <c r="C2981" t="s">
        <v>8431</v>
      </c>
      <c r="D2981" t="s">
        <v>13875</v>
      </c>
      <c r="E2981" t="s">
        <v>19180</v>
      </c>
      <c r="G2981" s="2"/>
    </row>
    <row r="2982" spans="1:7" x14ac:dyDescent="0.25">
      <c r="A2982" s="1">
        <v>2980</v>
      </c>
      <c r="B2982" t="s">
        <v>2983</v>
      </c>
      <c r="C2982" t="s">
        <v>8432</v>
      </c>
      <c r="D2982" t="s">
        <v>13876</v>
      </c>
      <c r="E2982" t="s">
        <v>19181</v>
      </c>
      <c r="G2982" s="2"/>
    </row>
    <row r="2983" spans="1:7" x14ac:dyDescent="0.25">
      <c r="A2983" s="1">
        <v>2981</v>
      </c>
      <c r="B2983" t="s">
        <v>2984</v>
      </c>
      <c r="C2983" t="s">
        <v>8433</v>
      </c>
      <c r="D2983" t="s">
        <v>13877</v>
      </c>
      <c r="E2983" t="s">
        <v>16620</v>
      </c>
      <c r="G2983" s="2"/>
    </row>
    <row r="2984" spans="1:7" x14ac:dyDescent="0.25">
      <c r="A2984" s="1">
        <v>2982</v>
      </c>
      <c r="B2984" t="s">
        <v>2985</v>
      </c>
      <c r="C2984" t="s">
        <v>8434</v>
      </c>
      <c r="D2984" t="s">
        <v>13878</v>
      </c>
      <c r="E2984" t="s">
        <v>19182</v>
      </c>
      <c r="G2984" s="2"/>
    </row>
    <row r="2985" spans="1:7" x14ac:dyDescent="0.25">
      <c r="A2985" s="1">
        <v>2983</v>
      </c>
      <c r="B2985" t="s">
        <v>2986</v>
      </c>
      <c r="C2985" t="s">
        <v>8435</v>
      </c>
      <c r="D2985" t="s">
        <v>13879</v>
      </c>
      <c r="E2985" t="s">
        <v>19183</v>
      </c>
      <c r="G2985" s="2"/>
    </row>
    <row r="2986" spans="1:7" x14ac:dyDescent="0.25">
      <c r="A2986" s="1">
        <v>2984</v>
      </c>
      <c r="B2986" t="s">
        <v>2987</v>
      </c>
      <c r="C2986" t="s">
        <v>8436</v>
      </c>
      <c r="D2986" t="s">
        <v>13880</v>
      </c>
      <c r="E2986" t="s">
        <v>19184</v>
      </c>
      <c r="G2986" s="2"/>
    </row>
    <row r="2987" spans="1:7" x14ac:dyDescent="0.25">
      <c r="A2987" s="1">
        <v>2985</v>
      </c>
      <c r="B2987" t="s">
        <v>2988</v>
      </c>
      <c r="C2987" t="s">
        <v>8437</v>
      </c>
      <c r="D2987" t="s">
        <v>13881</v>
      </c>
      <c r="E2987" t="s">
        <v>16347</v>
      </c>
      <c r="G2987" s="2"/>
    </row>
    <row r="2988" spans="1:7" x14ac:dyDescent="0.25">
      <c r="A2988" s="1">
        <v>2986</v>
      </c>
      <c r="B2988" t="s">
        <v>2989</v>
      </c>
      <c r="C2988" t="s">
        <v>8438</v>
      </c>
      <c r="D2988" t="s">
        <v>13882</v>
      </c>
      <c r="E2988" t="s">
        <v>19185</v>
      </c>
      <c r="G2988" s="2"/>
    </row>
    <row r="2989" spans="1:7" x14ac:dyDescent="0.25">
      <c r="A2989" s="1">
        <v>2987</v>
      </c>
      <c r="B2989" t="s">
        <v>2990</v>
      </c>
      <c r="C2989" t="s">
        <v>8439</v>
      </c>
      <c r="D2989" t="s">
        <v>13883</v>
      </c>
      <c r="E2989" t="s">
        <v>19186</v>
      </c>
      <c r="G2989" s="2"/>
    </row>
    <row r="2990" spans="1:7" x14ac:dyDescent="0.25">
      <c r="A2990" s="1">
        <v>2988</v>
      </c>
      <c r="B2990" t="s">
        <v>2991</v>
      </c>
      <c r="C2990" t="s">
        <v>8440</v>
      </c>
      <c r="D2990" t="s">
        <v>13884</v>
      </c>
      <c r="E2990" t="s">
        <v>19187</v>
      </c>
      <c r="G2990" s="2"/>
    </row>
    <row r="2991" spans="1:7" x14ac:dyDescent="0.25">
      <c r="A2991" s="1">
        <v>2989</v>
      </c>
      <c r="B2991" t="s">
        <v>2992</v>
      </c>
      <c r="C2991" t="s">
        <v>8441</v>
      </c>
      <c r="D2991" t="s">
        <v>13885</v>
      </c>
      <c r="E2991" t="s">
        <v>19188</v>
      </c>
      <c r="G2991" s="2"/>
    </row>
    <row r="2992" spans="1:7" x14ac:dyDescent="0.25">
      <c r="A2992" s="1">
        <v>2990</v>
      </c>
      <c r="B2992" t="s">
        <v>2993</v>
      </c>
      <c r="C2992" t="s">
        <v>8442</v>
      </c>
      <c r="D2992" t="s">
        <v>13886</v>
      </c>
      <c r="E2992" t="s">
        <v>19189</v>
      </c>
      <c r="G2992" s="2"/>
    </row>
    <row r="2993" spans="1:7" x14ac:dyDescent="0.25">
      <c r="A2993" s="1">
        <v>2991</v>
      </c>
      <c r="B2993" t="s">
        <v>2994</v>
      </c>
      <c r="C2993" t="s">
        <v>8443</v>
      </c>
      <c r="D2993" t="s">
        <v>13887</v>
      </c>
      <c r="E2993" t="s">
        <v>19190</v>
      </c>
      <c r="G2993" s="2"/>
    </row>
    <row r="2994" spans="1:7" x14ac:dyDescent="0.25">
      <c r="A2994" s="1">
        <v>2992</v>
      </c>
      <c r="B2994" t="s">
        <v>2995</v>
      </c>
      <c r="C2994" t="s">
        <v>8444</v>
      </c>
      <c r="D2994" t="s">
        <v>13888</v>
      </c>
      <c r="E2994" t="s">
        <v>19191</v>
      </c>
      <c r="G2994" s="2"/>
    </row>
    <row r="2995" spans="1:7" x14ac:dyDescent="0.25">
      <c r="A2995" s="1">
        <v>2993</v>
      </c>
      <c r="B2995" t="s">
        <v>2996</v>
      </c>
      <c r="C2995" t="s">
        <v>8445</v>
      </c>
      <c r="D2995" t="s">
        <v>13889</v>
      </c>
      <c r="E2995" t="s">
        <v>19192</v>
      </c>
      <c r="G2995" s="2"/>
    </row>
    <row r="2996" spans="1:7" x14ac:dyDescent="0.25">
      <c r="A2996" s="1">
        <v>2994</v>
      </c>
      <c r="B2996" t="s">
        <v>2997</v>
      </c>
      <c r="C2996" t="s">
        <v>8446</v>
      </c>
      <c r="D2996" t="s">
        <v>13890</v>
      </c>
      <c r="E2996" t="s">
        <v>19193</v>
      </c>
      <c r="G2996" s="2"/>
    </row>
    <row r="2997" spans="1:7" x14ac:dyDescent="0.25">
      <c r="A2997" s="1">
        <v>2995</v>
      </c>
      <c r="B2997" t="s">
        <v>2998</v>
      </c>
      <c r="C2997" t="s">
        <v>8447</v>
      </c>
      <c r="D2997" t="s">
        <v>13891</v>
      </c>
      <c r="E2997" t="s">
        <v>19194</v>
      </c>
      <c r="G2997" s="2"/>
    </row>
    <row r="2998" spans="1:7" x14ac:dyDescent="0.25">
      <c r="A2998" s="1">
        <v>2996</v>
      </c>
      <c r="B2998" t="s">
        <v>2999</v>
      </c>
      <c r="C2998" t="s">
        <v>8448</v>
      </c>
      <c r="D2998" t="s">
        <v>13892</v>
      </c>
      <c r="E2998" t="s">
        <v>19195</v>
      </c>
      <c r="G2998" s="2"/>
    </row>
    <row r="2999" spans="1:7" x14ac:dyDescent="0.25">
      <c r="A2999" s="1">
        <v>2997</v>
      </c>
      <c r="B2999" t="s">
        <v>3000</v>
      </c>
      <c r="C2999" t="s">
        <v>8449</v>
      </c>
      <c r="D2999" t="s">
        <v>13893</v>
      </c>
      <c r="E2999" t="s">
        <v>19196</v>
      </c>
      <c r="G2999" s="2"/>
    </row>
    <row r="3000" spans="1:7" x14ac:dyDescent="0.25">
      <c r="A3000" s="1">
        <v>2998</v>
      </c>
      <c r="B3000" t="s">
        <v>3001</v>
      </c>
      <c r="C3000" t="s">
        <v>8450</v>
      </c>
      <c r="D3000" t="s">
        <v>13894</v>
      </c>
      <c r="E3000" t="s">
        <v>19197</v>
      </c>
      <c r="G3000" s="2"/>
    </row>
    <row r="3001" spans="1:7" x14ac:dyDescent="0.25">
      <c r="A3001" s="1">
        <v>2999</v>
      </c>
      <c r="B3001" t="s">
        <v>3002</v>
      </c>
      <c r="C3001" t="s">
        <v>8451</v>
      </c>
      <c r="D3001" t="s">
        <v>13895</v>
      </c>
      <c r="E3001" t="s">
        <v>19198</v>
      </c>
      <c r="G3001" s="2"/>
    </row>
    <row r="3002" spans="1:7" x14ac:dyDescent="0.25">
      <c r="A3002" s="1">
        <v>3000</v>
      </c>
      <c r="B3002" t="s">
        <v>3003</v>
      </c>
      <c r="C3002" t="s">
        <v>8452</v>
      </c>
      <c r="D3002" t="s">
        <v>13896</v>
      </c>
      <c r="E3002" t="s">
        <v>19199</v>
      </c>
      <c r="G3002" s="2"/>
    </row>
    <row r="3003" spans="1:7" x14ac:dyDescent="0.25">
      <c r="A3003" s="1">
        <v>3001</v>
      </c>
      <c r="B3003" t="s">
        <v>3004</v>
      </c>
      <c r="C3003" t="s">
        <v>8453</v>
      </c>
      <c r="D3003" t="s">
        <v>13897</v>
      </c>
      <c r="E3003" t="s">
        <v>19200</v>
      </c>
      <c r="G3003" s="2"/>
    </row>
    <row r="3004" spans="1:7" x14ac:dyDescent="0.25">
      <c r="A3004" s="1">
        <v>3002</v>
      </c>
      <c r="B3004" t="s">
        <v>3005</v>
      </c>
      <c r="C3004" t="s">
        <v>8454</v>
      </c>
      <c r="D3004" t="s">
        <v>13898</v>
      </c>
      <c r="E3004" t="s">
        <v>16555</v>
      </c>
      <c r="G3004" s="2"/>
    </row>
    <row r="3005" spans="1:7" x14ac:dyDescent="0.25">
      <c r="A3005" s="1">
        <v>3003</v>
      </c>
      <c r="B3005" t="s">
        <v>3006</v>
      </c>
      <c r="C3005" t="s">
        <v>8455</v>
      </c>
      <c r="D3005" t="s">
        <v>13899</v>
      </c>
      <c r="E3005" t="s">
        <v>16347</v>
      </c>
      <c r="G3005" s="2"/>
    </row>
    <row r="3006" spans="1:7" x14ac:dyDescent="0.25">
      <c r="A3006" s="1">
        <v>3004</v>
      </c>
      <c r="B3006" t="s">
        <v>3007</v>
      </c>
      <c r="C3006" t="s">
        <v>8456</v>
      </c>
      <c r="D3006" t="s">
        <v>13900</v>
      </c>
      <c r="E3006" t="s">
        <v>19201</v>
      </c>
      <c r="G3006" s="2"/>
    </row>
    <row r="3007" spans="1:7" x14ac:dyDescent="0.25">
      <c r="A3007" s="1">
        <v>3005</v>
      </c>
      <c r="B3007" t="s">
        <v>3008</v>
      </c>
      <c r="C3007" t="s">
        <v>8457</v>
      </c>
      <c r="D3007" t="s">
        <v>13901</v>
      </c>
      <c r="E3007" t="s">
        <v>19202</v>
      </c>
      <c r="G3007" s="2"/>
    </row>
    <row r="3008" spans="1:7" x14ac:dyDescent="0.25">
      <c r="A3008" s="1">
        <v>3006</v>
      </c>
      <c r="B3008" t="s">
        <v>3009</v>
      </c>
      <c r="C3008" t="s">
        <v>8458</v>
      </c>
      <c r="D3008" t="s">
        <v>13902</v>
      </c>
      <c r="E3008" t="s">
        <v>19203</v>
      </c>
      <c r="G3008" s="2"/>
    </row>
    <row r="3009" spans="1:7" x14ac:dyDescent="0.25">
      <c r="A3009" s="1">
        <v>3007</v>
      </c>
      <c r="B3009" t="s">
        <v>3010</v>
      </c>
      <c r="C3009" t="s">
        <v>8459</v>
      </c>
      <c r="D3009" t="s">
        <v>13903</v>
      </c>
      <c r="E3009" t="s">
        <v>19204</v>
      </c>
      <c r="G3009" s="2"/>
    </row>
    <row r="3010" spans="1:7" x14ac:dyDescent="0.25">
      <c r="A3010" s="1">
        <v>3008</v>
      </c>
      <c r="B3010" t="s">
        <v>3011</v>
      </c>
      <c r="C3010" t="s">
        <v>8460</v>
      </c>
      <c r="D3010" t="s">
        <v>13904</v>
      </c>
      <c r="E3010" t="s">
        <v>19205</v>
      </c>
      <c r="G3010" s="2"/>
    </row>
    <row r="3011" spans="1:7" x14ac:dyDescent="0.25">
      <c r="A3011" s="1">
        <v>3009</v>
      </c>
      <c r="B3011" t="s">
        <v>3012</v>
      </c>
      <c r="C3011" t="s">
        <v>8461</v>
      </c>
      <c r="D3011" t="s">
        <v>13905</v>
      </c>
      <c r="E3011" t="s">
        <v>19206</v>
      </c>
      <c r="G3011" s="2"/>
    </row>
    <row r="3012" spans="1:7" x14ac:dyDescent="0.25">
      <c r="A3012" s="1">
        <v>3010</v>
      </c>
      <c r="B3012" t="s">
        <v>3013</v>
      </c>
      <c r="C3012" t="s">
        <v>8462</v>
      </c>
      <c r="D3012" t="s">
        <v>13906</v>
      </c>
      <c r="E3012" t="s">
        <v>19207</v>
      </c>
      <c r="G3012" s="2"/>
    </row>
    <row r="3013" spans="1:7" x14ac:dyDescent="0.25">
      <c r="A3013" s="1">
        <v>3011</v>
      </c>
      <c r="B3013" t="s">
        <v>3014</v>
      </c>
      <c r="C3013" t="s">
        <v>8463</v>
      </c>
      <c r="D3013" t="s">
        <v>13907</v>
      </c>
      <c r="E3013" t="s">
        <v>19208</v>
      </c>
      <c r="G3013" s="2"/>
    </row>
    <row r="3014" spans="1:7" x14ac:dyDescent="0.25">
      <c r="A3014" s="1">
        <v>3012</v>
      </c>
      <c r="B3014" t="s">
        <v>3015</v>
      </c>
      <c r="C3014" t="s">
        <v>8464</v>
      </c>
      <c r="D3014" t="s">
        <v>13908</v>
      </c>
      <c r="E3014" t="s">
        <v>19209</v>
      </c>
      <c r="G3014" s="2"/>
    </row>
    <row r="3015" spans="1:7" x14ac:dyDescent="0.25">
      <c r="A3015" s="1">
        <v>3013</v>
      </c>
      <c r="B3015" t="s">
        <v>3016</v>
      </c>
      <c r="C3015" t="s">
        <v>8465</v>
      </c>
      <c r="D3015" t="s">
        <v>13909</v>
      </c>
      <c r="E3015" t="s">
        <v>19210</v>
      </c>
      <c r="G3015" s="2"/>
    </row>
    <row r="3016" spans="1:7" x14ac:dyDescent="0.25">
      <c r="A3016" s="1">
        <v>3014</v>
      </c>
      <c r="B3016" t="s">
        <v>3017</v>
      </c>
      <c r="C3016" t="s">
        <v>8466</v>
      </c>
      <c r="D3016" t="s">
        <v>13910</v>
      </c>
      <c r="E3016" t="s">
        <v>19211</v>
      </c>
      <c r="G3016" s="2"/>
    </row>
    <row r="3017" spans="1:7" x14ac:dyDescent="0.25">
      <c r="A3017" s="1">
        <v>3015</v>
      </c>
      <c r="B3017" t="s">
        <v>3018</v>
      </c>
      <c r="C3017" t="s">
        <v>8467</v>
      </c>
      <c r="D3017" t="s">
        <v>13911</v>
      </c>
      <c r="E3017" t="s">
        <v>19212</v>
      </c>
      <c r="G3017" s="2"/>
    </row>
    <row r="3018" spans="1:7" x14ac:dyDescent="0.25">
      <c r="A3018" s="1">
        <v>3016</v>
      </c>
      <c r="B3018" t="s">
        <v>3019</v>
      </c>
      <c r="C3018" t="s">
        <v>8468</v>
      </c>
      <c r="D3018" t="s">
        <v>13912</v>
      </c>
      <c r="E3018" t="s">
        <v>19213</v>
      </c>
      <c r="G3018" s="2"/>
    </row>
    <row r="3019" spans="1:7" x14ac:dyDescent="0.25">
      <c r="A3019" s="1">
        <v>3017</v>
      </c>
      <c r="B3019" t="s">
        <v>3020</v>
      </c>
      <c r="C3019" t="s">
        <v>8469</v>
      </c>
      <c r="D3019" t="s">
        <v>13913</v>
      </c>
      <c r="E3019" t="s">
        <v>19214</v>
      </c>
      <c r="G3019" s="2"/>
    </row>
    <row r="3020" spans="1:7" x14ac:dyDescent="0.25">
      <c r="A3020" s="1">
        <v>3018</v>
      </c>
      <c r="B3020" t="s">
        <v>3021</v>
      </c>
      <c r="C3020" t="s">
        <v>8470</v>
      </c>
      <c r="D3020" t="s">
        <v>13914</v>
      </c>
      <c r="E3020" t="s">
        <v>19215</v>
      </c>
      <c r="G3020" s="2"/>
    </row>
    <row r="3021" spans="1:7" x14ac:dyDescent="0.25">
      <c r="A3021" s="1">
        <v>3019</v>
      </c>
      <c r="B3021" t="s">
        <v>3022</v>
      </c>
      <c r="C3021" t="s">
        <v>8471</v>
      </c>
      <c r="D3021" t="s">
        <v>13915</v>
      </c>
      <c r="E3021" t="s">
        <v>19216</v>
      </c>
      <c r="G3021" s="2"/>
    </row>
    <row r="3022" spans="1:7" x14ac:dyDescent="0.25">
      <c r="A3022" s="1">
        <v>3020</v>
      </c>
      <c r="B3022" t="s">
        <v>3023</v>
      </c>
      <c r="C3022" t="s">
        <v>8472</v>
      </c>
      <c r="D3022" t="s">
        <v>13916</v>
      </c>
      <c r="E3022" t="s">
        <v>19217</v>
      </c>
      <c r="G3022" s="2"/>
    </row>
    <row r="3023" spans="1:7" x14ac:dyDescent="0.25">
      <c r="A3023" s="1">
        <v>3021</v>
      </c>
      <c r="B3023" t="s">
        <v>3024</v>
      </c>
      <c r="C3023" t="s">
        <v>8473</v>
      </c>
      <c r="D3023" t="s">
        <v>13917</v>
      </c>
      <c r="E3023" t="s">
        <v>19218</v>
      </c>
      <c r="G3023" s="2"/>
    </row>
    <row r="3024" spans="1:7" x14ac:dyDescent="0.25">
      <c r="A3024" s="1">
        <v>3022</v>
      </c>
      <c r="B3024" t="s">
        <v>3025</v>
      </c>
      <c r="C3024" t="s">
        <v>8474</v>
      </c>
      <c r="D3024" t="s">
        <v>13918</v>
      </c>
      <c r="E3024" t="s">
        <v>19219</v>
      </c>
      <c r="G3024" s="2"/>
    </row>
    <row r="3025" spans="1:7" x14ac:dyDescent="0.25">
      <c r="A3025" s="1">
        <v>3023</v>
      </c>
      <c r="B3025" t="s">
        <v>3026</v>
      </c>
      <c r="C3025" t="s">
        <v>8475</v>
      </c>
      <c r="D3025" t="s">
        <v>13919</v>
      </c>
      <c r="E3025" t="s">
        <v>19220</v>
      </c>
      <c r="G3025" s="2"/>
    </row>
    <row r="3026" spans="1:7" x14ac:dyDescent="0.25">
      <c r="A3026" s="1">
        <v>3024</v>
      </c>
      <c r="B3026" t="s">
        <v>3027</v>
      </c>
      <c r="C3026" t="s">
        <v>8476</v>
      </c>
      <c r="D3026" t="s">
        <v>13920</v>
      </c>
      <c r="E3026" t="s">
        <v>19221</v>
      </c>
      <c r="G3026" s="2"/>
    </row>
    <row r="3027" spans="1:7" x14ac:dyDescent="0.25">
      <c r="A3027" s="1">
        <v>3025</v>
      </c>
      <c r="B3027" t="s">
        <v>3028</v>
      </c>
      <c r="C3027" t="s">
        <v>8477</v>
      </c>
      <c r="D3027" t="s">
        <v>13921</v>
      </c>
      <c r="E3027" t="s">
        <v>19222</v>
      </c>
      <c r="G3027" s="2"/>
    </row>
    <row r="3028" spans="1:7" x14ac:dyDescent="0.25">
      <c r="A3028" s="1">
        <v>3026</v>
      </c>
      <c r="B3028" t="s">
        <v>3029</v>
      </c>
      <c r="C3028" t="s">
        <v>8478</v>
      </c>
      <c r="D3028" t="s">
        <v>13922</v>
      </c>
      <c r="E3028" t="s">
        <v>19223</v>
      </c>
      <c r="G3028" s="2"/>
    </row>
    <row r="3029" spans="1:7" x14ac:dyDescent="0.25">
      <c r="A3029" s="1">
        <v>3027</v>
      </c>
      <c r="B3029" t="s">
        <v>3030</v>
      </c>
      <c r="C3029" t="s">
        <v>8479</v>
      </c>
      <c r="D3029" t="s">
        <v>13923</v>
      </c>
      <c r="E3029" t="s">
        <v>19224</v>
      </c>
      <c r="G3029" s="2"/>
    </row>
    <row r="3030" spans="1:7" x14ac:dyDescent="0.25">
      <c r="A3030" s="1">
        <v>3028</v>
      </c>
      <c r="B3030" t="s">
        <v>3031</v>
      </c>
      <c r="C3030" t="s">
        <v>8480</v>
      </c>
      <c r="D3030" t="s">
        <v>13924</v>
      </c>
      <c r="E3030" t="s">
        <v>19225</v>
      </c>
      <c r="G3030" s="2"/>
    </row>
    <row r="3031" spans="1:7" x14ac:dyDescent="0.25">
      <c r="A3031" s="1">
        <v>3029</v>
      </c>
      <c r="B3031" t="s">
        <v>3032</v>
      </c>
      <c r="C3031" t="s">
        <v>8481</v>
      </c>
      <c r="D3031" t="s">
        <v>13925</v>
      </c>
      <c r="E3031" t="s">
        <v>19226</v>
      </c>
      <c r="G3031" s="2"/>
    </row>
    <row r="3032" spans="1:7" x14ac:dyDescent="0.25">
      <c r="A3032" s="1">
        <v>3030</v>
      </c>
      <c r="B3032" t="s">
        <v>3033</v>
      </c>
      <c r="C3032" t="s">
        <v>8482</v>
      </c>
      <c r="D3032" t="s">
        <v>13926</v>
      </c>
      <c r="E3032" t="s">
        <v>19227</v>
      </c>
      <c r="G3032" s="2"/>
    </row>
    <row r="3033" spans="1:7" x14ac:dyDescent="0.25">
      <c r="A3033" s="1">
        <v>3031</v>
      </c>
      <c r="B3033" t="s">
        <v>3034</v>
      </c>
      <c r="C3033" t="s">
        <v>8483</v>
      </c>
      <c r="D3033" t="s">
        <v>13927</v>
      </c>
      <c r="E3033" t="s">
        <v>19228</v>
      </c>
      <c r="G3033" s="2"/>
    </row>
    <row r="3034" spans="1:7" x14ac:dyDescent="0.25">
      <c r="A3034" s="1">
        <v>3032</v>
      </c>
      <c r="B3034" t="s">
        <v>3035</v>
      </c>
      <c r="C3034" t="s">
        <v>8484</v>
      </c>
      <c r="D3034" t="s">
        <v>13928</v>
      </c>
      <c r="E3034" t="s">
        <v>19229</v>
      </c>
      <c r="G3034" s="2"/>
    </row>
    <row r="3035" spans="1:7" x14ac:dyDescent="0.25">
      <c r="A3035" s="1">
        <v>3033</v>
      </c>
      <c r="B3035" t="s">
        <v>3036</v>
      </c>
      <c r="C3035" t="s">
        <v>8485</v>
      </c>
      <c r="D3035" t="s">
        <v>13929</v>
      </c>
      <c r="E3035" t="s">
        <v>19230</v>
      </c>
      <c r="G3035" s="2"/>
    </row>
    <row r="3036" spans="1:7" x14ac:dyDescent="0.25">
      <c r="A3036" s="1">
        <v>3034</v>
      </c>
      <c r="B3036" t="s">
        <v>3037</v>
      </c>
      <c r="C3036" t="s">
        <v>8486</v>
      </c>
      <c r="D3036" t="s">
        <v>13930</v>
      </c>
      <c r="E3036" t="s">
        <v>19231</v>
      </c>
      <c r="G3036" s="2"/>
    </row>
    <row r="3037" spans="1:7" x14ac:dyDescent="0.25">
      <c r="A3037" s="1">
        <v>3035</v>
      </c>
      <c r="B3037" t="s">
        <v>3038</v>
      </c>
      <c r="C3037" t="s">
        <v>8487</v>
      </c>
      <c r="D3037" t="s">
        <v>13931</v>
      </c>
      <c r="E3037" t="s">
        <v>19232</v>
      </c>
      <c r="G3037" s="2"/>
    </row>
    <row r="3038" spans="1:7" x14ac:dyDescent="0.25">
      <c r="A3038" s="1">
        <v>3036</v>
      </c>
      <c r="B3038" t="s">
        <v>3039</v>
      </c>
      <c r="C3038" t="s">
        <v>8488</v>
      </c>
      <c r="D3038" t="s">
        <v>13932</v>
      </c>
      <c r="E3038" t="s">
        <v>19233</v>
      </c>
      <c r="G3038" s="2"/>
    </row>
    <row r="3039" spans="1:7" x14ac:dyDescent="0.25">
      <c r="A3039" s="1">
        <v>3037</v>
      </c>
      <c r="B3039" t="s">
        <v>3040</v>
      </c>
      <c r="C3039" t="s">
        <v>8489</v>
      </c>
      <c r="D3039" t="s">
        <v>13933</v>
      </c>
      <c r="E3039" t="s">
        <v>19234</v>
      </c>
      <c r="G3039" s="2"/>
    </row>
    <row r="3040" spans="1:7" x14ac:dyDescent="0.25">
      <c r="A3040" s="1">
        <v>3038</v>
      </c>
      <c r="B3040" t="s">
        <v>3041</v>
      </c>
      <c r="C3040" t="s">
        <v>8490</v>
      </c>
      <c r="D3040" t="s">
        <v>13934</v>
      </c>
      <c r="E3040" t="s">
        <v>19235</v>
      </c>
      <c r="G3040" s="2"/>
    </row>
    <row r="3041" spans="1:7" x14ac:dyDescent="0.25">
      <c r="A3041" s="1">
        <v>3039</v>
      </c>
      <c r="B3041" t="s">
        <v>3042</v>
      </c>
      <c r="C3041" t="s">
        <v>8491</v>
      </c>
      <c r="D3041" t="s">
        <v>13935</v>
      </c>
      <c r="E3041" t="s">
        <v>19236</v>
      </c>
      <c r="G3041" s="2"/>
    </row>
    <row r="3042" spans="1:7" x14ac:dyDescent="0.25">
      <c r="A3042" s="1">
        <v>3040</v>
      </c>
      <c r="B3042" t="s">
        <v>3043</v>
      </c>
      <c r="C3042" t="s">
        <v>8492</v>
      </c>
      <c r="D3042" t="s">
        <v>13936</v>
      </c>
      <c r="E3042" t="s">
        <v>19237</v>
      </c>
      <c r="G3042" s="2"/>
    </row>
    <row r="3043" spans="1:7" x14ac:dyDescent="0.25">
      <c r="A3043" s="1">
        <v>3041</v>
      </c>
      <c r="B3043" t="s">
        <v>3044</v>
      </c>
      <c r="C3043" t="s">
        <v>8493</v>
      </c>
      <c r="D3043" t="s">
        <v>13937</v>
      </c>
      <c r="E3043" t="s">
        <v>19238</v>
      </c>
      <c r="G3043" s="2"/>
    </row>
    <row r="3044" spans="1:7" x14ac:dyDescent="0.25">
      <c r="A3044" s="1">
        <v>3042</v>
      </c>
      <c r="B3044" t="s">
        <v>3045</v>
      </c>
      <c r="C3044" t="s">
        <v>8494</v>
      </c>
      <c r="D3044" t="s">
        <v>13938</v>
      </c>
      <c r="E3044" t="s">
        <v>19239</v>
      </c>
      <c r="G3044" s="2"/>
    </row>
    <row r="3045" spans="1:7" x14ac:dyDescent="0.25">
      <c r="A3045" s="1">
        <v>3043</v>
      </c>
      <c r="B3045" t="s">
        <v>3046</v>
      </c>
      <c r="C3045" t="s">
        <v>8495</v>
      </c>
      <c r="D3045" t="s">
        <v>13939</v>
      </c>
      <c r="E3045" t="s">
        <v>19240</v>
      </c>
      <c r="G3045" s="2"/>
    </row>
    <row r="3046" spans="1:7" x14ac:dyDescent="0.25">
      <c r="A3046" s="1">
        <v>3044</v>
      </c>
      <c r="B3046" t="s">
        <v>3047</v>
      </c>
      <c r="C3046" t="s">
        <v>8496</v>
      </c>
      <c r="D3046" t="s">
        <v>13940</v>
      </c>
      <c r="E3046" t="s">
        <v>19241</v>
      </c>
      <c r="G3046" s="2"/>
    </row>
    <row r="3047" spans="1:7" x14ac:dyDescent="0.25">
      <c r="A3047" s="1">
        <v>3045</v>
      </c>
      <c r="B3047" t="s">
        <v>3048</v>
      </c>
      <c r="C3047" t="s">
        <v>8497</v>
      </c>
      <c r="D3047" t="s">
        <v>13941</v>
      </c>
      <c r="E3047" t="s">
        <v>19242</v>
      </c>
      <c r="G3047" s="2"/>
    </row>
    <row r="3048" spans="1:7" x14ac:dyDescent="0.25">
      <c r="A3048" s="1">
        <v>3046</v>
      </c>
      <c r="B3048" t="s">
        <v>3049</v>
      </c>
      <c r="C3048" t="s">
        <v>8498</v>
      </c>
      <c r="D3048" t="s">
        <v>13942</v>
      </c>
      <c r="E3048" t="s">
        <v>19243</v>
      </c>
      <c r="G3048" s="2"/>
    </row>
    <row r="3049" spans="1:7" x14ac:dyDescent="0.25">
      <c r="A3049" s="1">
        <v>3047</v>
      </c>
      <c r="B3049" t="s">
        <v>3050</v>
      </c>
      <c r="C3049" t="s">
        <v>8499</v>
      </c>
      <c r="D3049" t="s">
        <v>13943</v>
      </c>
      <c r="E3049" t="s">
        <v>19244</v>
      </c>
      <c r="G3049" s="2"/>
    </row>
    <row r="3050" spans="1:7" x14ac:dyDescent="0.25">
      <c r="A3050" s="1">
        <v>3048</v>
      </c>
      <c r="B3050" t="s">
        <v>3051</v>
      </c>
      <c r="C3050" t="s">
        <v>8500</v>
      </c>
      <c r="D3050" t="s">
        <v>13944</v>
      </c>
      <c r="E3050" t="s">
        <v>19245</v>
      </c>
      <c r="G3050" s="2"/>
    </row>
    <row r="3051" spans="1:7" x14ac:dyDescent="0.25">
      <c r="A3051" s="1">
        <v>3049</v>
      </c>
      <c r="B3051" t="s">
        <v>3052</v>
      </c>
      <c r="C3051" t="s">
        <v>8501</v>
      </c>
      <c r="D3051" t="s">
        <v>13945</v>
      </c>
      <c r="E3051" t="s">
        <v>19246</v>
      </c>
      <c r="G3051" s="2"/>
    </row>
    <row r="3052" spans="1:7" x14ac:dyDescent="0.25">
      <c r="A3052" s="1">
        <v>3050</v>
      </c>
      <c r="B3052" t="s">
        <v>3053</v>
      </c>
      <c r="C3052" t="s">
        <v>8502</v>
      </c>
      <c r="D3052" t="s">
        <v>13946</v>
      </c>
      <c r="E3052" t="s">
        <v>19247</v>
      </c>
      <c r="G3052" s="2"/>
    </row>
    <row r="3053" spans="1:7" x14ac:dyDescent="0.25">
      <c r="A3053" s="1">
        <v>3051</v>
      </c>
      <c r="B3053" t="s">
        <v>3054</v>
      </c>
      <c r="C3053" t="s">
        <v>8503</v>
      </c>
      <c r="D3053" t="s">
        <v>13947</v>
      </c>
      <c r="E3053" t="s">
        <v>19248</v>
      </c>
      <c r="G3053" s="2"/>
    </row>
    <row r="3054" spans="1:7" x14ac:dyDescent="0.25">
      <c r="A3054" s="1">
        <v>3052</v>
      </c>
      <c r="B3054" t="s">
        <v>3055</v>
      </c>
      <c r="C3054" t="s">
        <v>8504</v>
      </c>
      <c r="D3054" t="s">
        <v>13948</v>
      </c>
      <c r="E3054" t="s">
        <v>19249</v>
      </c>
      <c r="G3054" s="2"/>
    </row>
    <row r="3055" spans="1:7" x14ac:dyDescent="0.25">
      <c r="A3055" s="1">
        <v>3053</v>
      </c>
      <c r="B3055" t="s">
        <v>3056</v>
      </c>
      <c r="C3055" t="s">
        <v>8505</v>
      </c>
      <c r="D3055" t="s">
        <v>13949</v>
      </c>
      <c r="E3055" t="s">
        <v>19250</v>
      </c>
      <c r="G3055" s="2"/>
    </row>
    <row r="3056" spans="1:7" x14ac:dyDescent="0.25">
      <c r="A3056" s="1">
        <v>3054</v>
      </c>
      <c r="B3056" t="s">
        <v>3057</v>
      </c>
      <c r="C3056" t="s">
        <v>8506</v>
      </c>
      <c r="D3056" t="s">
        <v>13950</v>
      </c>
      <c r="E3056" t="s">
        <v>19251</v>
      </c>
      <c r="G3056" s="2"/>
    </row>
    <row r="3057" spans="1:7" x14ac:dyDescent="0.25">
      <c r="A3057" s="1">
        <v>3055</v>
      </c>
      <c r="B3057" t="s">
        <v>3058</v>
      </c>
      <c r="C3057" t="s">
        <v>8507</v>
      </c>
      <c r="D3057" t="s">
        <v>13951</v>
      </c>
      <c r="E3057" t="s">
        <v>19252</v>
      </c>
      <c r="G3057" s="2"/>
    </row>
    <row r="3058" spans="1:7" x14ac:dyDescent="0.25">
      <c r="A3058" s="1">
        <v>3056</v>
      </c>
      <c r="B3058" t="s">
        <v>3059</v>
      </c>
      <c r="C3058" t="s">
        <v>8508</v>
      </c>
      <c r="D3058" t="s">
        <v>13952</v>
      </c>
      <c r="E3058" t="s">
        <v>17687</v>
      </c>
      <c r="G3058" s="2"/>
    </row>
    <row r="3059" spans="1:7" x14ac:dyDescent="0.25">
      <c r="A3059" s="1">
        <v>3057</v>
      </c>
      <c r="B3059" t="s">
        <v>3060</v>
      </c>
      <c r="C3059" t="s">
        <v>8509</v>
      </c>
      <c r="D3059" t="s">
        <v>13953</v>
      </c>
      <c r="E3059" t="s">
        <v>19253</v>
      </c>
      <c r="G3059" s="2"/>
    </row>
    <row r="3060" spans="1:7" x14ac:dyDescent="0.25">
      <c r="A3060" s="1">
        <v>3058</v>
      </c>
      <c r="B3060" t="s">
        <v>3061</v>
      </c>
      <c r="C3060" t="s">
        <v>8510</v>
      </c>
      <c r="D3060" t="s">
        <v>13954</v>
      </c>
      <c r="E3060" t="s">
        <v>19254</v>
      </c>
      <c r="G3060" s="2"/>
    </row>
    <row r="3061" spans="1:7" x14ac:dyDescent="0.25">
      <c r="A3061" s="1">
        <v>3059</v>
      </c>
      <c r="B3061" t="s">
        <v>3062</v>
      </c>
      <c r="C3061" t="s">
        <v>7556</v>
      </c>
      <c r="D3061" t="s">
        <v>13955</v>
      </c>
      <c r="E3061" t="s">
        <v>19255</v>
      </c>
      <c r="G3061" s="2"/>
    </row>
    <row r="3062" spans="1:7" x14ac:dyDescent="0.25">
      <c r="A3062" s="1">
        <v>3060</v>
      </c>
      <c r="B3062" t="s">
        <v>3063</v>
      </c>
      <c r="C3062" t="s">
        <v>8511</v>
      </c>
      <c r="D3062" t="s">
        <v>13956</v>
      </c>
      <c r="E3062" t="s">
        <v>19256</v>
      </c>
      <c r="G3062" s="2"/>
    </row>
    <row r="3063" spans="1:7" x14ac:dyDescent="0.25">
      <c r="A3063" s="1">
        <v>3061</v>
      </c>
      <c r="B3063" t="s">
        <v>3064</v>
      </c>
      <c r="C3063" t="s">
        <v>8512</v>
      </c>
      <c r="D3063" t="s">
        <v>13957</v>
      </c>
      <c r="E3063" t="s">
        <v>19257</v>
      </c>
      <c r="G3063" s="2"/>
    </row>
    <row r="3064" spans="1:7" x14ac:dyDescent="0.25">
      <c r="A3064" s="1">
        <v>3062</v>
      </c>
      <c r="B3064" t="s">
        <v>3065</v>
      </c>
      <c r="C3064" t="s">
        <v>8513</v>
      </c>
      <c r="D3064" t="s">
        <v>13958</v>
      </c>
      <c r="E3064" t="s">
        <v>19258</v>
      </c>
      <c r="G3064" s="2"/>
    </row>
    <row r="3065" spans="1:7" x14ac:dyDescent="0.25">
      <c r="A3065" s="1">
        <v>3063</v>
      </c>
      <c r="B3065" t="s">
        <v>3066</v>
      </c>
      <c r="C3065" t="s">
        <v>8514</v>
      </c>
      <c r="D3065" t="s">
        <v>13959</v>
      </c>
      <c r="E3065" t="s">
        <v>19259</v>
      </c>
      <c r="G3065" s="2"/>
    </row>
    <row r="3066" spans="1:7" x14ac:dyDescent="0.25">
      <c r="A3066" s="1">
        <v>3064</v>
      </c>
      <c r="B3066" t="s">
        <v>3067</v>
      </c>
      <c r="C3066" t="s">
        <v>8515</v>
      </c>
      <c r="D3066" t="s">
        <v>13960</v>
      </c>
      <c r="E3066" t="s">
        <v>19260</v>
      </c>
      <c r="G3066" s="2"/>
    </row>
    <row r="3067" spans="1:7" x14ac:dyDescent="0.25">
      <c r="A3067" s="1">
        <v>3065</v>
      </c>
      <c r="B3067" t="s">
        <v>3068</v>
      </c>
      <c r="C3067" t="s">
        <v>8516</v>
      </c>
      <c r="D3067" t="s">
        <v>13961</v>
      </c>
      <c r="E3067" t="s">
        <v>19261</v>
      </c>
      <c r="G3067" s="2"/>
    </row>
    <row r="3068" spans="1:7" x14ac:dyDescent="0.25">
      <c r="A3068" s="1">
        <v>3066</v>
      </c>
      <c r="B3068" t="s">
        <v>3069</v>
      </c>
      <c r="C3068" t="s">
        <v>8517</v>
      </c>
      <c r="D3068" t="s">
        <v>13962</v>
      </c>
      <c r="E3068" t="s">
        <v>19262</v>
      </c>
      <c r="G3068" s="2"/>
    </row>
    <row r="3069" spans="1:7" x14ac:dyDescent="0.25">
      <c r="A3069" s="1">
        <v>3067</v>
      </c>
      <c r="B3069" t="s">
        <v>3070</v>
      </c>
      <c r="C3069" t="s">
        <v>8518</v>
      </c>
      <c r="D3069" t="s">
        <v>13963</v>
      </c>
      <c r="E3069" t="s">
        <v>19263</v>
      </c>
      <c r="G3069" s="2"/>
    </row>
    <row r="3070" spans="1:7" x14ac:dyDescent="0.25">
      <c r="A3070" s="1">
        <v>3068</v>
      </c>
      <c r="B3070" t="s">
        <v>3071</v>
      </c>
      <c r="C3070" t="s">
        <v>8519</v>
      </c>
      <c r="D3070" t="s">
        <v>13964</v>
      </c>
      <c r="E3070" t="s">
        <v>19264</v>
      </c>
      <c r="G3070" s="2"/>
    </row>
    <row r="3071" spans="1:7" x14ac:dyDescent="0.25">
      <c r="A3071" s="1">
        <v>3069</v>
      </c>
      <c r="B3071" t="s">
        <v>3072</v>
      </c>
      <c r="C3071" t="s">
        <v>8520</v>
      </c>
      <c r="D3071" t="s">
        <v>13965</v>
      </c>
      <c r="E3071" t="s">
        <v>19265</v>
      </c>
      <c r="G3071" s="2"/>
    </row>
    <row r="3072" spans="1:7" x14ac:dyDescent="0.25">
      <c r="A3072" s="1">
        <v>3070</v>
      </c>
      <c r="B3072" t="s">
        <v>3073</v>
      </c>
      <c r="C3072" t="s">
        <v>8521</v>
      </c>
      <c r="D3072" t="s">
        <v>13966</v>
      </c>
      <c r="E3072" t="s">
        <v>19266</v>
      </c>
      <c r="G3072" s="2"/>
    </row>
    <row r="3073" spans="1:7" x14ac:dyDescent="0.25">
      <c r="A3073" s="1">
        <v>3071</v>
      </c>
      <c r="B3073" t="s">
        <v>3074</v>
      </c>
      <c r="C3073" t="s">
        <v>8522</v>
      </c>
      <c r="D3073" t="s">
        <v>13967</v>
      </c>
      <c r="E3073" t="s">
        <v>19267</v>
      </c>
      <c r="G3073" s="2"/>
    </row>
    <row r="3074" spans="1:7" x14ac:dyDescent="0.25">
      <c r="A3074" s="1">
        <v>3072</v>
      </c>
      <c r="B3074" t="s">
        <v>3075</v>
      </c>
      <c r="C3074" t="s">
        <v>8523</v>
      </c>
      <c r="D3074" t="s">
        <v>13968</v>
      </c>
      <c r="E3074" t="s">
        <v>19268</v>
      </c>
      <c r="G3074" s="2"/>
    </row>
    <row r="3075" spans="1:7" x14ac:dyDescent="0.25">
      <c r="A3075" s="1">
        <v>3073</v>
      </c>
      <c r="B3075" t="s">
        <v>3076</v>
      </c>
      <c r="C3075" t="s">
        <v>8524</v>
      </c>
      <c r="D3075" t="s">
        <v>13969</v>
      </c>
      <c r="E3075" t="s">
        <v>19269</v>
      </c>
      <c r="G3075" s="2"/>
    </row>
    <row r="3076" spans="1:7" x14ac:dyDescent="0.25">
      <c r="A3076" s="1">
        <v>3074</v>
      </c>
      <c r="B3076" t="s">
        <v>3077</v>
      </c>
      <c r="C3076" t="s">
        <v>8525</v>
      </c>
      <c r="D3076" t="s">
        <v>13970</v>
      </c>
      <c r="E3076" t="s">
        <v>16347</v>
      </c>
      <c r="G3076" s="2"/>
    </row>
    <row r="3077" spans="1:7" x14ac:dyDescent="0.25">
      <c r="A3077" s="1">
        <v>3075</v>
      </c>
      <c r="B3077" t="s">
        <v>3078</v>
      </c>
      <c r="C3077" t="s">
        <v>8526</v>
      </c>
      <c r="D3077" t="s">
        <v>13971</v>
      </c>
      <c r="E3077" t="s">
        <v>19270</v>
      </c>
      <c r="G3077" s="2"/>
    </row>
    <row r="3078" spans="1:7" x14ac:dyDescent="0.25">
      <c r="A3078" s="1">
        <v>3076</v>
      </c>
      <c r="B3078" t="s">
        <v>3079</v>
      </c>
      <c r="C3078" t="s">
        <v>8527</v>
      </c>
      <c r="D3078" t="s">
        <v>13972</v>
      </c>
      <c r="E3078" t="s">
        <v>19271</v>
      </c>
      <c r="G3078" s="2"/>
    </row>
    <row r="3079" spans="1:7" x14ac:dyDescent="0.25">
      <c r="A3079" s="1">
        <v>3077</v>
      </c>
      <c r="B3079" t="s">
        <v>3080</v>
      </c>
      <c r="C3079" t="s">
        <v>8528</v>
      </c>
      <c r="D3079" t="s">
        <v>13973</v>
      </c>
      <c r="E3079" t="s">
        <v>19272</v>
      </c>
      <c r="G3079" s="2"/>
    </row>
    <row r="3080" spans="1:7" x14ac:dyDescent="0.25">
      <c r="A3080" s="1">
        <v>3078</v>
      </c>
      <c r="B3080" t="s">
        <v>3081</v>
      </c>
      <c r="C3080" t="s">
        <v>8529</v>
      </c>
      <c r="D3080" t="s">
        <v>8529</v>
      </c>
      <c r="E3080" t="s">
        <v>19273</v>
      </c>
      <c r="G3080" s="2"/>
    </row>
    <row r="3081" spans="1:7" x14ac:dyDescent="0.25">
      <c r="A3081" s="1">
        <v>3079</v>
      </c>
      <c r="B3081" t="s">
        <v>3082</v>
      </c>
      <c r="C3081" t="s">
        <v>8530</v>
      </c>
      <c r="D3081" t="s">
        <v>13974</v>
      </c>
      <c r="E3081" t="s">
        <v>19274</v>
      </c>
      <c r="G3081" s="2"/>
    </row>
    <row r="3082" spans="1:7" x14ac:dyDescent="0.25">
      <c r="A3082" s="1">
        <v>3080</v>
      </c>
      <c r="B3082" t="s">
        <v>3083</v>
      </c>
      <c r="C3082" t="s">
        <v>8531</v>
      </c>
      <c r="D3082" t="s">
        <v>13975</v>
      </c>
      <c r="E3082" t="s">
        <v>19275</v>
      </c>
      <c r="G3082" s="2"/>
    </row>
    <row r="3083" spans="1:7" x14ac:dyDescent="0.25">
      <c r="A3083" s="1">
        <v>3081</v>
      </c>
      <c r="B3083" t="s">
        <v>3084</v>
      </c>
      <c r="C3083" t="s">
        <v>8532</v>
      </c>
      <c r="D3083" t="s">
        <v>13976</v>
      </c>
      <c r="E3083" t="s">
        <v>19276</v>
      </c>
      <c r="G3083" s="2"/>
    </row>
    <row r="3084" spans="1:7" x14ac:dyDescent="0.25">
      <c r="A3084" s="1">
        <v>3082</v>
      </c>
      <c r="B3084" t="s">
        <v>3085</v>
      </c>
      <c r="C3084" t="s">
        <v>8533</v>
      </c>
      <c r="D3084" t="s">
        <v>13977</v>
      </c>
      <c r="E3084" t="s">
        <v>19277</v>
      </c>
      <c r="G3084" s="2"/>
    </row>
    <row r="3085" spans="1:7" x14ac:dyDescent="0.25">
      <c r="A3085" s="1">
        <v>3083</v>
      </c>
      <c r="B3085" t="s">
        <v>3086</v>
      </c>
      <c r="C3085" t="s">
        <v>8534</v>
      </c>
      <c r="D3085" t="s">
        <v>13978</v>
      </c>
      <c r="E3085" t="s">
        <v>19278</v>
      </c>
      <c r="G3085" s="2"/>
    </row>
    <row r="3086" spans="1:7" x14ac:dyDescent="0.25">
      <c r="A3086" s="1">
        <v>3084</v>
      </c>
      <c r="B3086" t="s">
        <v>3087</v>
      </c>
      <c r="C3086" t="s">
        <v>8535</v>
      </c>
      <c r="D3086" t="s">
        <v>13979</v>
      </c>
      <c r="E3086" t="s">
        <v>19279</v>
      </c>
      <c r="G3086" s="2"/>
    </row>
    <row r="3087" spans="1:7" x14ac:dyDescent="0.25">
      <c r="A3087" s="1">
        <v>3085</v>
      </c>
      <c r="B3087" t="s">
        <v>3088</v>
      </c>
      <c r="C3087" t="s">
        <v>8536</v>
      </c>
      <c r="D3087" t="s">
        <v>13980</v>
      </c>
      <c r="E3087" t="s">
        <v>19280</v>
      </c>
      <c r="G3087" s="2"/>
    </row>
    <row r="3088" spans="1:7" x14ac:dyDescent="0.25">
      <c r="A3088" s="1">
        <v>3086</v>
      </c>
      <c r="B3088" t="s">
        <v>3089</v>
      </c>
      <c r="C3088" t="s">
        <v>8537</v>
      </c>
      <c r="D3088" t="s">
        <v>13981</v>
      </c>
      <c r="E3088" t="s">
        <v>19281</v>
      </c>
      <c r="G3088" s="2"/>
    </row>
    <row r="3089" spans="1:7" x14ac:dyDescent="0.25">
      <c r="A3089" s="1">
        <v>3087</v>
      </c>
      <c r="B3089" t="s">
        <v>3090</v>
      </c>
      <c r="C3089" t="s">
        <v>8538</v>
      </c>
      <c r="D3089" t="s">
        <v>13982</v>
      </c>
      <c r="E3089" t="s">
        <v>19282</v>
      </c>
      <c r="G3089" s="2"/>
    </row>
    <row r="3090" spans="1:7" x14ac:dyDescent="0.25">
      <c r="A3090" s="1">
        <v>3088</v>
      </c>
      <c r="B3090" t="s">
        <v>3091</v>
      </c>
      <c r="C3090" t="s">
        <v>8539</v>
      </c>
      <c r="D3090" t="s">
        <v>13983</v>
      </c>
      <c r="E3090" t="s">
        <v>19283</v>
      </c>
      <c r="G3090" s="2"/>
    </row>
    <row r="3091" spans="1:7" x14ac:dyDescent="0.25">
      <c r="A3091" s="1">
        <v>3089</v>
      </c>
      <c r="B3091" t="s">
        <v>3092</v>
      </c>
      <c r="C3091" t="s">
        <v>8540</v>
      </c>
      <c r="D3091" t="s">
        <v>13984</v>
      </c>
      <c r="E3091" t="s">
        <v>19284</v>
      </c>
      <c r="G3091" s="2"/>
    </row>
    <row r="3092" spans="1:7" x14ac:dyDescent="0.25">
      <c r="A3092" s="1">
        <v>3090</v>
      </c>
      <c r="B3092" t="s">
        <v>3093</v>
      </c>
      <c r="C3092" t="s">
        <v>8541</v>
      </c>
      <c r="D3092" t="s">
        <v>13985</v>
      </c>
      <c r="E3092" t="s">
        <v>19285</v>
      </c>
      <c r="G3092" s="2"/>
    </row>
    <row r="3093" spans="1:7" x14ac:dyDescent="0.25">
      <c r="A3093" s="1">
        <v>3091</v>
      </c>
      <c r="B3093" t="s">
        <v>3094</v>
      </c>
      <c r="C3093" t="s">
        <v>8542</v>
      </c>
      <c r="D3093" t="s">
        <v>13986</v>
      </c>
      <c r="E3093" t="s">
        <v>19286</v>
      </c>
      <c r="G3093" s="2"/>
    </row>
    <row r="3094" spans="1:7" x14ac:dyDescent="0.25">
      <c r="A3094" s="1">
        <v>3092</v>
      </c>
      <c r="B3094" t="s">
        <v>3095</v>
      </c>
      <c r="C3094" t="s">
        <v>8543</v>
      </c>
      <c r="D3094" t="s">
        <v>13987</v>
      </c>
      <c r="E3094" t="s">
        <v>19287</v>
      </c>
      <c r="G3094" s="2"/>
    </row>
    <row r="3095" spans="1:7" x14ac:dyDescent="0.25">
      <c r="A3095" s="1">
        <v>3093</v>
      </c>
      <c r="B3095" t="s">
        <v>3096</v>
      </c>
      <c r="C3095" t="s">
        <v>8544</v>
      </c>
      <c r="D3095" t="s">
        <v>13988</v>
      </c>
      <c r="E3095" t="s">
        <v>19288</v>
      </c>
      <c r="G3095" s="2"/>
    </row>
    <row r="3096" spans="1:7" x14ac:dyDescent="0.25">
      <c r="A3096" s="1">
        <v>3094</v>
      </c>
      <c r="B3096" t="s">
        <v>3097</v>
      </c>
      <c r="C3096" t="s">
        <v>8545</v>
      </c>
      <c r="D3096" t="s">
        <v>13989</v>
      </c>
      <c r="E3096" t="s">
        <v>19289</v>
      </c>
      <c r="G3096" s="2"/>
    </row>
    <row r="3097" spans="1:7" x14ac:dyDescent="0.25">
      <c r="A3097" s="1">
        <v>3095</v>
      </c>
      <c r="B3097" t="s">
        <v>3098</v>
      </c>
      <c r="C3097" t="s">
        <v>8546</v>
      </c>
      <c r="D3097" t="s">
        <v>13990</v>
      </c>
      <c r="E3097" t="s">
        <v>19290</v>
      </c>
      <c r="G3097" s="2"/>
    </row>
    <row r="3098" spans="1:7" x14ac:dyDescent="0.25">
      <c r="A3098" s="1">
        <v>3096</v>
      </c>
      <c r="B3098" t="s">
        <v>3099</v>
      </c>
      <c r="C3098" t="s">
        <v>8547</v>
      </c>
      <c r="D3098" t="s">
        <v>13991</v>
      </c>
      <c r="E3098" t="s">
        <v>19291</v>
      </c>
      <c r="G3098" s="2"/>
    </row>
    <row r="3099" spans="1:7" x14ac:dyDescent="0.25">
      <c r="A3099" s="1">
        <v>3097</v>
      </c>
      <c r="B3099" t="s">
        <v>3100</v>
      </c>
      <c r="C3099" t="s">
        <v>8548</v>
      </c>
      <c r="D3099" t="s">
        <v>13992</v>
      </c>
      <c r="E3099" t="s">
        <v>19292</v>
      </c>
      <c r="G3099" s="2"/>
    </row>
    <row r="3100" spans="1:7" x14ac:dyDescent="0.25">
      <c r="A3100" s="1">
        <v>3098</v>
      </c>
      <c r="B3100" t="s">
        <v>3101</v>
      </c>
      <c r="C3100" t="s">
        <v>8549</v>
      </c>
      <c r="D3100" t="s">
        <v>13993</v>
      </c>
      <c r="E3100" t="s">
        <v>19293</v>
      </c>
      <c r="G3100" s="2"/>
    </row>
    <row r="3101" spans="1:7" x14ac:dyDescent="0.25">
      <c r="A3101" s="1">
        <v>3099</v>
      </c>
      <c r="B3101" t="s">
        <v>3102</v>
      </c>
      <c r="C3101" t="s">
        <v>8550</v>
      </c>
      <c r="D3101" t="s">
        <v>13994</v>
      </c>
      <c r="E3101" t="s">
        <v>19294</v>
      </c>
      <c r="G3101" s="2"/>
    </row>
    <row r="3102" spans="1:7" x14ac:dyDescent="0.25">
      <c r="A3102" s="1">
        <v>3100</v>
      </c>
      <c r="B3102" t="s">
        <v>3103</v>
      </c>
      <c r="C3102" t="s">
        <v>8551</v>
      </c>
      <c r="D3102" t="s">
        <v>13995</v>
      </c>
      <c r="E3102" t="s">
        <v>19295</v>
      </c>
      <c r="G3102" s="2"/>
    </row>
    <row r="3103" spans="1:7" x14ac:dyDescent="0.25">
      <c r="A3103" s="1">
        <v>3101</v>
      </c>
      <c r="B3103" t="s">
        <v>3104</v>
      </c>
      <c r="C3103" t="s">
        <v>8552</v>
      </c>
      <c r="D3103" t="s">
        <v>13996</v>
      </c>
      <c r="E3103" t="s">
        <v>19296</v>
      </c>
      <c r="G3103" s="2"/>
    </row>
    <row r="3104" spans="1:7" x14ac:dyDescent="0.25">
      <c r="A3104" s="1">
        <v>3102</v>
      </c>
      <c r="B3104" t="s">
        <v>3105</v>
      </c>
      <c r="C3104" t="s">
        <v>8553</v>
      </c>
      <c r="D3104" t="s">
        <v>13997</v>
      </c>
      <c r="E3104" t="s">
        <v>19297</v>
      </c>
      <c r="G3104" s="2"/>
    </row>
    <row r="3105" spans="1:7" x14ac:dyDescent="0.25">
      <c r="A3105" s="1">
        <v>3103</v>
      </c>
      <c r="B3105" t="s">
        <v>3106</v>
      </c>
      <c r="C3105" t="s">
        <v>8554</v>
      </c>
      <c r="D3105" t="s">
        <v>13998</v>
      </c>
      <c r="E3105" t="s">
        <v>19298</v>
      </c>
      <c r="G3105" s="2"/>
    </row>
    <row r="3106" spans="1:7" x14ac:dyDescent="0.25">
      <c r="A3106" s="1">
        <v>3104</v>
      </c>
      <c r="B3106" t="s">
        <v>3107</v>
      </c>
      <c r="C3106" t="s">
        <v>8555</v>
      </c>
      <c r="D3106" t="s">
        <v>13999</v>
      </c>
      <c r="E3106" t="s">
        <v>19299</v>
      </c>
      <c r="G3106" s="2"/>
    </row>
    <row r="3107" spans="1:7" x14ac:dyDescent="0.25">
      <c r="A3107" s="1">
        <v>3105</v>
      </c>
      <c r="B3107" t="s">
        <v>3108</v>
      </c>
      <c r="C3107" t="s">
        <v>8556</v>
      </c>
      <c r="D3107" t="s">
        <v>14000</v>
      </c>
      <c r="E3107" t="s">
        <v>19300</v>
      </c>
      <c r="G3107" s="2"/>
    </row>
    <row r="3108" spans="1:7" x14ac:dyDescent="0.25">
      <c r="A3108" s="1">
        <v>3106</v>
      </c>
      <c r="B3108" t="s">
        <v>3109</v>
      </c>
      <c r="C3108" t="s">
        <v>8557</v>
      </c>
      <c r="D3108" t="s">
        <v>14001</v>
      </c>
      <c r="E3108" t="s">
        <v>19301</v>
      </c>
      <c r="G3108" s="2"/>
    </row>
    <row r="3109" spans="1:7" x14ac:dyDescent="0.25">
      <c r="A3109" s="1">
        <v>3107</v>
      </c>
      <c r="B3109" t="s">
        <v>3110</v>
      </c>
      <c r="C3109" t="s">
        <v>8558</v>
      </c>
      <c r="D3109" t="s">
        <v>14002</v>
      </c>
      <c r="E3109" t="s">
        <v>19302</v>
      </c>
      <c r="G3109" s="2"/>
    </row>
    <row r="3110" spans="1:7" x14ac:dyDescent="0.25">
      <c r="A3110" s="1">
        <v>3108</v>
      </c>
      <c r="B3110" t="s">
        <v>3111</v>
      </c>
      <c r="C3110" t="s">
        <v>8559</v>
      </c>
      <c r="D3110" t="s">
        <v>14003</v>
      </c>
      <c r="E3110" t="s">
        <v>19303</v>
      </c>
      <c r="G3110" s="2"/>
    </row>
    <row r="3111" spans="1:7" x14ac:dyDescent="0.25">
      <c r="A3111" s="1">
        <v>3109</v>
      </c>
      <c r="B3111" t="s">
        <v>3112</v>
      </c>
      <c r="C3111" t="s">
        <v>8560</v>
      </c>
      <c r="D3111" t="s">
        <v>14004</v>
      </c>
      <c r="E3111" t="s">
        <v>19304</v>
      </c>
      <c r="G3111" s="2"/>
    </row>
    <row r="3112" spans="1:7" x14ac:dyDescent="0.25">
      <c r="A3112" s="1">
        <v>3110</v>
      </c>
      <c r="B3112" t="s">
        <v>3113</v>
      </c>
      <c r="C3112" t="s">
        <v>8561</v>
      </c>
      <c r="D3112" t="s">
        <v>14005</v>
      </c>
      <c r="E3112" t="s">
        <v>19305</v>
      </c>
      <c r="G3112" s="2"/>
    </row>
    <row r="3113" spans="1:7" x14ac:dyDescent="0.25">
      <c r="A3113" s="1">
        <v>3111</v>
      </c>
      <c r="B3113" t="s">
        <v>3114</v>
      </c>
      <c r="C3113" t="s">
        <v>8562</v>
      </c>
      <c r="D3113" t="s">
        <v>14006</v>
      </c>
      <c r="E3113" t="s">
        <v>19306</v>
      </c>
      <c r="G3113" s="2"/>
    </row>
    <row r="3114" spans="1:7" x14ac:dyDescent="0.25">
      <c r="A3114" s="1">
        <v>3112</v>
      </c>
      <c r="B3114" t="s">
        <v>3115</v>
      </c>
      <c r="C3114" t="s">
        <v>8563</v>
      </c>
      <c r="D3114" t="s">
        <v>14007</v>
      </c>
      <c r="E3114" t="s">
        <v>19307</v>
      </c>
      <c r="G3114" s="2"/>
    </row>
    <row r="3115" spans="1:7" x14ac:dyDescent="0.25">
      <c r="A3115" s="1">
        <v>3113</v>
      </c>
      <c r="B3115" t="s">
        <v>3116</v>
      </c>
      <c r="C3115" t="s">
        <v>8564</v>
      </c>
      <c r="D3115" t="s">
        <v>14008</v>
      </c>
      <c r="E3115" t="s">
        <v>19308</v>
      </c>
      <c r="G3115" s="2"/>
    </row>
    <row r="3116" spans="1:7" x14ac:dyDescent="0.25">
      <c r="A3116" s="1">
        <v>3114</v>
      </c>
      <c r="B3116" t="s">
        <v>3117</v>
      </c>
      <c r="C3116" t="s">
        <v>8565</v>
      </c>
      <c r="D3116" t="s">
        <v>14009</v>
      </c>
      <c r="E3116" t="s">
        <v>19309</v>
      </c>
      <c r="G3116" s="2"/>
    </row>
    <row r="3117" spans="1:7" x14ac:dyDescent="0.25">
      <c r="A3117" s="1">
        <v>3115</v>
      </c>
      <c r="B3117" t="s">
        <v>3118</v>
      </c>
      <c r="C3117" t="s">
        <v>8566</v>
      </c>
      <c r="D3117" t="s">
        <v>14010</v>
      </c>
      <c r="E3117" t="s">
        <v>19310</v>
      </c>
      <c r="G3117" s="2"/>
    </row>
    <row r="3118" spans="1:7" x14ac:dyDescent="0.25">
      <c r="A3118" s="1">
        <v>3116</v>
      </c>
      <c r="B3118" t="s">
        <v>3119</v>
      </c>
      <c r="C3118" t="s">
        <v>8567</v>
      </c>
      <c r="D3118" t="s">
        <v>14011</v>
      </c>
      <c r="E3118" t="s">
        <v>19311</v>
      </c>
      <c r="G3118" s="2"/>
    </row>
    <row r="3119" spans="1:7" x14ac:dyDescent="0.25">
      <c r="A3119" s="1">
        <v>3117</v>
      </c>
      <c r="B3119" t="s">
        <v>3120</v>
      </c>
      <c r="C3119" t="s">
        <v>8568</v>
      </c>
      <c r="D3119" t="s">
        <v>14012</v>
      </c>
      <c r="E3119" t="s">
        <v>19312</v>
      </c>
      <c r="G3119" s="2"/>
    </row>
    <row r="3120" spans="1:7" x14ac:dyDescent="0.25">
      <c r="A3120" s="1">
        <v>3118</v>
      </c>
      <c r="B3120" t="s">
        <v>3121</v>
      </c>
      <c r="C3120" t="s">
        <v>8569</v>
      </c>
      <c r="D3120" t="s">
        <v>14013</v>
      </c>
      <c r="E3120" t="s">
        <v>19313</v>
      </c>
      <c r="G3120" s="2"/>
    </row>
    <row r="3121" spans="1:7" x14ac:dyDescent="0.25">
      <c r="A3121" s="1">
        <v>3119</v>
      </c>
      <c r="B3121" t="s">
        <v>3122</v>
      </c>
      <c r="C3121" t="s">
        <v>8570</v>
      </c>
      <c r="D3121" t="s">
        <v>14014</v>
      </c>
      <c r="E3121" t="s">
        <v>19314</v>
      </c>
      <c r="G3121" s="2"/>
    </row>
    <row r="3122" spans="1:7" x14ac:dyDescent="0.25">
      <c r="A3122" s="1">
        <v>3120</v>
      </c>
      <c r="B3122" t="s">
        <v>3123</v>
      </c>
      <c r="C3122" t="s">
        <v>8571</v>
      </c>
      <c r="D3122" t="s">
        <v>14015</v>
      </c>
      <c r="E3122" t="s">
        <v>19315</v>
      </c>
      <c r="G3122" s="2"/>
    </row>
    <row r="3123" spans="1:7" x14ac:dyDescent="0.25">
      <c r="A3123" s="1">
        <v>3121</v>
      </c>
      <c r="B3123" t="s">
        <v>3124</v>
      </c>
      <c r="C3123" t="s">
        <v>8572</v>
      </c>
      <c r="D3123" t="s">
        <v>14016</v>
      </c>
      <c r="E3123" t="s">
        <v>19316</v>
      </c>
      <c r="G3123" s="2"/>
    </row>
    <row r="3124" spans="1:7" x14ac:dyDescent="0.25">
      <c r="A3124" s="1">
        <v>3122</v>
      </c>
      <c r="B3124" t="s">
        <v>3125</v>
      </c>
      <c r="C3124" t="s">
        <v>8573</v>
      </c>
      <c r="D3124" t="s">
        <v>14017</v>
      </c>
      <c r="E3124" t="s">
        <v>19317</v>
      </c>
      <c r="G3124" s="2"/>
    </row>
    <row r="3125" spans="1:7" x14ac:dyDescent="0.25">
      <c r="A3125" s="1">
        <v>3123</v>
      </c>
      <c r="B3125" t="s">
        <v>3126</v>
      </c>
      <c r="C3125" t="s">
        <v>8574</v>
      </c>
      <c r="D3125" t="s">
        <v>14018</v>
      </c>
      <c r="E3125" t="s">
        <v>19318</v>
      </c>
      <c r="G3125" s="2"/>
    </row>
    <row r="3126" spans="1:7" x14ac:dyDescent="0.25">
      <c r="A3126" s="1">
        <v>3124</v>
      </c>
      <c r="B3126" t="s">
        <v>3127</v>
      </c>
      <c r="C3126" t="s">
        <v>8575</v>
      </c>
      <c r="D3126" t="s">
        <v>14019</v>
      </c>
      <c r="E3126" t="s">
        <v>19319</v>
      </c>
      <c r="G3126" s="2"/>
    </row>
    <row r="3127" spans="1:7" x14ac:dyDescent="0.25">
      <c r="A3127" s="1">
        <v>3125</v>
      </c>
      <c r="B3127" t="s">
        <v>3128</v>
      </c>
      <c r="C3127" t="s">
        <v>8576</v>
      </c>
      <c r="D3127" t="s">
        <v>14020</v>
      </c>
      <c r="E3127" t="s">
        <v>19320</v>
      </c>
      <c r="G3127" s="2"/>
    </row>
    <row r="3128" spans="1:7" x14ac:dyDescent="0.25">
      <c r="A3128" s="1">
        <v>3126</v>
      </c>
      <c r="B3128" t="s">
        <v>3129</v>
      </c>
      <c r="C3128" t="s">
        <v>8577</v>
      </c>
      <c r="D3128" t="s">
        <v>14021</v>
      </c>
      <c r="E3128" t="s">
        <v>19321</v>
      </c>
      <c r="G3128" s="2"/>
    </row>
    <row r="3129" spans="1:7" x14ac:dyDescent="0.25">
      <c r="A3129" s="1">
        <v>3127</v>
      </c>
      <c r="B3129" t="s">
        <v>3130</v>
      </c>
      <c r="C3129" t="s">
        <v>8578</v>
      </c>
      <c r="D3129" t="s">
        <v>14022</v>
      </c>
      <c r="E3129" t="s">
        <v>19322</v>
      </c>
      <c r="G3129" s="2"/>
    </row>
    <row r="3130" spans="1:7" x14ac:dyDescent="0.25">
      <c r="A3130" s="1">
        <v>3128</v>
      </c>
      <c r="B3130" t="s">
        <v>3131</v>
      </c>
      <c r="C3130" t="s">
        <v>8579</v>
      </c>
      <c r="D3130" t="s">
        <v>14023</v>
      </c>
      <c r="E3130" t="s">
        <v>19323</v>
      </c>
      <c r="G3130" s="2"/>
    </row>
    <row r="3131" spans="1:7" x14ac:dyDescent="0.25">
      <c r="A3131" s="1">
        <v>3129</v>
      </c>
      <c r="B3131" t="s">
        <v>3132</v>
      </c>
      <c r="C3131" t="s">
        <v>8580</v>
      </c>
      <c r="D3131" t="s">
        <v>14024</v>
      </c>
      <c r="E3131" t="s">
        <v>16347</v>
      </c>
      <c r="G3131" s="2"/>
    </row>
    <row r="3132" spans="1:7" x14ac:dyDescent="0.25">
      <c r="A3132" s="1">
        <v>3130</v>
      </c>
      <c r="B3132" t="s">
        <v>3133</v>
      </c>
      <c r="C3132" t="s">
        <v>8581</v>
      </c>
      <c r="D3132" t="s">
        <v>14025</v>
      </c>
      <c r="E3132" t="s">
        <v>19324</v>
      </c>
      <c r="G3132" s="2"/>
    </row>
    <row r="3133" spans="1:7" x14ac:dyDescent="0.25">
      <c r="A3133" s="1">
        <v>3131</v>
      </c>
      <c r="B3133" t="s">
        <v>3134</v>
      </c>
      <c r="C3133" t="s">
        <v>8582</v>
      </c>
      <c r="D3133" t="s">
        <v>14026</v>
      </c>
      <c r="E3133" t="s">
        <v>19325</v>
      </c>
      <c r="G3133" s="2"/>
    </row>
    <row r="3134" spans="1:7" x14ac:dyDescent="0.25">
      <c r="A3134" s="1">
        <v>3132</v>
      </c>
      <c r="B3134" t="s">
        <v>3135</v>
      </c>
      <c r="C3134" t="s">
        <v>8583</v>
      </c>
      <c r="D3134" t="s">
        <v>14027</v>
      </c>
      <c r="E3134" t="s">
        <v>19326</v>
      </c>
      <c r="G3134" s="2"/>
    </row>
    <row r="3135" spans="1:7" x14ac:dyDescent="0.25">
      <c r="A3135" s="1">
        <v>3133</v>
      </c>
      <c r="B3135" t="s">
        <v>3136</v>
      </c>
      <c r="C3135" t="s">
        <v>8584</v>
      </c>
      <c r="D3135" t="s">
        <v>14028</v>
      </c>
      <c r="E3135" t="s">
        <v>19327</v>
      </c>
      <c r="G3135" s="2"/>
    </row>
    <row r="3136" spans="1:7" x14ac:dyDescent="0.25">
      <c r="A3136" s="1">
        <v>3134</v>
      </c>
      <c r="B3136" t="s">
        <v>3137</v>
      </c>
      <c r="C3136" t="s">
        <v>8585</v>
      </c>
      <c r="D3136" t="s">
        <v>14029</v>
      </c>
      <c r="E3136" t="s">
        <v>19328</v>
      </c>
      <c r="G3136" s="2"/>
    </row>
    <row r="3137" spans="1:7" x14ac:dyDescent="0.25">
      <c r="A3137" s="1">
        <v>3135</v>
      </c>
      <c r="B3137" t="s">
        <v>3138</v>
      </c>
      <c r="C3137" t="s">
        <v>8586</v>
      </c>
      <c r="D3137" t="s">
        <v>14030</v>
      </c>
      <c r="E3137" t="s">
        <v>19329</v>
      </c>
      <c r="G3137" s="2"/>
    </row>
    <row r="3138" spans="1:7" x14ac:dyDescent="0.25">
      <c r="A3138" s="1">
        <v>3136</v>
      </c>
      <c r="B3138" t="s">
        <v>3139</v>
      </c>
      <c r="C3138" t="s">
        <v>8587</v>
      </c>
      <c r="D3138" t="s">
        <v>14031</v>
      </c>
      <c r="E3138" t="s">
        <v>19330</v>
      </c>
      <c r="G3138" s="2"/>
    </row>
    <row r="3139" spans="1:7" x14ac:dyDescent="0.25">
      <c r="A3139" s="1">
        <v>3137</v>
      </c>
      <c r="B3139" t="s">
        <v>3140</v>
      </c>
      <c r="C3139" t="s">
        <v>8588</v>
      </c>
      <c r="D3139" t="s">
        <v>14032</v>
      </c>
      <c r="E3139" t="s">
        <v>19331</v>
      </c>
      <c r="G3139" s="2"/>
    </row>
    <row r="3140" spans="1:7" x14ac:dyDescent="0.25">
      <c r="A3140" s="1">
        <v>3138</v>
      </c>
      <c r="B3140" t="s">
        <v>3141</v>
      </c>
      <c r="C3140" t="s">
        <v>8589</v>
      </c>
      <c r="D3140" t="s">
        <v>14033</v>
      </c>
      <c r="E3140" t="s">
        <v>19332</v>
      </c>
      <c r="G3140" s="2"/>
    </row>
    <row r="3141" spans="1:7" x14ac:dyDescent="0.25">
      <c r="A3141" s="1">
        <v>3139</v>
      </c>
      <c r="B3141" t="s">
        <v>3142</v>
      </c>
      <c r="C3141" t="s">
        <v>8590</v>
      </c>
      <c r="D3141" t="s">
        <v>14034</v>
      </c>
      <c r="E3141" t="s">
        <v>19333</v>
      </c>
      <c r="G3141" s="2"/>
    </row>
    <row r="3142" spans="1:7" x14ac:dyDescent="0.25">
      <c r="A3142" s="1">
        <v>3140</v>
      </c>
      <c r="B3142" t="s">
        <v>3143</v>
      </c>
      <c r="C3142" t="s">
        <v>8591</v>
      </c>
      <c r="D3142" t="s">
        <v>14035</v>
      </c>
      <c r="E3142" t="s">
        <v>19334</v>
      </c>
      <c r="G3142" s="2"/>
    </row>
    <row r="3143" spans="1:7" x14ac:dyDescent="0.25">
      <c r="A3143" s="1">
        <v>3141</v>
      </c>
      <c r="B3143" t="s">
        <v>3144</v>
      </c>
      <c r="C3143" t="s">
        <v>8592</v>
      </c>
      <c r="D3143" t="s">
        <v>14036</v>
      </c>
      <c r="E3143" t="s">
        <v>19335</v>
      </c>
      <c r="G3143" s="2"/>
    </row>
    <row r="3144" spans="1:7" x14ac:dyDescent="0.25">
      <c r="A3144" s="1">
        <v>3142</v>
      </c>
      <c r="B3144" t="s">
        <v>3145</v>
      </c>
      <c r="C3144" t="s">
        <v>8593</v>
      </c>
      <c r="D3144" t="s">
        <v>14037</v>
      </c>
      <c r="E3144" t="s">
        <v>19336</v>
      </c>
      <c r="G3144" s="2"/>
    </row>
    <row r="3145" spans="1:7" x14ac:dyDescent="0.25">
      <c r="A3145" s="1">
        <v>3143</v>
      </c>
      <c r="B3145" t="s">
        <v>3146</v>
      </c>
      <c r="C3145" t="s">
        <v>8594</v>
      </c>
      <c r="D3145" t="s">
        <v>14038</v>
      </c>
      <c r="E3145" t="s">
        <v>19337</v>
      </c>
      <c r="G3145" s="2"/>
    </row>
    <row r="3146" spans="1:7" x14ac:dyDescent="0.25">
      <c r="A3146" s="1">
        <v>3144</v>
      </c>
      <c r="B3146" t="s">
        <v>3147</v>
      </c>
      <c r="C3146" t="s">
        <v>8595</v>
      </c>
      <c r="D3146" t="s">
        <v>14039</v>
      </c>
      <c r="E3146" t="s">
        <v>19338</v>
      </c>
      <c r="G3146" s="2"/>
    </row>
    <row r="3147" spans="1:7" x14ac:dyDescent="0.25">
      <c r="A3147" s="1">
        <v>3145</v>
      </c>
      <c r="B3147" t="s">
        <v>3148</v>
      </c>
      <c r="C3147" t="s">
        <v>8596</v>
      </c>
      <c r="D3147" t="s">
        <v>14040</v>
      </c>
      <c r="E3147" t="s">
        <v>19339</v>
      </c>
      <c r="G3147" s="2"/>
    </row>
    <row r="3148" spans="1:7" x14ac:dyDescent="0.25">
      <c r="A3148" s="1">
        <v>3146</v>
      </c>
      <c r="B3148" t="s">
        <v>3149</v>
      </c>
      <c r="C3148" t="s">
        <v>8597</v>
      </c>
      <c r="D3148" t="s">
        <v>14041</v>
      </c>
      <c r="E3148" t="s">
        <v>16347</v>
      </c>
      <c r="G3148" s="2"/>
    </row>
    <row r="3149" spans="1:7" x14ac:dyDescent="0.25">
      <c r="A3149" s="1">
        <v>3147</v>
      </c>
      <c r="B3149" t="s">
        <v>3150</v>
      </c>
      <c r="C3149" t="s">
        <v>8598</v>
      </c>
      <c r="D3149" t="s">
        <v>14042</v>
      </c>
      <c r="E3149" t="s">
        <v>19340</v>
      </c>
      <c r="G3149" s="2"/>
    </row>
    <row r="3150" spans="1:7" x14ac:dyDescent="0.25">
      <c r="A3150" s="1">
        <v>3148</v>
      </c>
      <c r="B3150" t="s">
        <v>3151</v>
      </c>
      <c r="C3150" t="s">
        <v>8599</v>
      </c>
      <c r="D3150" t="s">
        <v>14043</v>
      </c>
      <c r="E3150" t="s">
        <v>19341</v>
      </c>
      <c r="G3150" s="2"/>
    </row>
    <row r="3151" spans="1:7" x14ac:dyDescent="0.25">
      <c r="A3151" s="1">
        <v>3149</v>
      </c>
      <c r="B3151" t="s">
        <v>3152</v>
      </c>
      <c r="C3151" t="s">
        <v>8600</v>
      </c>
      <c r="D3151" t="s">
        <v>14044</v>
      </c>
      <c r="E3151" t="s">
        <v>16372</v>
      </c>
      <c r="G3151" s="2"/>
    </row>
    <row r="3152" spans="1:7" x14ac:dyDescent="0.25">
      <c r="A3152" s="1">
        <v>3150</v>
      </c>
      <c r="B3152" t="s">
        <v>3153</v>
      </c>
      <c r="C3152" t="s">
        <v>8601</v>
      </c>
      <c r="D3152" t="s">
        <v>14045</v>
      </c>
      <c r="E3152" t="s">
        <v>17162</v>
      </c>
      <c r="G3152" s="2"/>
    </row>
    <row r="3153" spans="1:7" x14ac:dyDescent="0.25">
      <c r="A3153" s="1">
        <v>3151</v>
      </c>
      <c r="B3153" t="s">
        <v>3154</v>
      </c>
      <c r="C3153" t="s">
        <v>8602</v>
      </c>
      <c r="D3153" t="s">
        <v>14046</v>
      </c>
      <c r="E3153" t="s">
        <v>19342</v>
      </c>
      <c r="G3153" s="2"/>
    </row>
    <row r="3154" spans="1:7" x14ac:dyDescent="0.25">
      <c r="A3154" s="1">
        <v>3152</v>
      </c>
      <c r="B3154" t="s">
        <v>3155</v>
      </c>
      <c r="C3154" t="s">
        <v>8603</v>
      </c>
      <c r="D3154" t="s">
        <v>14047</v>
      </c>
      <c r="E3154" t="s">
        <v>19343</v>
      </c>
      <c r="G3154" s="2"/>
    </row>
    <row r="3155" spans="1:7" x14ac:dyDescent="0.25">
      <c r="A3155" s="1">
        <v>3153</v>
      </c>
      <c r="B3155" t="s">
        <v>3156</v>
      </c>
      <c r="C3155" t="s">
        <v>8604</v>
      </c>
      <c r="D3155" t="s">
        <v>14048</v>
      </c>
      <c r="E3155" t="s">
        <v>19344</v>
      </c>
      <c r="G3155" s="2"/>
    </row>
    <row r="3156" spans="1:7" x14ac:dyDescent="0.25">
      <c r="A3156" s="1">
        <v>3154</v>
      </c>
      <c r="B3156" t="s">
        <v>3157</v>
      </c>
      <c r="C3156" t="s">
        <v>8605</v>
      </c>
      <c r="D3156" t="s">
        <v>14049</v>
      </c>
      <c r="E3156" t="s">
        <v>19345</v>
      </c>
      <c r="G3156" s="2"/>
    </row>
    <row r="3157" spans="1:7" x14ac:dyDescent="0.25">
      <c r="A3157" s="1">
        <v>3155</v>
      </c>
      <c r="B3157" t="s">
        <v>3158</v>
      </c>
      <c r="C3157" t="s">
        <v>8606</v>
      </c>
      <c r="D3157" t="s">
        <v>14050</v>
      </c>
      <c r="E3157" t="s">
        <v>19346</v>
      </c>
      <c r="G3157" s="2"/>
    </row>
    <row r="3158" spans="1:7" x14ac:dyDescent="0.25">
      <c r="A3158" s="1">
        <v>3156</v>
      </c>
      <c r="B3158" t="s">
        <v>3159</v>
      </c>
      <c r="C3158" t="s">
        <v>8607</v>
      </c>
      <c r="D3158" t="s">
        <v>14051</v>
      </c>
      <c r="E3158" t="s">
        <v>19347</v>
      </c>
      <c r="G3158" s="2"/>
    </row>
    <row r="3159" spans="1:7" x14ac:dyDescent="0.25">
      <c r="A3159" s="1">
        <v>3157</v>
      </c>
      <c r="B3159" t="s">
        <v>3160</v>
      </c>
      <c r="C3159" t="s">
        <v>8608</v>
      </c>
      <c r="D3159" t="s">
        <v>14052</v>
      </c>
      <c r="E3159" t="s">
        <v>19348</v>
      </c>
      <c r="G3159" s="2"/>
    </row>
    <row r="3160" spans="1:7" x14ac:dyDescent="0.25">
      <c r="A3160" s="1">
        <v>3158</v>
      </c>
      <c r="B3160" t="s">
        <v>3161</v>
      </c>
      <c r="C3160" t="s">
        <v>8609</v>
      </c>
      <c r="D3160" t="s">
        <v>14053</v>
      </c>
      <c r="E3160" t="s">
        <v>19349</v>
      </c>
      <c r="G3160" s="2"/>
    </row>
    <row r="3161" spans="1:7" x14ac:dyDescent="0.25">
      <c r="A3161" s="1">
        <v>3159</v>
      </c>
      <c r="B3161" t="s">
        <v>3162</v>
      </c>
      <c r="C3161" t="s">
        <v>8610</v>
      </c>
      <c r="D3161" t="s">
        <v>14054</v>
      </c>
      <c r="E3161" t="s">
        <v>19350</v>
      </c>
      <c r="G3161" s="2"/>
    </row>
    <row r="3162" spans="1:7" x14ac:dyDescent="0.25">
      <c r="A3162" s="1">
        <v>3160</v>
      </c>
      <c r="B3162" t="s">
        <v>3163</v>
      </c>
      <c r="C3162" t="s">
        <v>8611</v>
      </c>
      <c r="D3162" t="s">
        <v>14055</v>
      </c>
      <c r="E3162" t="s">
        <v>19351</v>
      </c>
      <c r="G3162" s="2"/>
    </row>
    <row r="3163" spans="1:7" x14ac:dyDescent="0.25">
      <c r="A3163" s="1">
        <v>3161</v>
      </c>
      <c r="B3163" t="s">
        <v>3164</v>
      </c>
      <c r="C3163" t="s">
        <v>8612</v>
      </c>
      <c r="D3163" t="s">
        <v>14056</v>
      </c>
      <c r="E3163" t="s">
        <v>19352</v>
      </c>
      <c r="G3163" s="2"/>
    </row>
    <row r="3164" spans="1:7" x14ac:dyDescent="0.25">
      <c r="A3164" s="1">
        <v>3162</v>
      </c>
      <c r="B3164" t="s">
        <v>3165</v>
      </c>
      <c r="C3164" t="s">
        <v>8613</v>
      </c>
      <c r="D3164" t="s">
        <v>14057</v>
      </c>
      <c r="E3164" t="s">
        <v>19353</v>
      </c>
      <c r="G3164" s="2"/>
    </row>
    <row r="3165" spans="1:7" x14ac:dyDescent="0.25">
      <c r="A3165" s="1">
        <v>3163</v>
      </c>
      <c r="B3165" t="s">
        <v>3166</v>
      </c>
      <c r="C3165" t="s">
        <v>8614</v>
      </c>
      <c r="D3165" t="s">
        <v>14058</v>
      </c>
      <c r="E3165" t="s">
        <v>19354</v>
      </c>
      <c r="G3165" s="2"/>
    </row>
    <row r="3166" spans="1:7" x14ac:dyDescent="0.25">
      <c r="A3166" s="1">
        <v>3164</v>
      </c>
      <c r="B3166" t="s">
        <v>3167</v>
      </c>
      <c r="C3166" t="s">
        <v>8615</v>
      </c>
      <c r="D3166" t="s">
        <v>14059</v>
      </c>
      <c r="E3166" t="s">
        <v>19355</v>
      </c>
      <c r="G3166" s="2"/>
    </row>
    <row r="3167" spans="1:7" x14ac:dyDescent="0.25">
      <c r="A3167" s="1">
        <v>3165</v>
      </c>
      <c r="B3167" t="s">
        <v>3168</v>
      </c>
      <c r="C3167" t="s">
        <v>8616</v>
      </c>
      <c r="D3167" t="s">
        <v>14060</v>
      </c>
      <c r="E3167" t="s">
        <v>19356</v>
      </c>
      <c r="G3167" s="2"/>
    </row>
    <row r="3168" spans="1:7" x14ac:dyDescent="0.25">
      <c r="A3168" s="1">
        <v>3166</v>
      </c>
      <c r="B3168" t="s">
        <v>3169</v>
      </c>
      <c r="C3168" t="s">
        <v>8617</v>
      </c>
      <c r="D3168" t="s">
        <v>14061</v>
      </c>
      <c r="E3168" t="s">
        <v>19357</v>
      </c>
      <c r="G3168" s="2"/>
    </row>
    <row r="3169" spans="1:7" x14ac:dyDescent="0.25">
      <c r="A3169" s="1">
        <v>3167</v>
      </c>
      <c r="B3169" t="s">
        <v>3170</v>
      </c>
      <c r="C3169" t="s">
        <v>8618</v>
      </c>
      <c r="D3169" t="s">
        <v>14062</v>
      </c>
      <c r="E3169" t="s">
        <v>19358</v>
      </c>
      <c r="G3169" s="2"/>
    </row>
    <row r="3170" spans="1:7" x14ac:dyDescent="0.25">
      <c r="A3170" s="1">
        <v>3168</v>
      </c>
      <c r="B3170" t="s">
        <v>3171</v>
      </c>
      <c r="C3170" t="s">
        <v>8619</v>
      </c>
      <c r="D3170" t="s">
        <v>14063</v>
      </c>
      <c r="E3170" t="s">
        <v>19359</v>
      </c>
      <c r="G3170" s="2"/>
    </row>
    <row r="3171" spans="1:7" x14ac:dyDescent="0.25">
      <c r="A3171" s="1">
        <v>3169</v>
      </c>
      <c r="B3171" t="s">
        <v>3172</v>
      </c>
      <c r="C3171" t="s">
        <v>8620</v>
      </c>
      <c r="D3171" t="s">
        <v>14064</v>
      </c>
      <c r="E3171" t="s">
        <v>19360</v>
      </c>
      <c r="G3171" s="2"/>
    </row>
    <row r="3172" spans="1:7" x14ac:dyDescent="0.25">
      <c r="A3172" s="1">
        <v>3170</v>
      </c>
      <c r="B3172" t="s">
        <v>3173</v>
      </c>
      <c r="C3172" t="s">
        <v>8621</v>
      </c>
      <c r="D3172" t="s">
        <v>14065</v>
      </c>
      <c r="E3172" t="s">
        <v>19361</v>
      </c>
      <c r="G3172" s="2"/>
    </row>
    <row r="3173" spans="1:7" x14ac:dyDescent="0.25">
      <c r="A3173" s="1">
        <v>3171</v>
      </c>
      <c r="B3173" t="s">
        <v>3174</v>
      </c>
      <c r="C3173" t="s">
        <v>8622</v>
      </c>
      <c r="D3173" t="s">
        <v>14066</v>
      </c>
      <c r="E3173" t="s">
        <v>19362</v>
      </c>
      <c r="G3173" s="2"/>
    </row>
    <row r="3174" spans="1:7" x14ac:dyDescent="0.25">
      <c r="A3174" s="1">
        <v>3172</v>
      </c>
      <c r="B3174" t="s">
        <v>3175</v>
      </c>
      <c r="C3174" t="s">
        <v>8623</v>
      </c>
      <c r="D3174" t="s">
        <v>14067</v>
      </c>
      <c r="E3174" t="s">
        <v>19363</v>
      </c>
      <c r="G3174" s="2"/>
    </row>
    <row r="3175" spans="1:7" x14ac:dyDescent="0.25">
      <c r="A3175" s="1">
        <v>3173</v>
      </c>
      <c r="B3175" t="s">
        <v>3176</v>
      </c>
      <c r="C3175" t="s">
        <v>8624</v>
      </c>
      <c r="D3175" t="s">
        <v>14068</v>
      </c>
      <c r="E3175" t="s">
        <v>19364</v>
      </c>
      <c r="G3175" s="2"/>
    </row>
    <row r="3176" spans="1:7" x14ac:dyDescent="0.25">
      <c r="A3176" s="1">
        <v>3174</v>
      </c>
      <c r="B3176" t="s">
        <v>3177</v>
      </c>
      <c r="C3176" t="s">
        <v>8625</v>
      </c>
      <c r="D3176" t="s">
        <v>14069</v>
      </c>
      <c r="E3176" t="s">
        <v>19365</v>
      </c>
      <c r="G3176" s="2"/>
    </row>
    <row r="3177" spans="1:7" x14ac:dyDescent="0.25">
      <c r="A3177" s="1">
        <v>3175</v>
      </c>
      <c r="B3177" t="s">
        <v>3178</v>
      </c>
      <c r="C3177" t="s">
        <v>8626</v>
      </c>
      <c r="D3177" t="s">
        <v>14070</v>
      </c>
      <c r="E3177" t="s">
        <v>19366</v>
      </c>
      <c r="G3177" s="2"/>
    </row>
    <row r="3178" spans="1:7" x14ac:dyDescent="0.25">
      <c r="A3178" s="1">
        <v>3176</v>
      </c>
      <c r="B3178" t="s">
        <v>3179</v>
      </c>
      <c r="C3178" t="s">
        <v>8627</v>
      </c>
      <c r="D3178" t="s">
        <v>14071</v>
      </c>
      <c r="E3178" t="s">
        <v>19367</v>
      </c>
      <c r="G3178" s="2"/>
    </row>
    <row r="3179" spans="1:7" x14ac:dyDescent="0.25">
      <c r="A3179" s="1">
        <v>3177</v>
      </c>
      <c r="B3179" t="s">
        <v>3180</v>
      </c>
      <c r="C3179" t="s">
        <v>8628</v>
      </c>
      <c r="D3179" t="s">
        <v>14072</v>
      </c>
      <c r="E3179" t="s">
        <v>19368</v>
      </c>
      <c r="G3179" s="2"/>
    </row>
    <row r="3180" spans="1:7" x14ac:dyDescent="0.25">
      <c r="A3180" s="1">
        <v>3178</v>
      </c>
      <c r="B3180" t="s">
        <v>3181</v>
      </c>
      <c r="C3180" t="s">
        <v>8629</v>
      </c>
      <c r="D3180" t="s">
        <v>14073</v>
      </c>
      <c r="E3180" t="s">
        <v>19369</v>
      </c>
      <c r="G3180" s="2"/>
    </row>
    <row r="3181" spans="1:7" x14ac:dyDescent="0.25">
      <c r="A3181" s="1">
        <v>3179</v>
      </c>
      <c r="B3181" t="s">
        <v>3182</v>
      </c>
      <c r="C3181" t="s">
        <v>8630</v>
      </c>
      <c r="D3181" t="s">
        <v>14074</v>
      </c>
      <c r="E3181" t="s">
        <v>19370</v>
      </c>
      <c r="G3181" s="2"/>
    </row>
    <row r="3182" spans="1:7" x14ac:dyDescent="0.25">
      <c r="A3182" s="1">
        <v>3180</v>
      </c>
      <c r="B3182" t="s">
        <v>3183</v>
      </c>
      <c r="C3182" t="s">
        <v>8631</v>
      </c>
      <c r="D3182" t="s">
        <v>14075</v>
      </c>
      <c r="E3182" t="s">
        <v>19371</v>
      </c>
      <c r="G3182" s="2"/>
    </row>
    <row r="3183" spans="1:7" x14ac:dyDescent="0.25">
      <c r="A3183" s="1">
        <v>3181</v>
      </c>
      <c r="B3183" t="s">
        <v>3184</v>
      </c>
      <c r="C3183" t="s">
        <v>8632</v>
      </c>
      <c r="D3183" t="s">
        <v>14076</v>
      </c>
      <c r="E3183" t="s">
        <v>19372</v>
      </c>
      <c r="G3183" s="2"/>
    </row>
    <row r="3184" spans="1:7" x14ac:dyDescent="0.25">
      <c r="A3184" s="1">
        <v>3182</v>
      </c>
      <c r="B3184" t="s">
        <v>3185</v>
      </c>
      <c r="C3184" t="s">
        <v>8633</v>
      </c>
      <c r="D3184" t="s">
        <v>14077</v>
      </c>
      <c r="E3184" t="s">
        <v>19373</v>
      </c>
      <c r="G3184" s="2"/>
    </row>
    <row r="3185" spans="1:7" x14ac:dyDescent="0.25">
      <c r="A3185" s="1">
        <v>3183</v>
      </c>
      <c r="B3185" t="s">
        <v>3186</v>
      </c>
      <c r="C3185" t="s">
        <v>8634</v>
      </c>
      <c r="D3185" t="s">
        <v>14078</v>
      </c>
      <c r="E3185" t="s">
        <v>19374</v>
      </c>
      <c r="G3185" s="2"/>
    </row>
    <row r="3186" spans="1:7" x14ac:dyDescent="0.25">
      <c r="A3186" s="1">
        <v>3184</v>
      </c>
      <c r="B3186" t="s">
        <v>3187</v>
      </c>
      <c r="C3186" t="s">
        <v>8635</v>
      </c>
      <c r="D3186" t="s">
        <v>14079</v>
      </c>
      <c r="E3186" t="s">
        <v>19375</v>
      </c>
      <c r="G3186" s="2"/>
    </row>
    <row r="3187" spans="1:7" x14ac:dyDescent="0.25">
      <c r="A3187" s="1">
        <v>3185</v>
      </c>
      <c r="B3187" t="s">
        <v>3188</v>
      </c>
      <c r="C3187" t="s">
        <v>8636</v>
      </c>
      <c r="D3187" t="s">
        <v>14080</v>
      </c>
      <c r="E3187" t="s">
        <v>19376</v>
      </c>
      <c r="G3187" s="2"/>
    </row>
    <row r="3188" spans="1:7" x14ac:dyDescent="0.25">
      <c r="A3188" s="1">
        <v>3186</v>
      </c>
      <c r="B3188" t="s">
        <v>3189</v>
      </c>
      <c r="C3188" t="s">
        <v>8637</v>
      </c>
      <c r="D3188" t="s">
        <v>14081</v>
      </c>
      <c r="E3188" t="s">
        <v>19377</v>
      </c>
      <c r="G3188" s="2"/>
    </row>
    <row r="3189" spans="1:7" x14ac:dyDescent="0.25">
      <c r="A3189" s="1">
        <v>3187</v>
      </c>
      <c r="B3189" t="s">
        <v>3190</v>
      </c>
      <c r="C3189" t="s">
        <v>8638</v>
      </c>
      <c r="D3189" t="s">
        <v>14082</v>
      </c>
      <c r="E3189" t="s">
        <v>19378</v>
      </c>
      <c r="G3189" s="2"/>
    </row>
    <row r="3190" spans="1:7" x14ac:dyDescent="0.25">
      <c r="A3190" s="1">
        <v>3188</v>
      </c>
      <c r="B3190" t="s">
        <v>3191</v>
      </c>
      <c r="C3190" t="s">
        <v>8639</v>
      </c>
      <c r="D3190" t="s">
        <v>14083</v>
      </c>
      <c r="E3190" t="s">
        <v>19379</v>
      </c>
      <c r="G3190" s="2"/>
    </row>
    <row r="3191" spans="1:7" x14ac:dyDescent="0.25">
      <c r="A3191" s="1">
        <v>3189</v>
      </c>
      <c r="B3191" t="s">
        <v>3192</v>
      </c>
      <c r="C3191" t="s">
        <v>8640</v>
      </c>
      <c r="D3191" t="s">
        <v>14084</v>
      </c>
      <c r="E3191" t="s">
        <v>19380</v>
      </c>
      <c r="G3191" s="2"/>
    </row>
    <row r="3192" spans="1:7" x14ac:dyDescent="0.25">
      <c r="A3192" s="1">
        <v>3190</v>
      </c>
      <c r="B3192" t="s">
        <v>3193</v>
      </c>
      <c r="C3192" t="s">
        <v>8641</v>
      </c>
      <c r="D3192" t="s">
        <v>14085</v>
      </c>
      <c r="E3192" t="s">
        <v>19381</v>
      </c>
      <c r="G3192" s="2"/>
    </row>
    <row r="3193" spans="1:7" x14ac:dyDescent="0.25">
      <c r="A3193" s="1">
        <v>3191</v>
      </c>
      <c r="B3193" t="s">
        <v>3194</v>
      </c>
      <c r="C3193" t="s">
        <v>8642</v>
      </c>
      <c r="D3193" t="s">
        <v>14086</v>
      </c>
      <c r="E3193" t="s">
        <v>19382</v>
      </c>
      <c r="G3193" s="2"/>
    </row>
    <row r="3194" spans="1:7" x14ac:dyDescent="0.25">
      <c r="A3194" s="1">
        <v>3192</v>
      </c>
      <c r="B3194" t="s">
        <v>3195</v>
      </c>
      <c r="C3194" t="s">
        <v>8643</v>
      </c>
      <c r="D3194" t="s">
        <v>14087</v>
      </c>
      <c r="E3194" t="s">
        <v>19383</v>
      </c>
      <c r="G3194" s="2"/>
    </row>
    <row r="3195" spans="1:7" x14ac:dyDescent="0.25">
      <c r="A3195" s="1">
        <v>3193</v>
      </c>
      <c r="B3195" t="s">
        <v>3196</v>
      </c>
      <c r="C3195" t="s">
        <v>8644</v>
      </c>
      <c r="D3195" t="s">
        <v>14088</v>
      </c>
      <c r="E3195" t="s">
        <v>19384</v>
      </c>
      <c r="G3195" s="2"/>
    </row>
    <row r="3196" spans="1:7" x14ac:dyDescent="0.25">
      <c r="A3196" s="1">
        <v>3194</v>
      </c>
      <c r="B3196" t="s">
        <v>3197</v>
      </c>
      <c r="C3196" t="s">
        <v>8645</v>
      </c>
      <c r="D3196" t="s">
        <v>14089</v>
      </c>
      <c r="E3196" t="s">
        <v>19385</v>
      </c>
      <c r="G3196" s="2"/>
    </row>
    <row r="3197" spans="1:7" x14ac:dyDescent="0.25">
      <c r="A3197" s="1">
        <v>3195</v>
      </c>
      <c r="B3197" t="s">
        <v>3198</v>
      </c>
      <c r="C3197" t="s">
        <v>8646</v>
      </c>
      <c r="D3197" t="s">
        <v>14090</v>
      </c>
      <c r="E3197" t="s">
        <v>19386</v>
      </c>
      <c r="G3197" s="2"/>
    </row>
    <row r="3198" spans="1:7" x14ac:dyDescent="0.25">
      <c r="A3198" s="1">
        <v>3196</v>
      </c>
      <c r="B3198" t="s">
        <v>3199</v>
      </c>
      <c r="C3198" t="s">
        <v>8647</v>
      </c>
      <c r="D3198" t="s">
        <v>14091</v>
      </c>
      <c r="E3198" t="s">
        <v>19387</v>
      </c>
      <c r="G3198" s="2"/>
    </row>
    <row r="3199" spans="1:7" x14ac:dyDescent="0.25">
      <c r="A3199" s="1">
        <v>3197</v>
      </c>
      <c r="B3199" t="s">
        <v>3200</v>
      </c>
      <c r="C3199" t="s">
        <v>8648</v>
      </c>
      <c r="D3199" t="s">
        <v>14092</v>
      </c>
      <c r="E3199" t="s">
        <v>19388</v>
      </c>
      <c r="G3199" s="2"/>
    </row>
    <row r="3200" spans="1:7" x14ac:dyDescent="0.25">
      <c r="A3200" s="1">
        <v>3198</v>
      </c>
      <c r="B3200" t="s">
        <v>3201</v>
      </c>
      <c r="C3200" t="s">
        <v>8649</v>
      </c>
      <c r="D3200" t="s">
        <v>14093</v>
      </c>
      <c r="E3200" t="s">
        <v>19389</v>
      </c>
      <c r="G3200" s="2"/>
    </row>
    <row r="3201" spans="1:7" x14ac:dyDescent="0.25">
      <c r="A3201" s="1">
        <v>3199</v>
      </c>
      <c r="B3201" t="s">
        <v>3202</v>
      </c>
      <c r="C3201" t="s">
        <v>8650</v>
      </c>
      <c r="D3201" t="s">
        <v>14094</v>
      </c>
      <c r="E3201" t="s">
        <v>19390</v>
      </c>
      <c r="G3201" s="2"/>
    </row>
    <row r="3202" spans="1:7" x14ac:dyDescent="0.25">
      <c r="A3202" s="1">
        <v>3200</v>
      </c>
      <c r="B3202" t="s">
        <v>3203</v>
      </c>
      <c r="C3202" t="s">
        <v>8651</v>
      </c>
      <c r="D3202" t="s">
        <v>14095</v>
      </c>
      <c r="E3202" t="s">
        <v>19391</v>
      </c>
      <c r="G3202" s="2"/>
    </row>
    <row r="3203" spans="1:7" x14ac:dyDescent="0.25">
      <c r="A3203" s="1">
        <v>3201</v>
      </c>
      <c r="B3203" t="s">
        <v>3204</v>
      </c>
      <c r="C3203" t="s">
        <v>8652</v>
      </c>
      <c r="D3203" t="s">
        <v>14096</v>
      </c>
      <c r="E3203" t="s">
        <v>19392</v>
      </c>
      <c r="G3203" s="2"/>
    </row>
    <row r="3204" spans="1:7" x14ac:dyDescent="0.25">
      <c r="A3204" s="1">
        <v>3202</v>
      </c>
      <c r="B3204" t="s">
        <v>3205</v>
      </c>
      <c r="C3204" t="s">
        <v>8653</v>
      </c>
      <c r="D3204" t="s">
        <v>14097</v>
      </c>
      <c r="E3204" t="s">
        <v>19393</v>
      </c>
      <c r="G3204" s="2"/>
    </row>
    <row r="3205" spans="1:7" x14ac:dyDescent="0.25">
      <c r="A3205" s="1">
        <v>3203</v>
      </c>
      <c r="B3205" t="s">
        <v>3206</v>
      </c>
      <c r="C3205" t="s">
        <v>8654</v>
      </c>
      <c r="D3205" t="s">
        <v>14098</v>
      </c>
      <c r="E3205" t="s">
        <v>19394</v>
      </c>
      <c r="G3205" s="2"/>
    </row>
    <row r="3206" spans="1:7" x14ac:dyDescent="0.25">
      <c r="A3206" s="1">
        <v>3204</v>
      </c>
      <c r="B3206" t="s">
        <v>3207</v>
      </c>
      <c r="C3206" t="s">
        <v>8655</v>
      </c>
      <c r="D3206" t="s">
        <v>14099</v>
      </c>
      <c r="E3206" t="s">
        <v>19395</v>
      </c>
      <c r="G3206" s="2"/>
    </row>
    <row r="3207" spans="1:7" x14ac:dyDescent="0.25">
      <c r="A3207" s="1">
        <v>3205</v>
      </c>
      <c r="B3207" t="s">
        <v>3208</v>
      </c>
      <c r="C3207" t="s">
        <v>8656</v>
      </c>
      <c r="D3207" t="s">
        <v>14100</v>
      </c>
      <c r="E3207" t="s">
        <v>19396</v>
      </c>
      <c r="G3207" s="2"/>
    </row>
    <row r="3208" spans="1:7" x14ac:dyDescent="0.25">
      <c r="A3208" s="1">
        <v>3206</v>
      </c>
      <c r="B3208" t="s">
        <v>3209</v>
      </c>
      <c r="C3208" t="s">
        <v>8657</v>
      </c>
      <c r="D3208" t="s">
        <v>14101</v>
      </c>
      <c r="E3208" t="s">
        <v>19397</v>
      </c>
      <c r="G3208" s="2"/>
    </row>
    <row r="3209" spans="1:7" x14ac:dyDescent="0.25">
      <c r="A3209" s="1">
        <v>3207</v>
      </c>
      <c r="B3209" t="s">
        <v>3210</v>
      </c>
      <c r="C3209" t="s">
        <v>8658</v>
      </c>
      <c r="D3209" t="s">
        <v>14102</v>
      </c>
      <c r="E3209" t="s">
        <v>16347</v>
      </c>
      <c r="G3209" s="2"/>
    </row>
    <row r="3210" spans="1:7" x14ac:dyDescent="0.25">
      <c r="A3210" s="1">
        <v>3208</v>
      </c>
      <c r="B3210" t="s">
        <v>3211</v>
      </c>
      <c r="C3210" t="s">
        <v>8659</v>
      </c>
      <c r="D3210" t="s">
        <v>14103</v>
      </c>
      <c r="E3210" t="s">
        <v>19398</v>
      </c>
      <c r="G3210" s="2"/>
    </row>
    <row r="3211" spans="1:7" x14ac:dyDescent="0.25">
      <c r="A3211" s="1">
        <v>3209</v>
      </c>
      <c r="B3211" t="s">
        <v>3212</v>
      </c>
      <c r="C3211" t="s">
        <v>8660</v>
      </c>
      <c r="D3211" t="s">
        <v>14104</v>
      </c>
      <c r="E3211" t="s">
        <v>19399</v>
      </c>
      <c r="G3211" s="2"/>
    </row>
    <row r="3212" spans="1:7" x14ac:dyDescent="0.25">
      <c r="A3212" s="1">
        <v>3210</v>
      </c>
      <c r="B3212" t="s">
        <v>3213</v>
      </c>
      <c r="C3212" t="s">
        <v>8661</v>
      </c>
      <c r="D3212" t="s">
        <v>14105</v>
      </c>
      <c r="E3212" t="s">
        <v>19400</v>
      </c>
      <c r="G3212" s="2"/>
    </row>
    <row r="3213" spans="1:7" x14ac:dyDescent="0.25">
      <c r="A3213" s="1">
        <v>3211</v>
      </c>
      <c r="B3213" t="s">
        <v>3214</v>
      </c>
      <c r="C3213" t="s">
        <v>8662</v>
      </c>
      <c r="D3213" t="s">
        <v>14106</v>
      </c>
      <c r="E3213" t="s">
        <v>19401</v>
      </c>
      <c r="G3213" s="2"/>
    </row>
    <row r="3214" spans="1:7" x14ac:dyDescent="0.25">
      <c r="A3214" s="1">
        <v>3212</v>
      </c>
      <c r="B3214" t="s">
        <v>3215</v>
      </c>
      <c r="C3214" t="s">
        <v>8663</v>
      </c>
      <c r="D3214" t="s">
        <v>14107</v>
      </c>
      <c r="E3214" t="s">
        <v>19402</v>
      </c>
      <c r="G3214" s="2"/>
    </row>
    <row r="3215" spans="1:7" x14ac:dyDescent="0.25">
      <c r="A3215" s="1">
        <v>3213</v>
      </c>
      <c r="B3215" t="s">
        <v>3216</v>
      </c>
      <c r="C3215" t="s">
        <v>8664</v>
      </c>
      <c r="D3215" t="s">
        <v>14108</v>
      </c>
      <c r="E3215" t="s">
        <v>19403</v>
      </c>
      <c r="G3215" s="2"/>
    </row>
    <row r="3216" spans="1:7" x14ac:dyDescent="0.25">
      <c r="A3216" s="1">
        <v>3214</v>
      </c>
      <c r="B3216" t="s">
        <v>3217</v>
      </c>
      <c r="C3216" t="s">
        <v>8665</v>
      </c>
      <c r="D3216" t="s">
        <v>14109</v>
      </c>
      <c r="E3216" t="s">
        <v>19404</v>
      </c>
      <c r="G3216" s="2"/>
    </row>
    <row r="3217" spans="1:7" x14ac:dyDescent="0.25">
      <c r="A3217" s="1">
        <v>3215</v>
      </c>
      <c r="B3217" t="s">
        <v>3218</v>
      </c>
      <c r="C3217" t="s">
        <v>8666</v>
      </c>
      <c r="D3217" t="s">
        <v>14110</v>
      </c>
      <c r="E3217" t="s">
        <v>19405</v>
      </c>
      <c r="G3217" s="2"/>
    </row>
    <row r="3218" spans="1:7" x14ac:dyDescent="0.25">
      <c r="A3218" s="1">
        <v>3216</v>
      </c>
      <c r="B3218" t="s">
        <v>3219</v>
      </c>
      <c r="C3218" t="s">
        <v>8667</v>
      </c>
      <c r="D3218" t="s">
        <v>14111</v>
      </c>
      <c r="E3218" t="s">
        <v>19406</v>
      </c>
      <c r="G3218" s="2"/>
    </row>
    <row r="3219" spans="1:7" x14ac:dyDescent="0.25">
      <c r="A3219" s="1">
        <v>3217</v>
      </c>
      <c r="B3219" t="s">
        <v>3220</v>
      </c>
      <c r="C3219" t="s">
        <v>8668</v>
      </c>
      <c r="D3219" t="s">
        <v>14112</v>
      </c>
      <c r="E3219" t="s">
        <v>19407</v>
      </c>
      <c r="G3219" s="2"/>
    </row>
    <row r="3220" spans="1:7" x14ac:dyDescent="0.25">
      <c r="A3220" s="1">
        <v>3218</v>
      </c>
      <c r="B3220" t="s">
        <v>3221</v>
      </c>
      <c r="C3220" t="s">
        <v>8669</v>
      </c>
      <c r="D3220" t="s">
        <v>14113</v>
      </c>
      <c r="E3220" t="s">
        <v>19408</v>
      </c>
      <c r="G3220" s="2"/>
    </row>
    <row r="3221" spans="1:7" x14ac:dyDescent="0.25">
      <c r="A3221" s="1">
        <v>3219</v>
      </c>
      <c r="B3221" t="s">
        <v>3222</v>
      </c>
      <c r="C3221" t="s">
        <v>8670</v>
      </c>
      <c r="D3221" t="s">
        <v>14114</v>
      </c>
      <c r="E3221" t="s">
        <v>19409</v>
      </c>
      <c r="G3221" s="2"/>
    </row>
    <row r="3222" spans="1:7" x14ac:dyDescent="0.25">
      <c r="A3222" s="1">
        <v>3220</v>
      </c>
      <c r="B3222" t="s">
        <v>3223</v>
      </c>
      <c r="C3222" t="s">
        <v>8671</v>
      </c>
      <c r="D3222" t="s">
        <v>14115</v>
      </c>
      <c r="E3222" t="s">
        <v>19410</v>
      </c>
      <c r="G3222" s="2"/>
    </row>
    <row r="3223" spans="1:7" x14ac:dyDescent="0.25">
      <c r="A3223" s="1">
        <v>3221</v>
      </c>
      <c r="B3223" t="s">
        <v>3224</v>
      </c>
      <c r="C3223" t="s">
        <v>8672</v>
      </c>
      <c r="D3223" t="s">
        <v>14116</v>
      </c>
      <c r="E3223" t="s">
        <v>19411</v>
      </c>
      <c r="G3223" s="2"/>
    </row>
    <row r="3224" spans="1:7" x14ac:dyDescent="0.25">
      <c r="A3224" s="1">
        <v>3222</v>
      </c>
      <c r="B3224" t="s">
        <v>3225</v>
      </c>
      <c r="C3224" t="s">
        <v>8673</v>
      </c>
      <c r="D3224" t="s">
        <v>14117</v>
      </c>
      <c r="E3224" t="s">
        <v>19412</v>
      </c>
      <c r="G3224" s="2"/>
    </row>
    <row r="3225" spans="1:7" x14ac:dyDescent="0.25">
      <c r="A3225" s="1">
        <v>3223</v>
      </c>
      <c r="B3225" t="s">
        <v>3226</v>
      </c>
      <c r="C3225" t="s">
        <v>8674</v>
      </c>
      <c r="D3225" t="s">
        <v>14118</v>
      </c>
      <c r="E3225" t="s">
        <v>19413</v>
      </c>
      <c r="G3225" s="2"/>
    </row>
    <row r="3226" spans="1:7" x14ac:dyDescent="0.25">
      <c r="A3226" s="1">
        <v>3224</v>
      </c>
      <c r="B3226" t="s">
        <v>3227</v>
      </c>
      <c r="C3226" t="s">
        <v>8675</v>
      </c>
      <c r="D3226" t="s">
        <v>14119</v>
      </c>
      <c r="E3226" t="s">
        <v>19414</v>
      </c>
      <c r="G3226" s="2"/>
    </row>
    <row r="3227" spans="1:7" x14ac:dyDescent="0.25">
      <c r="A3227" s="1">
        <v>3225</v>
      </c>
      <c r="B3227" t="s">
        <v>3228</v>
      </c>
      <c r="C3227" t="s">
        <v>8676</v>
      </c>
      <c r="D3227" t="s">
        <v>14120</v>
      </c>
      <c r="E3227" t="s">
        <v>19415</v>
      </c>
      <c r="G3227" s="2"/>
    </row>
    <row r="3228" spans="1:7" x14ac:dyDescent="0.25">
      <c r="A3228" s="1">
        <v>3226</v>
      </c>
      <c r="B3228" t="s">
        <v>3229</v>
      </c>
      <c r="C3228" t="s">
        <v>8677</v>
      </c>
      <c r="D3228" t="s">
        <v>14121</v>
      </c>
      <c r="E3228" t="s">
        <v>19416</v>
      </c>
      <c r="G3228" s="2"/>
    </row>
    <row r="3229" spans="1:7" x14ac:dyDescent="0.25">
      <c r="A3229" s="1">
        <v>3227</v>
      </c>
      <c r="B3229" t="s">
        <v>3230</v>
      </c>
      <c r="C3229" t="s">
        <v>8678</v>
      </c>
      <c r="D3229" t="s">
        <v>14122</v>
      </c>
      <c r="E3229" t="s">
        <v>19417</v>
      </c>
      <c r="G3229" s="2"/>
    </row>
    <row r="3230" spans="1:7" x14ac:dyDescent="0.25">
      <c r="A3230" s="1">
        <v>3228</v>
      </c>
      <c r="B3230" t="s">
        <v>3231</v>
      </c>
      <c r="C3230" t="s">
        <v>8679</v>
      </c>
      <c r="D3230" t="s">
        <v>14123</v>
      </c>
      <c r="E3230" t="s">
        <v>19418</v>
      </c>
      <c r="G3230" s="2"/>
    </row>
    <row r="3231" spans="1:7" x14ac:dyDescent="0.25">
      <c r="A3231" s="1">
        <v>3229</v>
      </c>
      <c r="B3231" t="s">
        <v>3232</v>
      </c>
      <c r="C3231" t="s">
        <v>8680</v>
      </c>
      <c r="D3231" t="s">
        <v>14124</v>
      </c>
      <c r="E3231" t="s">
        <v>19419</v>
      </c>
      <c r="G3231" s="2"/>
    </row>
    <row r="3232" spans="1:7" x14ac:dyDescent="0.25">
      <c r="A3232" s="1">
        <v>3230</v>
      </c>
      <c r="B3232" t="s">
        <v>3233</v>
      </c>
      <c r="C3232" t="s">
        <v>8681</v>
      </c>
      <c r="D3232" t="s">
        <v>14125</v>
      </c>
      <c r="E3232" t="s">
        <v>19420</v>
      </c>
      <c r="G3232" s="2"/>
    </row>
    <row r="3233" spans="1:7" x14ac:dyDescent="0.25">
      <c r="A3233" s="1">
        <v>3231</v>
      </c>
      <c r="B3233" t="s">
        <v>3234</v>
      </c>
      <c r="C3233" t="s">
        <v>8682</v>
      </c>
      <c r="D3233" t="s">
        <v>14126</v>
      </c>
      <c r="E3233" t="s">
        <v>19421</v>
      </c>
      <c r="G3233" s="2"/>
    </row>
    <row r="3234" spans="1:7" x14ac:dyDescent="0.25">
      <c r="A3234" s="1">
        <v>3232</v>
      </c>
      <c r="B3234" t="s">
        <v>3235</v>
      </c>
      <c r="C3234" t="s">
        <v>8683</v>
      </c>
      <c r="D3234" t="s">
        <v>14127</v>
      </c>
      <c r="E3234" t="s">
        <v>19422</v>
      </c>
      <c r="G3234" s="2"/>
    </row>
    <row r="3235" spans="1:7" x14ac:dyDescent="0.25">
      <c r="A3235" s="1">
        <v>3233</v>
      </c>
      <c r="B3235" t="s">
        <v>3236</v>
      </c>
      <c r="C3235" t="s">
        <v>8684</v>
      </c>
      <c r="D3235" t="s">
        <v>14128</v>
      </c>
      <c r="E3235" t="s">
        <v>19423</v>
      </c>
      <c r="G3235" s="2"/>
    </row>
    <row r="3236" spans="1:7" x14ac:dyDescent="0.25">
      <c r="A3236" s="1">
        <v>3234</v>
      </c>
      <c r="B3236" t="s">
        <v>3237</v>
      </c>
      <c r="C3236" t="s">
        <v>8685</v>
      </c>
      <c r="D3236" t="s">
        <v>14129</v>
      </c>
      <c r="E3236" t="s">
        <v>19424</v>
      </c>
      <c r="G3236" s="2"/>
    </row>
    <row r="3237" spans="1:7" x14ac:dyDescent="0.25">
      <c r="A3237" s="1">
        <v>3235</v>
      </c>
      <c r="B3237" t="s">
        <v>3238</v>
      </c>
      <c r="C3237" t="s">
        <v>8686</v>
      </c>
      <c r="D3237" t="s">
        <v>14130</v>
      </c>
      <c r="E3237" t="s">
        <v>19425</v>
      </c>
      <c r="G3237" s="2"/>
    </row>
    <row r="3238" spans="1:7" x14ac:dyDescent="0.25">
      <c r="A3238" s="1">
        <v>3236</v>
      </c>
      <c r="B3238" t="s">
        <v>3239</v>
      </c>
      <c r="C3238" t="s">
        <v>8687</v>
      </c>
      <c r="D3238" t="s">
        <v>14131</v>
      </c>
      <c r="E3238" t="s">
        <v>19426</v>
      </c>
      <c r="G3238" s="2"/>
    </row>
    <row r="3239" spans="1:7" x14ac:dyDescent="0.25">
      <c r="A3239" s="1">
        <v>3237</v>
      </c>
      <c r="B3239" t="s">
        <v>3240</v>
      </c>
      <c r="C3239" t="s">
        <v>8688</v>
      </c>
      <c r="D3239" t="s">
        <v>14132</v>
      </c>
      <c r="E3239" t="s">
        <v>19427</v>
      </c>
      <c r="G3239" s="2"/>
    </row>
    <row r="3240" spans="1:7" x14ac:dyDescent="0.25">
      <c r="A3240" s="1">
        <v>3238</v>
      </c>
      <c r="B3240" t="s">
        <v>3241</v>
      </c>
      <c r="C3240" t="s">
        <v>8689</v>
      </c>
      <c r="D3240" t="s">
        <v>14133</v>
      </c>
      <c r="E3240" t="s">
        <v>19428</v>
      </c>
      <c r="G3240" s="2"/>
    </row>
    <row r="3241" spans="1:7" x14ac:dyDescent="0.25">
      <c r="A3241" s="1">
        <v>3239</v>
      </c>
      <c r="B3241" t="s">
        <v>3242</v>
      </c>
      <c r="C3241" t="s">
        <v>8690</v>
      </c>
      <c r="D3241" t="s">
        <v>14134</v>
      </c>
      <c r="E3241" t="s">
        <v>19429</v>
      </c>
      <c r="G3241" s="2"/>
    </row>
    <row r="3242" spans="1:7" x14ac:dyDescent="0.25">
      <c r="A3242" s="1">
        <v>3240</v>
      </c>
      <c r="B3242" t="s">
        <v>3243</v>
      </c>
      <c r="C3242" t="s">
        <v>8691</v>
      </c>
      <c r="D3242" t="s">
        <v>14135</v>
      </c>
      <c r="E3242" t="s">
        <v>19430</v>
      </c>
      <c r="G3242" s="2"/>
    </row>
    <row r="3243" spans="1:7" x14ac:dyDescent="0.25">
      <c r="A3243" s="1">
        <v>3241</v>
      </c>
      <c r="B3243" t="s">
        <v>3244</v>
      </c>
      <c r="C3243" t="s">
        <v>8692</v>
      </c>
      <c r="D3243" t="s">
        <v>14136</v>
      </c>
      <c r="E3243" t="s">
        <v>19431</v>
      </c>
      <c r="G3243" s="2"/>
    </row>
    <row r="3244" spans="1:7" x14ac:dyDescent="0.25">
      <c r="A3244" s="1">
        <v>3242</v>
      </c>
      <c r="B3244" t="s">
        <v>3245</v>
      </c>
      <c r="C3244" t="s">
        <v>8693</v>
      </c>
      <c r="D3244" t="s">
        <v>14137</v>
      </c>
      <c r="E3244" t="s">
        <v>19432</v>
      </c>
      <c r="G3244" s="2"/>
    </row>
    <row r="3245" spans="1:7" x14ac:dyDescent="0.25">
      <c r="A3245" s="1">
        <v>3243</v>
      </c>
      <c r="B3245" t="s">
        <v>3246</v>
      </c>
      <c r="C3245" t="s">
        <v>8694</v>
      </c>
      <c r="D3245" t="s">
        <v>14138</v>
      </c>
      <c r="E3245" t="s">
        <v>19433</v>
      </c>
      <c r="G3245" s="2"/>
    </row>
    <row r="3246" spans="1:7" x14ac:dyDescent="0.25">
      <c r="A3246" s="1">
        <v>3244</v>
      </c>
      <c r="B3246" t="s">
        <v>3247</v>
      </c>
      <c r="C3246" t="s">
        <v>8695</v>
      </c>
      <c r="D3246" t="s">
        <v>14139</v>
      </c>
      <c r="E3246" t="s">
        <v>19434</v>
      </c>
      <c r="G3246" s="2"/>
    </row>
    <row r="3247" spans="1:7" x14ac:dyDescent="0.25">
      <c r="A3247" s="1">
        <v>3245</v>
      </c>
      <c r="B3247" t="s">
        <v>3248</v>
      </c>
      <c r="C3247" t="s">
        <v>8696</v>
      </c>
      <c r="D3247" t="s">
        <v>14140</v>
      </c>
      <c r="E3247" t="s">
        <v>19435</v>
      </c>
      <c r="G3247" s="2"/>
    </row>
    <row r="3248" spans="1:7" x14ac:dyDescent="0.25">
      <c r="A3248" s="1">
        <v>3246</v>
      </c>
      <c r="B3248" t="s">
        <v>3249</v>
      </c>
      <c r="C3248" t="s">
        <v>8697</v>
      </c>
      <c r="D3248" t="s">
        <v>14141</v>
      </c>
      <c r="E3248" t="s">
        <v>19436</v>
      </c>
      <c r="G3248" s="2"/>
    </row>
    <row r="3249" spans="1:7" x14ac:dyDescent="0.25">
      <c r="A3249" s="1">
        <v>3247</v>
      </c>
      <c r="B3249" t="s">
        <v>3250</v>
      </c>
      <c r="C3249" t="s">
        <v>8698</v>
      </c>
      <c r="D3249" t="s">
        <v>14142</v>
      </c>
      <c r="E3249" t="s">
        <v>19437</v>
      </c>
      <c r="G3249" s="2"/>
    </row>
    <row r="3250" spans="1:7" x14ac:dyDescent="0.25">
      <c r="A3250" s="1">
        <v>3248</v>
      </c>
      <c r="B3250" t="s">
        <v>3251</v>
      </c>
      <c r="C3250" t="s">
        <v>8699</v>
      </c>
      <c r="D3250" t="s">
        <v>14143</v>
      </c>
      <c r="E3250" t="s">
        <v>19438</v>
      </c>
      <c r="G3250" s="2"/>
    </row>
    <row r="3251" spans="1:7" x14ac:dyDescent="0.25">
      <c r="A3251" s="1">
        <v>3249</v>
      </c>
      <c r="B3251" t="s">
        <v>3252</v>
      </c>
      <c r="C3251" t="s">
        <v>8700</v>
      </c>
      <c r="D3251" t="s">
        <v>14144</v>
      </c>
      <c r="E3251" t="s">
        <v>19439</v>
      </c>
      <c r="G3251" s="2"/>
    </row>
    <row r="3252" spans="1:7" x14ac:dyDescent="0.25">
      <c r="A3252" s="1">
        <v>3250</v>
      </c>
      <c r="B3252" t="s">
        <v>3253</v>
      </c>
      <c r="C3252" t="s">
        <v>8701</v>
      </c>
      <c r="D3252" t="s">
        <v>14145</v>
      </c>
      <c r="E3252" t="s">
        <v>19440</v>
      </c>
      <c r="G3252" s="2"/>
    </row>
    <row r="3253" spans="1:7" x14ac:dyDescent="0.25">
      <c r="A3253" s="1">
        <v>3251</v>
      </c>
      <c r="B3253" t="s">
        <v>3254</v>
      </c>
      <c r="C3253" t="s">
        <v>8702</v>
      </c>
      <c r="D3253" t="s">
        <v>14146</v>
      </c>
      <c r="E3253" t="s">
        <v>19441</v>
      </c>
      <c r="G3253" s="2"/>
    </row>
    <row r="3254" spans="1:7" x14ac:dyDescent="0.25">
      <c r="A3254" s="1">
        <v>3252</v>
      </c>
      <c r="B3254" t="s">
        <v>3255</v>
      </c>
      <c r="C3254" t="s">
        <v>8703</v>
      </c>
      <c r="D3254" t="s">
        <v>14147</v>
      </c>
      <c r="E3254" t="s">
        <v>19442</v>
      </c>
      <c r="G3254" s="2"/>
    </row>
    <row r="3255" spans="1:7" x14ac:dyDescent="0.25">
      <c r="A3255" s="1">
        <v>3253</v>
      </c>
      <c r="B3255" t="s">
        <v>3256</v>
      </c>
      <c r="C3255" t="s">
        <v>8704</v>
      </c>
      <c r="D3255" t="s">
        <v>14148</v>
      </c>
      <c r="E3255" t="s">
        <v>19443</v>
      </c>
      <c r="G3255" s="2"/>
    </row>
    <row r="3256" spans="1:7" x14ac:dyDescent="0.25">
      <c r="A3256" s="1">
        <v>3254</v>
      </c>
      <c r="B3256" t="s">
        <v>3257</v>
      </c>
      <c r="C3256" t="s">
        <v>8705</v>
      </c>
      <c r="D3256" t="s">
        <v>14149</v>
      </c>
      <c r="E3256" t="s">
        <v>19444</v>
      </c>
      <c r="G3256" s="2"/>
    </row>
    <row r="3257" spans="1:7" x14ac:dyDescent="0.25">
      <c r="A3257" s="1">
        <v>3255</v>
      </c>
      <c r="B3257" t="s">
        <v>3258</v>
      </c>
      <c r="C3257" t="s">
        <v>8706</v>
      </c>
      <c r="D3257" t="s">
        <v>14150</v>
      </c>
      <c r="E3257" t="s">
        <v>19445</v>
      </c>
      <c r="G3257" s="2"/>
    </row>
    <row r="3258" spans="1:7" x14ac:dyDescent="0.25">
      <c r="A3258" s="1">
        <v>3256</v>
      </c>
      <c r="B3258" t="s">
        <v>3259</v>
      </c>
      <c r="C3258" t="s">
        <v>8707</v>
      </c>
      <c r="D3258" t="s">
        <v>14151</v>
      </c>
      <c r="E3258" t="s">
        <v>19446</v>
      </c>
      <c r="G3258" s="2"/>
    </row>
    <row r="3259" spans="1:7" x14ac:dyDescent="0.25">
      <c r="A3259" s="1">
        <v>3257</v>
      </c>
      <c r="B3259" t="s">
        <v>3260</v>
      </c>
      <c r="C3259" t="s">
        <v>8708</v>
      </c>
      <c r="D3259" t="s">
        <v>14152</v>
      </c>
      <c r="E3259" t="s">
        <v>19447</v>
      </c>
      <c r="G3259" s="2"/>
    </row>
    <row r="3260" spans="1:7" x14ac:dyDescent="0.25">
      <c r="A3260" s="1">
        <v>3258</v>
      </c>
      <c r="B3260" t="s">
        <v>3261</v>
      </c>
      <c r="C3260" t="s">
        <v>8709</v>
      </c>
      <c r="D3260" t="s">
        <v>14153</v>
      </c>
      <c r="E3260" t="s">
        <v>19448</v>
      </c>
      <c r="G3260" s="2"/>
    </row>
    <row r="3261" spans="1:7" x14ac:dyDescent="0.25">
      <c r="A3261" s="1">
        <v>3259</v>
      </c>
      <c r="B3261" t="s">
        <v>3262</v>
      </c>
      <c r="C3261" t="s">
        <v>8710</v>
      </c>
      <c r="D3261" t="s">
        <v>14154</v>
      </c>
      <c r="E3261" t="s">
        <v>19449</v>
      </c>
      <c r="G3261" s="2"/>
    </row>
    <row r="3262" spans="1:7" x14ac:dyDescent="0.25">
      <c r="A3262" s="1">
        <v>3260</v>
      </c>
      <c r="B3262" t="s">
        <v>3263</v>
      </c>
      <c r="C3262" t="s">
        <v>8711</v>
      </c>
      <c r="D3262" t="s">
        <v>14155</v>
      </c>
      <c r="E3262" t="s">
        <v>19450</v>
      </c>
      <c r="G3262" s="2"/>
    </row>
    <row r="3263" spans="1:7" x14ac:dyDescent="0.25">
      <c r="A3263" s="1">
        <v>3261</v>
      </c>
      <c r="B3263" t="s">
        <v>3264</v>
      </c>
      <c r="C3263" t="s">
        <v>8712</v>
      </c>
      <c r="D3263" t="s">
        <v>14156</v>
      </c>
      <c r="E3263" t="s">
        <v>19451</v>
      </c>
      <c r="G3263" s="2"/>
    </row>
    <row r="3264" spans="1:7" x14ac:dyDescent="0.25">
      <c r="A3264" s="1">
        <v>3262</v>
      </c>
      <c r="B3264" t="s">
        <v>3265</v>
      </c>
      <c r="C3264" t="s">
        <v>8713</v>
      </c>
      <c r="D3264" t="s">
        <v>14157</v>
      </c>
      <c r="E3264" t="s">
        <v>19452</v>
      </c>
      <c r="G3264" s="2"/>
    </row>
    <row r="3265" spans="1:7" x14ac:dyDescent="0.25">
      <c r="A3265" s="1">
        <v>3263</v>
      </c>
      <c r="B3265" t="s">
        <v>3266</v>
      </c>
      <c r="C3265" t="s">
        <v>8714</v>
      </c>
      <c r="D3265" t="s">
        <v>14158</v>
      </c>
      <c r="E3265" t="s">
        <v>19453</v>
      </c>
      <c r="G3265" s="2"/>
    </row>
    <row r="3266" spans="1:7" x14ac:dyDescent="0.25">
      <c r="A3266" s="1">
        <v>3264</v>
      </c>
      <c r="B3266" t="s">
        <v>3267</v>
      </c>
      <c r="C3266" t="s">
        <v>8715</v>
      </c>
      <c r="D3266" t="s">
        <v>14159</v>
      </c>
      <c r="E3266" t="s">
        <v>19454</v>
      </c>
      <c r="G3266" s="2"/>
    </row>
    <row r="3267" spans="1:7" x14ac:dyDescent="0.25">
      <c r="A3267" s="1">
        <v>3265</v>
      </c>
      <c r="B3267" t="s">
        <v>3268</v>
      </c>
      <c r="C3267" t="s">
        <v>8716</v>
      </c>
      <c r="D3267" t="s">
        <v>14160</v>
      </c>
      <c r="E3267" t="s">
        <v>19455</v>
      </c>
      <c r="G3267" s="2"/>
    </row>
    <row r="3268" spans="1:7" x14ac:dyDescent="0.25">
      <c r="A3268" s="1">
        <v>3266</v>
      </c>
      <c r="B3268" t="s">
        <v>3269</v>
      </c>
      <c r="C3268" t="s">
        <v>8717</v>
      </c>
      <c r="D3268" t="s">
        <v>14161</v>
      </c>
      <c r="E3268" t="s">
        <v>16514</v>
      </c>
      <c r="G3268" s="2"/>
    </row>
    <row r="3269" spans="1:7" x14ac:dyDescent="0.25">
      <c r="A3269" s="1">
        <v>3267</v>
      </c>
      <c r="B3269" t="s">
        <v>3270</v>
      </c>
      <c r="C3269" t="s">
        <v>8718</v>
      </c>
      <c r="D3269" t="s">
        <v>14162</v>
      </c>
      <c r="E3269" t="s">
        <v>19456</v>
      </c>
      <c r="G3269" s="2"/>
    </row>
    <row r="3270" spans="1:7" x14ac:dyDescent="0.25">
      <c r="A3270" s="1">
        <v>3268</v>
      </c>
      <c r="B3270" t="s">
        <v>3271</v>
      </c>
      <c r="C3270" t="s">
        <v>8719</v>
      </c>
      <c r="D3270" t="s">
        <v>14163</v>
      </c>
      <c r="E3270" t="s">
        <v>19457</v>
      </c>
      <c r="G3270" s="2"/>
    </row>
    <row r="3271" spans="1:7" x14ac:dyDescent="0.25">
      <c r="A3271" s="1">
        <v>3269</v>
      </c>
      <c r="B3271" t="s">
        <v>3272</v>
      </c>
      <c r="C3271" t="s">
        <v>8720</v>
      </c>
      <c r="D3271" t="s">
        <v>14164</v>
      </c>
      <c r="E3271" t="s">
        <v>19458</v>
      </c>
      <c r="G3271" s="2"/>
    </row>
    <row r="3272" spans="1:7" x14ac:dyDescent="0.25">
      <c r="A3272" s="1">
        <v>3270</v>
      </c>
      <c r="B3272" t="s">
        <v>3273</v>
      </c>
      <c r="C3272" t="s">
        <v>8721</v>
      </c>
      <c r="D3272" t="s">
        <v>14165</v>
      </c>
      <c r="E3272" t="s">
        <v>19459</v>
      </c>
      <c r="G3272" s="2"/>
    </row>
    <row r="3273" spans="1:7" x14ac:dyDescent="0.25">
      <c r="A3273" s="1">
        <v>3271</v>
      </c>
      <c r="B3273" t="s">
        <v>3274</v>
      </c>
      <c r="C3273" t="s">
        <v>8722</v>
      </c>
      <c r="D3273" t="s">
        <v>14166</v>
      </c>
      <c r="E3273" t="s">
        <v>19460</v>
      </c>
      <c r="G3273" s="2"/>
    </row>
    <row r="3274" spans="1:7" x14ac:dyDescent="0.25">
      <c r="A3274" s="1">
        <v>3272</v>
      </c>
      <c r="B3274" t="s">
        <v>3275</v>
      </c>
      <c r="C3274" t="s">
        <v>8723</v>
      </c>
      <c r="D3274" t="s">
        <v>14167</v>
      </c>
      <c r="E3274" t="s">
        <v>19461</v>
      </c>
      <c r="G3274" s="2"/>
    </row>
    <row r="3275" spans="1:7" x14ac:dyDescent="0.25">
      <c r="A3275" s="1">
        <v>3273</v>
      </c>
      <c r="B3275" t="s">
        <v>3276</v>
      </c>
      <c r="C3275" t="s">
        <v>8724</v>
      </c>
      <c r="D3275" t="s">
        <v>14168</v>
      </c>
      <c r="E3275" t="s">
        <v>19462</v>
      </c>
      <c r="G3275" s="2"/>
    </row>
    <row r="3276" spans="1:7" x14ac:dyDescent="0.25">
      <c r="A3276" s="1">
        <v>3274</v>
      </c>
      <c r="B3276" t="s">
        <v>3277</v>
      </c>
      <c r="C3276" t="s">
        <v>8725</v>
      </c>
      <c r="D3276" t="s">
        <v>14169</v>
      </c>
      <c r="E3276" t="s">
        <v>19463</v>
      </c>
      <c r="G3276" s="2"/>
    </row>
    <row r="3277" spans="1:7" x14ac:dyDescent="0.25">
      <c r="A3277" s="1">
        <v>3275</v>
      </c>
      <c r="B3277" t="s">
        <v>3278</v>
      </c>
      <c r="C3277" t="s">
        <v>8726</v>
      </c>
      <c r="D3277" t="s">
        <v>14170</v>
      </c>
      <c r="E3277" t="s">
        <v>19464</v>
      </c>
      <c r="G3277" s="2"/>
    </row>
    <row r="3278" spans="1:7" x14ac:dyDescent="0.25">
      <c r="A3278" s="1">
        <v>3276</v>
      </c>
      <c r="B3278" t="s">
        <v>3279</v>
      </c>
      <c r="C3278" t="s">
        <v>8727</v>
      </c>
      <c r="D3278" t="s">
        <v>14171</v>
      </c>
      <c r="E3278" t="s">
        <v>16555</v>
      </c>
      <c r="G3278" s="2"/>
    </row>
    <row r="3279" spans="1:7" x14ac:dyDescent="0.25">
      <c r="A3279" s="1">
        <v>3277</v>
      </c>
      <c r="B3279" t="s">
        <v>3280</v>
      </c>
      <c r="C3279" t="s">
        <v>8728</v>
      </c>
      <c r="D3279" t="s">
        <v>14172</v>
      </c>
      <c r="E3279" t="s">
        <v>19465</v>
      </c>
      <c r="G3279" s="2"/>
    </row>
    <row r="3280" spans="1:7" x14ac:dyDescent="0.25">
      <c r="A3280" s="1">
        <v>3278</v>
      </c>
      <c r="B3280" t="s">
        <v>3281</v>
      </c>
      <c r="C3280" t="s">
        <v>8729</v>
      </c>
      <c r="D3280" t="s">
        <v>14173</v>
      </c>
      <c r="E3280" t="s">
        <v>19466</v>
      </c>
      <c r="G3280" s="2"/>
    </row>
    <row r="3281" spans="1:7" x14ac:dyDescent="0.25">
      <c r="A3281" s="1">
        <v>3279</v>
      </c>
      <c r="B3281" t="s">
        <v>3282</v>
      </c>
      <c r="C3281" t="s">
        <v>8730</v>
      </c>
      <c r="D3281" t="s">
        <v>14174</v>
      </c>
      <c r="E3281" t="s">
        <v>19467</v>
      </c>
      <c r="G3281" s="2"/>
    </row>
    <row r="3282" spans="1:7" x14ac:dyDescent="0.25">
      <c r="A3282" s="1">
        <v>3280</v>
      </c>
      <c r="B3282" t="s">
        <v>3283</v>
      </c>
      <c r="C3282" t="s">
        <v>8731</v>
      </c>
      <c r="D3282" t="s">
        <v>14175</v>
      </c>
      <c r="E3282" t="s">
        <v>19468</v>
      </c>
      <c r="G3282" s="2"/>
    </row>
    <row r="3283" spans="1:7" x14ac:dyDescent="0.25">
      <c r="A3283" s="1">
        <v>3281</v>
      </c>
      <c r="B3283" t="s">
        <v>3284</v>
      </c>
      <c r="C3283" t="s">
        <v>8732</v>
      </c>
      <c r="D3283" t="s">
        <v>14176</v>
      </c>
      <c r="E3283" t="s">
        <v>19469</v>
      </c>
      <c r="G3283" s="2"/>
    </row>
    <row r="3284" spans="1:7" x14ac:dyDescent="0.25">
      <c r="A3284" s="1">
        <v>3282</v>
      </c>
      <c r="B3284" t="s">
        <v>3285</v>
      </c>
      <c r="C3284" t="s">
        <v>8733</v>
      </c>
      <c r="D3284" t="s">
        <v>14177</v>
      </c>
      <c r="E3284" t="s">
        <v>19470</v>
      </c>
      <c r="G3284" s="2"/>
    </row>
    <row r="3285" spans="1:7" x14ac:dyDescent="0.25">
      <c r="A3285" s="1">
        <v>3283</v>
      </c>
      <c r="B3285" t="s">
        <v>3286</v>
      </c>
      <c r="C3285" t="s">
        <v>8734</v>
      </c>
      <c r="D3285" t="s">
        <v>14178</v>
      </c>
      <c r="E3285" t="s">
        <v>19471</v>
      </c>
      <c r="G3285" s="2"/>
    </row>
    <row r="3286" spans="1:7" x14ac:dyDescent="0.25">
      <c r="A3286" s="1">
        <v>3284</v>
      </c>
      <c r="B3286" t="s">
        <v>3287</v>
      </c>
      <c r="C3286" t="s">
        <v>8735</v>
      </c>
      <c r="D3286" t="s">
        <v>14179</v>
      </c>
      <c r="E3286" t="s">
        <v>19472</v>
      </c>
      <c r="G3286" s="2"/>
    </row>
    <row r="3287" spans="1:7" x14ac:dyDescent="0.25">
      <c r="A3287" s="1">
        <v>3285</v>
      </c>
      <c r="B3287" t="s">
        <v>3288</v>
      </c>
      <c r="C3287" t="s">
        <v>8736</v>
      </c>
      <c r="D3287" t="s">
        <v>14180</v>
      </c>
      <c r="E3287" t="s">
        <v>19473</v>
      </c>
      <c r="G3287" s="2"/>
    </row>
    <row r="3288" spans="1:7" x14ac:dyDescent="0.25">
      <c r="A3288" s="1">
        <v>3286</v>
      </c>
      <c r="B3288" t="s">
        <v>3289</v>
      </c>
      <c r="C3288" t="s">
        <v>8737</v>
      </c>
      <c r="D3288" t="s">
        <v>14181</v>
      </c>
      <c r="E3288" t="s">
        <v>19474</v>
      </c>
      <c r="G3288" s="2"/>
    </row>
    <row r="3289" spans="1:7" x14ac:dyDescent="0.25">
      <c r="A3289" s="1">
        <v>3287</v>
      </c>
      <c r="B3289" t="s">
        <v>3290</v>
      </c>
      <c r="C3289" t="s">
        <v>8738</v>
      </c>
      <c r="D3289" t="s">
        <v>14182</v>
      </c>
      <c r="E3289" t="s">
        <v>19475</v>
      </c>
      <c r="G3289" s="2"/>
    </row>
    <row r="3290" spans="1:7" x14ac:dyDescent="0.25">
      <c r="A3290" s="1">
        <v>3288</v>
      </c>
      <c r="B3290" t="s">
        <v>3291</v>
      </c>
      <c r="C3290" t="s">
        <v>8739</v>
      </c>
      <c r="D3290" t="s">
        <v>14183</v>
      </c>
      <c r="E3290" t="s">
        <v>19476</v>
      </c>
      <c r="G3290" s="2"/>
    </row>
    <row r="3291" spans="1:7" x14ac:dyDescent="0.25">
      <c r="A3291" s="1">
        <v>3289</v>
      </c>
      <c r="B3291" t="s">
        <v>3292</v>
      </c>
      <c r="C3291" t="s">
        <v>8740</v>
      </c>
      <c r="D3291" t="s">
        <v>14184</v>
      </c>
      <c r="E3291" t="s">
        <v>19477</v>
      </c>
      <c r="G3291" s="2"/>
    </row>
    <row r="3292" spans="1:7" x14ac:dyDescent="0.25">
      <c r="A3292" s="1">
        <v>3290</v>
      </c>
      <c r="B3292" t="s">
        <v>3293</v>
      </c>
      <c r="C3292" t="s">
        <v>8741</v>
      </c>
      <c r="D3292" t="s">
        <v>14185</v>
      </c>
      <c r="E3292" t="s">
        <v>19478</v>
      </c>
      <c r="G3292" s="2"/>
    </row>
    <row r="3293" spans="1:7" x14ac:dyDescent="0.25">
      <c r="A3293" s="1">
        <v>3291</v>
      </c>
      <c r="B3293" t="s">
        <v>3294</v>
      </c>
      <c r="C3293" t="s">
        <v>8742</v>
      </c>
      <c r="D3293" t="s">
        <v>14186</v>
      </c>
      <c r="E3293" t="s">
        <v>19479</v>
      </c>
      <c r="G3293" s="2"/>
    </row>
    <row r="3294" spans="1:7" x14ac:dyDescent="0.25">
      <c r="A3294" s="1">
        <v>3292</v>
      </c>
      <c r="B3294" t="s">
        <v>3295</v>
      </c>
      <c r="C3294" t="s">
        <v>8743</v>
      </c>
      <c r="D3294" t="s">
        <v>14187</v>
      </c>
      <c r="E3294" t="s">
        <v>19480</v>
      </c>
      <c r="G3294" s="2"/>
    </row>
    <row r="3295" spans="1:7" x14ac:dyDescent="0.25">
      <c r="A3295" s="1">
        <v>3293</v>
      </c>
      <c r="B3295" t="s">
        <v>3296</v>
      </c>
      <c r="C3295" t="s">
        <v>8744</v>
      </c>
      <c r="D3295" t="s">
        <v>14188</v>
      </c>
      <c r="E3295" t="s">
        <v>19481</v>
      </c>
      <c r="G3295" s="2"/>
    </row>
    <row r="3296" spans="1:7" x14ac:dyDescent="0.25">
      <c r="A3296" s="1">
        <v>3294</v>
      </c>
      <c r="B3296" t="s">
        <v>3297</v>
      </c>
      <c r="C3296" t="s">
        <v>8745</v>
      </c>
      <c r="D3296" t="s">
        <v>14189</v>
      </c>
      <c r="E3296" t="s">
        <v>19482</v>
      </c>
      <c r="G3296" s="2"/>
    </row>
    <row r="3297" spans="1:7" x14ac:dyDescent="0.25">
      <c r="A3297" s="1">
        <v>3295</v>
      </c>
      <c r="B3297" t="s">
        <v>3298</v>
      </c>
      <c r="C3297" t="s">
        <v>8746</v>
      </c>
      <c r="D3297" t="s">
        <v>14190</v>
      </c>
      <c r="E3297" t="s">
        <v>19483</v>
      </c>
      <c r="G3297" s="2"/>
    </row>
    <row r="3298" spans="1:7" x14ac:dyDescent="0.25">
      <c r="A3298" s="1">
        <v>3296</v>
      </c>
      <c r="B3298" t="s">
        <v>3299</v>
      </c>
      <c r="C3298" t="s">
        <v>8747</v>
      </c>
      <c r="D3298" t="s">
        <v>14191</v>
      </c>
      <c r="E3298" t="s">
        <v>19484</v>
      </c>
      <c r="G3298" s="2"/>
    </row>
    <row r="3299" spans="1:7" x14ac:dyDescent="0.25">
      <c r="A3299" s="1">
        <v>3297</v>
      </c>
      <c r="B3299" t="s">
        <v>3300</v>
      </c>
      <c r="C3299" t="s">
        <v>8748</v>
      </c>
      <c r="D3299" t="s">
        <v>14192</v>
      </c>
      <c r="E3299" t="s">
        <v>19485</v>
      </c>
      <c r="G3299" s="2"/>
    </row>
    <row r="3300" spans="1:7" x14ac:dyDescent="0.25">
      <c r="A3300" s="1">
        <v>3298</v>
      </c>
      <c r="B3300" t="s">
        <v>3301</v>
      </c>
      <c r="C3300" t="s">
        <v>8749</v>
      </c>
      <c r="D3300" t="s">
        <v>14193</v>
      </c>
      <c r="E3300" t="s">
        <v>19486</v>
      </c>
      <c r="G3300" s="2"/>
    </row>
    <row r="3301" spans="1:7" x14ac:dyDescent="0.25">
      <c r="A3301" s="1">
        <v>3299</v>
      </c>
      <c r="B3301" t="s">
        <v>3302</v>
      </c>
      <c r="C3301" t="s">
        <v>8750</v>
      </c>
      <c r="D3301" t="s">
        <v>14194</v>
      </c>
      <c r="E3301" t="s">
        <v>19487</v>
      </c>
      <c r="G3301" s="2"/>
    </row>
    <row r="3302" spans="1:7" x14ac:dyDescent="0.25">
      <c r="A3302" s="1">
        <v>3300</v>
      </c>
      <c r="B3302" t="s">
        <v>3303</v>
      </c>
      <c r="C3302" t="s">
        <v>8751</v>
      </c>
      <c r="D3302" t="s">
        <v>14195</v>
      </c>
      <c r="E3302" t="s">
        <v>19488</v>
      </c>
      <c r="G3302" s="2"/>
    </row>
    <row r="3303" spans="1:7" x14ac:dyDescent="0.25">
      <c r="A3303" s="1">
        <v>3301</v>
      </c>
      <c r="B3303" t="s">
        <v>3304</v>
      </c>
      <c r="C3303" t="s">
        <v>8752</v>
      </c>
      <c r="D3303" t="s">
        <v>14196</v>
      </c>
      <c r="E3303" t="s">
        <v>19489</v>
      </c>
      <c r="G3303" s="2"/>
    </row>
    <row r="3304" spans="1:7" x14ac:dyDescent="0.25">
      <c r="A3304" s="1">
        <v>3302</v>
      </c>
      <c r="B3304" t="s">
        <v>3305</v>
      </c>
      <c r="C3304" t="s">
        <v>8753</v>
      </c>
      <c r="D3304" t="s">
        <v>14197</v>
      </c>
      <c r="E3304" t="s">
        <v>19490</v>
      </c>
      <c r="G3304" s="2"/>
    </row>
    <row r="3305" spans="1:7" x14ac:dyDescent="0.25">
      <c r="A3305" s="1">
        <v>3303</v>
      </c>
      <c r="B3305" t="s">
        <v>3306</v>
      </c>
      <c r="C3305" t="s">
        <v>8754</v>
      </c>
      <c r="D3305" t="s">
        <v>14198</v>
      </c>
      <c r="E3305" t="s">
        <v>19491</v>
      </c>
      <c r="G3305" s="2"/>
    </row>
    <row r="3306" spans="1:7" x14ac:dyDescent="0.25">
      <c r="A3306" s="1">
        <v>3304</v>
      </c>
      <c r="B3306" t="s">
        <v>3307</v>
      </c>
      <c r="C3306" t="s">
        <v>8755</v>
      </c>
      <c r="D3306" t="s">
        <v>14199</v>
      </c>
      <c r="E3306" t="s">
        <v>19492</v>
      </c>
      <c r="G3306" s="2"/>
    </row>
    <row r="3307" spans="1:7" x14ac:dyDescent="0.25">
      <c r="A3307" s="1">
        <v>3305</v>
      </c>
      <c r="B3307" t="s">
        <v>3308</v>
      </c>
      <c r="C3307" t="s">
        <v>8756</v>
      </c>
      <c r="D3307" t="s">
        <v>14200</v>
      </c>
      <c r="E3307" t="s">
        <v>19493</v>
      </c>
      <c r="G3307" s="2"/>
    </row>
    <row r="3308" spans="1:7" x14ac:dyDescent="0.25">
      <c r="A3308" s="1">
        <v>3306</v>
      </c>
      <c r="B3308" t="s">
        <v>3309</v>
      </c>
      <c r="C3308" t="s">
        <v>8757</v>
      </c>
      <c r="D3308" t="s">
        <v>14201</v>
      </c>
      <c r="E3308" t="s">
        <v>19494</v>
      </c>
      <c r="G3308" s="2"/>
    </row>
    <row r="3309" spans="1:7" x14ac:dyDescent="0.25">
      <c r="A3309" s="1">
        <v>3307</v>
      </c>
      <c r="B3309" t="s">
        <v>3310</v>
      </c>
      <c r="C3309" t="s">
        <v>8758</v>
      </c>
      <c r="D3309" t="s">
        <v>14202</v>
      </c>
      <c r="E3309" t="s">
        <v>19495</v>
      </c>
      <c r="G3309" s="2"/>
    </row>
    <row r="3310" spans="1:7" x14ac:dyDescent="0.25">
      <c r="A3310" s="1">
        <v>3308</v>
      </c>
      <c r="B3310" t="s">
        <v>3311</v>
      </c>
      <c r="C3310" t="s">
        <v>8759</v>
      </c>
      <c r="D3310" t="s">
        <v>14203</v>
      </c>
      <c r="E3310" t="s">
        <v>19496</v>
      </c>
      <c r="G3310" s="2"/>
    </row>
    <row r="3311" spans="1:7" x14ac:dyDescent="0.25">
      <c r="A3311" s="1">
        <v>3309</v>
      </c>
      <c r="B3311" t="s">
        <v>3312</v>
      </c>
      <c r="C3311" t="s">
        <v>8760</v>
      </c>
      <c r="D3311" t="s">
        <v>14204</v>
      </c>
      <c r="E3311" t="s">
        <v>19497</v>
      </c>
      <c r="G3311" s="2"/>
    </row>
    <row r="3312" spans="1:7" x14ac:dyDescent="0.25">
      <c r="A3312" s="1">
        <v>3310</v>
      </c>
      <c r="B3312" t="s">
        <v>3313</v>
      </c>
      <c r="C3312" t="s">
        <v>8761</v>
      </c>
      <c r="D3312" t="s">
        <v>14205</v>
      </c>
      <c r="E3312" t="s">
        <v>19498</v>
      </c>
      <c r="G3312" s="2"/>
    </row>
    <row r="3313" spans="1:7" x14ac:dyDescent="0.25">
      <c r="A3313" s="1">
        <v>3311</v>
      </c>
      <c r="B3313" t="s">
        <v>3314</v>
      </c>
      <c r="C3313" t="s">
        <v>8762</v>
      </c>
      <c r="D3313" t="s">
        <v>14206</v>
      </c>
      <c r="E3313" t="s">
        <v>19499</v>
      </c>
      <c r="G3313" s="2"/>
    </row>
    <row r="3314" spans="1:7" x14ac:dyDescent="0.25">
      <c r="A3314" s="1">
        <v>3312</v>
      </c>
      <c r="B3314" t="s">
        <v>3315</v>
      </c>
      <c r="C3314" t="s">
        <v>8763</v>
      </c>
      <c r="D3314" t="s">
        <v>14207</v>
      </c>
      <c r="E3314" t="s">
        <v>19500</v>
      </c>
      <c r="G3314" s="2"/>
    </row>
    <row r="3315" spans="1:7" x14ac:dyDescent="0.25">
      <c r="A3315" s="1">
        <v>3313</v>
      </c>
      <c r="B3315" t="s">
        <v>3316</v>
      </c>
      <c r="C3315" t="s">
        <v>8764</v>
      </c>
      <c r="D3315" t="s">
        <v>14208</v>
      </c>
      <c r="E3315" t="s">
        <v>19501</v>
      </c>
      <c r="G3315" s="2"/>
    </row>
    <row r="3316" spans="1:7" x14ac:dyDescent="0.25">
      <c r="A3316" s="1">
        <v>3314</v>
      </c>
      <c r="B3316" t="s">
        <v>3317</v>
      </c>
      <c r="C3316" t="s">
        <v>8765</v>
      </c>
      <c r="D3316" t="s">
        <v>14209</v>
      </c>
      <c r="E3316" t="s">
        <v>19502</v>
      </c>
      <c r="G3316" s="2"/>
    </row>
    <row r="3317" spans="1:7" x14ac:dyDescent="0.25">
      <c r="A3317" s="1">
        <v>3315</v>
      </c>
      <c r="B3317" t="s">
        <v>3318</v>
      </c>
      <c r="C3317" t="s">
        <v>8766</v>
      </c>
      <c r="D3317" t="s">
        <v>14210</v>
      </c>
      <c r="E3317" t="s">
        <v>19503</v>
      </c>
      <c r="G3317" s="2"/>
    </row>
    <row r="3318" spans="1:7" x14ac:dyDescent="0.25">
      <c r="A3318" s="1">
        <v>3316</v>
      </c>
      <c r="B3318" t="s">
        <v>3319</v>
      </c>
      <c r="C3318" t="s">
        <v>8767</v>
      </c>
      <c r="D3318" t="s">
        <v>14211</v>
      </c>
      <c r="E3318" t="s">
        <v>16555</v>
      </c>
      <c r="G3318" s="2"/>
    </row>
    <row r="3319" spans="1:7" x14ac:dyDescent="0.25">
      <c r="A3319" s="1">
        <v>3317</v>
      </c>
      <c r="B3319" t="s">
        <v>3320</v>
      </c>
      <c r="C3319" t="s">
        <v>8768</v>
      </c>
      <c r="D3319" t="s">
        <v>14212</v>
      </c>
      <c r="E3319" t="s">
        <v>19504</v>
      </c>
      <c r="G3319" s="2"/>
    </row>
    <row r="3320" spans="1:7" x14ac:dyDescent="0.25">
      <c r="A3320" s="1">
        <v>3318</v>
      </c>
      <c r="B3320" t="s">
        <v>3321</v>
      </c>
      <c r="C3320" t="s">
        <v>8769</v>
      </c>
      <c r="D3320" t="s">
        <v>14213</v>
      </c>
      <c r="E3320" t="s">
        <v>19505</v>
      </c>
      <c r="G3320" s="2"/>
    </row>
    <row r="3321" spans="1:7" x14ac:dyDescent="0.25">
      <c r="A3321" s="1">
        <v>3319</v>
      </c>
      <c r="B3321" t="s">
        <v>3322</v>
      </c>
      <c r="C3321" t="s">
        <v>8770</v>
      </c>
      <c r="D3321" t="s">
        <v>14214</v>
      </c>
      <c r="E3321" t="s">
        <v>19506</v>
      </c>
      <c r="G3321" s="2"/>
    </row>
    <row r="3322" spans="1:7" x14ac:dyDescent="0.25">
      <c r="A3322" s="1">
        <v>3320</v>
      </c>
      <c r="B3322" t="s">
        <v>3323</v>
      </c>
      <c r="C3322" t="s">
        <v>8771</v>
      </c>
      <c r="D3322" t="s">
        <v>14215</v>
      </c>
      <c r="E3322" t="s">
        <v>19507</v>
      </c>
      <c r="G3322" s="2"/>
    </row>
    <row r="3323" spans="1:7" x14ac:dyDescent="0.25">
      <c r="A3323" s="1">
        <v>3321</v>
      </c>
      <c r="B3323" t="s">
        <v>3324</v>
      </c>
      <c r="C3323" t="s">
        <v>8772</v>
      </c>
      <c r="D3323" t="s">
        <v>14216</v>
      </c>
      <c r="E3323" t="s">
        <v>19508</v>
      </c>
      <c r="G3323" s="2"/>
    </row>
    <row r="3324" spans="1:7" x14ac:dyDescent="0.25">
      <c r="A3324" s="1">
        <v>3322</v>
      </c>
      <c r="B3324" t="s">
        <v>3325</v>
      </c>
      <c r="C3324" t="s">
        <v>8773</v>
      </c>
      <c r="D3324" t="s">
        <v>14217</v>
      </c>
      <c r="E3324" t="s">
        <v>19509</v>
      </c>
      <c r="G3324" s="2"/>
    </row>
    <row r="3325" spans="1:7" x14ac:dyDescent="0.25">
      <c r="A3325" s="1">
        <v>3323</v>
      </c>
      <c r="B3325" t="s">
        <v>3326</v>
      </c>
      <c r="C3325" t="s">
        <v>8774</v>
      </c>
      <c r="D3325" t="s">
        <v>14218</v>
      </c>
      <c r="E3325" t="s">
        <v>16555</v>
      </c>
      <c r="G3325" s="2"/>
    </row>
    <row r="3326" spans="1:7" x14ac:dyDescent="0.25">
      <c r="A3326" s="1">
        <v>3324</v>
      </c>
      <c r="B3326" t="s">
        <v>3327</v>
      </c>
      <c r="C3326" t="s">
        <v>8775</v>
      </c>
      <c r="D3326" t="s">
        <v>14219</v>
      </c>
      <c r="E3326" t="s">
        <v>19510</v>
      </c>
      <c r="G3326" s="2"/>
    </row>
    <row r="3327" spans="1:7" x14ac:dyDescent="0.25">
      <c r="A3327" s="1">
        <v>3325</v>
      </c>
      <c r="B3327" t="s">
        <v>3328</v>
      </c>
      <c r="C3327" t="s">
        <v>8776</v>
      </c>
      <c r="D3327" t="s">
        <v>14220</v>
      </c>
      <c r="E3327" t="s">
        <v>19511</v>
      </c>
      <c r="G3327" s="2"/>
    </row>
    <row r="3328" spans="1:7" x14ac:dyDescent="0.25">
      <c r="A3328" s="1">
        <v>3326</v>
      </c>
      <c r="B3328" t="s">
        <v>3329</v>
      </c>
      <c r="C3328" t="s">
        <v>8777</v>
      </c>
      <c r="D3328" t="s">
        <v>14221</v>
      </c>
      <c r="E3328" t="s">
        <v>19512</v>
      </c>
      <c r="G3328" s="2"/>
    </row>
    <row r="3329" spans="1:7" x14ac:dyDescent="0.25">
      <c r="A3329" s="1">
        <v>3327</v>
      </c>
      <c r="B3329" t="s">
        <v>3330</v>
      </c>
      <c r="C3329" t="s">
        <v>8778</v>
      </c>
      <c r="D3329" t="s">
        <v>14222</v>
      </c>
      <c r="E3329" t="s">
        <v>19513</v>
      </c>
      <c r="G3329" s="2"/>
    </row>
    <row r="3330" spans="1:7" x14ac:dyDescent="0.25">
      <c r="A3330" s="1">
        <v>3328</v>
      </c>
      <c r="B3330" t="s">
        <v>3331</v>
      </c>
      <c r="C3330" t="s">
        <v>8779</v>
      </c>
      <c r="D3330" t="s">
        <v>14223</v>
      </c>
      <c r="E3330" t="s">
        <v>19514</v>
      </c>
      <c r="G3330" s="2"/>
    </row>
    <row r="3331" spans="1:7" x14ac:dyDescent="0.25">
      <c r="A3331" s="1">
        <v>3329</v>
      </c>
      <c r="B3331" t="s">
        <v>3332</v>
      </c>
      <c r="C3331" t="s">
        <v>8780</v>
      </c>
      <c r="D3331" t="s">
        <v>14224</v>
      </c>
      <c r="E3331" t="s">
        <v>19515</v>
      </c>
      <c r="G3331" s="2"/>
    </row>
    <row r="3332" spans="1:7" x14ac:dyDescent="0.25">
      <c r="A3332" s="1">
        <v>3330</v>
      </c>
      <c r="B3332" t="s">
        <v>3333</v>
      </c>
      <c r="C3332" t="s">
        <v>8781</v>
      </c>
      <c r="D3332" t="s">
        <v>14225</v>
      </c>
      <c r="E3332" t="s">
        <v>19516</v>
      </c>
      <c r="G3332" s="2"/>
    </row>
    <row r="3333" spans="1:7" x14ac:dyDescent="0.25">
      <c r="A3333" s="1">
        <v>3331</v>
      </c>
      <c r="B3333" t="s">
        <v>3334</v>
      </c>
      <c r="C3333" t="s">
        <v>8782</v>
      </c>
      <c r="D3333" t="s">
        <v>14226</v>
      </c>
      <c r="E3333" t="s">
        <v>19517</v>
      </c>
      <c r="G3333" s="2"/>
    </row>
    <row r="3334" spans="1:7" x14ac:dyDescent="0.25">
      <c r="A3334" s="1">
        <v>3332</v>
      </c>
      <c r="B3334" t="s">
        <v>3335</v>
      </c>
      <c r="C3334" t="s">
        <v>8783</v>
      </c>
      <c r="D3334" t="s">
        <v>14227</v>
      </c>
      <c r="E3334" t="s">
        <v>19518</v>
      </c>
      <c r="G3334" s="2"/>
    </row>
    <row r="3335" spans="1:7" x14ac:dyDescent="0.25">
      <c r="A3335" s="1">
        <v>3333</v>
      </c>
      <c r="B3335" t="s">
        <v>3336</v>
      </c>
      <c r="C3335" t="s">
        <v>8784</v>
      </c>
      <c r="D3335" t="s">
        <v>14228</v>
      </c>
      <c r="E3335" t="s">
        <v>19519</v>
      </c>
      <c r="G3335" s="2"/>
    </row>
    <row r="3336" spans="1:7" x14ac:dyDescent="0.25">
      <c r="A3336" s="1">
        <v>3334</v>
      </c>
      <c r="B3336" t="s">
        <v>3337</v>
      </c>
      <c r="C3336" t="s">
        <v>8785</v>
      </c>
      <c r="D3336" t="s">
        <v>14229</v>
      </c>
      <c r="E3336" t="s">
        <v>19520</v>
      </c>
      <c r="G3336" s="2"/>
    </row>
    <row r="3337" spans="1:7" x14ac:dyDescent="0.25">
      <c r="A3337" s="1">
        <v>3335</v>
      </c>
      <c r="B3337" t="s">
        <v>3338</v>
      </c>
      <c r="C3337" t="s">
        <v>8786</v>
      </c>
      <c r="D3337" t="s">
        <v>14230</v>
      </c>
      <c r="E3337" t="s">
        <v>19521</v>
      </c>
      <c r="G3337" s="2"/>
    </row>
    <row r="3338" spans="1:7" x14ac:dyDescent="0.25">
      <c r="A3338" s="1">
        <v>3336</v>
      </c>
      <c r="B3338" t="s">
        <v>3339</v>
      </c>
      <c r="C3338" t="s">
        <v>8787</v>
      </c>
      <c r="D3338" t="s">
        <v>14231</v>
      </c>
      <c r="E3338" t="s">
        <v>16347</v>
      </c>
      <c r="G3338" s="2"/>
    </row>
    <row r="3339" spans="1:7" x14ac:dyDescent="0.25">
      <c r="A3339" s="1">
        <v>3337</v>
      </c>
      <c r="B3339" t="s">
        <v>3340</v>
      </c>
      <c r="C3339" t="s">
        <v>8788</v>
      </c>
      <c r="D3339" t="s">
        <v>14232</v>
      </c>
      <c r="E3339" t="s">
        <v>19522</v>
      </c>
      <c r="G3339" s="2"/>
    </row>
    <row r="3340" spans="1:7" x14ac:dyDescent="0.25">
      <c r="A3340" s="1">
        <v>3338</v>
      </c>
      <c r="B3340" t="s">
        <v>3341</v>
      </c>
      <c r="C3340" t="s">
        <v>8789</v>
      </c>
      <c r="D3340" t="s">
        <v>14233</v>
      </c>
      <c r="E3340" t="s">
        <v>19523</v>
      </c>
      <c r="G3340" s="2"/>
    </row>
    <row r="3341" spans="1:7" x14ac:dyDescent="0.25">
      <c r="A3341" s="1">
        <v>3339</v>
      </c>
      <c r="B3341" t="s">
        <v>3342</v>
      </c>
      <c r="C3341" t="s">
        <v>8790</v>
      </c>
      <c r="D3341" t="s">
        <v>14234</v>
      </c>
      <c r="E3341" t="s">
        <v>19524</v>
      </c>
      <c r="G3341" s="2"/>
    </row>
    <row r="3342" spans="1:7" x14ac:dyDescent="0.25">
      <c r="A3342" s="1">
        <v>3340</v>
      </c>
      <c r="B3342" t="s">
        <v>3343</v>
      </c>
      <c r="C3342" t="s">
        <v>8791</v>
      </c>
      <c r="D3342" t="s">
        <v>14235</v>
      </c>
      <c r="E3342" t="s">
        <v>19525</v>
      </c>
      <c r="G3342" s="2"/>
    </row>
    <row r="3343" spans="1:7" x14ac:dyDescent="0.25">
      <c r="A3343" s="1">
        <v>3341</v>
      </c>
      <c r="B3343" t="s">
        <v>3344</v>
      </c>
      <c r="C3343" t="s">
        <v>8792</v>
      </c>
      <c r="D3343" t="s">
        <v>14236</v>
      </c>
      <c r="E3343" t="s">
        <v>19526</v>
      </c>
      <c r="G3343" s="2"/>
    </row>
    <row r="3344" spans="1:7" x14ac:dyDescent="0.25">
      <c r="A3344" s="1">
        <v>3342</v>
      </c>
      <c r="B3344" t="s">
        <v>3345</v>
      </c>
      <c r="C3344" t="s">
        <v>8793</v>
      </c>
      <c r="D3344" t="s">
        <v>14237</v>
      </c>
      <c r="E3344" t="s">
        <v>19527</v>
      </c>
      <c r="G3344" s="2"/>
    </row>
    <row r="3345" spans="1:7" x14ac:dyDescent="0.25">
      <c r="A3345" s="1">
        <v>3343</v>
      </c>
      <c r="B3345" t="s">
        <v>3346</v>
      </c>
      <c r="C3345" t="s">
        <v>8794</v>
      </c>
      <c r="D3345" t="s">
        <v>14238</v>
      </c>
      <c r="E3345" t="s">
        <v>19528</v>
      </c>
      <c r="G3345" s="2"/>
    </row>
    <row r="3346" spans="1:7" x14ac:dyDescent="0.25">
      <c r="A3346" s="1">
        <v>3344</v>
      </c>
      <c r="B3346" t="s">
        <v>3347</v>
      </c>
      <c r="C3346" t="s">
        <v>8795</v>
      </c>
      <c r="D3346" t="s">
        <v>14239</v>
      </c>
      <c r="E3346" t="s">
        <v>19529</v>
      </c>
      <c r="G3346" s="2"/>
    </row>
    <row r="3347" spans="1:7" x14ac:dyDescent="0.25">
      <c r="A3347" s="1">
        <v>3345</v>
      </c>
      <c r="B3347" t="s">
        <v>3348</v>
      </c>
      <c r="C3347" t="s">
        <v>8796</v>
      </c>
      <c r="D3347" t="s">
        <v>14240</v>
      </c>
      <c r="E3347" t="s">
        <v>16382</v>
      </c>
      <c r="G3347" s="2"/>
    </row>
    <row r="3348" spans="1:7" x14ac:dyDescent="0.25">
      <c r="A3348" s="1">
        <v>3346</v>
      </c>
      <c r="B3348" t="s">
        <v>3349</v>
      </c>
      <c r="C3348" t="s">
        <v>8797</v>
      </c>
      <c r="D3348" t="s">
        <v>14241</v>
      </c>
      <c r="E3348" t="s">
        <v>19530</v>
      </c>
      <c r="G3348" s="2"/>
    </row>
    <row r="3349" spans="1:7" x14ac:dyDescent="0.25">
      <c r="A3349" s="1">
        <v>3347</v>
      </c>
      <c r="B3349" t="s">
        <v>3350</v>
      </c>
      <c r="C3349" t="s">
        <v>8798</v>
      </c>
      <c r="D3349" t="s">
        <v>14242</v>
      </c>
      <c r="E3349" t="s">
        <v>19531</v>
      </c>
      <c r="G3349" s="2"/>
    </row>
    <row r="3350" spans="1:7" x14ac:dyDescent="0.25">
      <c r="A3350" s="1">
        <v>3348</v>
      </c>
      <c r="B3350" t="s">
        <v>3351</v>
      </c>
      <c r="C3350" t="s">
        <v>8799</v>
      </c>
      <c r="D3350" t="s">
        <v>14243</v>
      </c>
      <c r="E3350" t="s">
        <v>19532</v>
      </c>
      <c r="G3350" s="2"/>
    </row>
    <row r="3351" spans="1:7" x14ac:dyDescent="0.25">
      <c r="A3351" s="1">
        <v>3349</v>
      </c>
      <c r="B3351" t="s">
        <v>3352</v>
      </c>
      <c r="C3351" t="s">
        <v>8800</v>
      </c>
      <c r="D3351" t="s">
        <v>14244</v>
      </c>
      <c r="E3351" t="s">
        <v>19533</v>
      </c>
      <c r="G3351" s="2"/>
    </row>
    <row r="3352" spans="1:7" x14ac:dyDescent="0.25">
      <c r="A3352" s="1">
        <v>3350</v>
      </c>
      <c r="B3352" t="s">
        <v>3353</v>
      </c>
      <c r="C3352" t="s">
        <v>8801</v>
      </c>
      <c r="D3352" t="s">
        <v>14245</v>
      </c>
      <c r="E3352" t="s">
        <v>19534</v>
      </c>
      <c r="G3352" s="2"/>
    </row>
    <row r="3353" spans="1:7" x14ac:dyDescent="0.25">
      <c r="A3353" s="1">
        <v>3351</v>
      </c>
      <c r="B3353" t="s">
        <v>3354</v>
      </c>
      <c r="C3353" t="s">
        <v>8802</v>
      </c>
      <c r="D3353" t="s">
        <v>14246</v>
      </c>
      <c r="E3353" t="s">
        <v>19535</v>
      </c>
      <c r="G3353" s="2"/>
    </row>
    <row r="3354" spans="1:7" x14ac:dyDescent="0.25">
      <c r="A3354" s="1">
        <v>3352</v>
      </c>
      <c r="B3354" t="s">
        <v>3355</v>
      </c>
      <c r="C3354" t="s">
        <v>8803</v>
      </c>
      <c r="D3354" t="s">
        <v>14247</v>
      </c>
      <c r="E3354" t="s">
        <v>19536</v>
      </c>
      <c r="G3354" s="2"/>
    </row>
    <row r="3355" spans="1:7" x14ac:dyDescent="0.25">
      <c r="A3355" s="1">
        <v>3353</v>
      </c>
      <c r="B3355" t="s">
        <v>3356</v>
      </c>
      <c r="C3355" t="s">
        <v>8804</v>
      </c>
      <c r="D3355" t="s">
        <v>14248</v>
      </c>
      <c r="E3355" t="s">
        <v>19537</v>
      </c>
      <c r="G3355" s="2"/>
    </row>
    <row r="3356" spans="1:7" x14ac:dyDescent="0.25">
      <c r="A3356" s="1">
        <v>3354</v>
      </c>
      <c r="B3356" t="s">
        <v>3357</v>
      </c>
      <c r="C3356" t="s">
        <v>8805</v>
      </c>
      <c r="D3356" t="s">
        <v>14249</v>
      </c>
      <c r="E3356" t="s">
        <v>19538</v>
      </c>
      <c r="G3356" s="2"/>
    </row>
    <row r="3357" spans="1:7" x14ac:dyDescent="0.25">
      <c r="A3357" s="1">
        <v>3355</v>
      </c>
      <c r="B3357" t="s">
        <v>3358</v>
      </c>
      <c r="C3357" t="s">
        <v>8806</v>
      </c>
      <c r="D3357" t="s">
        <v>14250</v>
      </c>
      <c r="E3357" t="s">
        <v>19539</v>
      </c>
      <c r="G3357" s="2"/>
    </row>
    <row r="3358" spans="1:7" x14ac:dyDescent="0.25">
      <c r="A3358" s="1">
        <v>3356</v>
      </c>
      <c r="B3358" t="s">
        <v>3359</v>
      </c>
      <c r="C3358" t="s">
        <v>8807</v>
      </c>
      <c r="D3358" t="s">
        <v>14251</v>
      </c>
      <c r="E3358" t="s">
        <v>19540</v>
      </c>
      <c r="G3358" s="2"/>
    </row>
    <row r="3359" spans="1:7" x14ac:dyDescent="0.25">
      <c r="A3359" s="1">
        <v>3357</v>
      </c>
      <c r="B3359" t="s">
        <v>3360</v>
      </c>
      <c r="C3359" t="s">
        <v>8808</v>
      </c>
      <c r="D3359" t="s">
        <v>14252</v>
      </c>
      <c r="E3359" t="s">
        <v>19541</v>
      </c>
      <c r="G3359" s="2"/>
    </row>
    <row r="3360" spans="1:7" x14ac:dyDescent="0.25">
      <c r="A3360" s="1">
        <v>3358</v>
      </c>
      <c r="B3360" t="s">
        <v>3361</v>
      </c>
      <c r="C3360" t="s">
        <v>8809</v>
      </c>
      <c r="D3360" t="s">
        <v>14253</v>
      </c>
      <c r="E3360" t="s">
        <v>19542</v>
      </c>
      <c r="G3360" s="2"/>
    </row>
    <row r="3361" spans="1:7" x14ac:dyDescent="0.25">
      <c r="A3361" s="1">
        <v>3359</v>
      </c>
      <c r="B3361" t="s">
        <v>3362</v>
      </c>
      <c r="C3361" t="s">
        <v>8810</v>
      </c>
      <c r="D3361" t="s">
        <v>14254</v>
      </c>
      <c r="E3361" t="s">
        <v>19543</v>
      </c>
      <c r="G3361" s="2"/>
    </row>
    <row r="3362" spans="1:7" x14ac:dyDescent="0.25">
      <c r="A3362" s="1">
        <v>3360</v>
      </c>
      <c r="B3362" t="s">
        <v>3363</v>
      </c>
      <c r="C3362" t="s">
        <v>8811</v>
      </c>
      <c r="D3362" t="s">
        <v>14255</v>
      </c>
      <c r="E3362" t="s">
        <v>19544</v>
      </c>
      <c r="G3362" s="2"/>
    </row>
    <row r="3363" spans="1:7" x14ac:dyDescent="0.25">
      <c r="A3363" s="1">
        <v>3361</v>
      </c>
      <c r="B3363" t="s">
        <v>3364</v>
      </c>
      <c r="C3363" t="s">
        <v>8812</v>
      </c>
      <c r="D3363" t="s">
        <v>14256</v>
      </c>
      <c r="E3363" t="s">
        <v>19545</v>
      </c>
      <c r="G3363" s="2"/>
    </row>
    <row r="3364" spans="1:7" x14ac:dyDescent="0.25">
      <c r="A3364" s="1">
        <v>3362</v>
      </c>
      <c r="B3364" t="s">
        <v>3365</v>
      </c>
      <c r="C3364" t="s">
        <v>8813</v>
      </c>
      <c r="D3364" t="s">
        <v>14257</v>
      </c>
      <c r="E3364" t="s">
        <v>17091</v>
      </c>
      <c r="G3364" s="2"/>
    </row>
    <row r="3365" spans="1:7" x14ac:dyDescent="0.25">
      <c r="A3365" s="1">
        <v>3363</v>
      </c>
      <c r="B3365" t="s">
        <v>3366</v>
      </c>
      <c r="C3365" t="s">
        <v>8814</v>
      </c>
      <c r="D3365" t="s">
        <v>14258</v>
      </c>
      <c r="E3365" t="s">
        <v>19546</v>
      </c>
      <c r="G3365" s="2"/>
    </row>
    <row r="3366" spans="1:7" x14ac:dyDescent="0.25">
      <c r="A3366" s="1">
        <v>3364</v>
      </c>
      <c r="B3366" t="s">
        <v>3367</v>
      </c>
      <c r="C3366" t="s">
        <v>8815</v>
      </c>
      <c r="D3366" t="s">
        <v>14259</v>
      </c>
      <c r="E3366" t="s">
        <v>16347</v>
      </c>
      <c r="G3366" s="2"/>
    </row>
    <row r="3367" spans="1:7" x14ac:dyDescent="0.25">
      <c r="A3367" s="1">
        <v>3365</v>
      </c>
      <c r="B3367" t="s">
        <v>3368</v>
      </c>
      <c r="C3367" t="s">
        <v>8816</v>
      </c>
      <c r="D3367" t="s">
        <v>14260</v>
      </c>
      <c r="E3367" t="s">
        <v>19547</v>
      </c>
      <c r="G3367" s="2"/>
    </row>
    <row r="3368" spans="1:7" x14ac:dyDescent="0.25">
      <c r="A3368" s="1">
        <v>3366</v>
      </c>
      <c r="B3368" t="s">
        <v>3369</v>
      </c>
      <c r="C3368" t="s">
        <v>8817</v>
      </c>
      <c r="D3368" t="s">
        <v>14261</v>
      </c>
      <c r="E3368" t="s">
        <v>19548</v>
      </c>
      <c r="G3368" s="2"/>
    </row>
    <row r="3369" spans="1:7" x14ac:dyDescent="0.25">
      <c r="A3369" s="1">
        <v>3367</v>
      </c>
      <c r="B3369" t="s">
        <v>3370</v>
      </c>
      <c r="C3369" t="s">
        <v>8818</v>
      </c>
      <c r="D3369" t="s">
        <v>14262</v>
      </c>
      <c r="E3369" t="s">
        <v>19549</v>
      </c>
      <c r="G3369" s="2"/>
    </row>
    <row r="3370" spans="1:7" x14ac:dyDescent="0.25">
      <c r="A3370" s="1">
        <v>3368</v>
      </c>
      <c r="B3370" t="s">
        <v>3371</v>
      </c>
      <c r="C3370" t="s">
        <v>8819</v>
      </c>
      <c r="D3370" t="s">
        <v>14263</v>
      </c>
      <c r="E3370" t="s">
        <v>19550</v>
      </c>
      <c r="G3370" s="2"/>
    </row>
    <row r="3371" spans="1:7" x14ac:dyDescent="0.25">
      <c r="A3371" s="1">
        <v>3369</v>
      </c>
      <c r="B3371" t="s">
        <v>3372</v>
      </c>
      <c r="C3371" t="s">
        <v>8820</v>
      </c>
      <c r="D3371" t="s">
        <v>14264</v>
      </c>
      <c r="E3371" t="s">
        <v>19551</v>
      </c>
      <c r="G3371" s="2"/>
    </row>
    <row r="3372" spans="1:7" x14ac:dyDescent="0.25">
      <c r="A3372" s="1">
        <v>3370</v>
      </c>
      <c r="B3372" t="s">
        <v>3373</v>
      </c>
      <c r="C3372" t="s">
        <v>8821</v>
      </c>
      <c r="D3372" t="s">
        <v>14265</v>
      </c>
      <c r="E3372" t="s">
        <v>19552</v>
      </c>
      <c r="G3372" s="2"/>
    </row>
    <row r="3373" spans="1:7" x14ac:dyDescent="0.25">
      <c r="A3373" s="1">
        <v>3371</v>
      </c>
      <c r="B3373" t="s">
        <v>3374</v>
      </c>
      <c r="C3373" t="s">
        <v>8822</v>
      </c>
      <c r="D3373" t="s">
        <v>14266</v>
      </c>
      <c r="E3373" t="s">
        <v>19553</v>
      </c>
      <c r="G3373" s="2"/>
    </row>
    <row r="3374" spans="1:7" x14ac:dyDescent="0.25">
      <c r="A3374" s="1">
        <v>3372</v>
      </c>
      <c r="B3374" t="s">
        <v>3375</v>
      </c>
      <c r="C3374" t="s">
        <v>8823</v>
      </c>
      <c r="D3374" t="s">
        <v>14267</v>
      </c>
      <c r="E3374" t="s">
        <v>19554</v>
      </c>
      <c r="G3374" s="2"/>
    </row>
    <row r="3375" spans="1:7" x14ac:dyDescent="0.25">
      <c r="A3375" s="1">
        <v>3373</v>
      </c>
      <c r="B3375" t="s">
        <v>3376</v>
      </c>
      <c r="C3375" t="s">
        <v>8824</v>
      </c>
      <c r="D3375" t="s">
        <v>14268</v>
      </c>
      <c r="E3375" t="s">
        <v>19555</v>
      </c>
      <c r="G3375" s="2"/>
    </row>
    <row r="3376" spans="1:7" x14ac:dyDescent="0.25">
      <c r="A3376" s="1">
        <v>3374</v>
      </c>
      <c r="B3376" t="s">
        <v>3377</v>
      </c>
      <c r="C3376" t="s">
        <v>8825</v>
      </c>
      <c r="D3376" t="s">
        <v>14269</v>
      </c>
      <c r="E3376" t="s">
        <v>19556</v>
      </c>
      <c r="G3376" s="2"/>
    </row>
    <row r="3377" spans="1:7" x14ac:dyDescent="0.25">
      <c r="A3377" s="1">
        <v>3375</v>
      </c>
      <c r="B3377" t="s">
        <v>3378</v>
      </c>
      <c r="C3377" t="s">
        <v>8826</v>
      </c>
      <c r="D3377" t="s">
        <v>14270</v>
      </c>
      <c r="E3377" t="s">
        <v>19557</v>
      </c>
      <c r="G3377" s="2"/>
    </row>
    <row r="3378" spans="1:7" x14ac:dyDescent="0.25">
      <c r="A3378" s="1">
        <v>3376</v>
      </c>
      <c r="B3378" t="s">
        <v>3379</v>
      </c>
      <c r="C3378" t="s">
        <v>8827</v>
      </c>
      <c r="D3378" t="s">
        <v>14271</v>
      </c>
      <c r="E3378" t="s">
        <v>19558</v>
      </c>
      <c r="G3378" s="2"/>
    </row>
    <row r="3379" spans="1:7" x14ac:dyDescent="0.25">
      <c r="A3379" s="1">
        <v>3377</v>
      </c>
      <c r="B3379" t="s">
        <v>3380</v>
      </c>
      <c r="C3379" t="s">
        <v>8828</v>
      </c>
      <c r="D3379" t="s">
        <v>14272</v>
      </c>
      <c r="E3379" t="s">
        <v>19559</v>
      </c>
      <c r="G3379" s="2"/>
    </row>
    <row r="3380" spans="1:7" x14ac:dyDescent="0.25">
      <c r="A3380" s="1">
        <v>3378</v>
      </c>
      <c r="B3380" t="s">
        <v>3381</v>
      </c>
      <c r="C3380" t="s">
        <v>8829</v>
      </c>
      <c r="D3380" t="s">
        <v>14273</v>
      </c>
      <c r="E3380" t="s">
        <v>16617</v>
      </c>
      <c r="G3380" s="2"/>
    </row>
    <row r="3381" spans="1:7" x14ac:dyDescent="0.25">
      <c r="A3381" s="1">
        <v>3379</v>
      </c>
      <c r="B3381" t="s">
        <v>3382</v>
      </c>
      <c r="C3381" t="s">
        <v>8830</v>
      </c>
      <c r="D3381" t="s">
        <v>14274</v>
      </c>
      <c r="E3381" t="s">
        <v>19560</v>
      </c>
      <c r="G3381" s="2"/>
    </row>
    <row r="3382" spans="1:7" x14ac:dyDescent="0.25">
      <c r="A3382" s="1">
        <v>3380</v>
      </c>
      <c r="B3382" t="s">
        <v>3383</v>
      </c>
      <c r="C3382" t="s">
        <v>8831</v>
      </c>
      <c r="D3382" t="s">
        <v>14275</v>
      </c>
      <c r="E3382" t="s">
        <v>19561</v>
      </c>
      <c r="G3382" s="2"/>
    </row>
    <row r="3383" spans="1:7" x14ac:dyDescent="0.25">
      <c r="A3383" s="1">
        <v>3381</v>
      </c>
      <c r="B3383" t="s">
        <v>3384</v>
      </c>
      <c r="C3383" t="s">
        <v>8832</v>
      </c>
      <c r="D3383" t="s">
        <v>14276</v>
      </c>
      <c r="E3383" t="s">
        <v>19562</v>
      </c>
      <c r="G3383" s="2"/>
    </row>
    <row r="3384" spans="1:7" x14ac:dyDescent="0.25">
      <c r="A3384" s="1">
        <v>3382</v>
      </c>
      <c r="B3384" t="s">
        <v>3385</v>
      </c>
      <c r="C3384" t="s">
        <v>8833</v>
      </c>
      <c r="D3384" t="s">
        <v>14277</v>
      </c>
      <c r="E3384" t="s">
        <v>19563</v>
      </c>
      <c r="G3384" s="2"/>
    </row>
    <row r="3385" spans="1:7" x14ac:dyDescent="0.25">
      <c r="A3385" s="1">
        <v>3383</v>
      </c>
      <c r="B3385" t="s">
        <v>3386</v>
      </c>
      <c r="C3385" t="s">
        <v>8834</v>
      </c>
      <c r="D3385" t="s">
        <v>14278</v>
      </c>
      <c r="E3385" t="s">
        <v>19564</v>
      </c>
      <c r="G3385" s="2"/>
    </row>
    <row r="3386" spans="1:7" x14ac:dyDescent="0.25">
      <c r="A3386" s="1">
        <v>3384</v>
      </c>
      <c r="B3386" t="s">
        <v>3387</v>
      </c>
      <c r="C3386" t="s">
        <v>8835</v>
      </c>
      <c r="D3386" t="s">
        <v>14279</v>
      </c>
      <c r="E3386" t="s">
        <v>19565</v>
      </c>
      <c r="G3386" s="2"/>
    </row>
    <row r="3387" spans="1:7" x14ac:dyDescent="0.25">
      <c r="A3387" s="1">
        <v>3385</v>
      </c>
      <c r="B3387" t="s">
        <v>3388</v>
      </c>
      <c r="C3387" t="s">
        <v>8836</v>
      </c>
      <c r="D3387" t="s">
        <v>14280</v>
      </c>
      <c r="E3387" t="s">
        <v>19566</v>
      </c>
      <c r="G3387" s="2"/>
    </row>
    <row r="3388" spans="1:7" x14ac:dyDescent="0.25">
      <c r="A3388" s="1">
        <v>3386</v>
      </c>
      <c r="B3388" t="s">
        <v>3389</v>
      </c>
      <c r="C3388" t="s">
        <v>8837</v>
      </c>
      <c r="D3388" t="s">
        <v>14281</v>
      </c>
      <c r="E3388" t="s">
        <v>19567</v>
      </c>
      <c r="G3388" s="2"/>
    </row>
    <row r="3389" spans="1:7" x14ac:dyDescent="0.25">
      <c r="A3389" s="1">
        <v>3387</v>
      </c>
      <c r="B3389" t="s">
        <v>3390</v>
      </c>
      <c r="C3389" t="s">
        <v>8838</v>
      </c>
      <c r="D3389" t="s">
        <v>14282</v>
      </c>
      <c r="E3389" t="s">
        <v>19568</v>
      </c>
      <c r="G3389" s="2"/>
    </row>
    <row r="3390" spans="1:7" x14ac:dyDescent="0.25">
      <c r="A3390" s="1">
        <v>3388</v>
      </c>
      <c r="B3390" t="s">
        <v>3391</v>
      </c>
      <c r="C3390" t="s">
        <v>8839</v>
      </c>
      <c r="D3390" t="s">
        <v>14283</v>
      </c>
      <c r="E3390" t="s">
        <v>19569</v>
      </c>
      <c r="G3390" s="2"/>
    </row>
    <row r="3391" spans="1:7" x14ac:dyDescent="0.25">
      <c r="A3391" s="1">
        <v>3389</v>
      </c>
      <c r="B3391" t="s">
        <v>3392</v>
      </c>
      <c r="C3391" t="s">
        <v>8840</v>
      </c>
      <c r="D3391" t="s">
        <v>14284</v>
      </c>
      <c r="E3391" t="s">
        <v>16555</v>
      </c>
      <c r="G3391" s="2"/>
    </row>
    <row r="3392" spans="1:7" x14ac:dyDescent="0.25">
      <c r="A3392" s="1">
        <v>3390</v>
      </c>
      <c r="B3392" t="s">
        <v>3393</v>
      </c>
      <c r="C3392" t="s">
        <v>8841</v>
      </c>
      <c r="D3392" t="s">
        <v>14285</v>
      </c>
      <c r="E3392" t="s">
        <v>19570</v>
      </c>
      <c r="G3392" s="2"/>
    </row>
    <row r="3393" spans="1:7" x14ac:dyDescent="0.25">
      <c r="A3393" s="1">
        <v>3391</v>
      </c>
      <c r="B3393" t="s">
        <v>3394</v>
      </c>
      <c r="C3393" t="s">
        <v>8842</v>
      </c>
      <c r="D3393" t="s">
        <v>14286</v>
      </c>
      <c r="E3393" t="s">
        <v>19571</v>
      </c>
      <c r="G3393" s="2"/>
    </row>
    <row r="3394" spans="1:7" x14ac:dyDescent="0.25">
      <c r="A3394" s="1">
        <v>3392</v>
      </c>
      <c r="B3394" t="s">
        <v>3395</v>
      </c>
      <c r="C3394" t="s">
        <v>8843</v>
      </c>
      <c r="D3394" t="s">
        <v>14287</v>
      </c>
      <c r="E3394" t="s">
        <v>19572</v>
      </c>
      <c r="G3394" s="2"/>
    </row>
    <row r="3395" spans="1:7" x14ac:dyDescent="0.25">
      <c r="A3395" s="1">
        <v>3393</v>
      </c>
      <c r="B3395" t="s">
        <v>3396</v>
      </c>
      <c r="C3395" t="s">
        <v>8844</v>
      </c>
      <c r="D3395" t="s">
        <v>14288</v>
      </c>
      <c r="E3395" t="s">
        <v>19573</v>
      </c>
      <c r="G3395" s="2"/>
    </row>
    <row r="3396" spans="1:7" x14ac:dyDescent="0.25">
      <c r="A3396" s="1">
        <v>3394</v>
      </c>
      <c r="B3396" t="s">
        <v>3397</v>
      </c>
      <c r="C3396" t="s">
        <v>8845</v>
      </c>
      <c r="D3396" t="s">
        <v>14289</v>
      </c>
      <c r="E3396" t="s">
        <v>19574</v>
      </c>
      <c r="G3396" s="2"/>
    </row>
    <row r="3397" spans="1:7" x14ac:dyDescent="0.25">
      <c r="A3397" s="1">
        <v>3395</v>
      </c>
      <c r="B3397" t="s">
        <v>3398</v>
      </c>
      <c r="C3397" t="s">
        <v>8846</v>
      </c>
      <c r="D3397" t="s">
        <v>14290</v>
      </c>
      <c r="E3397" t="s">
        <v>19575</v>
      </c>
      <c r="G3397" s="2"/>
    </row>
    <row r="3398" spans="1:7" x14ac:dyDescent="0.25">
      <c r="A3398" s="1">
        <v>3396</v>
      </c>
      <c r="B3398" t="s">
        <v>3399</v>
      </c>
      <c r="C3398" t="s">
        <v>8847</v>
      </c>
      <c r="D3398" t="s">
        <v>14291</v>
      </c>
      <c r="E3398" t="s">
        <v>19576</v>
      </c>
      <c r="G3398" s="2"/>
    </row>
    <row r="3399" spans="1:7" x14ac:dyDescent="0.25">
      <c r="A3399" s="1">
        <v>3397</v>
      </c>
      <c r="B3399" t="s">
        <v>3400</v>
      </c>
      <c r="C3399" t="s">
        <v>8848</v>
      </c>
      <c r="D3399" t="s">
        <v>14292</v>
      </c>
      <c r="E3399" t="s">
        <v>19577</v>
      </c>
      <c r="G3399" s="2"/>
    </row>
    <row r="3400" spans="1:7" x14ac:dyDescent="0.25">
      <c r="A3400" s="1">
        <v>3398</v>
      </c>
      <c r="B3400" t="s">
        <v>3401</v>
      </c>
      <c r="C3400" t="s">
        <v>8849</v>
      </c>
      <c r="D3400" t="s">
        <v>8849</v>
      </c>
      <c r="E3400" t="s">
        <v>19578</v>
      </c>
      <c r="G3400" s="2"/>
    </row>
    <row r="3401" spans="1:7" x14ac:dyDescent="0.25">
      <c r="A3401" s="1">
        <v>3399</v>
      </c>
      <c r="B3401" t="s">
        <v>3402</v>
      </c>
      <c r="C3401" t="s">
        <v>8850</v>
      </c>
      <c r="D3401" t="s">
        <v>14293</v>
      </c>
      <c r="E3401" t="s">
        <v>19579</v>
      </c>
      <c r="G3401" s="2"/>
    </row>
    <row r="3402" spans="1:7" x14ac:dyDescent="0.25">
      <c r="A3402" s="1">
        <v>3400</v>
      </c>
      <c r="B3402" t="s">
        <v>3403</v>
      </c>
      <c r="C3402" t="s">
        <v>8851</v>
      </c>
      <c r="D3402" t="s">
        <v>14294</v>
      </c>
      <c r="E3402" t="s">
        <v>19580</v>
      </c>
      <c r="G3402" s="2"/>
    </row>
    <row r="3403" spans="1:7" x14ac:dyDescent="0.25">
      <c r="A3403" s="1">
        <v>3401</v>
      </c>
      <c r="B3403" t="s">
        <v>3404</v>
      </c>
      <c r="C3403" t="s">
        <v>8852</v>
      </c>
      <c r="D3403" t="s">
        <v>14295</v>
      </c>
      <c r="E3403" t="s">
        <v>19581</v>
      </c>
      <c r="G3403" s="2"/>
    </row>
    <row r="3404" spans="1:7" x14ac:dyDescent="0.25">
      <c r="A3404" s="1">
        <v>3402</v>
      </c>
      <c r="B3404" t="s">
        <v>3405</v>
      </c>
      <c r="C3404" t="s">
        <v>8853</v>
      </c>
      <c r="D3404" t="s">
        <v>14296</v>
      </c>
      <c r="E3404" t="s">
        <v>19582</v>
      </c>
      <c r="G3404" s="2"/>
    </row>
    <row r="3405" spans="1:7" x14ac:dyDescent="0.25">
      <c r="A3405" s="1">
        <v>3403</v>
      </c>
      <c r="B3405" t="s">
        <v>3406</v>
      </c>
      <c r="C3405" t="s">
        <v>8854</v>
      </c>
      <c r="D3405" t="s">
        <v>14297</v>
      </c>
      <c r="E3405" t="s">
        <v>19583</v>
      </c>
      <c r="G3405" s="2"/>
    </row>
    <row r="3406" spans="1:7" x14ac:dyDescent="0.25">
      <c r="A3406" s="1">
        <v>3404</v>
      </c>
      <c r="B3406" t="s">
        <v>3407</v>
      </c>
      <c r="C3406" t="s">
        <v>8855</v>
      </c>
      <c r="D3406" t="s">
        <v>14298</v>
      </c>
      <c r="E3406" t="s">
        <v>19584</v>
      </c>
      <c r="G3406" s="2"/>
    </row>
    <row r="3407" spans="1:7" x14ac:dyDescent="0.25">
      <c r="A3407" s="1">
        <v>3405</v>
      </c>
      <c r="B3407" t="s">
        <v>3408</v>
      </c>
      <c r="C3407" t="s">
        <v>8856</v>
      </c>
      <c r="D3407" t="s">
        <v>14299</v>
      </c>
      <c r="E3407" t="s">
        <v>19585</v>
      </c>
      <c r="G3407" s="2"/>
    </row>
    <row r="3408" spans="1:7" x14ac:dyDescent="0.25">
      <c r="A3408" s="1">
        <v>3406</v>
      </c>
      <c r="B3408" t="s">
        <v>3409</v>
      </c>
      <c r="C3408" t="s">
        <v>8857</v>
      </c>
      <c r="D3408" t="s">
        <v>14300</v>
      </c>
      <c r="E3408" t="s">
        <v>19586</v>
      </c>
      <c r="G3408" s="2"/>
    </row>
    <row r="3409" spans="1:7" x14ac:dyDescent="0.25">
      <c r="A3409" s="1">
        <v>3407</v>
      </c>
      <c r="B3409" t="s">
        <v>3410</v>
      </c>
      <c r="C3409" t="s">
        <v>8858</v>
      </c>
      <c r="D3409" t="s">
        <v>14301</v>
      </c>
      <c r="E3409" t="s">
        <v>19587</v>
      </c>
      <c r="G3409" s="2"/>
    </row>
    <row r="3410" spans="1:7" x14ac:dyDescent="0.25">
      <c r="A3410" s="1">
        <v>3408</v>
      </c>
      <c r="B3410" t="s">
        <v>3411</v>
      </c>
      <c r="C3410" t="s">
        <v>8859</v>
      </c>
      <c r="D3410" t="s">
        <v>14302</v>
      </c>
      <c r="E3410" t="s">
        <v>16731</v>
      </c>
      <c r="G3410" s="2"/>
    </row>
    <row r="3411" spans="1:7" x14ac:dyDescent="0.25">
      <c r="A3411" s="1">
        <v>3409</v>
      </c>
      <c r="B3411" t="s">
        <v>3412</v>
      </c>
      <c r="C3411" t="s">
        <v>8860</v>
      </c>
      <c r="D3411" t="s">
        <v>14303</v>
      </c>
      <c r="E3411" t="s">
        <v>19588</v>
      </c>
      <c r="G3411" s="2"/>
    </row>
    <row r="3412" spans="1:7" x14ac:dyDescent="0.25">
      <c r="A3412" s="1">
        <v>3410</v>
      </c>
      <c r="B3412" t="s">
        <v>3413</v>
      </c>
      <c r="C3412" t="s">
        <v>8861</v>
      </c>
      <c r="D3412" t="s">
        <v>14304</v>
      </c>
      <c r="E3412" t="s">
        <v>19589</v>
      </c>
      <c r="G3412" s="2"/>
    </row>
    <row r="3413" spans="1:7" x14ac:dyDescent="0.25">
      <c r="A3413" s="1">
        <v>3411</v>
      </c>
      <c r="B3413" t="s">
        <v>3414</v>
      </c>
      <c r="C3413" t="s">
        <v>8862</v>
      </c>
      <c r="D3413" t="s">
        <v>14305</v>
      </c>
      <c r="E3413" t="s">
        <v>19590</v>
      </c>
      <c r="G3413" s="2"/>
    </row>
    <row r="3414" spans="1:7" x14ac:dyDescent="0.25">
      <c r="A3414" s="1">
        <v>3412</v>
      </c>
      <c r="B3414" t="s">
        <v>3415</v>
      </c>
      <c r="C3414" t="s">
        <v>8863</v>
      </c>
      <c r="D3414" t="s">
        <v>14306</v>
      </c>
      <c r="E3414" t="s">
        <v>17091</v>
      </c>
      <c r="G3414" s="2"/>
    </row>
    <row r="3415" spans="1:7" x14ac:dyDescent="0.25">
      <c r="A3415" s="1">
        <v>3413</v>
      </c>
      <c r="B3415" t="s">
        <v>3416</v>
      </c>
      <c r="C3415" t="s">
        <v>8864</v>
      </c>
      <c r="D3415" t="s">
        <v>14307</v>
      </c>
      <c r="E3415" t="s">
        <v>19591</v>
      </c>
      <c r="G3415" s="2"/>
    </row>
    <row r="3416" spans="1:7" x14ac:dyDescent="0.25">
      <c r="A3416" s="1">
        <v>3414</v>
      </c>
      <c r="B3416" t="s">
        <v>3417</v>
      </c>
      <c r="C3416" t="s">
        <v>8865</v>
      </c>
      <c r="D3416" t="s">
        <v>14308</v>
      </c>
      <c r="E3416" t="s">
        <v>19592</v>
      </c>
      <c r="G3416" s="2"/>
    </row>
    <row r="3417" spans="1:7" x14ac:dyDescent="0.25">
      <c r="A3417" s="1">
        <v>3415</v>
      </c>
      <c r="B3417" t="s">
        <v>3418</v>
      </c>
      <c r="C3417" t="s">
        <v>8866</v>
      </c>
      <c r="D3417" t="s">
        <v>14309</v>
      </c>
      <c r="E3417" t="s">
        <v>19593</v>
      </c>
      <c r="G3417" s="2"/>
    </row>
    <row r="3418" spans="1:7" x14ac:dyDescent="0.25">
      <c r="A3418" s="1">
        <v>3416</v>
      </c>
      <c r="B3418" t="s">
        <v>3419</v>
      </c>
      <c r="C3418" t="s">
        <v>8867</v>
      </c>
      <c r="D3418" t="s">
        <v>14310</v>
      </c>
      <c r="E3418" t="s">
        <v>19594</v>
      </c>
      <c r="G3418" s="2"/>
    </row>
    <row r="3419" spans="1:7" x14ac:dyDescent="0.25">
      <c r="A3419" s="1">
        <v>3417</v>
      </c>
      <c r="B3419" t="s">
        <v>3420</v>
      </c>
      <c r="C3419" t="s">
        <v>8868</v>
      </c>
      <c r="D3419" t="s">
        <v>14311</v>
      </c>
      <c r="E3419" t="s">
        <v>19595</v>
      </c>
      <c r="G3419" s="2"/>
    </row>
    <row r="3420" spans="1:7" x14ac:dyDescent="0.25">
      <c r="A3420" s="1">
        <v>3418</v>
      </c>
      <c r="B3420" t="s">
        <v>3421</v>
      </c>
      <c r="C3420" t="s">
        <v>8869</v>
      </c>
      <c r="D3420" t="s">
        <v>14312</v>
      </c>
      <c r="E3420" t="s">
        <v>19596</v>
      </c>
      <c r="G3420" s="2"/>
    </row>
    <row r="3421" spans="1:7" x14ac:dyDescent="0.25">
      <c r="A3421" s="1">
        <v>3419</v>
      </c>
      <c r="B3421" t="s">
        <v>3422</v>
      </c>
      <c r="C3421" t="s">
        <v>8870</v>
      </c>
      <c r="D3421" t="s">
        <v>14313</v>
      </c>
      <c r="E3421" t="s">
        <v>19597</v>
      </c>
      <c r="G3421" s="2"/>
    </row>
    <row r="3422" spans="1:7" x14ac:dyDescent="0.25">
      <c r="A3422" s="1">
        <v>3420</v>
      </c>
      <c r="B3422" t="s">
        <v>3423</v>
      </c>
      <c r="C3422" t="s">
        <v>8871</v>
      </c>
      <c r="D3422" t="s">
        <v>14314</v>
      </c>
      <c r="E3422" t="s">
        <v>19598</v>
      </c>
      <c r="G3422" s="2"/>
    </row>
    <row r="3423" spans="1:7" x14ac:dyDescent="0.25">
      <c r="A3423" s="1">
        <v>3421</v>
      </c>
      <c r="B3423" t="s">
        <v>3424</v>
      </c>
      <c r="C3423" t="s">
        <v>8872</v>
      </c>
      <c r="D3423" t="s">
        <v>14315</v>
      </c>
      <c r="E3423" t="s">
        <v>19599</v>
      </c>
      <c r="G3423" s="2"/>
    </row>
    <row r="3424" spans="1:7" x14ac:dyDescent="0.25">
      <c r="A3424" s="1">
        <v>3422</v>
      </c>
      <c r="B3424" t="s">
        <v>3425</v>
      </c>
      <c r="C3424" t="s">
        <v>8873</v>
      </c>
      <c r="D3424" t="s">
        <v>14316</v>
      </c>
      <c r="E3424" t="s">
        <v>19600</v>
      </c>
      <c r="G3424" s="2"/>
    </row>
    <row r="3425" spans="1:7" x14ac:dyDescent="0.25">
      <c r="A3425" s="1">
        <v>3423</v>
      </c>
      <c r="B3425" t="s">
        <v>3426</v>
      </c>
      <c r="C3425" t="s">
        <v>8874</v>
      </c>
      <c r="D3425" t="s">
        <v>14317</v>
      </c>
      <c r="E3425" t="s">
        <v>19601</v>
      </c>
      <c r="G3425" s="2"/>
    </row>
    <row r="3426" spans="1:7" x14ac:dyDescent="0.25">
      <c r="A3426" s="1">
        <v>3424</v>
      </c>
      <c r="B3426" t="s">
        <v>3427</v>
      </c>
      <c r="C3426" t="s">
        <v>8875</v>
      </c>
      <c r="D3426" t="s">
        <v>14318</v>
      </c>
      <c r="E3426" t="s">
        <v>19602</v>
      </c>
      <c r="G3426" s="2"/>
    </row>
    <row r="3427" spans="1:7" x14ac:dyDescent="0.25">
      <c r="A3427" s="1">
        <v>3425</v>
      </c>
      <c r="B3427" t="s">
        <v>3428</v>
      </c>
      <c r="C3427" t="s">
        <v>8876</v>
      </c>
      <c r="D3427" t="s">
        <v>14319</v>
      </c>
      <c r="E3427" t="s">
        <v>19603</v>
      </c>
      <c r="G3427" s="2"/>
    </row>
    <row r="3428" spans="1:7" x14ac:dyDescent="0.25">
      <c r="A3428" s="1">
        <v>3426</v>
      </c>
      <c r="B3428" t="s">
        <v>3429</v>
      </c>
      <c r="C3428" t="s">
        <v>8877</v>
      </c>
      <c r="D3428" t="s">
        <v>14320</v>
      </c>
      <c r="E3428" t="s">
        <v>19604</v>
      </c>
      <c r="G3428" s="2"/>
    </row>
    <row r="3429" spans="1:7" x14ac:dyDescent="0.25">
      <c r="A3429" s="1">
        <v>3427</v>
      </c>
      <c r="B3429" t="s">
        <v>3430</v>
      </c>
      <c r="C3429" t="s">
        <v>8878</v>
      </c>
      <c r="D3429" t="s">
        <v>14321</v>
      </c>
      <c r="E3429" t="s">
        <v>19605</v>
      </c>
      <c r="G3429" s="2"/>
    </row>
    <row r="3430" spans="1:7" x14ac:dyDescent="0.25">
      <c r="A3430" s="1">
        <v>3428</v>
      </c>
      <c r="B3430" t="s">
        <v>3431</v>
      </c>
      <c r="C3430" t="s">
        <v>8879</v>
      </c>
      <c r="D3430" t="s">
        <v>14322</v>
      </c>
      <c r="E3430" t="s">
        <v>19606</v>
      </c>
      <c r="G3430" s="2"/>
    </row>
    <row r="3431" spans="1:7" x14ac:dyDescent="0.25">
      <c r="A3431" s="1">
        <v>3429</v>
      </c>
      <c r="B3431" t="s">
        <v>3432</v>
      </c>
      <c r="C3431" t="s">
        <v>8880</v>
      </c>
      <c r="D3431" t="s">
        <v>14323</v>
      </c>
      <c r="E3431" t="s">
        <v>19607</v>
      </c>
      <c r="G3431" s="2"/>
    </row>
    <row r="3432" spans="1:7" x14ac:dyDescent="0.25">
      <c r="A3432" s="1">
        <v>3430</v>
      </c>
      <c r="B3432" t="s">
        <v>3433</v>
      </c>
      <c r="C3432" t="s">
        <v>8881</v>
      </c>
      <c r="D3432" t="s">
        <v>14324</v>
      </c>
      <c r="E3432" t="s">
        <v>19608</v>
      </c>
      <c r="G3432" s="2"/>
    </row>
    <row r="3433" spans="1:7" x14ac:dyDescent="0.25">
      <c r="A3433" s="1">
        <v>3431</v>
      </c>
      <c r="B3433" t="s">
        <v>3434</v>
      </c>
      <c r="C3433" t="s">
        <v>8882</v>
      </c>
      <c r="D3433" t="s">
        <v>14325</v>
      </c>
      <c r="E3433" t="s">
        <v>19609</v>
      </c>
      <c r="G3433" s="2"/>
    </row>
    <row r="3434" spans="1:7" x14ac:dyDescent="0.25">
      <c r="A3434" s="1">
        <v>3432</v>
      </c>
      <c r="B3434" t="s">
        <v>3435</v>
      </c>
      <c r="C3434" t="s">
        <v>8883</v>
      </c>
      <c r="D3434" t="s">
        <v>14326</v>
      </c>
      <c r="E3434" t="s">
        <v>17806</v>
      </c>
      <c r="G3434" s="2"/>
    </row>
    <row r="3435" spans="1:7" x14ac:dyDescent="0.25">
      <c r="A3435" s="1">
        <v>3433</v>
      </c>
      <c r="B3435" t="s">
        <v>3436</v>
      </c>
      <c r="C3435" t="s">
        <v>8884</v>
      </c>
      <c r="D3435" t="s">
        <v>14327</v>
      </c>
      <c r="E3435" t="s">
        <v>19610</v>
      </c>
      <c r="G3435" s="2"/>
    </row>
    <row r="3436" spans="1:7" x14ac:dyDescent="0.25">
      <c r="A3436" s="1">
        <v>3434</v>
      </c>
      <c r="B3436" t="s">
        <v>3437</v>
      </c>
      <c r="C3436" t="s">
        <v>8885</v>
      </c>
      <c r="D3436" t="s">
        <v>14328</v>
      </c>
      <c r="E3436" t="s">
        <v>19611</v>
      </c>
      <c r="G3436" s="2"/>
    </row>
    <row r="3437" spans="1:7" x14ac:dyDescent="0.25">
      <c r="A3437" s="1">
        <v>3435</v>
      </c>
      <c r="B3437" t="s">
        <v>3438</v>
      </c>
      <c r="C3437" t="s">
        <v>8886</v>
      </c>
      <c r="D3437" t="s">
        <v>14329</v>
      </c>
      <c r="E3437" t="s">
        <v>19612</v>
      </c>
      <c r="G3437" s="2"/>
    </row>
    <row r="3438" spans="1:7" x14ac:dyDescent="0.25">
      <c r="A3438" s="1">
        <v>3436</v>
      </c>
      <c r="B3438" t="s">
        <v>3439</v>
      </c>
      <c r="C3438" t="s">
        <v>8887</v>
      </c>
      <c r="D3438" t="s">
        <v>14330</v>
      </c>
      <c r="E3438" t="s">
        <v>19613</v>
      </c>
      <c r="G3438" s="2"/>
    </row>
    <row r="3439" spans="1:7" x14ac:dyDescent="0.25">
      <c r="A3439" s="1">
        <v>3437</v>
      </c>
      <c r="B3439" t="s">
        <v>3440</v>
      </c>
      <c r="C3439" t="s">
        <v>8888</v>
      </c>
      <c r="D3439" t="s">
        <v>14331</v>
      </c>
      <c r="E3439" t="s">
        <v>19614</v>
      </c>
      <c r="G3439" s="2"/>
    </row>
    <row r="3440" spans="1:7" x14ac:dyDescent="0.25">
      <c r="A3440" s="1">
        <v>3438</v>
      </c>
      <c r="B3440" t="s">
        <v>3441</v>
      </c>
      <c r="C3440" t="s">
        <v>8889</v>
      </c>
      <c r="D3440" t="s">
        <v>14332</v>
      </c>
      <c r="E3440" t="s">
        <v>19615</v>
      </c>
      <c r="G3440" s="2"/>
    </row>
    <row r="3441" spans="1:7" x14ac:dyDescent="0.25">
      <c r="A3441" s="1">
        <v>3439</v>
      </c>
      <c r="B3441" t="s">
        <v>3442</v>
      </c>
      <c r="C3441" t="s">
        <v>8890</v>
      </c>
      <c r="D3441" t="s">
        <v>14333</v>
      </c>
      <c r="E3441" t="s">
        <v>19616</v>
      </c>
      <c r="G3441" s="2"/>
    </row>
    <row r="3442" spans="1:7" x14ac:dyDescent="0.25">
      <c r="A3442" s="1">
        <v>3440</v>
      </c>
      <c r="B3442" t="s">
        <v>3443</v>
      </c>
      <c r="C3442" t="s">
        <v>8891</v>
      </c>
      <c r="D3442" t="s">
        <v>14334</v>
      </c>
      <c r="E3442" t="s">
        <v>19617</v>
      </c>
      <c r="G3442" s="2"/>
    </row>
    <row r="3443" spans="1:7" x14ac:dyDescent="0.25">
      <c r="A3443" s="1">
        <v>3441</v>
      </c>
      <c r="B3443" t="s">
        <v>3444</v>
      </c>
      <c r="C3443" t="s">
        <v>8892</v>
      </c>
      <c r="D3443" t="s">
        <v>14335</v>
      </c>
      <c r="E3443" t="s">
        <v>19618</v>
      </c>
      <c r="G3443" s="2"/>
    </row>
    <row r="3444" spans="1:7" x14ac:dyDescent="0.25">
      <c r="A3444" s="1">
        <v>3442</v>
      </c>
      <c r="B3444" t="s">
        <v>3445</v>
      </c>
      <c r="C3444" t="s">
        <v>8893</v>
      </c>
      <c r="D3444" t="s">
        <v>14336</v>
      </c>
      <c r="E3444" t="s">
        <v>19619</v>
      </c>
      <c r="G3444" s="2"/>
    </row>
    <row r="3445" spans="1:7" x14ac:dyDescent="0.25">
      <c r="A3445" s="1">
        <v>3443</v>
      </c>
      <c r="B3445" t="s">
        <v>3446</v>
      </c>
      <c r="C3445" t="s">
        <v>8894</v>
      </c>
      <c r="D3445" t="s">
        <v>14337</v>
      </c>
      <c r="E3445" t="s">
        <v>19620</v>
      </c>
      <c r="G3445" s="2"/>
    </row>
    <row r="3446" spans="1:7" x14ac:dyDescent="0.25">
      <c r="A3446" s="1">
        <v>3444</v>
      </c>
      <c r="B3446" t="s">
        <v>3447</v>
      </c>
      <c r="C3446" t="s">
        <v>8895</v>
      </c>
      <c r="D3446" t="s">
        <v>14338</v>
      </c>
      <c r="E3446" t="s">
        <v>19621</v>
      </c>
      <c r="G3446" s="2"/>
    </row>
    <row r="3447" spans="1:7" x14ac:dyDescent="0.25">
      <c r="A3447" s="1">
        <v>3445</v>
      </c>
      <c r="B3447" t="s">
        <v>3448</v>
      </c>
      <c r="C3447" t="s">
        <v>8896</v>
      </c>
      <c r="D3447" t="s">
        <v>14339</v>
      </c>
      <c r="E3447" t="s">
        <v>19622</v>
      </c>
      <c r="G3447" s="2"/>
    </row>
    <row r="3448" spans="1:7" x14ac:dyDescent="0.25">
      <c r="A3448" s="1">
        <v>3446</v>
      </c>
      <c r="B3448" t="s">
        <v>3449</v>
      </c>
      <c r="C3448" t="s">
        <v>8897</v>
      </c>
      <c r="D3448" t="s">
        <v>14340</v>
      </c>
      <c r="E3448" t="s">
        <v>19623</v>
      </c>
      <c r="G3448" s="2"/>
    </row>
    <row r="3449" spans="1:7" x14ac:dyDescent="0.25">
      <c r="A3449" s="1">
        <v>3447</v>
      </c>
      <c r="B3449" t="s">
        <v>3450</v>
      </c>
      <c r="C3449" t="s">
        <v>8898</v>
      </c>
      <c r="D3449" t="s">
        <v>14341</v>
      </c>
      <c r="E3449" t="s">
        <v>19624</v>
      </c>
      <c r="G3449" s="2"/>
    </row>
    <row r="3450" spans="1:7" x14ac:dyDescent="0.25">
      <c r="A3450" s="1">
        <v>3448</v>
      </c>
      <c r="B3450" t="s">
        <v>3451</v>
      </c>
      <c r="C3450" t="s">
        <v>8899</v>
      </c>
      <c r="D3450" t="s">
        <v>14342</v>
      </c>
      <c r="E3450" t="s">
        <v>19625</v>
      </c>
      <c r="G3450" s="2"/>
    </row>
    <row r="3451" spans="1:7" x14ac:dyDescent="0.25">
      <c r="A3451" s="1">
        <v>3449</v>
      </c>
      <c r="B3451" t="s">
        <v>3452</v>
      </c>
      <c r="C3451" t="s">
        <v>8900</v>
      </c>
      <c r="D3451" t="s">
        <v>14343</v>
      </c>
      <c r="E3451" t="s">
        <v>16731</v>
      </c>
      <c r="G3451" s="2"/>
    </row>
    <row r="3452" spans="1:7" x14ac:dyDescent="0.25">
      <c r="A3452" s="1">
        <v>3450</v>
      </c>
      <c r="B3452" t="s">
        <v>3453</v>
      </c>
      <c r="C3452" t="s">
        <v>8901</v>
      </c>
      <c r="D3452" t="s">
        <v>14344</v>
      </c>
      <c r="E3452" t="s">
        <v>19626</v>
      </c>
      <c r="G3452" s="2"/>
    </row>
    <row r="3453" spans="1:7" x14ac:dyDescent="0.25">
      <c r="A3453" s="1">
        <v>3451</v>
      </c>
      <c r="B3453" t="s">
        <v>3454</v>
      </c>
      <c r="C3453" t="s">
        <v>8902</v>
      </c>
      <c r="D3453" t="s">
        <v>14345</v>
      </c>
      <c r="E3453" t="s">
        <v>19627</v>
      </c>
      <c r="G3453" s="2"/>
    </row>
    <row r="3454" spans="1:7" x14ac:dyDescent="0.25">
      <c r="A3454" s="1">
        <v>3452</v>
      </c>
      <c r="B3454" t="s">
        <v>3455</v>
      </c>
      <c r="C3454" t="s">
        <v>8903</v>
      </c>
      <c r="D3454" t="s">
        <v>14346</v>
      </c>
      <c r="E3454" t="s">
        <v>19628</v>
      </c>
      <c r="G3454" s="2"/>
    </row>
    <row r="3455" spans="1:7" x14ac:dyDescent="0.25">
      <c r="A3455" s="1">
        <v>3453</v>
      </c>
      <c r="B3455" t="s">
        <v>3456</v>
      </c>
      <c r="C3455" t="s">
        <v>8904</v>
      </c>
      <c r="D3455" t="s">
        <v>14347</v>
      </c>
      <c r="E3455" t="s">
        <v>19629</v>
      </c>
      <c r="G3455" s="2"/>
    </row>
    <row r="3456" spans="1:7" x14ac:dyDescent="0.25">
      <c r="A3456" s="1">
        <v>3454</v>
      </c>
      <c r="B3456" t="s">
        <v>3457</v>
      </c>
      <c r="C3456" t="s">
        <v>8905</v>
      </c>
      <c r="D3456" t="s">
        <v>14348</v>
      </c>
      <c r="E3456" t="s">
        <v>19630</v>
      </c>
      <c r="G3456" s="2"/>
    </row>
    <row r="3457" spans="1:7" x14ac:dyDescent="0.25">
      <c r="A3457" s="1">
        <v>3455</v>
      </c>
      <c r="B3457" t="s">
        <v>3458</v>
      </c>
      <c r="C3457" t="s">
        <v>8906</v>
      </c>
      <c r="D3457" t="s">
        <v>14349</v>
      </c>
      <c r="E3457" t="s">
        <v>19631</v>
      </c>
      <c r="G3457" s="2"/>
    </row>
    <row r="3458" spans="1:7" x14ac:dyDescent="0.25">
      <c r="A3458" s="1">
        <v>3456</v>
      </c>
      <c r="B3458" t="s">
        <v>3459</v>
      </c>
      <c r="C3458" t="s">
        <v>8907</v>
      </c>
      <c r="D3458" t="s">
        <v>14350</v>
      </c>
      <c r="E3458" t="s">
        <v>19632</v>
      </c>
      <c r="G3458" s="2"/>
    </row>
    <row r="3459" spans="1:7" x14ac:dyDescent="0.25">
      <c r="A3459" s="1">
        <v>3457</v>
      </c>
      <c r="B3459" t="s">
        <v>3460</v>
      </c>
      <c r="C3459" t="s">
        <v>8908</v>
      </c>
      <c r="D3459" t="s">
        <v>14351</v>
      </c>
      <c r="E3459" t="s">
        <v>16347</v>
      </c>
      <c r="G3459" s="2"/>
    </row>
    <row r="3460" spans="1:7" x14ac:dyDescent="0.25">
      <c r="A3460" s="1">
        <v>3458</v>
      </c>
      <c r="B3460" t="s">
        <v>3461</v>
      </c>
      <c r="C3460" t="s">
        <v>8909</v>
      </c>
      <c r="D3460" t="s">
        <v>14352</v>
      </c>
      <c r="E3460" t="s">
        <v>19633</v>
      </c>
      <c r="G3460" s="2"/>
    </row>
    <row r="3461" spans="1:7" x14ac:dyDescent="0.25">
      <c r="A3461" s="1">
        <v>3459</v>
      </c>
      <c r="B3461" t="s">
        <v>3462</v>
      </c>
      <c r="C3461" t="s">
        <v>8910</v>
      </c>
      <c r="D3461" t="s">
        <v>14353</v>
      </c>
      <c r="E3461" t="s">
        <v>19634</v>
      </c>
      <c r="G3461" s="2"/>
    </row>
    <row r="3462" spans="1:7" x14ac:dyDescent="0.25">
      <c r="A3462" s="1">
        <v>3460</v>
      </c>
      <c r="B3462" t="s">
        <v>3463</v>
      </c>
      <c r="C3462" t="s">
        <v>8911</v>
      </c>
      <c r="D3462" t="s">
        <v>14354</v>
      </c>
      <c r="E3462" t="s">
        <v>19635</v>
      </c>
      <c r="G3462" s="2"/>
    </row>
    <row r="3463" spans="1:7" x14ac:dyDescent="0.25">
      <c r="A3463" s="1">
        <v>3461</v>
      </c>
      <c r="B3463" t="s">
        <v>3464</v>
      </c>
      <c r="C3463" t="s">
        <v>8912</v>
      </c>
      <c r="D3463" t="s">
        <v>14355</v>
      </c>
      <c r="E3463" t="s">
        <v>19636</v>
      </c>
      <c r="G3463" s="2"/>
    </row>
    <row r="3464" spans="1:7" x14ac:dyDescent="0.25">
      <c r="A3464" s="1">
        <v>3462</v>
      </c>
      <c r="B3464" t="s">
        <v>3465</v>
      </c>
      <c r="C3464" t="s">
        <v>8913</v>
      </c>
      <c r="D3464" t="s">
        <v>14356</v>
      </c>
      <c r="E3464" t="s">
        <v>19637</v>
      </c>
      <c r="G3464" s="2"/>
    </row>
    <row r="3465" spans="1:7" x14ac:dyDescent="0.25">
      <c r="A3465" s="1">
        <v>3463</v>
      </c>
      <c r="B3465" t="s">
        <v>3466</v>
      </c>
      <c r="C3465" t="s">
        <v>8914</v>
      </c>
      <c r="D3465" t="s">
        <v>14357</v>
      </c>
      <c r="E3465" t="s">
        <v>19638</v>
      </c>
      <c r="G3465" s="2"/>
    </row>
    <row r="3466" spans="1:7" x14ac:dyDescent="0.25">
      <c r="A3466" s="1">
        <v>3464</v>
      </c>
      <c r="B3466" t="s">
        <v>3467</v>
      </c>
      <c r="C3466" t="s">
        <v>8915</v>
      </c>
      <c r="D3466" t="s">
        <v>14358</v>
      </c>
      <c r="E3466" t="s">
        <v>19639</v>
      </c>
      <c r="G3466" s="2"/>
    </row>
    <row r="3467" spans="1:7" x14ac:dyDescent="0.25">
      <c r="A3467" s="1">
        <v>3465</v>
      </c>
      <c r="B3467" t="s">
        <v>3468</v>
      </c>
      <c r="C3467" t="s">
        <v>8916</v>
      </c>
      <c r="D3467" t="s">
        <v>14359</v>
      </c>
      <c r="E3467" t="s">
        <v>19640</v>
      </c>
      <c r="G3467" s="2"/>
    </row>
    <row r="3468" spans="1:7" x14ac:dyDescent="0.25">
      <c r="A3468" s="1">
        <v>3466</v>
      </c>
      <c r="B3468" t="s">
        <v>3469</v>
      </c>
      <c r="C3468" t="s">
        <v>8917</v>
      </c>
      <c r="D3468" t="s">
        <v>14360</v>
      </c>
      <c r="E3468" t="s">
        <v>19641</v>
      </c>
      <c r="G3468" s="2"/>
    </row>
    <row r="3469" spans="1:7" x14ac:dyDescent="0.25">
      <c r="A3469" s="1">
        <v>3467</v>
      </c>
      <c r="B3469" t="s">
        <v>3470</v>
      </c>
      <c r="C3469" t="s">
        <v>8918</v>
      </c>
      <c r="D3469" t="s">
        <v>14361</v>
      </c>
      <c r="E3469" t="s">
        <v>19642</v>
      </c>
      <c r="G3469" s="2"/>
    </row>
    <row r="3470" spans="1:7" x14ac:dyDescent="0.25">
      <c r="A3470" s="1">
        <v>3468</v>
      </c>
      <c r="B3470" t="s">
        <v>3471</v>
      </c>
      <c r="C3470" t="s">
        <v>8919</v>
      </c>
      <c r="D3470" t="s">
        <v>14362</v>
      </c>
      <c r="E3470" t="s">
        <v>19643</v>
      </c>
      <c r="G3470" s="2"/>
    </row>
    <row r="3471" spans="1:7" x14ac:dyDescent="0.25">
      <c r="A3471" s="1">
        <v>3469</v>
      </c>
      <c r="B3471" t="s">
        <v>3472</v>
      </c>
      <c r="C3471" t="s">
        <v>8920</v>
      </c>
      <c r="D3471" t="s">
        <v>14363</v>
      </c>
      <c r="E3471" t="s">
        <v>19644</v>
      </c>
      <c r="G3471" s="2"/>
    </row>
    <row r="3472" spans="1:7" x14ac:dyDescent="0.25">
      <c r="A3472" s="1">
        <v>3470</v>
      </c>
      <c r="B3472" t="s">
        <v>3473</v>
      </c>
      <c r="C3472" t="s">
        <v>8921</v>
      </c>
      <c r="D3472" t="s">
        <v>14364</v>
      </c>
      <c r="E3472" t="s">
        <v>19645</v>
      </c>
      <c r="G3472" s="2"/>
    </row>
    <row r="3473" spans="1:7" x14ac:dyDescent="0.25">
      <c r="A3473" s="1">
        <v>3471</v>
      </c>
      <c r="B3473" t="s">
        <v>3474</v>
      </c>
      <c r="C3473" t="s">
        <v>8922</v>
      </c>
      <c r="D3473" t="s">
        <v>14365</v>
      </c>
      <c r="E3473" t="s">
        <v>19646</v>
      </c>
      <c r="G3473" s="2"/>
    </row>
    <row r="3474" spans="1:7" x14ac:dyDescent="0.25">
      <c r="A3474" s="1">
        <v>3472</v>
      </c>
      <c r="B3474" t="s">
        <v>3475</v>
      </c>
      <c r="C3474" t="s">
        <v>8923</v>
      </c>
      <c r="D3474" t="s">
        <v>14366</v>
      </c>
      <c r="E3474" t="s">
        <v>19647</v>
      </c>
      <c r="G3474" s="2"/>
    </row>
    <row r="3475" spans="1:7" x14ac:dyDescent="0.25">
      <c r="A3475" s="1">
        <v>3473</v>
      </c>
      <c r="B3475" t="s">
        <v>3476</v>
      </c>
      <c r="C3475" t="s">
        <v>8924</v>
      </c>
      <c r="D3475" t="s">
        <v>14367</v>
      </c>
      <c r="E3475" t="s">
        <v>19648</v>
      </c>
      <c r="G3475" s="2"/>
    </row>
    <row r="3476" spans="1:7" x14ac:dyDescent="0.25">
      <c r="A3476" s="1">
        <v>3474</v>
      </c>
      <c r="B3476" t="s">
        <v>3477</v>
      </c>
      <c r="C3476" t="s">
        <v>8925</v>
      </c>
      <c r="D3476" t="s">
        <v>14368</v>
      </c>
      <c r="E3476" t="s">
        <v>16617</v>
      </c>
      <c r="G3476" s="2"/>
    </row>
    <row r="3477" spans="1:7" x14ac:dyDescent="0.25">
      <c r="A3477" s="1">
        <v>3475</v>
      </c>
      <c r="B3477" t="s">
        <v>3478</v>
      </c>
      <c r="C3477" t="s">
        <v>8926</v>
      </c>
      <c r="D3477" t="s">
        <v>14369</v>
      </c>
      <c r="E3477" t="s">
        <v>19649</v>
      </c>
      <c r="G3477" s="2"/>
    </row>
    <row r="3478" spans="1:7" x14ac:dyDescent="0.25">
      <c r="A3478" s="1">
        <v>3476</v>
      </c>
      <c r="B3478" t="s">
        <v>3479</v>
      </c>
      <c r="C3478" t="s">
        <v>8927</v>
      </c>
      <c r="D3478" t="s">
        <v>14370</v>
      </c>
      <c r="E3478" t="s">
        <v>19650</v>
      </c>
      <c r="G3478" s="2"/>
    </row>
    <row r="3479" spans="1:7" x14ac:dyDescent="0.25">
      <c r="A3479" s="1">
        <v>3477</v>
      </c>
      <c r="B3479" t="s">
        <v>3480</v>
      </c>
      <c r="C3479" t="s">
        <v>8928</v>
      </c>
      <c r="D3479" t="s">
        <v>14371</v>
      </c>
      <c r="E3479" t="s">
        <v>19651</v>
      </c>
      <c r="G3479" s="2"/>
    </row>
    <row r="3480" spans="1:7" x14ac:dyDescent="0.25">
      <c r="A3480" s="1">
        <v>3478</v>
      </c>
      <c r="B3480" t="s">
        <v>3481</v>
      </c>
      <c r="C3480" t="s">
        <v>8929</v>
      </c>
      <c r="D3480" t="s">
        <v>14372</v>
      </c>
      <c r="E3480" t="s">
        <v>19652</v>
      </c>
      <c r="G3480" s="2"/>
    </row>
    <row r="3481" spans="1:7" x14ac:dyDescent="0.25">
      <c r="A3481" s="1">
        <v>3479</v>
      </c>
      <c r="B3481" t="s">
        <v>3482</v>
      </c>
      <c r="C3481" t="s">
        <v>8930</v>
      </c>
      <c r="D3481" t="s">
        <v>14373</v>
      </c>
      <c r="E3481" t="s">
        <v>19653</v>
      </c>
      <c r="G3481" s="2"/>
    </row>
    <row r="3482" spans="1:7" x14ac:dyDescent="0.25">
      <c r="A3482" s="1">
        <v>3480</v>
      </c>
      <c r="B3482" t="s">
        <v>3483</v>
      </c>
      <c r="C3482" t="s">
        <v>8931</v>
      </c>
      <c r="D3482" t="s">
        <v>14374</v>
      </c>
      <c r="E3482" t="s">
        <v>19654</v>
      </c>
      <c r="G3482" s="2"/>
    </row>
    <row r="3483" spans="1:7" x14ac:dyDescent="0.25">
      <c r="A3483" s="1">
        <v>3481</v>
      </c>
      <c r="B3483" t="s">
        <v>3484</v>
      </c>
      <c r="C3483" t="s">
        <v>8932</v>
      </c>
      <c r="D3483" t="s">
        <v>14375</v>
      </c>
      <c r="E3483" t="s">
        <v>17455</v>
      </c>
      <c r="G3483" s="2"/>
    </row>
    <row r="3484" spans="1:7" x14ac:dyDescent="0.25">
      <c r="A3484" s="1">
        <v>3482</v>
      </c>
      <c r="B3484" t="s">
        <v>3485</v>
      </c>
      <c r="C3484" t="s">
        <v>8933</v>
      </c>
      <c r="D3484" t="s">
        <v>14376</v>
      </c>
      <c r="E3484" t="s">
        <v>19655</v>
      </c>
      <c r="G3484" s="2"/>
    </row>
    <row r="3485" spans="1:7" x14ac:dyDescent="0.25">
      <c r="A3485" s="1">
        <v>3483</v>
      </c>
      <c r="B3485" t="s">
        <v>3486</v>
      </c>
      <c r="C3485" t="s">
        <v>8934</v>
      </c>
      <c r="D3485" t="s">
        <v>14377</v>
      </c>
      <c r="E3485" t="s">
        <v>19656</v>
      </c>
      <c r="G3485" s="2"/>
    </row>
    <row r="3486" spans="1:7" x14ac:dyDescent="0.25">
      <c r="A3486" s="1">
        <v>3484</v>
      </c>
      <c r="B3486" t="s">
        <v>3487</v>
      </c>
      <c r="C3486" t="s">
        <v>8935</v>
      </c>
      <c r="D3486" t="s">
        <v>14378</v>
      </c>
      <c r="E3486" t="s">
        <v>19657</v>
      </c>
      <c r="G3486" s="2"/>
    </row>
    <row r="3487" spans="1:7" x14ac:dyDescent="0.25">
      <c r="A3487" s="1">
        <v>3485</v>
      </c>
      <c r="B3487" t="s">
        <v>3488</v>
      </c>
      <c r="C3487" t="s">
        <v>8936</v>
      </c>
      <c r="D3487" t="s">
        <v>14379</v>
      </c>
      <c r="E3487" t="s">
        <v>19658</v>
      </c>
      <c r="G3487" s="2"/>
    </row>
    <row r="3488" spans="1:7" x14ac:dyDescent="0.25">
      <c r="A3488" s="1">
        <v>3486</v>
      </c>
      <c r="B3488" t="s">
        <v>3489</v>
      </c>
      <c r="C3488" t="s">
        <v>8937</v>
      </c>
      <c r="D3488" t="s">
        <v>14380</v>
      </c>
      <c r="E3488" t="s">
        <v>19659</v>
      </c>
      <c r="G3488" s="2"/>
    </row>
    <row r="3489" spans="1:7" x14ac:dyDescent="0.25">
      <c r="A3489" s="1">
        <v>3487</v>
      </c>
      <c r="B3489" t="s">
        <v>3490</v>
      </c>
      <c r="C3489" t="s">
        <v>8938</v>
      </c>
      <c r="D3489" t="s">
        <v>14381</v>
      </c>
      <c r="E3489" t="s">
        <v>19660</v>
      </c>
      <c r="G3489" s="2"/>
    </row>
    <row r="3490" spans="1:7" x14ac:dyDescent="0.25">
      <c r="A3490" s="1">
        <v>3488</v>
      </c>
      <c r="B3490" t="s">
        <v>3491</v>
      </c>
      <c r="C3490" t="s">
        <v>8939</v>
      </c>
      <c r="D3490" t="s">
        <v>14382</v>
      </c>
      <c r="E3490" t="s">
        <v>19661</v>
      </c>
      <c r="G3490" s="2"/>
    </row>
    <row r="3491" spans="1:7" x14ac:dyDescent="0.25">
      <c r="A3491" s="1">
        <v>3489</v>
      </c>
      <c r="B3491" t="s">
        <v>3492</v>
      </c>
      <c r="C3491" t="s">
        <v>8940</v>
      </c>
      <c r="D3491" t="s">
        <v>14383</v>
      </c>
      <c r="E3491" t="s">
        <v>19662</v>
      </c>
      <c r="G3491" s="2"/>
    </row>
    <row r="3492" spans="1:7" x14ac:dyDescent="0.25">
      <c r="A3492" s="1">
        <v>3490</v>
      </c>
      <c r="B3492" t="s">
        <v>3493</v>
      </c>
      <c r="C3492" t="s">
        <v>8941</v>
      </c>
      <c r="D3492" t="s">
        <v>14384</v>
      </c>
      <c r="E3492" t="s">
        <v>19663</v>
      </c>
      <c r="G3492" s="2"/>
    </row>
    <row r="3493" spans="1:7" x14ac:dyDescent="0.25">
      <c r="A3493" s="1">
        <v>3491</v>
      </c>
      <c r="B3493" t="s">
        <v>3494</v>
      </c>
      <c r="C3493" t="s">
        <v>8942</v>
      </c>
      <c r="D3493" t="s">
        <v>14385</v>
      </c>
      <c r="E3493" t="s">
        <v>19664</v>
      </c>
      <c r="G3493" s="2"/>
    </row>
    <row r="3494" spans="1:7" x14ac:dyDescent="0.25">
      <c r="A3494" s="1">
        <v>3492</v>
      </c>
      <c r="B3494" t="s">
        <v>3495</v>
      </c>
      <c r="C3494" t="s">
        <v>8943</v>
      </c>
      <c r="D3494" t="s">
        <v>14386</v>
      </c>
      <c r="E3494" t="s">
        <v>19665</v>
      </c>
      <c r="G3494" s="2"/>
    </row>
    <row r="3495" spans="1:7" x14ac:dyDescent="0.25">
      <c r="A3495" s="1">
        <v>3493</v>
      </c>
      <c r="B3495" t="s">
        <v>3496</v>
      </c>
      <c r="C3495" t="s">
        <v>8944</v>
      </c>
      <c r="D3495" t="s">
        <v>14387</v>
      </c>
      <c r="E3495" t="s">
        <v>19666</v>
      </c>
      <c r="G3495" s="2"/>
    </row>
    <row r="3496" spans="1:7" x14ac:dyDescent="0.25">
      <c r="A3496" s="1">
        <v>3494</v>
      </c>
      <c r="B3496" t="s">
        <v>3497</v>
      </c>
      <c r="C3496" t="s">
        <v>8945</v>
      </c>
      <c r="D3496" t="s">
        <v>14388</v>
      </c>
      <c r="E3496" t="s">
        <v>19667</v>
      </c>
      <c r="G3496" s="2"/>
    </row>
    <row r="3497" spans="1:7" x14ac:dyDescent="0.25">
      <c r="A3497" s="1">
        <v>3495</v>
      </c>
      <c r="B3497" t="s">
        <v>3498</v>
      </c>
      <c r="C3497" t="s">
        <v>8946</v>
      </c>
      <c r="D3497" t="s">
        <v>14389</v>
      </c>
      <c r="E3497" t="s">
        <v>19668</v>
      </c>
      <c r="G3497" s="2"/>
    </row>
    <row r="3498" spans="1:7" x14ac:dyDescent="0.25">
      <c r="A3498" s="1">
        <v>3496</v>
      </c>
      <c r="B3498" t="s">
        <v>3499</v>
      </c>
      <c r="C3498" t="s">
        <v>8947</v>
      </c>
      <c r="D3498" t="s">
        <v>14390</v>
      </c>
      <c r="E3498" t="s">
        <v>19669</v>
      </c>
      <c r="G3498" s="2"/>
    </row>
    <row r="3499" spans="1:7" x14ac:dyDescent="0.25">
      <c r="A3499" s="1">
        <v>3497</v>
      </c>
      <c r="B3499" t="s">
        <v>3500</v>
      </c>
      <c r="C3499" t="s">
        <v>8948</v>
      </c>
      <c r="D3499" t="s">
        <v>14391</v>
      </c>
      <c r="E3499" t="s">
        <v>19670</v>
      </c>
      <c r="G3499" s="2"/>
    </row>
    <row r="3500" spans="1:7" x14ac:dyDescent="0.25">
      <c r="A3500" s="1">
        <v>3498</v>
      </c>
      <c r="B3500" t="s">
        <v>3501</v>
      </c>
      <c r="C3500" t="s">
        <v>8949</v>
      </c>
      <c r="D3500" t="s">
        <v>14392</v>
      </c>
      <c r="E3500" t="s">
        <v>19671</v>
      </c>
      <c r="G3500" s="2"/>
    </row>
    <row r="3501" spans="1:7" x14ac:dyDescent="0.25">
      <c r="A3501" s="1">
        <v>3499</v>
      </c>
      <c r="B3501" t="s">
        <v>3502</v>
      </c>
      <c r="C3501" t="s">
        <v>8950</v>
      </c>
      <c r="D3501" t="s">
        <v>14393</v>
      </c>
      <c r="E3501" t="s">
        <v>19672</v>
      </c>
      <c r="G3501" s="2"/>
    </row>
    <row r="3502" spans="1:7" x14ac:dyDescent="0.25">
      <c r="A3502" s="1">
        <v>3500</v>
      </c>
      <c r="B3502" t="s">
        <v>3503</v>
      </c>
      <c r="C3502" t="s">
        <v>8951</v>
      </c>
      <c r="D3502" t="s">
        <v>14394</v>
      </c>
      <c r="E3502" t="s">
        <v>19673</v>
      </c>
      <c r="G3502" s="2"/>
    </row>
    <row r="3503" spans="1:7" x14ac:dyDescent="0.25">
      <c r="A3503" s="1">
        <v>3501</v>
      </c>
      <c r="B3503" t="s">
        <v>3504</v>
      </c>
      <c r="C3503" t="s">
        <v>8952</v>
      </c>
      <c r="D3503" t="s">
        <v>14395</v>
      </c>
      <c r="E3503" t="s">
        <v>19674</v>
      </c>
      <c r="G3503" s="2"/>
    </row>
    <row r="3504" spans="1:7" x14ac:dyDescent="0.25">
      <c r="A3504" s="1">
        <v>3502</v>
      </c>
      <c r="B3504" t="s">
        <v>3505</v>
      </c>
      <c r="C3504" t="s">
        <v>8953</v>
      </c>
      <c r="D3504" t="s">
        <v>14396</v>
      </c>
      <c r="E3504" t="s">
        <v>19675</v>
      </c>
      <c r="G3504" s="2"/>
    </row>
    <row r="3505" spans="1:7" x14ac:dyDescent="0.25">
      <c r="A3505" s="1">
        <v>3503</v>
      </c>
      <c r="B3505" t="s">
        <v>3506</v>
      </c>
      <c r="C3505" t="s">
        <v>8954</v>
      </c>
      <c r="D3505" t="s">
        <v>14397</v>
      </c>
      <c r="E3505" t="s">
        <v>19676</v>
      </c>
      <c r="G3505" s="2"/>
    </row>
    <row r="3506" spans="1:7" x14ac:dyDescent="0.25">
      <c r="A3506" s="1">
        <v>3504</v>
      </c>
      <c r="B3506" t="s">
        <v>3507</v>
      </c>
      <c r="C3506" t="s">
        <v>8955</v>
      </c>
      <c r="D3506" t="s">
        <v>14398</v>
      </c>
      <c r="E3506" t="s">
        <v>19677</v>
      </c>
      <c r="G3506" s="2"/>
    </row>
    <row r="3507" spans="1:7" x14ac:dyDescent="0.25">
      <c r="A3507" s="1">
        <v>3505</v>
      </c>
      <c r="B3507" t="s">
        <v>3508</v>
      </c>
      <c r="C3507" t="s">
        <v>8956</v>
      </c>
      <c r="D3507" t="s">
        <v>14399</v>
      </c>
      <c r="E3507" t="s">
        <v>19678</v>
      </c>
      <c r="G3507" s="2"/>
    </row>
    <row r="3508" spans="1:7" x14ac:dyDescent="0.25">
      <c r="A3508" s="1">
        <v>3506</v>
      </c>
      <c r="B3508" t="s">
        <v>3509</v>
      </c>
      <c r="C3508" t="s">
        <v>8957</v>
      </c>
      <c r="D3508" t="s">
        <v>14400</v>
      </c>
      <c r="E3508" t="s">
        <v>19679</v>
      </c>
      <c r="G3508" s="2"/>
    </row>
    <row r="3509" spans="1:7" x14ac:dyDescent="0.25">
      <c r="A3509" s="1">
        <v>3507</v>
      </c>
      <c r="B3509" t="s">
        <v>3510</v>
      </c>
      <c r="C3509" t="s">
        <v>8958</v>
      </c>
      <c r="D3509" t="s">
        <v>14401</v>
      </c>
      <c r="E3509" t="s">
        <v>19680</v>
      </c>
      <c r="G3509" s="2"/>
    </row>
    <row r="3510" spans="1:7" x14ac:dyDescent="0.25">
      <c r="A3510" s="1">
        <v>3508</v>
      </c>
      <c r="B3510" t="s">
        <v>3511</v>
      </c>
      <c r="C3510" t="s">
        <v>8959</v>
      </c>
      <c r="D3510" t="s">
        <v>14402</v>
      </c>
      <c r="E3510" t="s">
        <v>19681</v>
      </c>
      <c r="G3510" s="2"/>
    </row>
    <row r="3511" spans="1:7" x14ac:dyDescent="0.25">
      <c r="A3511" s="1">
        <v>3509</v>
      </c>
      <c r="B3511" t="s">
        <v>3512</v>
      </c>
      <c r="C3511" t="s">
        <v>8960</v>
      </c>
      <c r="D3511" t="s">
        <v>14403</v>
      </c>
      <c r="E3511" t="s">
        <v>19682</v>
      </c>
      <c r="G3511" s="2"/>
    </row>
    <row r="3512" spans="1:7" x14ac:dyDescent="0.25">
      <c r="A3512" s="1">
        <v>3510</v>
      </c>
      <c r="B3512" t="s">
        <v>3513</v>
      </c>
      <c r="C3512" t="s">
        <v>8961</v>
      </c>
      <c r="D3512" t="s">
        <v>14404</v>
      </c>
      <c r="E3512" t="s">
        <v>19683</v>
      </c>
      <c r="G3512" s="2"/>
    </row>
    <row r="3513" spans="1:7" x14ac:dyDescent="0.25">
      <c r="A3513" s="1">
        <v>3511</v>
      </c>
      <c r="B3513" t="s">
        <v>3514</v>
      </c>
      <c r="C3513" t="s">
        <v>8962</v>
      </c>
      <c r="D3513" t="s">
        <v>14405</v>
      </c>
      <c r="E3513" t="s">
        <v>18222</v>
      </c>
      <c r="G3513" s="2"/>
    </row>
    <row r="3514" spans="1:7" x14ac:dyDescent="0.25">
      <c r="A3514" s="1">
        <v>3512</v>
      </c>
      <c r="B3514" t="s">
        <v>3515</v>
      </c>
      <c r="C3514" t="s">
        <v>8963</v>
      </c>
      <c r="D3514" t="s">
        <v>14406</v>
      </c>
      <c r="E3514" t="s">
        <v>19684</v>
      </c>
      <c r="G3514" s="2"/>
    </row>
    <row r="3515" spans="1:7" x14ac:dyDescent="0.25">
      <c r="A3515" s="1">
        <v>3513</v>
      </c>
      <c r="B3515" t="s">
        <v>3516</v>
      </c>
      <c r="C3515" t="s">
        <v>8964</v>
      </c>
      <c r="D3515" t="s">
        <v>14407</v>
      </c>
      <c r="E3515" t="s">
        <v>19685</v>
      </c>
      <c r="G3515" s="2"/>
    </row>
    <row r="3516" spans="1:7" x14ac:dyDescent="0.25">
      <c r="A3516" s="1">
        <v>3514</v>
      </c>
      <c r="B3516" t="s">
        <v>3517</v>
      </c>
      <c r="C3516" t="s">
        <v>8965</v>
      </c>
      <c r="D3516" t="s">
        <v>14408</v>
      </c>
      <c r="E3516" t="s">
        <v>19686</v>
      </c>
      <c r="G3516" s="2"/>
    </row>
    <row r="3517" spans="1:7" x14ac:dyDescent="0.25">
      <c r="A3517" s="1">
        <v>3515</v>
      </c>
      <c r="B3517" t="s">
        <v>3518</v>
      </c>
      <c r="C3517" t="s">
        <v>8966</v>
      </c>
      <c r="D3517" t="s">
        <v>14409</v>
      </c>
      <c r="E3517" t="s">
        <v>19687</v>
      </c>
      <c r="G3517" s="2"/>
    </row>
    <row r="3518" spans="1:7" x14ac:dyDescent="0.25">
      <c r="A3518" s="1">
        <v>3516</v>
      </c>
      <c r="B3518" t="s">
        <v>3519</v>
      </c>
      <c r="C3518" t="s">
        <v>8967</v>
      </c>
      <c r="D3518" t="s">
        <v>14410</v>
      </c>
      <c r="E3518" t="s">
        <v>19688</v>
      </c>
      <c r="G3518" s="2"/>
    </row>
    <row r="3519" spans="1:7" x14ac:dyDescent="0.25">
      <c r="A3519" s="1">
        <v>3517</v>
      </c>
      <c r="B3519" t="s">
        <v>3520</v>
      </c>
      <c r="C3519" t="s">
        <v>8968</v>
      </c>
      <c r="D3519" t="s">
        <v>14411</v>
      </c>
      <c r="E3519" t="s">
        <v>19689</v>
      </c>
      <c r="G3519" s="2"/>
    </row>
    <row r="3520" spans="1:7" x14ac:dyDescent="0.25">
      <c r="A3520" s="1">
        <v>3518</v>
      </c>
      <c r="B3520" t="s">
        <v>3521</v>
      </c>
      <c r="C3520" t="s">
        <v>8969</v>
      </c>
      <c r="D3520" t="s">
        <v>14412</v>
      </c>
      <c r="E3520" t="s">
        <v>19690</v>
      </c>
      <c r="G3520" s="2"/>
    </row>
    <row r="3521" spans="1:7" x14ac:dyDescent="0.25">
      <c r="A3521" s="1">
        <v>3519</v>
      </c>
      <c r="B3521" t="s">
        <v>3522</v>
      </c>
      <c r="C3521" t="s">
        <v>8970</v>
      </c>
      <c r="D3521" t="s">
        <v>14413</v>
      </c>
      <c r="E3521" t="s">
        <v>16347</v>
      </c>
      <c r="G3521" s="2"/>
    </row>
    <row r="3522" spans="1:7" x14ac:dyDescent="0.25">
      <c r="A3522" s="1">
        <v>3520</v>
      </c>
      <c r="B3522" t="s">
        <v>3523</v>
      </c>
      <c r="C3522" t="s">
        <v>8971</v>
      </c>
      <c r="D3522" t="s">
        <v>14414</v>
      </c>
      <c r="E3522" t="s">
        <v>19691</v>
      </c>
      <c r="G3522" s="2"/>
    </row>
    <row r="3523" spans="1:7" x14ac:dyDescent="0.25">
      <c r="A3523" s="1">
        <v>3521</v>
      </c>
      <c r="B3523" t="s">
        <v>3524</v>
      </c>
      <c r="C3523" t="s">
        <v>8972</v>
      </c>
      <c r="D3523" t="s">
        <v>14415</v>
      </c>
      <c r="E3523" t="s">
        <v>19692</v>
      </c>
      <c r="G3523" s="2"/>
    </row>
    <row r="3524" spans="1:7" x14ac:dyDescent="0.25">
      <c r="A3524" s="1">
        <v>3522</v>
      </c>
      <c r="B3524" t="s">
        <v>3525</v>
      </c>
      <c r="C3524" t="s">
        <v>8973</v>
      </c>
      <c r="D3524" t="s">
        <v>14416</v>
      </c>
      <c r="E3524" t="s">
        <v>19693</v>
      </c>
      <c r="G3524" s="2"/>
    </row>
    <row r="3525" spans="1:7" x14ac:dyDescent="0.25">
      <c r="A3525" s="1">
        <v>3523</v>
      </c>
      <c r="B3525" t="s">
        <v>3526</v>
      </c>
      <c r="C3525" t="s">
        <v>8974</v>
      </c>
      <c r="D3525" t="s">
        <v>14417</v>
      </c>
      <c r="E3525" t="s">
        <v>19694</v>
      </c>
      <c r="G3525" s="2"/>
    </row>
    <row r="3526" spans="1:7" x14ac:dyDescent="0.25">
      <c r="A3526" s="1">
        <v>3524</v>
      </c>
      <c r="B3526" t="s">
        <v>3527</v>
      </c>
      <c r="C3526" t="s">
        <v>8975</v>
      </c>
      <c r="D3526" t="s">
        <v>14418</v>
      </c>
      <c r="E3526" t="s">
        <v>19695</v>
      </c>
      <c r="G3526" s="2"/>
    </row>
    <row r="3527" spans="1:7" x14ac:dyDescent="0.25">
      <c r="A3527" s="1">
        <v>3525</v>
      </c>
      <c r="B3527" t="s">
        <v>3528</v>
      </c>
      <c r="C3527" t="s">
        <v>8976</v>
      </c>
      <c r="D3527" t="s">
        <v>14419</v>
      </c>
      <c r="E3527" t="s">
        <v>16347</v>
      </c>
      <c r="G3527" s="2"/>
    </row>
    <row r="3528" spans="1:7" x14ac:dyDescent="0.25">
      <c r="A3528" s="1">
        <v>3526</v>
      </c>
      <c r="B3528" t="s">
        <v>3529</v>
      </c>
      <c r="C3528" t="s">
        <v>8977</v>
      </c>
      <c r="D3528" t="s">
        <v>14420</v>
      </c>
      <c r="E3528" t="s">
        <v>19696</v>
      </c>
      <c r="G3528" s="2"/>
    </row>
    <row r="3529" spans="1:7" x14ac:dyDescent="0.25">
      <c r="A3529" s="1">
        <v>3527</v>
      </c>
      <c r="B3529" t="s">
        <v>3530</v>
      </c>
      <c r="C3529" t="s">
        <v>8978</v>
      </c>
      <c r="D3529" t="s">
        <v>14421</v>
      </c>
      <c r="E3529" t="s">
        <v>19697</v>
      </c>
      <c r="G3529" s="2"/>
    </row>
    <row r="3530" spans="1:7" x14ac:dyDescent="0.25">
      <c r="A3530" s="1">
        <v>3528</v>
      </c>
      <c r="B3530" t="s">
        <v>3531</v>
      </c>
      <c r="C3530" t="s">
        <v>8979</v>
      </c>
      <c r="D3530" t="s">
        <v>14422</v>
      </c>
      <c r="E3530" t="s">
        <v>19698</v>
      </c>
      <c r="G3530" s="2"/>
    </row>
    <row r="3531" spans="1:7" x14ac:dyDescent="0.25">
      <c r="A3531" s="1">
        <v>3529</v>
      </c>
      <c r="B3531" t="s">
        <v>3532</v>
      </c>
      <c r="C3531" t="s">
        <v>8980</v>
      </c>
      <c r="D3531" t="s">
        <v>14423</v>
      </c>
      <c r="E3531" t="s">
        <v>19699</v>
      </c>
      <c r="G3531" s="2"/>
    </row>
    <row r="3532" spans="1:7" x14ac:dyDescent="0.25">
      <c r="A3532" s="1">
        <v>3530</v>
      </c>
      <c r="B3532" t="s">
        <v>3533</v>
      </c>
      <c r="C3532" t="s">
        <v>8981</v>
      </c>
      <c r="D3532" t="s">
        <v>14424</v>
      </c>
      <c r="E3532" t="s">
        <v>19700</v>
      </c>
      <c r="G3532" s="2"/>
    </row>
    <row r="3533" spans="1:7" x14ac:dyDescent="0.25">
      <c r="A3533" s="1">
        <v>3531</v>
      </c>
      <c r="B3533" t="s">
        <v>3534</v>
      </c>
      <c r="C3533" t="s">
        <v>8982</v>
      </c>
      <c r="D3533" t="s">
        <v>14425</v>
      </c>
      <c r="E3533" t="s">
        <v>19701</v>
      </c>
      <c r="G3533" s="2"/>
    </row>
    <row r="3534" spans="1:7" x14ac:dyDescent="0.25">
      <c r="A3534" s="1">
        <v>3532</v>
      </c>
      <c r="B3534" t="s">
        <v>3535</v>
      </c>
      <c r="C3534" t="s">
        <v>8983</v>
      </c>
      <c r="D3534" t="s">
        <v>14426</v>
      </c>
      <c r="E3534" t="s">
        <v>19702</v>
      </c>
      <c r="G3534" s="2"/>
    </row>
    <row r="3535" spans="1:7" x14ac:dyDescent="0.25">
      <c r="A3535" s="1">
        <v>3533</v>
      </c>
      <c r="B3535" t="s">
        <v>3536</v>
      </c>
      <c r="C3535" t="s">
        <v>8984</v>
      </c>
      <c r="D3535" t="s">
        <v>14427</v>
      </c>
      <c r="E3535" t="s">
        <v>19703</v>
      </c>
      <c r="G3535" s="2"/>
    </row>
    <row r="3536" spans="1:7" x14ac:dyDescent="0.25">
      <c r="A3536" s="1">
        <v>3534</v>
      </c>
      <c r="B3536" t="s">
        <v>3537</v>
      </c>
      <c r="C3536" t="s">
        <v>8985</v>
      </c>
      <c r="D3536" t="s">
        <v>14428</v>
      </c>
      <c r="E3536" t="s">
        <v>19704</v>
      </c>
      <c r="G3536" s="2"/>
    </row>
    <row r="3537" spans="1:7" x14ac:dyDescent="0.25">
      <c r="A3537" s="1">
        <v>3535</v>
      </c>
      <c r="B3537" t="s">
        <v>3538</v>
      </c>
      <c r="C3537" t="s">
        <v>8986</v>
      </c>
      <c r="D3537" t="s">
        <v>14429</v>
      </c>
      <c r="E3537" t="s">
        <v>19705</v>
      </c>
      <c r="G3537" s="2"/>
    </row>
    <row r="3538" spans="1:7" x14ac:dyDescent="0.25">
      <c r="A3538" s="1">
        <v>3536</v>
      </c>
      <c r="B3538" t="s">
        <v>3539</v>
      </c>
      <c r="C3538" t="s">
        <v>8987</v>
      </c>
      <c r="D3538" t="s">
        <v>14430</v>
      </c>
      <c r="E3538" t="s">
        <v>16347</v>
      </c>
      <c r="G3538" s="2"/>
    </row>
    <row r="3539" spans="1:7" x14ac:dyDescent="0.25">
      <c r="A3539" s="1">
        <v>3537</v>
      </c>
      <c r="B3539" t="s">
        <v>3540</v>
      </c>
      <c r="C3539" t="s">
        <v>8988</v>
      </c>
      <c r="D3539" t="s">
        <v>14431</v>
      </c>
      <c r="E3539" t="s">
        <v>19706</v>
      </c>
      <c r="G3539" s="2"/>
    </row>
    <row r="3540" spans="1:7" x14ac:dyDescent="0.25">
      <c r="A3540" s="1">
        <v>3538</v>
      </c>
      <c r="B3540" t="s">
        <v>3541</v>
      </c>
      <c r="C3540" t="s">
        <v>8989</v>
      </c>
      <c r="D3540" t="s">
        <v>14432</v>
      </c>
      <c r="E3540" t="s">
        <v>19707</v>
      </c>
      <c r="G3540" s="2"/>
    </row>
    <row r="3541" spans="1:7" x14ac:dyDescent="0.25">
      <c r="A3541" s="1">
        <v>3539</v>
      </c>
      <c r="B3541" t="s">
        <v>3542</v>
      </c>
      <c r="C3541" t="s">
        <v>8990</v>
      </c>
      <c r="D3541" t="s">
        <v>14433</v>
      </c>
      <c r="E3541" t="s">
        <v>19708</v>
      </c>
      <c r="G3541" s="2"/>
    </row>
    <row r="3542" spans="1:7" x14ac:dyDescent="0.25">
      <c r="A3542" s="1">
        <v>3540</v>
      </c>
      <c r="B3542" t="s">
        <v>3543</v>
      </c>
      <c r="C3542" t="s">
        <v>8991</v>
      </c>
      <c r="D3542" t="s">
        <v>14434</v>
      </c>
      <c r="E3542" t="s">
        <v>19709</v>
      </c>
      <c r="G3542" s="2"/>
    </row>
    <row r="3543" spans="1:7" x14ac:dyDescent="0.25">
      <c r="A3543" s="1">
        <v>3541</v>
      </c>
      <c r="B3543" t="s">
        <v>3544</v>
      </c>
      <c r="C3543" t="s">
        <v>8992</v>
      </c>
      <c r="D3543" t="s">
        <v>14435</v>
      </c>
      <c r="E3543" t="s">
        <v>19710</v>
      </c>
      <c r="G3543" s="2"/>
    </row>
    <row r="3544" spans="1:7" x14ac:dyDescent="0.25">
      <c r="A3544" s="1">
        <v>3542</v>
      </c>
      <c r="B3544" t="s">
        <v>3545</v>
      </c>
      <c r="C3544" t="s">
        <v>8993</v>
      </c>
      <c r="D3544" t="s">
        <v>14436</v>
      </c>
      <c r="E3544" t="s">
        <v>19711</v>
      </c>
      <c r="G3544" s="2"/>
    </row>
    <row r="3545" spans="1:7" x14ac:dyDescent="0.25">
      <c r="A3545" s="1">
        <v>3543</v>
      </c>
      <c r="B3545" t="s">
        <v>3546</v>
      </c>
      <c r="C3545" t="s">
        <v>8994</v>
      </c>
      <c r="D3545" t="s">
        <v>14437</v>
      </c>
      <c r="E3545" t="s">
        <v>19712</v>
      </c>
      <c r="G3545" s="2"/>
    </row>
    <row r="3546" spans="1:7" x14ac:dyDescent="0.25">
      <c r="A3546" s="1">
        <v>3544</v>
      </c>
      <c r="B3546" t="s">
        <v>3547</v>
      </c>
      <c r="C3546" t="s">
        <v>8995</v>
      </c>
      <c r="D3546" t="s">
        <v>14438</v>
      </c>
      <c r="E3546" t="s">
        <v>19713</v>
      </c>
      <c r="G3546" s="2"/>
    </row>
    <row r="3547" spans="1:7" x14ac:dyDescent="0.25">
      <c r="A3547" s="1">
        <v>3545</v>
      </c>
      <c r="B3547" t="s">
        <v>3548</v>
      </c>
      <c r="C3547" t="s">
        <v>8996</v>
      </c>
      <c r="D3547" t="s">
        <v>14439</v>
      </c>
      <c r="E3547" t="s">
        <v>19714</v>
      </c>
      <c r="G3547" s="2"/>
    </row>
    <row r="3548" spans="1:7" x14ac:dyDescent="0.25">
      <c r="A3548" s="1">
        <v>3546</v>
      </c>
      <c r="B3548" t="s">
        <v>3549</v>
      </c>
      <c r="C3548" t="s">
        <v>8997</v>
      </c>
      <c r="D3548" t="s">
        <v>14440</v>
      </c>
      <c r="E3548" t="s">
        <v>19715</v>
      </c>
      <c r="G3548" s="2"/>
    </row>
    <row r="3549" spans="1:7" x14ac:dyDescent="0.25">
      <c r="A3549" s="1">
        <v>3547</v>
      </c>
      <c r="B3549" t="s">
        <v>3550</v>
      </c>
      <c r="C3549" t="s">
        <v>8998</v>
      </c>
      <c r="D3549" t="s">
        <v>14441</v>
      </c>
      <c r="E3549" t="s">
        <v>16347</v>
      </c>
      <c r="G3549" s="2"/>
    </row>
    <row r="3550" spans="1:7" x14ac:dyDescent="0.25">
      <c r="A3550" s="1">
        <v>3548</v>
      </c>
      <c r="B3550" t="s">
        <v>3551</v>
      </c>
      <c r="C3550" t="s">
        <v>8999</v>
      </c>
      <c r="D3550" t="s">
        <v>14442</v>
      </c>
      <c r="E3550" t="s">
        <v>19716</v>
      </c>
      <c r="G3550" s="2"/>
    </row>
    <row r="3551" spans="1:7" x14ac:dyDescent="0.25">
      <c r="A3551" s="1">
        <v>3549</v>
      </c>
      <c r="B3551" t="s">
        <v>3552</v>
      </c>
      <c r="C3551" t="s">
        <v>9000</v>
      </c>
      <c r="D3551" t="s">
        <v>14443</v>
      </c>
      <c r="E3551" t="s">
        <v>19717</v>
      </c>
      <c r="G3551" s="2"/>
    </row>
    <row r="3552" spans="1:7" x14ac:dyDescent="0.25">
      <c r="A3552" s="1">
        <v>3550</v>
      </c>
      <c r="B3552" t="s">
        <v>3553</v>
      </c>
      <c r="C3552" t="s">
        <v>9001</v>
      </c>
      <c r="D3552" t="s">
        <v>14444</v>
      </c>
      <c r="E3552" t="s">
        <v>19718</v>
      </c>
      <c r="G3552" s="2"/>
    </row>
    <row r="3553" spans="1:7" x14ac:dyDescent="0.25">
      <c r="A3553" s="1">
        <v>3551</v>
      </c>
      <c r="B3553" t="s">
        <v>3554</v>
      </c>
      <c r="C3553" t="s">
        <v>9002</v>
      </c>
      <c r="D3553" t="s">
        <v>14445</v>
      </c>
      <c r="E3553" t="s">
        <v>19719</v>
      </c>
      <c r="G3553" s="2"/>
    </row>
    <row r="3554" spans="1:7" x14ac:dyDescent="0.25">
      <c r="A3554" s="1">
        <v>3552</v>
      </c>
      <c r="B3554" t="s">
        <v>3555</v>
      </c>
      <c r="C3554" t="s">
        <v>9003</v>
      </c>
      <c r="D3554" t="s">
        <v>14446</v>
      </c>
      <c r="E3554" t="s">
        <v>19720</v>
      </c>
      <c r="G3554" s="2"/>
    </row>
    <row r="3555" spans="1:7" x14ac:dyDescent="0.25">
      <c r="A3555" s="1">
        <v>3553</v>
      </c>
      <c r="B3555" t="s">
        <v>3556</v>
      </c>
      <c r="C3555" t="s">
        <v>9004</v>
      </c>
      <c r="D3555" t="s">
        <v>14447</v>
      </c>
      <c r="E3555" t="s">
        <v>19721</v>
      </c>
      <c r="G3555" s="2"/>
    </row>
    <row r="3556" spans="1:7" x14ac:dyDescent="0.25">
      <c r="A3556" s="1">
        <v>3554</v>
      </c>
      <c r="B3556" t="s">
        <v>3557</v>
      </c>
      <c r="C3556" t="s">
        <v>9005</v>
      </c>
      <c r="D3556" t="s">
        <v>14448</v>
      </c>
      <c r="E3556" t="s">
        <v>19722</v>
      </c>
      <c r="G3556" s="2"/>
    </row>
    <row r="3557" spans="1:7" x14ac:dyDescent="0.25">
      <c r="A3557" s="1">
        <v>3555</v>
      </c>
      <c r="B3557" t="s">
        <v>3558</v>
      </c>
      <c r="C3557" t="s">
        <v>9006</v>
      </c>
      <c r="D3557" t="s">
        <v>14449</v>
      </c>
      <c r="E3557" t="s">
        <v>19723</v>
      </c>
      <c r="G3557" s="2"/>
    </row>
    <row r="3558" spans="1:7" x14ac:dyDescent="0.25">
      <c r="A3558" s="1">
        <v>3556</v>
      </c>
      <c r="B3558" t="s">
        <v>3559</v>
      </c>
      <c r="C3558" t="s">
        <v>9007</v>
      </c>
      <c r="D3558" t="s">
        <v>14450</v>
      </c>
      <c r="E3558" t="s">
        <v>19724</v>
      </c>
      <c r="G3558" s="2"/>
    </row>
    <row r="3559" spans="1:7" x14ac:dyDescent="0.25">
      <c r="A3559" s="1">
        <v>3557</v>
      </c>
      <c r="B3559" t="s">
        <v>3560</v>
      </c>
      <c r="C3559" t="s">
        <v>9008</v>
      </c>
      <c r="D3559" t="s">
        <v>14451</v>
      </c>
      <c r="E3559" t="s">
        <v>19725</v>
      </c>
      <c r="G3559" s="2"/>
    </row>
    <row r="3560" spans="1:7" x14ac:dyDescent="0.25">
      <c r="A3560" s="1">
        <v>3558</v>
      </c>
      <c r="B3560" t="s">
        <v>3561</v>
      </c>
      <c r="C3560" t="s">
        <v>9009</v>
      </c>
      <c r="D3560" t="s">
        <v>14452</v>
      </c>
      <c r="E3560" t="s">
        <v>19726</v>
      </c>
      <c r="G3560" s="2"/>
    </row>
    <row r="3561" spans="1:7" x14ac:dyDescent="0.25">
      <c r="A3561" s="1">
        <v>3559</v>
      </c>
      <c r="B3561" t="s">
        <v>3562</v>
      </c>
      <c r="C3561" t="s">
        <v>9010</v>
      </c>
      <c r="D3561" t="s">
        <v>14453</v>
      </c>
      <c r="E3561" t="s">
        <v>19727</v>
      </c>
      <c r="G3561" s="2"/>
    </row>
    <row r="3562" spans="1:7" x14ac:dyDescent="0.25">
      <c r="A3562" s="1">
        <v>3560</v>
      </c>
      <c r="B3562" t="s">
        <v>3563</v>
      </c>
      <c r="C3562" t="s">
        <v>9011</v>
      </c>
      <c r="D3562" t="s">
        <v>14454</v>
      </c>
      <c r="E3562" t="s">
        <v>17380</v>
      </c>
      <c r="G3562" s="2"/>
    </row>
    <row r="3563" spans="1:7" x14ac:dyDescent="0.25">
      <c r="A3563" s="1">
        <v>3561</v>
      </c>
      <c r="B3563" t="s">
        <v>3564</v>
      </c>
      <c r="C3563" t="s">
        <v>9012</v>
      </c>
      <c r="D3563" t="s">
        <v>14455</v>
      </c>
      <c r="E3563" t="s">
        <v>19728</v>
      </c>
      <c r="G3563" s="2"/>
    </row>
    <row r="3564" spans="1:7" x14ac:dyDescent="0.25">
      <c r="A3564" s="1">
        <v>3562</v>
      </c>
      <c r="B3564" t="s">
        <v>3565</v>
      </c>
      <c r="C3564" t="s">
        <v>9013</v>
      </c>
      <c r="D3564" t="s">
        <v>14456</v>
      </c>
      <c r="E3564" t="s">
        <v>19729</v>
      </c>
      <c r="G3564" s="2"/>
    </row>
    <row r="3565" spans="1:7" x14ac:dyDescent="0.25">
      <c r="A3565" s="1">
        <v>3563</v>
      </c>
      <c r="B3565" t="s">
        <v>3566</v>
      </c>
      <c r="C3565" t="s">
        <v>9014</v>
      </c>
      <c r="D3565" t="s">
        <v>14457</v>
      </c>
      <c r="E3565" t="s">
        <v>19730</v>
      </c>
      <c r="G3565" s="2"/>
    </row>
    <row r="3566" spans="1:7" x14ac:dyDescent="0.25">
      <c r="A3566" s="1">
        <v>3564</v>
      </c>
      <c r="B3566" t="s">
        <v>3567</v>
      </c>
      <c r="C3566" t="s">
        <v>9015</v>
      </c>
      <c r="D3566" t="s">
        <v>14458</v>
      </c>
      <c r="E3566" t="s">
        <v>19731</v>
      </c>
      <c r="G3566" s="2"/>
    </row>
    <row r="3567" spans="1:7" x14ac:dyDescent="0.25">
      <c r="A3567" s="1">
        <v>3565</v>
      </c>
      <c r="B3567" t="s">
        <v>3568</v>
      </c>
      <c r="C3567" t="s">
        <v>9016</v>
      </c>
      <c r="D3567" t="s">
        <v>14459</v>
      </c>
      <c r="E3567" t="s">
        <v>19732</v>
      </c>
      <c r="G3567" s="2"/>
    </row>
    <row r="3568" spans="1:7" x14ac:dyDescent="0.25">
      <c r="A3568" s="1">
        <v>3566</v>
      </c>
      <c r="B3568" t="s">
        <v>3569</v>
      </c>
      <c r="C3568" t="s">
        <v>9017</v>
      </c>
      <c r="D3568" t="s">
        <v>14460</v>
      </c>
      <c r="E3568" t="s">
        <v>19733</v>
      </c>
      <c r="G3568" s="2"/>
    </row>
    <row r="3569" spans="1:7" x14ac:dyDescent="0.25">
      <c r="A3569" s="1">
        <v>3567</v>
      </c>
      <c r="B3569" t="s">
        <v>3570</v>
      </c>
      <c r="C3569" t="s">
        <v>9018</v>
      </c>
      <c r="D3569" t="s">
        <v>14461</v>
      </c>
      <c r="E3569" t="s">
        <v>19734</v>
      </c>
      <c r="G3569" s="2"/>
    </row>
    <row r="3570" spans="1:7" x14ac:dyDescent="0.25">
      <c r="A3570" s="1">
        <v>3568</v>
      </c>
      <c r="B3570" t="s">
        <v>3571</v>
      </c>
      <c r="C3570" t="s">
        <v>9019</v>
      </c>
      <c r="D3570" t="s">
        <v>14462</v>
      </c>
      <c r="E3570" t="s">
        <v>19735</v>
      </c>
      <c r="G3570" s="2"/>
    </row>
    <row r="3571" spans="1:7" x14ac:dyDescent="0.25">
      <c r="A3571" s="1">
        <v>3569</v>
      </c>
      <c r="B3571" t="s">
        <v>3572</v>
      </c>
      <c r="C3571" t="s">
        <v>9020</v>
      </c>
      <c r="D3571" t="s">
        <v>14463</v>
      </c>
      <c r="E3571" t="s">
        <v>19736</v>
      </c>
      <c r="G3571" s="2"/>
    </row>
    <row r="3572" spans="1:7" x14ac:dyDescent="0.25">
      <c r="A3572" s="1">
        <v>3570</v>
      </c>
      <c r="B3572" t="s">
        <v>3573</v>
      </c>
      <c r="C3572" t="s">
        <v>9021</v>
      </c>
      <c r="D3572" t="s">
        <v>14464</v>
      </c>
      <c r="E3572" t="s">
        <v>16620</v>
      </c>
      <c r="G3572" s="2"/>
    </row>
    <row r="3573" spans="1:7" x14ac:dyDescent="0.25">
      <c r="A3573" s="1">
        <v>3571</v>
      </c>
      <c r="B3573" t="s">
        <v>3574</v>
      </c>
      <c r="C3573" t="s">
        <v>9022</v>
      </c>
      <c r="D3573" t="s">
        <v>14465</v>
      </c>
      <c r="E3573" t="s">
        <v>19737</v>
      </c>
      <c r="G3573" s="2"/>
    </row>
    <row r="3574" spans="1:7" x14ac:dyDescent="0.25">
      <c r="A3574" s="1">
        <v>3572</v>
      </c>
      <c r="B3574" t="s">
        <v>3575</v>
      </c>
      <c r="C3574" t="s">
        <v>9023</v>
      </c>
      <c r="D3574" t="s">
        <v>14466</v>
      </c>
      <c r="E3574" t="s">
        <v>19738</v>
      </c>
      <c r="G3574" s="2"/>
    </row>
    <row r="3575" spans="1:7" x14ac:dyDescent="0.25">
      <c r="A3575" s="1">
        <v>3573</v>
      </c>
      <c r="B3575" t="s">
        <v>3576</v>
      </c>
      <c r="C3575" t="s">
        <v>9024</v>
      </c>
      <c r="D3575" t="s">
        <v>14467</v>
      </c>
      <c r="E3575" t="s">
        <v>19739</v>
      </c>
      <c r="G3575" s="2"/>
    </row>
    <row r="3576" spans="1:7" x14ac:dyDescent="0.25">
      <c r="A3576" s="1">
        <v>3574</v>
      </c>
      <c r="B3576" t="s">
        <v>3577</v>
      </c>
      <c r="C3576" t="s">
        <v>9025</v>
      </c>
      <c r="D3576" t="s">
        <v>14468</v>
      </c>
      <c r="E3576" t="s">
        <v>19740</v>
      </c>
      <c r="G3576" s="2"/>
    </row>
    <row r="3577" spans="1:7" x14ac:dyDescent="0.25">
      <c r="A3577" s="1">
        <v>3575</v>
      </c>
      <c r="B3577" t="s">
        <v>3578</v>
      </c>
      <c r="C3577" t="s">
        <v>9026</v>
      </c>
      <c r="D3577" t="s">
        <v>14469</v>
      </c>
      <c r="E3577" t="s">
        <v>19741</v>
      </c>
      <c r="G3577" s="2"/>
    </row>
    <row r="3578" spans="1:7" x14ac:dyDescent="0.25">
      <c r="A3578" s="1">
        <v>3576</v>
      </c>
      <c r="B3578" t="s">
        <v>3579</v>
      </c>
      <c r="C3578" t="s">
        <v>9027</v>
      </c>
      <c r="D3578" t="s">
        <v>14470</v>
      </c>
      <c r="E3578" t="s">
        <v>19742</v>
      </c>
      <c r="G3578" s="2"/>
    </row>
    <row r="3579" spans="1:7" x14ac:dyDescent="0.25">
      <c r="A3579" s="1">
        <v>3577</v>
      </c>
      <c r="B3579" t="s">
        <v>3580</v>
      </c>
      <c r="C3579" t="s">
        <v>9028</v>
      </c>
      <c r="D3579" t="s">
        <v>14471</v>
      </c>
      <c r="E3579" t="s">
        <v>19743</v>
      </c>
      <c r="G3579" s="2"/>
    </row>
    <row r="3580" spans="1:7" x14ac:dyDescent="0.25">
      <c r="A3580" s="1">
        <v>3578</v>
      </c>
      <c r="B3580" t="s">
        <v>3581</v>
      </c>
      <c r="C3580" t="s">
        <v>9029</v>
      </c>
      <c r="D3580" t="s">
        <v>14472</v>
      </c>
      <c r="E3580" t="s">
        <v>17162</v>
      </c>
      <c r="G3580" s="2"/>
    </row>
    <row r="3581" spans="1:7" x14ac:dyDescent="0.25">
      <c r="A3581" s="1">
        <v>3579</v>
      </c>
      <c r="B3581" t="s">
        <v>3582</v>
      </c>
      <c r="C3581" t="s">
        <v>9030</v>
      </c>
      <c r="D3581" t="s">
        <v>14473</v>
      </c>
      <c r="E3581" t="s">
        <v>19744</v>
      </c>
      <c r="G3581" s="2"/>
    </row>
    <row r="3582" spans="1:7" x14ac:dyDescent="0.25">
      <c r="A3582" s="1">
        <v>3580</v>
      </c>
      <c r="B3582" t="s">
        <v>3583</v>
      </c>
      <c r="C3582" t="s">
        <v>9031</v>
      </c>
      <c r="D3582" t="s">
        <v>14474</v>
      </c>
      <c r="E3582" t="s">
        <v>19745</v>
      </c>
      <c r="G3582" s="2"/>
    </row>
    <row r="3583" spans="1:7" x14ac:dyDescent="0.25">
      <c r="A3583" s="1">
        <v>3581</v>
      </c>
      <c r="B3583" t="s">
        <v>3584</v>
      </c>
      <c r="C3583" t="s">
        <v>9032</v>
      </c>
      <c r="D3583" t="s">
        <v>14475</v>
      </c>
      <c r="E3583" t="s">
        <v>19746</v>
      </c>
      <c r="G3583" s="2"/>
    </row>
    <row r="3584" spans="1:7" x14ac:dyDescent="0.25">
      <c r="A3584" s="1">
        <v>3582</v>
      </c>
      <c r="B3584" t="s">
        <v>3585</v>
      </c>
      <c r="C3584" t="s">
        <v>9033</v>
      </c>
      <c r="D3584" t="s">
        <v>14476</v>
      </c>
      <c r="E3584" t="s">
        <v>19747</v>
      </c>
      <c r="G3584" s="2"/>
    </row>
    <row r="3585" spans="1:7" x14ac:dyDescent="0.25">
      <c r="A3585" s="1">
        <v>3583</v>
      </c>
      <c r="B3585" t="s">
        <v>3586</v>
      </c>
      <c r="C3585" t="s">
        <v>9034</v>
      </c>
      <c r="D3585" t="s">
        <v>14477</v>
      </c>
      <c r="E3585" t="s">
        <v>19748</v>
      </c>
      <c r="G3585" s="2"/>
    </row>
    <row r="3586" spans="1:7" x14ac:dyDescent="0.25">
      <c r="A3586" s="1">
        <v>3584</v>
      </c>
      <c r="B3586" t="s">
        <v>3587</v>
      </c>
      <c r="C3586" t="s">
        <v>9035</v>
      </c>
      <c r="D3586" t="s">
        <v>14478</v>
      </c>
      <c r="E3586" t="s">
        <v>19749</v>
      </c>
      <c r="G3586" s="2"/>
    </row>
    <row r="3587" spans="1:7" x14ac:dyDescent="0.25">
      <c r="A3587" s="1">
        <v>3585</v>
      </c>
      <c r="B3587" t="s">
        <v>3588</v>
      </c>
      <c r="C3587" t="s">
        <v>9036</v>
      </c>
      <c r="D3587" t="s">
        <v>14479</v>
      </c>
      <c r="E3587" t="s">
        <v>19750</v>
      </c>
      <c r="G3587" s="2"/>
    </row>
    <row r="3588" spans="1:7" x14ac:dyDescent="0.25">
      <c r="A3588" s="1">
        <v>3586</v>
      </c>
      <c r="B3588" t="s">
        <v>3589</v>
      </c>
      <c r="C3588" t="s">
        <v>9037</v>
      </c>
      <c r="D3588" t="s">
        <v>14480</v>
      </c>
      <c r="E3588" t="s">
        <v>19751</v>
      </c>
      <c r="G3588" s="2"/>
    </row>
    <row r="3589" spans="1:7" x14ac:dyDescent="0.25">
      <c r="A3589" s="1">
        <v>3587</v>
      </c>
      <c r="B3589" t="s">
        <v>3590</v>
      </c>
      <c r="C3589" t="s">
        <v>9038</v>
      </c>
      <c r="D3589" t="s">
        <v>14481</v>
      </c>
      <c r="E3589" t="s">
        <v>19752</v>
      </c>
      <c r="G3589" s="2"/>
    </row>
    <row r="3590" spans="1:7" x14ac:dyDescent="0.25">
      <c r="A3590" s="1">
        <v>3588</v>
      </c>
      <c r="B3590" t="s">
        <v>3591</v>
      </c>
      <c r="C3590" t="s">
        <v>9039</v>
      </c>
      <c r="D3590" t="s">
        <v>14482</v>
      </c>
      <c r="E3590" t="s">
        <v>19753</v>
      </c>
      <c r="G3590" s="2"/>
    </row>
    <row r="3591" spans="1:7" x14ac:dyDescent="0.25">
      <c r="A3591" s="1">
        <v>3589</v>
      </c>
      <c r="B3591" t="s">
        <v>3592</v>
      </c>
      <c r="C3591" t="s">
        <v>9040</v>
      </c>
      <c r="D3591" t="s">
        <v>14483</v>
      </c>
      <c r="E3591" t="s">
        <v>19754</v>
      </c>
      <c r="G3591" s="2"/>
    </row>
    <row r="3592" spans="1:7" x14ac:dyDescent="0.25">
      <c r="A3592" s="1">
        <v>3590</v>
      </c>
      <c r="B3592" t="s">
        <v>3593</v>
      </c>
      <c r="C3592" t="s">
        <v>9041</v>
      </c>
      <c r="D3592" t="s">
        <v>14484</v>
      </c>
      <c r="E3592" t="s">
        <v>19755</v>
      </c>
      <c r="G3592" s="2"/>
    </row>
    <row r="3593" spans="1:7" x14ac:dyDescent="0.25">
      <c r="A3593" s="1">
        <v>3591</v>
      </c>
      <c r="B3593" t="s">
        <v>3594</v>
      </c>
      <c r="C3593" t="s">
        <v>9042</v>
      </c>
      <c r="D3593" t="s">
        <v>14485</v>
      </c>
      <c r="E3593" t="s">
        <v>19756</v>
      </c>
      <c r="G3593" s="2"/>
    </row>
    <row r="3594" spans="1:7" x14ac:dyDescent="0.25">
      <c r="A3594" s="1">
        <v>3592</v>
      </c>
      <c r="B3594" t="s">
        <v>3595</v>
      </c>
      <c r="C3594" t="s">
        <v>9043</v>
      </c>
      <c r="D3594" t="s">
        <v>14486</v>
      </c>
      <c r="E3594" t="s">
        <v>19757</v>
      </c>
      <c r="G3594" s="2"/>
    </row>
    <row r="3595" spans="1:7" x14ac:dyDescent="0.25">
      <c r="A3595" s="1">
        <v>3593</v>
      </c>
      <c r="B3595" t="s">
        <v>3596</v>
      </c>
      <c r="C3595" t="s">
        <v>9044</v>
      </c>
      <c r="D3595" t="s">
        <v>14487</v>
      </c>
      <c r="E3595" t="s">
        <v>19758</v>
      </c>
      <c r="G3595" s="2"/>
    </row>
    <row r="3596" spans="1:7" x14ac:dyDescent="0.25">
      <c r="A3596" s="1">
        <v>3594</v>
      </c>
      <c r="B3596" t="s">
        <v>3597</v>
      </c>
      <c r="C3596" t="s">
        <v>9045</v>
      </c>
      <c r="D3596" t="s">
        <v>14488</v>
      </c>
      <c r="E3596" t="s">
        <v>19759</v>
      </c>
      <c r="G3596" s="2"/>
    </row>
    <row r="3597" spans="1:7" x14ac:dyDescent="0.25">
      <c r="A3597" s="1">
        <v>3595</v>
      </c>
      <c r="B3597" t="s">
        <v>3598</v>
      </c>
      <c r="C3597" t="s">
        <v>9046</v>
      </c>
      <c r="D3597" t="s">
        <v>14489</v>
      </c>
      <c r="E3597" t="s">
        <v>19760</v>
      </c>
      <c r="G3597" s="2"/>
    </row>
    <row r="3598" spans="1:7" x14ac:dyDescent="0.25">
      <c r="A3598" s="1">
        <v>3596</v>
      </c>
      <c r="B3598" t="s">
        <v>3599</v>
      </c>
      <c r="C3598" t="s">
        <v>9047</v>
      </c>
      <c r="D3598" t="s">
        <v>14490</v>
      </c>
      <c r="E3598" t="s">
        <v>19761</v>
      </c>
      <c r="G3598" s="2"/>
    </row>
    <row r="3599" spans="1:7" x14ac:dyDescent="0.25">
      <c r="A3599" s="1">
        <v>3597</v>
      </c>
      <c r="B3599" t="s">
        <v>3600</v>
      </c>
      <c r="C3599" t="s">
        <v>9048</v>
      </c>
      <c r="D3599" t="s">
        <v>14491</v>
      </c>
      <c r="E3599" t="s">
        <v>19762</v>
      </c>
      <c r="G3599" s="2"/>
    </row>
    <row r="3600" spans="1:7" x14ac:dyDescent="0.25">
      <c r="A3600" s="1">
        <v>3598</v>
      </c>
      <c r="B3600" t="s">
        <v>3601</v>
      </c>
      <c r="C3600" t="s">
        <v>9049</v>
      </c>
      <c r="D3600" t="s">
        <v>14492</v>
      </c>
      <c r="E3600" t="s">
        <v>19763</v>
      </c>
      <c r="G3600" s="2"/>
    </row>
    <row r="3601" spans="1:7" x14ac:dyDescent="0.25">
      <c r="A3601" s="1">
        <v>3599</v>
      </c>
      <c r="B3601" t="s">
        <v>3602</v>
      </c>
      <c r="C3601" t="s">
        <v>9050</v>
      </c>
      <c r="D3601" t="s">
        <v>14493</v>
      </c>
      <c r="E3601" t="s">
        <v>19764</v>
      </c>
      <c r="G3601" s="2"/>
    </row>
    <row r="3602" spans="1:7" x14ac:dyDescent="0.25">
      <c r="A3602" s="1">
        <v>3600</v>
      </c>
      <c r="B3602" t="s">
        <v>3603</v>
      </c>
      <c r="C3602" t="s">
        <v>9051</v>
      </c>
      <c r="D3602" t="s">
        <v>14494</v>
      </c>
      <c r="E3602" t="s">
        <v>19765</v>
      </c>
      <c r="G3602" s="2"/>
    </row>
    <row r="3603" spans="1:7" x14ac:dyDescent="0.25">
      <c r="A3603" s="1">
        <v>3601</v>
      </c>
      <c r="B3603" t="s">
        <v>3604</v>
      </c>
      <c r="C3603" t="s">
        <v>9052</v>
      </c>
      <c r="D3603" t="s">
        <v>14495</v>
      </c>
      <c r="E3603" t="s">
        <v>19766</v>
      </c>
      <c r="G3603" s="2"/>
    </row>
    <row r="3604" spans="1:7" x14ac:dyDescent="0.25">
      <c r="A3604" s="1">
        <v>3602</v>
      </c>
      <c r="B3604" t="s">
        <v>3605</v>
      </c>
      <c r="C3604" t="s">
        <v>9053</v>
      </c>
      <c r="D3604" t="s">
        <v>14496</v>
      </c>
      <c r="E3604" t="s">
        <v>19767</v>
      </c>
      <c r="G3604" s="2"/>
    </row>
    <row r="3605" spans="1:7" x14ac:dyDescent="0.25">
      <c r="A3605" s="1">
        <v>3603</v>
      </c>
      <c r="B3605" t="s">
        <v>3606</v>
      </c>
      <c r="C3605" t="s">
        <v>9054</v>
      </c>
      <c r="D3605" t="s">
        <v>14497</v>
      </c>
      <c r="E3605" t="s">
        <v>19768</v>
      </c>
      <c r="G3605" s="2"/>
    </row>
    <row r="3606" spans="1:7" x14ac:dyDescent="0.25">
      <c r="A3606" s="1">
        <v>3604</v>
      </c>
      <c r="B3606" t="s">
        <v>3607</v>
      </c>
      <c r="C3606" t="s">
        <v>9055</v>
      </c>
      <c r="D3606" t="s">
        <v>14498</v>
      </c>
      <c r="E3606" t="s">
        <v>19769</v>
      </c>
      <c r="G3606" s="2"/>
    </row>
    <row r="3607" spans="1:7" x14ac:dyDescent="0.25">
      <c r="A3607" s="1">
        <v>3605</v>
      </c>
      <c r="B3607" t="s">
        <v>3608</v>
      </c>
      <c r="C3607" t="s">
        <v>9056</v>
      </c>
      <c r="D3607" t="s">
        <v>14499</v>
      </c>
      <c r="E3607" t="s">
        <v>19770</v>
      </c>
      <c r="G3607" s="2"/>
    </row>
    <row r="3608" spans="1:7" x14ac:dyDescent="0.25">
      <c r="A3608" s="1">
        <v>3606</v>
      </c>
      <c r="B3608" t="s">
        <v>3609</v>
      </c>
      <c r="C3608" t="s">
        <v>9057</v>
      </c>
      <c r="D3608" t="s">
        <v>14500</v>
      </c>
      <c r="E3608" t="s">
        <v>19771</v>
      </c>
      <c r="G3608" s="2"/>
    </row>
    <row r="3609" spans="1:7" x14ac:dyDescent="0.25">
      <c r="A3609" s="1">
        <v>3607</v>
      </c>
      <c r="B3609" t="s">
        <v>3610</v>
      </c>
      <c r="C3609" t="s">
        <v>9058</v>
      </c>
      <c r="D3609" t="s">
        <v>14501</v>
      </c>
      <c r="E3609" t="s">
        <v>19772</v>
      </c>
      <c r="G3609" s="2"/>
    </row>
    <row r="3610" spans="1:7" x14ac:dyDescent="0.25">
      <c r="A3610" s="1">
        <v>3608</v>
      </c>
      <c r="B3610" t="s">
        <v>3611</v>
      </c>
      <c r="C3610" t="s">
        <v>9059</v>
      </c>
      <c r="D3610" t="s">
        <v>14502</v>
      </c>
      <c r="E3610" t="s">
        <v>19773</v>
      </c>
      <c r="G3610" s="2"/>
    </row>
    <row r="3611" spans="1:7" x14ac:dyDescent="0.25">
      <c r="A3611" s="1">
        <v>3609</v>
      </c>
      <c r="B3611" t="s">
        <v>3612</v>
      </c>
      <c r="C3611" t="s">
        <v>9060</v>
      </c>
      <c r="D3611" t="s">
        <v>14503</v>
      </c>
      <c r="E3611" t="s">
        <v>19774</v>
      </c>
      <c r="G3611" s="2"/>
    </row>
    <row r="3612" spans="1:7" x14ac:dyDescent="0.25">
      <c r="A3612" s="1">
        <v>3610</v>
      </c>
      <c r="B3612" t="s">
        <v>3613</v>
      </c>
      <c r="C3612" t="s">
        <v>9061</v>
      </c>
      <c r="D3612" t="s">
        <v>14504</v>
      </c>
      <c r="E3612" t="s">
        <v>19775</v>
      </c>
      <c r="G3612" s="2"/>
    </row>
    <row r="3613" spans="1:7" x14ac:dyDescent="0.25">
      <c r="A3613" s="1">
        <v>3611</v>
      </c>
      <c r="B3613" t="s">
        <v>3614</v>
      </c>
      <c r="C3613" t="s">
        <v>9062</v>
      </c>
      <c r="D3613" t="s">
        <v>14505</v>
      </c>
      <c r="E3613" t="s">
        <v>19776</v>
      </c>
      <c r="G3613" s="2"/>
    </row>
    <row r="3614" spans="1:7" x14ac:dyDescent="0.25">
      <c r="A3614" s="1">
        <v>3612</v>
      </c>
      <c r="B3614" t="s">
        <v>3615</v>
      </c>
      <c r="C3614" t="s">
        <v>9063</v>
      </c>
      <c r="D3614" t="s">
        <v>14506</v>
      </c>
      <c r="E3614" t="s">
        <v>19777</v>
      </c>
      <c r="G3614" s="2"/>
    </row>
    <row r="3615" spans="1:7" x14ac:dyDescent="0.25">
      <c r="A3615" s="1">
        <v>3613</v>
      </c>
      <c r="B3615" t="s">
        <v>3616</v>
      </c>
      <c r="C3615" t="s">
        <v>9064</v>
      </c>
      <c r="D3615" t="s">
        <v>14507</v>
      </c>
      <c r="E3615" t="s">
        <v>19778</v>
      </c>
      <c r="G3615" s="2"/>
    </row>
    <row r="3616" spans="1:7" x14ac:dyDescent="0.25">
      <c r="A3616" s="1">
        <v>3614</v>
      </c>
      <c r="B3616" t="s">
        <v>3617</v>
      </c>
      <c r="C3616" t="s">
        <v>9065</v>
      </c>
      <c r="D3616" t="s">
        <v>14508</v>
      </c>
      <c r="E3616" t="s">
        <v>16620</v>
      </c>
      <c r="G3616" s="2"/>
    </row>
    <row r="3617" spans="1:7" x14ac:dyDescent="0.25">
      <c r="A3617" s="1">
        <v>3615</v>
      </c>
      <c r="B3617" t="s">
        <v>3618</v>
      </c>
      <c r="C3617" t="s">
        <v>9066</v>
      </c>
      <c r="D3617" t="s">
        <v>14509</v>
      </c>
      <c r="E3617" t="s">
        <v>19779</v>
      </c>
      <c r="G3617" s="2"/>
    </row>
    <row r="3618" spans="1:7" x14ac:dyDescent="0.25">
      <c r="A3618" s="1">
        <v>3616</v>
      </c>
      <c r="B3618" t="s">
        <v>3619</v>
      </c>
      <c r="C3618" t="s">
        <v>9067</v>
      </c>
      <c r="D3618" t="s">
        <v>14510</v>
      </c>
      <c r="E3618" t="s">
        <v>19780</v>
      </c>
      <c r="G3618" s="2"/>
    </row>
    <row r="3619" spans="1:7" x14ac:dyDescent="0.25">
      <c r="A3619" s="1">
        <v>3617</v>
      </c>
      <c r="B3619" t="s">
        <v>3620</v>
      </c>
      <c r="C3619" t="s">
        <v>9068</v>
      </c>
      <c r="D3619" t="s">
        <v>14511</v>
      </c>
      <c r="E3619" t="s">
        <v>19781</v>
      </c>
      <c r="G3619" s="2"/>
    </row>
    <row r="3620" spans="1:7" x14ac:dyDescent="0.25">
      <c r="A3620" s="1">
        <v>3618</v>
      </c>
      <c r="B3620" t="s">
        <v>3621</v>
      </c>
      <c r="C3620" t="s">
        <v>9069</v>
      </c>
      <c r="D3620" t="s">
        <v>14512</v>
      </c>
      <c r="E3620" t="s">
        <v>16372</v>
      </c>
      <c r="G3620" s="2"/>
    </row>
    <row r="3621" spans="1:7" x14ac:dyDescent="0.25">
      <c r="A3621" s="1">
        <v>3619</v>
      </c>
      <c r="B3621" t="s">
        <v>3622</v>
      </c>
      <c r="C3621" t="s">
        <v>9070</v>
      </c>
      <c r="D3621" t="s">
        <v>14513</v>
      </c>
      <c r="E3621" t="s">
        <v>19782</v>
      </c>
      <c r="G3621" s="2"/>
    </row>
    <row r="3622" spans="1:7" x14ac:dyDescent="0.25">
      <c r="A3622" s="1">
        <v>3620</v>
      </c>
      <c r="B3622" t="s">
        <v>3623</v>
      </c>
      <c r="C3622" t="s">
        <v>9071</v>
      </c>
      <c r="D3622" t="s">
        <v>14514</v>
      </c>
      <c r="E3622" t="s">
        <v>19783</v>
      </c>
      <c r="G3622" s="2"/>
    </row>
    <row r="3623" spans="1:7" x14ac:dyDescent="0.25">
      <c r="A3623" s="1">
        <v>3621</v>
      </c>
      <c r="B3623" t="s">
        <v>3624</v>
      </c>
      <c r="C3623" t="s">
        <v>9072</v>
      </c>
      <c r="D3623" t="s">
        <v>14515</v>
      </c>
      <c r="E3623" t="s">
        <v>19784</v>
      </c>
      <c r="G3623" s="2"/>
    </row>
    <row r="3624" spans="1:7" x14ac:dyDescent="0.25">
      <c r="A3624" s="1">
        <v>3622</v>
      </c>
      <c r="B3624" t="s">
        <v>3625</v>
      </c>
      <c r="C3624" t="s">
        <v>9073</v>
      </c>
      <c r="D3624" t="s">
        <v>14516</v>
      </c>
      <c r="E3624" t="s">
        <v>19785</v>
      </c>
      <c r="G3624" s="2"/>
    </row>
    <row r="3625" spans="1:7" x14ac:dyDescent="0.25">
      <c r="A3625" s="1">
        <v>3623</v>
      </c>
      <c r="B3625" t="s">
        <v>3626</v>
      </c>
      <c r="C3625" t="s">
        <v>9074</v>
      </c>
      <c r="D3625" t="s">
        <v>14517</v>
      </c>
      <c r="E3625" t="s">
        <v>19786</v>
      </c>
      <c r="G3625" s="2"/>
    </row>
    <row r="3626" spans="1:7" x14ac:dyDescent="0.25">
      <c r="A3626" s="1">
        <v>3624</v>
      </c>
      <c r="B3626" t="s">
        <v>3627</v>
      </c>
      <c r="C3626" t="s">
        <v>9075</v>
      </c>
      <c r="D3626" t="s">
        <v>14518</v>
      </c>
      <c r="E3626" t="s">
        <v>19787</v>
      </c>
      <c r="G3626" s="2"/>
    </row>
    <row r="3627" spans="1:7" x14ac:dyDescent="0.25">
      <c r="A3627" s="1">
        <v>3625</v>
      </c>
      <c r="B3627" t="s">
        <v>3628</v>
      </c>
      <c r="C3627" t="s">
        <v>9076</v>
      </c>
      <c r="D3627" t="s">
        <v>14519</v>
      </c>
      <c r="E3627" t="s">
        <v>19788</v>
      </c>
      <c r="G3627" s="2"/>
    </row>
    <row r="3628" spans="1:7" x14ac:dyDescent="0.25">
      <c r="A3628" s="1">
        <v>3626</v>
      </c>
      <c r="B3628" t="s">
        <v>3629</v>
      </c>
      <c r="C3628" t="s">
        <v>9077</v>
      </c>
      <c r="D3628" t="s">
        <v>14520</v>
      </c>
      <c r="E3628" t="s">
        <v>19789</v>
      </c>
      <c r="G3628" s="2"/>
    </row>
    <row r="3629" spans="1:7" x14ac:dyDescent="0.25">
      <c r="A3629" s="1">
        <v>3627</v>
      </c>
      <c r="B3629" t="s">
        <v>3630</v>
      </c>
      <c r="C3629" t="s">
        <v>9078</v>
      </c>
      <c r="D3629" t="s">
        <v>14521</v>
      </c>
      <c r="E3629" t="s">
        <v>19790</v>
      </c>
      <c r="G3629" s="2"/>
    </row>
    <row r="3630" spans="1:7" x14ac:dyDescent="0.25">
      <c r="A3630" s="1">
        <v>3628</v>
      </c>
      <c r="B3630" t="s">
        <v>3631</v>
      </c>
      <c r="C3630" t="s">
        <v>9079</v>
      </c>
      <c r="D3630" t="s">
        <v>14522</v>
      </c>
      <c r="E3630" t="s">
        <v>19791</v>
      </c>
      <c r="G3630" s="2"/>
    </row>
    <row r="3631" spans="1:7" x14ac:dyDescent="0.25">
      <c r="A3631" s="1">
        <v>3629</v>
      </c>
      <c r="B3631" t="s">
        <v>3632</v>
      </c>
      <c r="C3631" t="s">
        <v>9080</v>
      </c>
      <c r="D3631" t="s">
        <v>14523</v>
      </c>
      <c r="E3631" t="s">
        <v>19792</v>
      </c>
      <c r="G3631" s="2"/>
    </row>
    <row r="3632" spans="1:7" x14ac:dyDescent="0.25">
      <c r="A3632" s="1">
        <v>3630</v>
      </c>
      <c r="B3632" t="s">
        <v>3633</v>
      </c>
      <c r="C3632" t="s">
        <v>9081</v>
      </c>
      <c r="D3632" t="s">
        <v>14524</v>
      </c>
      <c r="E3632" t="s">
        <v>19793</v>
      </c>
      <c r="G3632" s="2"/>
    </row>
    <row r="3633" spans="1:7" x14ac:dyDescent="0.25">
      <c r="A3633" s="1">
        <v>3631</v>
      </c>
      <c r="B3633" t="s">
        <v>3634</v>
      </c>
      <c r="C3633" t="s">
        <v>9082</v>
      </c>
      <c r="D3633" t="s">
        <v>14525</v>
      </c>
      <c r="E3633" t="s">
        <v>19794</v>
      </c>
      <c r="G3633" s="2"/>
    </row>
    <row r="3634" spans="1:7" x14ac:dyDescent="0.25">
      <c r="A3634" s="1">
        <v>3632</v>
      </c>
      <c r="B3634" t="s">
        <v>3635</v>
      </c>
      <c r="C3634" t="s">
        <v>9083</v>
      </c>
      <c r="D3634" t="s">
        <v>14526</v>
      </c>
      <c r="E3634" t="s">
        <v>19795</v>
      </c>
      <c r="G3634" s="2"/>
    </row>
    <row r="3635" spans="1:7" x14ac:dyDescent="0.25">
      <c r="A3635" s="1">
        <v>3633</v>
      </c>
      <c r="B3635" t="s">
        <v>3636</v>
      </c>
      <c r="C3635" t="s">
        <v>9084</v>
      </c>
      <c r="D3635" t="s">
        <v>14527</v>
      </c>
      <c r="E3635" t="s">
        <v>19796</v>
      </c>
      <c r="G3635" s="2"/>
    </row>
    <row r="3636" spans="1:7" x14ac:dyDescent="0.25">
      <c r="A3636" s="1">
        <v>3634</v>
      </c>
      <c r="B3636" t="s">
        <v>3637</v>
      </c>
      <c r="C3636" t="s">
        <v>9085</v>
      </c>
      <c r="D3636" t="s">
        <v>14528</v>
      </c>
      <c r="E3636" t="s">
        <v>19797</v>
      </c>
      <c r="G3636" s="2"/>
    </row>
    <row r="3637" spans="1:7" x14ac:dyDescent="0.25">
      <c r="A3637" s="1">
        <v>3635</v>
      </c>
      <c r="B3637" t="s">
        <v>3638</v>
      </c>
      <c r="C3637" t="s">
        <v>9086</v>
      </c>
      <c r="D3637" t="s">
        <v>14529</v>
      </c>
      <c r="E3637" t="s">
        <v>19798</v>
      </c>
      <c r="G3637" s="2"/>
    </row>
    <row r="3638" spans="1:7" x14ac:dyDescent="0.25">
      <c r="A3638" s="1">
        <v>3636</v>
      </c>
      <c r="B3638" t="s">
        <v>3639</v>
      </c>
      <c r="C3638" t="s">
        <v>9087</v>
      </c>
      <c r="D3638" t="s">
        <v>14530</v>
      </c>
      <c r="E3638" t="s">
        <v>19799</v>
      </c>
      <c r="G3638" s="2"/>
    </row>
    <row r="3639" spans="1:7" x14ac:dyDescent="0.25">
      <c r="A3639" s="1">
        <v>3637</v>
      </c>
      <c r="B3639" t="s">
        <v>3640</v>
      </c>
      <c r="C3639" t="s">
        <v>9088</v>
      </c>
      <c r="D3639" t="s">
        <v>14531</v>
      </c>
      <c r="E3639" t="s">
        <v>19800</v>
      </c>
      <c r="G3639" s="2"/>
    </row>
    <row r="3640" spans="1:7" x14ac:dyDescent="0.25">
      <c r="A3640" s="1">
        <v>3638</v>
      </c>
      <c r="B3640" t="s">
        <v>3641</v>
      </c>
      <c r="C3640" t="s">
        <v>9089</v>
      </c>
      <c r="D3640" t="s">
        <v>14532</v>
      </c>
      <c r="E3640" t="s">
        <v>19801</v>
      </c>
      <c r="G3640" s="2"/>
    </row>
    <row r="3641" spans="1:7" x14ac:dyDescent="0.25">
      <c r="A3641" s="1">
        <v>3639</v>
      </c>
      <c r="B3641" t="s">
        <v>3642</v>
      </c>
      <c r="C3641" t="s">
        <v>9090</v>
      </c>
      <c r="D3641" t="s">
        <v>14533</v>
      </c>
      <c r="E3641" t="s">
        <v>19802</v>
      </c>
      <c r="G3641" s="2"/>
    </row>
    <row r="3642" spans="1:7" x14ac:dyDescent="0.25">
      <c r="A3642" s="1">
        <v>3640</v>
      </c>
      <c r="B3642" t="s">
        <v>3643</v>
      </c>
      <c r="C3642" t="s">
        <v>9091</v>
      </c>
      <c r="D3642" t="s">
        <v>14534</v>
      </c>
      <c r="E3642" t="s">
        <v>19803</v>
      </c>
      <c r="G3642" s="2"/>
    </row>
    <row r="3643" spans="1:7" x14ac:dyDescent="0.25">
      <c r="A3643" s="1">
        <v>3641</v>
      </c>
      <c r="B3643" t="s">
        <v>3644</v>
      </c>
      <c r="C3643" t="s">
        <v>9092</v>
      </c>
      <c r="D3643" t="s">
        <v>14535</v>
      </c>
      <c r="E3643" t="s">
        <v>19804</v>
      </c>
      <c r="G3643" s="2"/>
    </row>
    <row r="3644" spans="1:7" x14ac:dyDescent="0.25">
      <c r="A3644" s="1">
        <v>3642</v>
      </c>
      <c r="B3644" t="s">
        <v>3645</v>
      </c>
      <c r="C3644" t="s">
        <v>9093</v>
      </c>
      <c r="D3644" t="s">
        <v>14536</v>
      </c>
      <c r="E3644" t="s">
        <v>19805</v>
      </c>
      <c r="G3644" s="2"/>
    </row>
    <row r="3645" spans="1:7" x14ac:dyDescent="0.25">
      <c r="A3645" s="1">
        <v>3643</v>
      </c>
      <c r="B3645" t="s">
        <v>3646</v>
      </c>
      <c r="C3645" t="s">
        <v>9094</v>
      </c>
      <c r="D3645" t="s">
        <v>14537</v>
      </c>
      <c r="E3645" t="s">
        <v>19806</v>
      </c>
      <c r="G3645" s="2"/>
    </row>
    <row r="3646" spans="1:7" x14ac:dyDescent="0.25">
      <c r="A3646" s="1">
        <v>3644</v>
      </c>
      <c r="B3646" t="s">
        <v>3647</v>
      </c>
      <c r="C3646" t="s">
        <v>9095</v>
      </c>
      <c r="D3646" t="s">
        <v>14538</v>
      </c>
      <c r="E3646" t="s">
        <v>19807</v>
      </c>
      <c r="G3646" s="2"/>
    </row>
    <row r="3647" spans="1:7" x14ac:dyDescent="0.25">
      <c r="A3647" s="1">
        <v>3645</v>
      </c>
      <c r="B3647" t="s">
        <v>3648</v>
      </c>
      <c r="C3647" t="s">
        <v>9096</v>
      </c>
      <c r="D3647" t="s">
        <v>14539</v>
      </c>
      <c r="E3647" t="s">
        <v>19808</v>
      </c>
      <c r="G3647" s="2"/>
    </row>
    <row r="3648" spans="1:7" x14ac:dyDescent="0.25">
      <c r="A3648" s="1">
        <v>3646</v>
      </c>
      <c r="B3648" t="s">
        <v>3649</v>
      </c>
      <c r="C3648" t="s">
        <v>9097</v>
      </c>
      <c r="D3648" t="s">
        <v>14540</v>
      </c>
      <c r="E3648" t="s">
        <v>19809</v>
      </c>
      <c r="G3648" s="2"/>
    </row>
    <row r="3649" spans="1:7" x14ac:dyDescent="0.25">
      <c r="A3649" s="1">
        <v>3647</v>
      </c>
      <c r="B3649" t="s">
        <v>3650</v>
      </c>
      <c r="C3649" t="s">
        <v>9098</v>
      </c>
      <c r="D3649" t="s">
        <v>14541</v>
      </c>
      <c r="E3649" t="s">
        <v>19810</v>
      </c>
      <c r="G3649" s="2"/>
    </row>
    <row r="3650" spans="1:7" x14ac:dyDescent="0.25">
      <c r="A3650" s="1">
        <v>3648</v>
      </c>
      <c r="B3650" t="s">
        <v>3651</v>
      </c>
      <c r="C3650" t="s">
        <v>9099</v>
      </c>
      <c r="D3650" t="s">
        <v>14542</v>
      </c>
      <c r="E3650" t="s">
        <v>19811</v>
      </c>
      <c r="G3650" s="2"/>
    </row>
    <row r="3651" spans="1:7" x14ac:dyDescent="0.25">
      <c r="A3651" s="1">
        <v>3649</v>
      </c>
      <c r="B3651" t="s">
        <v>3652</v>
      </c>
      <c r="C3651" t="s">
        <v>9100</v>
      </c>
      <c r="D3651" t="s">
        <v>14543</v>
      </c>
      <c r="E3651" t="s">
        <v>19812</v>
      </c>
      <c r="G3651" s="2"/>
    </row>
    <row r="3652" spans="1:7" x14ac:dyDescent="0.25">
      <c r="A3652" s="1">
        <v>3650</v>
      </c>
      <c r="B3652" t="s">
        <v>3653</v>
      </c>
      <c r="C3652" t="s">
        <v>9101</v>
      </c>
      <c r="D3652" t="s">
        <v>14544</v>
      </c>
      <c r="E3652" t="s">
        <v>19813</v>
      </c>
      <c r="G3652" s="2"/>
    </row>
    <row r="3653" spans="1:7" x14ac:dyDescent="0.25">
      <c r="A3653" s="1">
        <v>3651</v>
      </c>
      <c r="B3653" t="s">
        <v>3654</v>
      </c>
      <c r="C3653" t="s">
        <v>9102</v>
      </c>
      <c r="D3653" t="s">
        <v>14545</v>
      </c>
      <c r="E3653" t="s">
        <v>19814</v>
      </c>
      <c r="G3653" s="2"/>
    </row>
    <row r="3654" spans="1:7" x14ac:dyDescent="0.25">
      <c r="A3654" s="1">
        <v>3652</v>
      </c>
      <c r="B3654" t="s">
        <v>3655</v>
      </c>
      <c r="C3654" t="s">
        <v>9103</v>
      </c>
      <c r="D3654" t="s">
        <v>14546</v>
      </c>
      <c r="E3654" t="s">
        <v>19815</v>
      </c>
      <c r="G3654" s="2"/>
    </row>
    <row r="3655" spans="1:7" x14ac:dyDescent="0.25">
      <c r="A3655" s="1">
        <v>3653</v>
      </c>
      <c r="B3655" t="s">
        <v>3656</v>
      </c>
      <c r="C3655" t="s">
        <v>9104</v>
      </c>
      <c r="D3655" t="s">
        <v>14547</v>
      </c>
      <c r="E3655" t="s">
        <v>19816</v>
      </c>
      <c r="G3655" s="2"/>
    </row>
    <row r="3656" spans="1:7" x14ac:dyDescent="0.25">
      <c r="A3656" s="1">
        <v>3654</v>
      </c>
      <c r="B3656" t="s">
        <v>3657</v>
      </c>
      <c r="C3656" t="s">
        <v>9105</v>
      </c>
      <c r="D3656" t="s">
        <v>14548</v>
      </c>
      <c r="E3656" t="s">
        <v>19817</v>
      </c>
      <c r="G3656" s="2"/>
    </row>
    <row r="3657" spans="1:7" x14ac:dyDescent="0.25">
      <c r="A3657" s="1">
        <v>3655</v>
      </c>
      <c r="B3657" t="s">
        <v>3658</v>
      </c>
      <c r="C3657" t="s">
        <v>9106</v>
      </c>
      <c r="D3657" t="s">
        <v>14549</v>
      </c>
      <c r="E3657" t="s">
        <v>19818</v>
      </c>
      <c r="G3657" s="2"/>
    </row>
    <row r="3658" spans="1:7" x14ac:dyDescent="0.25">
      <c r="A3658" s="1">
        <v>3656</v>
      </c>
      <c r="B3658" t="s">
        <v>3659</v>
      </c>
      <c r="C3658" t="s">
        <v>9107</v>
      </c>
      <c r="D3658" t="s">
        <v>14550</v>
      </c>
      <c r="E3658" t="s">
        <v>19819</v>
      </c>
      <c r="G3658" s="2"/>
    </row>
    <row r="3659" spans="1:7" x14ac:dyDescent="0.25">
      <c r="A3659" s="1">
        <v>3657</v>
      </c>
      <c r="B3659" t="s">
        <v>3660</v>
      </c>
      <c r="C3659" t="s">
        <v>9108</v>
      </c>
      <c r="D3659" t="s">
        <v>14551</v>
      </c>
      <c r="E3659" t="s">
        <v>19820</v>
      </c>
      <c r="G3659" s="2"/>
    </row>
    <row r="3660" spans="1:7" x14ac:dyDescent="0.25">
      <c r="A3660" s="1">
        <v>3658</v>
      </c>
      <c r="B3660" t="s">
        <v>3661</v>
      </c>
      <c r="C3660" t="s">
        <v>9109</v>
      </c>
      <c r="D3660" t="s">
        <v>14552</v>
      </c>
      <c r="E3660" t="s">
        <v>19821</v>
      </c>
      <c r="G3660" s="2"/>
    </row>
    <row r="3661" spans="1:7" x14ac:dyDescent="0.25">
      <c r="A3661" s="1">
        <v>3659</v>
      </c>
      <c r="B3661" t="s">
        <v>3662</v>
      </c>
      <c r="C3661" t="s">
        <v>9110</v>
      </c>
      <c r="D3661" t="s">
        <v>14553</v>
      </c>
      <c r="E3661" t="s">
        <v>19822</v>
      </c>
      <c r="G3661" s="2"/>
    </row>
    <row r="3662" spans="1:7" x14ac:dyDescent="0.25">
      <c r="A3662" s="1">
        <v>3660</v>
      </c>
      <c r="B3662" t="s">
        <v>3663</v>
      </c>
      <c r="C3662" t="s">
        <v>9111</v>
      </c>
      <c r="D3662" t="s">
        <v>14554</v>
      </c>
      <c r="E3662" t="s">
        <v>16347</v>
      </c>
      <c r="G3662" s="2"/>
    </row>
    <row r="3663" spans="1:7" x14ac:dyDescent="0.25">
      <c r="A3663" s="1">
        <v>3661</v>
      </c>
      <c r="B3663" t="s">
        <v>3664</v>
      </c>
      <c r="C3663" t="s">
        <v>9112</v>
      </c>
      <c r="D3663" t="s">
        <v>14555</v>
      </c>
      <c r="E3663" t="s">
        <v>19823</v>
      </c>
      <c r="G3663" s="2"/>
    </row>
    <row r="3664" spans="1:7" x14ac:dyDescent="0.25">
      <c r="A3664" s="1">
        <v>3662</v>
      </c>
      <c r="B3664" t="s">
        <v>3665</v>
      </c>
      <c r="C3664" t="s">
        <v>9113</v>
      </c>
      <c r="D3664" t="s">
        <v>14556</v>
      </c>
      <c r="E3664" t="s">
        <v>19824</v>
      </c>
      <c r="G3664" s="2"/>
    </row>
    <row r="3665" spans="1:7" x14ac:dyDescent="0.25">
      <c r="A3665" s="1">
        <v>3663</v>
      </c>
      <c r="B3665" t="s">
        <v>3666</v>
      </c>
      <c r="C3665" t="s">
        <v>9114</v>
      </c>
      <c r="D3665" t="s">
        <v>14557</v>
      </c>
      <c r="E3665" t="s">
        <v>19825</v>
      </c>
      <c r="G3665" s="2"/>
    </row>
    <row r="3666" spans="1:7" x14ac:dyDescent="0.25">
      <c r="A3666" s="1">
        <v>3664</v>
      </c>
      <c r="B3666" t="s">
        <v>3667</v>
      </c>
      <c r="C3666" t="s">
        <v>9115</v>
      </c>
      <c r="D3666" t="s">
        <v>14558</v>
      </c>
      <c r="E3666" t="s">
        <v>19826</v>
      </c>
      <c r="G3666" s="2"/>
    </row>
    <row r="3667" spans="1:7" x14ac:dyDescent="0.25">
      <c r="A3667" s="1">
        <v>3665</v>
      </c>
      <c r="B3667" t="s">
        <v>3668</v>
      </c>
      <c r="C3667" t="s">
        <v>9116</v>
      </c>
      <c r="D3667" t="s">
        <v>14559</v>
      </c>
      <c r="E3667" t="s">
        <v>19827</v>
      </c>
      <c r="G3667" s="2"/>
    </row>
    <row r="3668" spans="1:7" x14ac:dyDescent="0.25">
      <c r="A3668" s="1">
        <v>3666</v>
      </c>
      <c r="B3668" t="s">
        <v>3669</v>
      </c>
      <c r="C3668" t="s">
        <v>9117</v>
      </c>
      <c r="D3668" t="s">
        <v>14560</v>
      </c>
      <c r="E3668" t="s">
        <v>19828</v>
      </c>
      <c r="G3668" s="2"/>
    </row>
    <row r="3669" spans="1:7" x14ac:dyDescent="0.25">
      <c r="A3669" s="1">
        <v>3667</v>
      </c>
      <c r="B3669" t="s">
        <v>3670</v>
      </c>
      <c r="C3669" t="s">
        <v>9118</v>
      </c>
      <c r="D3669" t="s">
        <v>14561</v>
      </c>
      <c r="E3669" t="s">
        <v>19829</v>
      </c>
      <c r="G3669" s="2"/>
    </row>
    <row r="3670" spans="1:7" x14ac:dyDescent="0.25">
      <c r="A3670" s="1">
        <v>3668</v>
      </c>
      <c r="B3670" t="s">
        <v>3671</v>
      </c>
      <c r="C3670" t="s">
        <v>9119</v>
      </c>
      <c r="D3670" t="s">
        <v>14562</v>
      </c>
      <c r="E3670" t="s">
        <v>19830</v>
      </c>
      <c r="G3670" s="2"/>
    </row>
    <row r="3671" spans="1:7" x14ac:dyDescent="0.25">
      <c r="A3671" s="1">
        <v>3669</v>
      </c>
      <c r="B3671" t="s">
        <v>3672</v>
      </c>
      <c r="C3671" t="s">
        <v>9120</v>
      </c>
      <c r="D3671" t="s">
        <v>14563</v>
      </c>
      <c r="E3671" t="s">
        <v>19831</v>
      </c>
      <c r="G3671" s="2"/>
    </row>
    <row r="3672" spans="1:7" x14ac:dyDescent="0.25">
      <c r="A3672" s="1">
        <v>3670</v>
      </c>
      <c r="B3672" t="s">
        <v>3673</v>
      </c>
      <c r="C3672" t="s">
        <v>9121</v>
      </c>
      <c r="D3672" t="s">
        <v>14564</v>
      </c>
      <c r="E3672" t="s">
        <v>18425</v>
      </c>
      <c r="G3672" s="2"/>
    </row>
    <row r="3673" spans="1:7" x14ac:dyDescent="0.25">
      <c r="A3673" s="1">
        <v>3671</v>
      </c>
      <c r="B3673" t="s">
        <v>3674</v>
      </c>
      <c r="C3673" t="s">
        <v>9122</v>
      </c>
      <c r="D3673" t="s">
        <v>14565</v>
      </c>
      <c r="E3673" t="s">
        <v>19832</v>
      </c>
      <c r="G3673" s="2"/>
    </row>
    <row r="3674" spans="1:7" x14ac:dyDescent="0.25">
      <c r="A3674" s="1">
        <v>3672</v>
      </c>
      <c r="B3674" t="s">
        <v>3675</v>
      </c>
      <c r="C3674" t="s">
        <v>9123</v>
      </c>
      <c r="D3674" t="s">
        <v>14566</v>
      </c>
      <c r="E3674" t="s">
        <v>19833</v>
      </c>
      <c r="G3674" s="2"/>
    </row>
    <row r="3675" spans="1:7" x14ac:dyDescent="0.25">
      <c r="A3675" s="1">
        <v>3673</v>
      </c>
      <c r="B3675" t="s">
        <v>3676</v>
      </c>
      <c r="C3675" t="s">
        <v>9124</v>
      </c>
      <c r="D3675" t="s">
        <v>14567</v>
      </c>
      <c r="E3675" t="s">
        <v>19834</v>
      </c>
      <c r="G3675" s="2"/>
    </row>
    <row r="3676" spans="1:7" x14ac:dyDescent="0.25">
      <c r="A3676" s="1">
        <v>3674</v>
      </c>
      <c r="B3676" t="s">
        <v>3677</v>
      </c>
      <c r="C3676" t="s">
        <v>9125</v>
      </c>
      <c r="D3676" t="s">
        <v>14568</v>
      </c>
      <c r="E3676" t="s">
        <v>19835</v>
      </c>
      <c r="G3676" s="2"/>
    </row>
    <row r="3677" spans="1:7" x14ac:dyDescent="0.25">
      <c r="A3677" s="1">
        <v>3675</v>
      </c>
      <c r="B3677" t="s">
        <v>3678</v>
      </c>
      <c r="C3677" t="s">
        <v>9126</v>
      </c>
      <c r="D3677" t="s">
        <v>14569</v>
      </c>
      <c r="E3677" t="s">
        <v>19836</v>
      </c>
      <c r="G3677" s="2"/>
    </row>
    <row r="3678" spans="1:7" x14ac:dyDescent="0.25">
      <c r="A3678" s="1">
        <v>3676</v>
      </c>
      <c r="B3678" t="s">
        <v>3679</v>
      </c>
      <c r="C3678" t="s">
        <v>9127</v>
      </c>
      <c r="D3678" t="s">
        <v>14570</v>
      </c>
      <c r="E3678" t="s">
        <v>19837</v>
      </c>
      <c r="G3678" s="2"/>
    </row>
    <row r="3679" spans="1:7" x14ac:dyDescent="0.25">
      <c r="A3679" s="1">
        <v>3677</v>
      </c>
      <c r="B3679" t="s">
        <v>3680</v>
      </c>
      <c r="C3679" t="s">
        <v>9128</v>
      </c>
      <c r="D3679" t="s">
        <v>14571</v>
      </c>
      <c r="E3679" t="s">
        <v>19838</v>
      </c>
      <c r="G3679" s="2"/>
    </row>
    <row r="3680" spans="1:7" x14ac:dyDescent="0.25">
      <c r="A3680" s="1">
        <v>3678</v>
      </c>
      <c r="B3680" t="s">
        <v>3681</v>
      </c>
      <c r="C3680" t="s">
        <v>9129</v>
      </c>
      <c r="D3680" t="s">
        <v>14572</v>
      </c>
      <c r="E3680" t="s">
        <v>19839</v>
      </c>
      <c r="G3680" s="2"/>
    </row>
    <row r="3681" spans="1:7" x14ac:dyDescent="0.25">
      <c r="A3681" s="1">
        <v>3679</v>
      </c>
      <c r="B3681" t="s">
        <v>3682</v>
      </c>
      <c r="C3681" t="s">
        <v>9130</v>
      </c>
      <c r="D3681" t="s">
        <v>14573</v>
      </c>
      <c r="E3681" t="s">
        <v>19840</v>
      </c>
      <c r="G3681" s="2"/>
    </row>
    <row r="3682" spans="1:7" x14ac:dyDescent="0.25">
      <c r="A3682" s="1">
        <v>3680</v>
      </c>
      <c r="B3682" t="s">
        <v>3683</v>
      </c>
      <c r="C3682" t="s">
        <v>9131</v>
      </c>
      <c r="D3682" t="s">
        <v>14574</v>
      </c>
      <c r="E3682" t="s">
        <v>17091</v>
      </c>
      <c r="G3682" s="2"/>
    </row>
    <row r="3683" spans="1:7" x14ac:dyDescent="0.25">
      <c r="A3683" s="1">
        <v>3681</v>
      </c>
      <c r="B3683" t="s">
        <v>3684</v>
      </c>
      <c r="C3683" t="s">
        <v>9132</v>
      </c>
      <c r="D3683" t="s">
        <v>14575</v>
      </c>
      <c r="E3683" t="s">
        <v>19841</v>
      </c>
      <c r="G3683" s="2"/>
    </row>
    <row r="3684" spans="1:7" x14ac:dyDescent="0.25">
      <c r="A3684" s="1">
        <v>3682</v>
      </c>
      <c r="B3684" t="s">
        <v>3685</v>
      </c>
      <c r="C3684" t="s">
        <v>9133</v>
      </c>
      <c r="D3684" t="s">
        <v>14576</v>
      </c>
      <c r="E3684" t="s">
        <v>19842</v>
      </c>
      <c r="G3684" s="2"/>
    </row>
    <row r="3685" spans="1:7" x14ac:dyDescent="0.25">
      <c r="A3685" s="1">
        <v>3683</v>
      </c>
      <c r="B3685" t="s">
        <v>3686</v>
      </c>
      <c r="C3685" t="s">
        <v>9134</v>
      </c>
      <c r="D3685" t="s">
        <v>14577</v>
      </c>
      <c r="E3685" t="s">
        <v>19843</v>
      </c>
      <c r="G3685" s="2"/>
    </row>
    <row r="3686" spans="1:7" x14ac:dyDescent="0.25">
      <c r="A3686" s="1">
        <v>3684</v>
      </c>
      <c r="B3686" t="s">
        <v>3687</v>
      </c>
      <c r="C3686" t="s">
        <v>9135</v>
      </c>
      <c r="D3686" t="s">
        <v>14578</v>
      </c>
      <c r="E3686" t="s">
        <v>19844</v>
      </c>
      <c r="G3686" s="2"/>
    </row>
    <row r="3687" spans="1:7" x14ac:dyDescent="0.25">
      <c r="A3687" s="1">
        <v>3685</v>
      </c>
      <c r="B3687" t="s">
        <v>3688</v>
      </c>
      <c r="C3687" t="s">
        <v>9136</v>
      </c>
      <c r="D3687" t="s">
        <v>14579</v>
      </c>
      <c r="E3687" t="s">
        <v>19845</v>
      </c>
      <c r="G3687" s="2"/>
    </row>
    <row r="3688" spans="1:7" x14ac:dyDescent="0.25">
      <c r="A3688" s="1">
        <v>3686</v>
      </c>
      <c r="B3688" t="s">
        <v>3689</v>
      </c>
      <c r="C3688" t="s">
        <v>9137</v>
      </c>
      <c r="D3688" t="s">
        <v>14580</v>
      </c>
      <c r="E3688" t="s">
        <v>19846</v>
      </c>
      <c r="G3688" s="2"/>
    </row>
    <row r="3689" spans="1:7" x14ac:dyDescent="0.25">
      <c r="A3689" s="1">
        <v>3687</v>
      </c>
      <c r="B3689" t="s">
        <v>3690</v>
      </c>
      <c r="C3689" t="s">
        <v>9138</v>
      </c>
      <c r="D3689" t="s">
        <v>14581</v>
      </c>
      <c r="E3689" t="s">
        <v>19847</v>
      </c>
      <c r="G3689" s="2"/>
    </row>
    <row r="3690" spans="1:7" x14ac:dyDescent="0.25">
      <c r="A3690" s="1">
        <v>3688</v>
      </c>
      <c r="B3690" t="s">
        <v>3691</v>
      </c>
      <c r="C3690" t="s">
        <v>9139</v>
      </c>
      <c r="D3690" t="s">
        <v>14582</v>
      </c>
      <c r="E3690" t="s">
        <v>16620</v>
      </c>
      <c r="G3690" s="2"/>
    </row>
    <row r="3691" spans="1:7" x14ac:dyDescent="0.25">
      <c r="A3691" s="1">
        <v>3689</v>
      </c>
      <c r="B3691" t="s">
        <v>3692</v>
      </c>
      <c r="C3691" t="s">
        <v>9140</v>
      </c>
      <c r="D3691" t="s">
        <v>14583</v>
      </c>
      <c r="E3691" t="s">
        <v>19848</v>
      </c>
      <c r="G3691" s="2"/>
    </row>
    <row r="3692" spans="1:7" x14ac:dyDescent="0.25">
      <c r="A3692" s="1">
        <v>3690</v>
      </c>
      <c r="B3692" t="s">
        <v>3693</v>
      </c>
      <c r="C3692" t="s">
        <v>9141</v>
      </c>
      <c r="D3692" t="s">
        <v>14584</v>
      </c>
      <c r="E3692" t="s">
        <v>19849</v>
      </c>
      <c r="G3692" s="2"/>
    </row>
    <row r="3693" spans="1:7" x14ac:dyDescent="0.25">
      <c r="A3693" s="1">
        <v>3691</v>
      </c>
      <c r="B3693" t="s">
        <v>3694</v>
      </c>
      <c r="C3693" t="s">
        <v>9142</v>
      </c>
      <c r="D3693" t="s">
        <v>14585</v>
      </c>
      <c r="E3693" t="s">
        <v>19850</v>
      </c>
      <c r="G3693" s="2"/>
    </row>
    <row r="3694" spans="1:7" x14ac:dyDescent="0.25">
      <c r="A3694" s="1">
        <v>3692</v>
      </c>
      <c r="B3694" t="s">
        <v>3695</v>
      </c>
      <c r="C3694" t="s">
        <v>9143</v>
      </c>
      <c r="D3694" t="s">
        <v>14586</v>
      </c>
      <c r="E3694" t="s">
        <v>19851</v>
      </c>
      <c r="G3694" s="2"/>
    </row>
    <row r="3695" spans="1:7" x14ac:dyDescent="0.25">
      <c r="A3695" s="1">
        <v>3693</v>
      </c>
      <c r="B3695" t="s">
        <v>3696</v>
      </c>
      <c r="C3695" t="s">
        <v>9144</v>
      </c>
      <c r="D3695" t="s">
        <v>14587</v>
      </c>
      <c r="E3695" t="s">
        <v>19852</v>
      </c>
      <c r="G3695" s="2"/>
    </row>
    <row r="3696" spans="1:7" x14ac:dyDescent="0.25">
      <c r="A3696" s="1">
        <v>3694</v>
      </c>
      <c r="B3696" t="s">
        <v>3697</v>
      </c>
      <c r="C3696" t="s">
        <v>9145</v>
      </c>
      <c r="D3696" t="s">
        <v>14588</v>
      </c>
      <c r="E3696" t="s">
        <v>19853</v>
      </c>
      <c r="G3696" s="2"/>
    </row>
    <row r="3697" spans="1:7" x14ac:dyDescent="0.25">
      <c r="A3697" s="1">
        <v>3695</v>
      </c>
      <c r="B3697" t="s">
        <v>3698</v>
      </c>
      <c r="C3697" t="s">
        <v>9146</v>
      </c>
      <c r="D3697" t="s">
        <v>14589</v>
      </c>
      <c r="E3697" t="s">
        <v>19854</v>
      </c>
      <c r="G3697" s="2"/>
    </row>
    <row r="3698" spans="1:7" x14ac:dyDescent="0.25">
      <c r="A3698" s="1">
        <v>3696</v>
      </c>
      <c r="B3698" t="s">
        <v>3699</v>
      </c>
      <c r="C3698" t="s">
        <v>9147</v>
      </c>
      <c r="D3698" t="s">
        <v>14590</v>
      </c>
      <c r="E3698" t="s">
        <v>19855</v>
      </c>
      <c r="G3698" s="2"/>
    </row>
    <row r="3699" spans="1:7" x14ac:dyDescent="0.25">
      <c r="A3699" s="1">
        <v>3697</v>
      </c>
      <c r="B3699" t="s">
        <v>3700</v>
      </c>
      <c r="C3699" t="s">
        <v>9148</v>
      </c>
      <c r="D3699" t="s">
        <v>14591</v>
      </c>
      <c r="E3699" t="s">
        <v>19856</v>
      </c>
      <c r="G3699" s="2"/>
    </row>
    <row r="3700" spans="1:7" x14ac:dyDescent="0.25">
      <c r="A3700" s="1">
        <v>3698</v>
      </c>
      <c r="B3700" t="s">
        <v>3701</v>
      </c>
      <c r="C3700" t="s">
        <v>9149</v>
      </c>
      <c r="D3700" t="s">
        <v>14592</v>
      </c>
      <c r="E3700" t="s">
        <v>19857</v>
      </c>
      <c r="G3700" s="2"/>
    </row>
    <row r="3701" spans="1:7" x14ac:dyDescent="0.25">
      <c r="A3701" s="1">
        <v>3699</v>
      </c>
      <c r="B3701" t="s">
        <v>3702</v>
      </c>
      <c r="C3701" t="s">
        <v>9150</v>
      </c>
      <c r="D3701" t="s">
        <v>14593</v>
      </c>
      <c r="E3701" t="s">
        <v>19858</v>
      </c>
      <c r="G3701" s="2"/>
    </row>
    <row r="3702" spans="1:7" x14ac:dyDescent="0.25">
      <c r="A3702" s="1">
        <v>3700</v>
      </c>
      <c r="B3702" t="s">
        <v>3703</v>
      </c>
      <c r="C3702" t="s">
        <v>9151</v>
      </c>
      <c r="D3702" t="s">
        <v>14594</v>
      </c>
      <c r="E3702" t="s">
        <v>19859</v>
      </c>
      <c r="G3702" s="2"/>
    </row>
    <row r="3703" spans="1:7" x14ac:dyDescent="0.25">
      <c r="A3703" s="1">
        <v>3701</v>
      </c>
      <c r="B3703" t="s">
        <v>3704</v>
      </c>
      <c r="C3703" t="s">
        <v>9152</v>
      </c>
      <c r="D3703" t="s">
        <v>14595</v>
      </c>
      <c r="E3703" t="s">
        <v>19860</v>
      </c>
      <c r="G3703" s="2"/>
    </row>
    <row r="3704" spans="1:7" x14ac:dyDescent="0.25">
      <c r="A3704" s="1">
        <v>3702</v>
      </c>
      <c r="B3704" t="s">
        <v>3705</v>
      </c>
      <c r="C3704" t="s">
        <v>9153</v>
      </c>
      <c r="D3704" t="s">
        <v>14596</v>
      </c>
      <c r="E3704" t="s">
        <v>19861</v>
      </c>
      <c r="G3704" s="2"/>
    </row>
    <row r="3705" spans="1:7" x14ac:dyDescent="0.25">
      <c r="A3705" s="1">
        <v>3703</v>
      </c>
      <c r="B3705" t="s">
        <v>3706</v>
      </c>
      <c r="C3705" t="s">
        <v>9154</v>
      </c>
      <c r="D3705" t="s">
        <v>14597</v>
      </c>
      <c r="E3705" t="s">
        <v>19862</v>
      </c>
      <c r="G3705" s="2"/>
    </row>
    <row r="3706" spans="1:7" x14ac:dyDescent="0.25">
      <c r="A3706" s="1">
        <v>3704</v>
      </c>
      <c r="B3706" t="s">
        <v>3707</v>
      </c>
      <c r="C3706" t="s">
        <v>9155</v>
      </c>
      <c r="D3706" t="s">
        <v>14598</v>
      </c>
      <c r="E3706" t="s">
        <v>19863</v>
      </c>
      <c r="G3706" s="2"/>
    </row>
    <row r="3707" spans="1:7" x14ac:dyDescent="0.25">
      <c r="A3707" s="1">
        <v>3705</v>
      </c>
      <c r="B3707" t="s">
        <v>3708</v>
      </c>
      <c r="C3707" t="s">
        <v>9156</v>
      </c>
      <c r="D3707" t="s">
        <v>14599</v>
      </c>
      <c r="E3707" t="s">
        <v>19864</v>
      </c>
      <c r="G3707" s="2"/>
    </row>
    <row r="3708" spans="1:7" x14ac:dyDescent="0.25">
      <c r="A3708" s="1">
        <v>3706</v>
      </c>
      <c r="B3708" t="s">
        <v>3709</v>
      </c>
      <c r="C3708" t="s">
        <v>9157</v>
      </c>
      <c r="D3708" t="s">
        <v>14600</v>
      </c>
      <c r="E3708" t="s">
        <v>19865</v>
      </c>
      <c r="G3708" s="2"/>
    </row>
    <row r="3709" spans="1:7" x14ac:dyDescent="0.25">
      <c r="A3709" s="1">
        <v>3707</v>
      </c>
      <c r="B3709" t="s">
        <v>3710</v>
      </c>
      <c r="C3709" t="s">
        <v>9158</v>
      </c>
      <c r="D3709" t="s">
        <v>14601</v>
      </c>
      <c r="E3709" t="s">
        <v>19866</v>
      </c>
      <c r="G3709" s="2"/>
    </row>
    <row r="3710" spans="1:7" x14ac:dyDescent="0.25">
      <c r="A3710" s="1">
        <v>3708</v>
      </c>
      <c r="B3710" t="s">
        <v>3711</v>
      </c>
      <c r="C3710" t="s">
        <v>9159</v>
      </c>
      <c r="D3710" t="s">
        <v>14602</v>
      </c>
      <c r="E3710" t="s">
        <v>19867</v>
      </c>
      <c r="G3710" s="2"/>
    </row>
    <row r="3711" spans="1:7" x14ac:dyDescent="0.25">
      <c r="A3711" s="1">
        <v>3709</v>
      </c>
      <c r="B3711" t="s">
        <v>3712</v>
      </c>
      <c r="C3711" t="s">
        <v>9160</v>
      </c>
      <c r="D3711" t="s">
        <v>14603</v>
      </c>
      <c r="E3711" t="s">
        <v>19868</v>
      </c>
      <c r="G3711" s="2"/>
    </row>
    <row r="3712" spans="1:7" x14ac:dyDescent="0.25">
      <c r="A3712" s="1">
        <v>3710</v>
      </c>
      <c r="B3712" t="s">
        <v>3713</v>
      </c>
      <c r="C3712" t="s">
        <v>9161</v>
      </c>
      <c r="D3712" t="s">
        <v>14604</v>
      </c>
      <c r="E3712" t="s">
        <v>19869</v>
      </c>
      <c r="G3712" s="2"/>
    </row>
    <row r="3713" spans="1:7" x14ac:dyDescent="0.25">
      <c r="A3713" s="1">
        <v>3711</v>
      </c>
      <c r="B3713" t="s">
        <v>3714</v>
      </c>
      <c r="C3713" t="s">
        <v>9162</v>
      </c>
      <c r="D3713" t="s">
        <v>14605</v>
      </c>
      <c r="E3713" t="s">
        <v>19870</v>
      </c>
      <c r="G3713" s="2"/>
    </row>
    <row r="3714" spans="1:7" x14ac:dyDescent="0.25">
      <c r="A3714" s="1">
        <v>3712</v>
      </c>
      <c r="B3714" t="s">
        <v>3715</v>
      </c>
      <c r="C3714" t="s">
        <v>9163</v>
      </c>
      <c r="D3714" t="s">
        <v>14606</v>
      </c>
      <c r="E3714" t="s">
        <v>16514</v>
      </c>
      <c r="G3714" s="2"/>
    </row>
    <row r="3715" spans="1:7" x14ac:dyDescent="0.25">
      <c r="A3715" s="1">
        <v>3713</v>
      </c>
      <c r="B3715" t="s">
        <v>3716</v>
      </c>
      <c r="C3715" t="s">
        <v>9164</v>
      </c>
      <c r="D3715" t="s">
        <v>14607</v>
      </c>
      <c r="E3715" t="s">
        <v>19871</v>
      </c>
      <c r="G3715" s="2"/>
    </row>
    <row r="3716" spans="1:7" x14ac:dyDescent="0.25">
      <c r="A3716" s="1">
        <v>3714</v>
      </c>
      <c r="B3716" t="s">
        <v>3717</v>
      </c>
      <c r="C3716" t="s">
        <v>9165</v>
      </c>
      <c r="D3716" t="s">
        <v>14608</v>
      </c>
      <c r="E3716" t="s">
        <v>19872</v>
      </c>
      <c r="G3716" s="2"/>
    </row>
    <row r="3717" spans="1:7" x14ac:dyDescent="0.25">
      <c r="A3717" s="1">
        <v>3715</v>
      </c>
      <c r="B3717" t="s">
        <v>3718</v>
      </c>
      <c r="C3717" t="s">
        <v>9166</v>
      </c>
      <c r="D3717" t="s">
        <v>14609</v>
      </c>
      <c r="E3717" t="s">
        <v>19873</v>
      </c>
      <c r="G3717" s="2"/>
    </row>
    <row r="3718" spans="1:7" x14ac:dyDescent="0.25">
      <c r="A3718" s="1">
        <v>3716</v>
      </c>
      <c r="B3718" t="s">
        <v>3719</v>
      </c>
      <c r="C3718" t="s">
        <v>9167</v>
      </c>
      <c r="D3718" t="s">
        <v>14610</v>
      </c>
      <c r="E3718" t="s">
        <v>19874</v>
      </c>
      <c r="G3718" s="2"/>
    </row>
    <row r="3719" spans="1:7" x14ac:dyDescent="0.25">
      <c r="A3719" s="1">
        <v>3717</v>
      </c>
      <c r="B3719" t="s">
        <v>3720</v>
      </c>
      <c r="C3719" t="s">
        <v>9168</v>
      </c>
      <c r="D3719" t="s">
        <v>14611</v>
      </c>
      <c r="E3719" t="s">
        <v>19875</v>
      </c>
      <c r="G3719" s="2"/>
    </row>
    <row r="3720" spans="1:7" x14ac:dyDescent="0.25">
      <c r="A3720" s="1">
        <v>3718</v>
      </c>
      <c r="B3720" t="s">
        <v>3721</v>
      </c>
      <c r="C3720" t="s">
        <v>9169</v>
      </c>
      <c r="D3720" t="s">
        <v>14612</v>
      </c>
      <c r="E3720" t="s">
        <v>19876</v>
      </c>
      <c r="G3720" s="2"/>
    </row>
    <row r="3721" spans="1:7" x14ac:dyDescent="0.25">
      <c r="A3721" s="1">
        <v>3719</v>
      </c>
      <c r="B3721" t="s">
        <v>3722</v>
      </c>
      <c r="C3721" t="s">
        <v>9170</v>
      </c>
      <c r="D3721" t="s">
        <v>14613</v>
      </c>
      <c r="E3721" t="s">
        <v>19877</v>
      </c>
      <c r="G3721" s="2"/>
    </row>
    <row r="3722" spans="1:7" x14ac:dyDescent="0.25">
      <c r="A3722" s="1">
        <v>3720</v>
      </c>
      <c r="B3722" t="s">
        <v>3723</v>
      </c>
      <c r="C3722" t="s">
        <v>9171</v>
      </c>
      <c r="D3722" t="s">
        <v>14614</v>
      </c>
      <c r="E3722" t="s">
        <v>19878</v>
      </c>
      <c r="G3722" s="2"/>
    </row>
    <row r="3723" spans="1:7" x14ac:dyDescent="0.25">
      <c r="A3723" s="1">
        <v>3721</v>
      </c>
      <c r="B3723" t="s">
        <v>3724</v>
      </c>
      <c r="C3723" t="s">
        <v>9172</v>
      </c>
      <c r="D3723" t="s">
        <v>14615</v>
      </c>
      <c r="E3723" t="s">
        <v>19879</v>
      </c>
      <c r="G3723" s="2"/>
    </row>
    <row r="3724" spans="1:7" x14ac:dyDescent="0.25">
      <c r="A3724" s="1">
        <v>3722</v>
      </c>
      <c r="B3724" t="s">
        <v>3725</v>
      </c>
      <c r="C3724" t="s">
        <v>9173</v>
      </c>
      <c r="D3724" t="s">
        <v>14616</v>
      </c>
      <c r="E3724" t="s">
        <v>19880</v>
      </c>
      <c r="G3724" s="2"/>
    </row>
    <row r="3725" spans="1:7" x14ac:dyDescent="0.25">
      <c r="A3725" s="1">
        <v>3723</v>
      </c>
      <c r="B3725" t="s">
        <v>3726</v>
      </c>
      <c r="C3725" t="s">
        <v>9174</v>
      </c>
      <c r="D3725" t="s">
        <v>14617</v>
      </c>
      <c r="E3725" t="s">
        <v>19881</v>
      </c>
      <c r="G3725" s="2"/>
    </row>
    <row r="3726" spans="1:7" x14ac:dyDescent="0.25">
      <c r="A3726" s="1">
        <v>3724</v>
      </c>
      <c r="B3726" t="s">
        <v>3727</v>
      </c>
      <c r="C3726" t="s">
        <v>9175</v>
      </c>
      <c r="D3726" t="s">
        <v>14618</v>
      </c>
      <c r="E3726" t="s">
        <v>18646</v>
      </c>
      <c r="G3726" s="2"/>
    </row>
    <row r="3727" spans="1:7" x14ac:dyDescent="0.25">
      <c r="A3727" s="1">
        <v>3725</v>
      </c>
      <c r="B3727" t="s">
        <v>3728</v>
      </c>
      <c r="C3727" t="s">
        <v>9176</v>
      </c>
      <c r="D3727" t="s">
        <v>14619</v>
      </c>
      <c r="E3727" t="s">
        <v>19882</v>
      </c>
      <c r="G3727" s="2"/>
    </row>
    <row r="3728" spans="1:7" x14ac:dyDescent="0.25">
      <c r="A3728" s="1">
        <v>3726</v>
      </c>
      <c r="B3728" t="s">
        <v>3729</v>
      </c>
      <c r="C3728" t="s">
        <v>9177</v>
      </c>
      <c r="D3728" t="s">
        <v>14620</v>
      </c>
      <c r="E3728" t="s">
        <v>16731</v>
      </c>
      <c r="G3728" s="2"/>
    </row>
    <row r="3729" spans="1:7" x14ac:dyDescent="0.25">
      <c r="A3729" s="1">
        <v>3727</v>
      </c>
      <c r="B3729" t="s">
        <v>3730</v>
      </c>
      <c r="C3729" t="s">
        <v>9178</v>
      </c>
      <c r="D3729" t="s">
        <v>14621</v>
      </c>
      <c r="E3729" t="s">
        <v>16620</v>
      </c>
      <c r="G3729" s="2"/>
    </row>
    <row r="3730" spans="1:7" x14ac:dyDescent="0.25">
      <c r="A3730" s="1">
        <v>3728</v>
      </c>
      <c r="B3730" t="s">
        <v>3731</v>
      </c>
      <c r="C3730" t="s">
        <v>9179</v>
      </c>
      <c r="D3730" t="s">
        <v>14622</v>
      </c>
      <c r="E3730" t="s">
        <v>19883</v>
      </c>
      <c r="G3730" s="2"/>
    </row>
    <row r="3731" spans="1:7" x14ac:dyDescent="0.25">
      <c r="A3731" s="1">
        <v>3729</v>
      </c>
      <c r="B3731" t="s">
        <v>3732</v>
      </c>
      <c r="C3731" t="s">
        <v>9180</v>
      </c>
      <c r="D3731" t="s">
        <v>14623</v>
      </c>
      <c r="E3731" t="s">
        <v>19884</v>
      </c>
      <c r="G3731" s="2"/>
    </row>
    <row r="3732" spans="1:7" x14ac:dyDescent="0.25">
      <c r="A3732" s="1">
        <v>3730</v>
      </c>
      <c r="B3732" t="s">
        <v>3733</v>
      </c>
      <c r="C3732" t="s">
        <v>9181</v>
      </c>
      <c r="D3732" t="s">
        <v>14624</v>
      </c>
      <c r="E3732" t="s">
        <v>19885</v>
      </c>
      <c r="G3732" s="2"/>
    </row>
    <row r="3733" spans="1:7" x14ac:dyDescent="0.25">
      <c r="A3733" s="1">
        <v>3731</v>
      </c>
      <c r="B3733" t="s">
        <v>3734</v>
      </c>
      <c r="C3733" t="s">
        <v>9182</v>
      </c>
      <c r="D3733" t="s">
        <v>14625</v>
      </c>
      <c r="E3733" t="s">
        <v>19886</v>
      </c>
      <c r="G3733" s="2"/>
    </row>
    <row r="3734" spans="1:7" x14ac:dyDescent="0.25">
      <c r="A3734" s="1">
        <v>3732</v>
      </c>
      <c r="B3734" t="s">
        <v>3735</v>
      </c>
      <c r="C3734" t="s">
        <v>9183</v>
      </c>
      <c r="D3734" t="s">
        <v>14626</v>
      </c>
      <c r="E3734" t="s">
        <v>19887</v>
      </c>
      <c r="G3734" s="2"/>
    </row>
    <row r="3735" spans="1:7" x14ac:dyDescent="0.25">
      <c r="A3735" s="1">
        <v>3733</v>
      </c>
      <c r="B3735" t="s">
        <v>3736</v>
      </c>
      <c r="C3735" t="s">
        <v>9184</v>
      </c>
      <c r="D3735" t="s">
        <v>14627</v>
      </c>
      <c r="E3735" t="s">
        <v>19888</v>
      </c>
      <c r="G3735" s="2"/>
    </row>
    <row r="3736" spans="1:7" x14ac:dyDescent="0.25">
      <c r="A3736" s="1">
        <v>3734</v>
      </c>
      <c r="B3736" t="s">
        <v>3737</v>
      </c>
      <c r="C3736" t="s">
        <v>9185</v>
      </c>
      <c r="D3736" t="s">
        <v>14628</v>
      </c>
      <c r="E3736" t="s">
        <v>19889</v>
      </c>
      <c r="G3736" s="2"/>
    </row>
    <row r="3737" spans="1:7" x14ac:dyDescent="0.25">
      <c r="A3737" s="1">
        <v>3735</v>
      </c>
      <c r="B3737" t="s">
        <v>3738</v>
      </c>
      <c r="C3737" t="s">
        <v>9186</v>
      </c>
      <c r="D3737" t="s">
        <v>14629</v>
      </c>
      <c r="E3737" t="s">
        <v>19890</v>
      </c>
      <c r="G3737" s="2"/>
    </row>
    <row r="3738" spans="1:7" x14ac:dyDescent="0.25">
      <c r="A3738" s="1">
        <v>3736</v>
      </c>
      <c r="B3738" t="s">
        <v>3739</v>
      </c>
      <c r="C3738" t="s">
        <v>9187</v>
      </c>
      <c r="D3738" t="s">
        <v>14630</v>
      </c>
      <c r="E3738" t="s">
        <v>19891</v>
      </c>
      <c r="G3738" s="2"/>
    </row>
    <row r="3739" spans="1:7" x14ac:dyDescent="0.25">
      <c r="A3739" s="1">
        <v>3737</v>
      </c>
      <c r="B3739" t="s">
        <v>3740</v>
      </c>
      <c r="C3739" t="s">
        <v>9188</v>
      </c>
      <c r="D3739" t="s">
        <v>14631</v>
      </c>
      <c r="E3739" t="s">
        <v>19892</v>
      </c>
      <c r="G3739" s="2"/>
    </row>
    <row r="3740" spans="1:7" x14ac:dyDescent="0.25">
      <c r="A3740" s="1">
        <v>3738</v>
      </c>
      <c r="B3740" t="s">
        <v>3741</v>
      </c>
      <c r="C3740" t="s">
        <v>9189</v>
      </c>
      <c r="D3740" t="s">
        <v>14632</v>
      </c>
      <c r="E3740" t="s">
        <v>16347</v>
      </c>
      <c r="G3740" s="2"/>
    </row>
    <row r="3741" spans="1:7" x14ac:dyDescent="0.25">
      <c r="A3741" s="1">
        <v>3739</v>
      </c>
      <c r="B3741" t="s">
        <v>3742</v>
      </c>
      <c r="C3741" t="s">
        <v>9190</v>
      </c>
      <c r="D3741" t="s">
        <v>14633</v>
      </c>
      <c r="E3741" t="s">
        <v>19893</v>
      </c>
      <c r="G3741" s="2"/>
    </row>
    <row r="3742" spans="1:7" x14ac:dyDescent="0.25">
      <c r="A3742" s="1">
        <v>3740</v>
      </c>
      <c r="B3742" t="s">
        <v>3743</v>
      </c>
      <c r="C3742" t="s">
        <v>9191</v>
      </c>
      <c r="D3742" t="s">
        <v>14634</v>
      </c>
      <c r="E3742" t="s">
        <v>18329</v>
      </c>
      <c r="G3742" s="2"/>
    </row>
    <row r="3743" spans="1:7" x14ac:dyDescent="0.25">
      <c r="A3743" s="1">
        <v>3741</v>
      </c>
      <c r="B3743" t="s">
        <v>3744</v>
      </c>
      <c r="C3743" t="s">
        <v>9192</v>
      </c>
      <c r="D3743" t="s">
        <v>14635</v>
      </c>
      <c r="E3743" t="s">
        <v>19894</v>
      </c>
      <c r="G3743" s="2"/>
    </row>
    <row r="3744" spans="1:7" x14ac:dyDescent="0.25">
      <c r="A3744" s="1">
        <v>3742</v>
      </c>
      <c r="B3744" t="s">
        <v>3745</v>
      </c>
      <c r="C3744" t="s">
        <v>9193</v>
      </c>
      <c r="D3744" t="s">
        <v>14636</v>
      </c>
      <c r="E3744" t="s">
        <v>19895</v>
      </c>
      <c r="G3744" s="2"/>
    </row>
    <row r="3745" spans="1:7" x14ac:dyDescent="0.25">
      <c r="A3745" s="1">
        <v>3743</v>
      </c>
      <c r="B3745" t="s">
        <v>3746</v>
      </c>
      <c r="C3745" t="s">
        <v>9194</v>
      </c>
      <c r="D3745" t="s">
        <v>14637</v>
      </c>
      <c r="E3745" t="s">
        <v>19896</v>
      </c>
      <c r="G3745" s="2"/>
    </row>
    <row r="3746" spans="1:7" x14ac:dyDescent="0.25">
      <c r="A3746" s="1">
        <v>3744</v>
      </c>
      <c r="B3746" t="s">
        <v>3747</v>
      </c>
      <c r="C3746" t="s">
        <v>9195</v>
      </c>
      <c r="D3746" t="s">
        <v>14638</v>
      </c>
      <c r="E3746" t="s">
        <v>19897</v>
      </c>
      <c r="G3746" s="2"/>
    </row>
    <row r="3747" spans="1:7" x14ac:dyDescent="0.25">
      <c r="A3747" s="1">
        <v>3745</v>
      </c>
      <c r="B3747" t="s">
        <v>3748</v>
      </c>
      <c r="C3747" t="s">
        <v>9196</v>
      </c>
      <c r="D3747" t="s">
        <v>14639</v>
      </c>
      <c r="E3747" t="s">
        <v>19898</v>
      </c>
      <c r="G3747" s="2"/>
    </row>
    <row r="3748" spans="1:7" x14ac:dyDescent="0.25">
      <c r="A3748" s="1">
        <v>3746</v>
      </c>
      <c r="B3748" t="s">
        <v>3749</v>
      </c>
      <c r="C3748" t="s">
        <v>9197</v>
      </c>
      <c r="D3748" t="s">
        <v>14640</v>
      </c>
      <c r="E3748" t="s">
        <v>19899</v>
      </c>
      <c r="G3748" s="2"/>
    </row>
    <row r="3749" spans="1:7" x14ac:dyDescent="0.25">
      <c r="A3749" s="1">
        <v>3747</v>
      </c>
      <c r="B3749" t="s">
        <v>3750</v>
      </c>
      <c r="C3749" t="s">
        <v>9198</v>
      </c>
      <c r="D3749" t="s">
        <v>14641</v>
      </c>
      <c r="E3749" t="s">
        <v>19900</v>
      </c>
      <c r="G3749" s="2"/>
    </row>
    <row r="3750" spans="1:7" x14ac:dyDescent="0.25">
      <c r="A3750" s="1">
        <v>3748</v>
      </c>
      <c r="B3750" t="s">
        <v>3751</v>
      </c>
      <c r="C3750" t="s">
        <v>9199</v>
      </c>
      <c r="D3750" t="s">
        <v>14642</v>
      </c>
      <c r="E3750" t="s">
        <v>19901</v>
      </c>
      <c r="G3750" s="2"/>
    </row>
    <row r="3751" spans="1:7" x14ac:dyDescent="0.25">
      <c r="A3751" s="1">
        <v>3749</v>
      </c>
      <c r="B3751" t="s">
        <v>3752</v>
      </c>
      <c r="C3751" t="s">
        <v>9200</v>
      </c>
      <c r="D3751" t="s">
        <v>14643</v>
      </c>
      <c r="E3751" t="s">
        <v>19902</v>
      </c>
      <c r="G3751" s="2"/>
    </row>
    <row r="3752" spans="1:7" x14ac:dyDescent="0.25">
      <c r="A3752" s="1">
        <v>3750</v>
      </c>
      <c r="B3752" t="s">
        <v>3753</v>
      </c>
      <c r="C3752" t="s">
        <v>9201</v>
      </c>
      <c r="D3752" t="s">
        <v>14644</v>
      </c>
      <c r="E3752" t="s">
        <v>19903</v>
      </c>
      <c r="G3752" s="2"/>
    </row>
    <row r="3753" spans="1:7" x14ac:dyDescent="0.25">
      <c r="A3753" s="1">
        <v>3751</v>
      </c>
      <c r="B3753" t="s">
        <v>3754</v>
      </c>
      <c r="C3753" t="s">
        <v>9202</v>
      </c>
      <c r="D3753" t="s">
        <v>14645</v>
      </c>
      <c r="E3753" t="s">
        <v>19904</v>
      </c>
      <c r="G3753" s="2"/>
    </row>
    <row r="3754" spans="1:7" x14ac:dyDescent="0.25">
      <c r="A3754" s="1">
        <v>3752</v>
      </c>
      <c r="B3754" t="s">
        <v>3755</v>
      </c>
      <c r="C3754" t="s">
        <v>9203</v>
      </c>
      <c r="D3754" t="s">
        <v>14646</v>
      </c>
      <c r="E3754" t="s">
        <v>16347</v>
      </c>
      <c r="G3754" s="2"/>
    </row>
    <row r="3755" spans="1:7" x14ac:dyDescent="0.25">
      <c r="A3755" s="1">
        <v>3753</v>
      </c>
      <c r="B3755" t="s">
        <v>3756</v>
      </c>
      <c r="C3755" t="s">
        <v>9204</v>
      </c>
      <c r="D3755" t="s">
        <v>14647</v>
      </c>
      <c r="E3755" t="s">
        <v>19905</v>
      </c>
      <c r="G3755" s="2"/>
    </row>
    <row r="3756" spans="1:7" x14ac:dyDescent="0.25">
      <c r="A3756" s="1">
        <v>3754</v>
      </c>
      <c r="B3756" t="s">
        <v>3757</v>
      </c>
      <c r="C3756" t="s">
        <v>9205</v>
      </c>
      <c r="D3756" t="s">
        <v>14648</v>
      </c>
      <c r="E3756" t="s">
        <v>19906</v>
      </c>
      <c r="G3756" s="2"/>
    </row>
    <row r="3757" spans="1:7" x14ac:dyDescent="0.25">
      <c r="A3757" s="1">
        <v>3755</v>
      </c>
      <c r="B3757" t="s">
        <v>3758</v>
      </c>
      <c r="C3757" t="s">
        <v>9206</v>
      </c>
      <c r="D3757" t="s">
        <v>14649</v>
      </c>
      <c r="E3757" t="s">
        <v>19907</v>
      </c>
      <c r="G3757" s="2"/>
    </row>
    <row r="3758" spans="1:7" x14ac:dyDescent="0.25">
      <c r="A3758" s="1">
        <v>3756</v>
      </c>
      <c r="B3758" t="s">
        <v>3759</v>
      </c>
      <c r="C3758" t="s">
        <v>9207</v>
      </c>
      <c r="D3758" t="s">
        <v>14650</v>
      </c>
      <c r="E3758" t="s">
        <v>19908</v>
      </c>
      <c r="G3758" s="2"/>
    </row>
    <row r="3759" spans="1:7" x14ac:dyDescent="0.25">
      <c r="A3759" s="1">
        <v>3757</v>
      </c>
      <c r="B3759" t="s">
        <v>3760</v>
      </c>
      <c r="C3759" t="s">
        <v>9208</v>
      </c>
      <c r="D3759" t="s">
        <v>14651</v>
      </c>
      <c r="E3759" t="s">
        <v>19909</v>
      </c>
      <c r="G3759" s="2"/>
    </row>
    <row r="3760" spans="1:7" x14ac:dyDescent="0.25">
      <c r="A3760" s="1">
        <v>3758</v>
      </c>
      <c r="B3760" t="s">
        <v>3761</v>
      </c>
      <c r="C3760" t="s">
        <v>9209</v>
      </c>
      <c r="D3760" t="s">
        <v>14652</v>
      </c>
      <c r="E3760" t="s">
        <v>19910</v>
      </c>
      <c r="G3760" s="2"/>
    </row>
    <row r="3761" spans="1:7" x14ac:dyDescent="0.25">
      <c r="A3761" s="1">
        <v>3759</v>
      </c>
      <c r="B3761" t="s">
        <v>3762</v>
      </c>
      <c r="C3761" t="s">
        <v>9210</v>
      </c>
      <c r="D3761" t="s">
        <v>14653</v>
      </c>
      <c r="E3761" t="s">
        <v>19911</v>
      </c>
      <c r="G3761" s="2"/>
    </row>
    <row r="3762" spans="1:7" x14ac:dyDescent="0.25">
      <c r="A3762" s="1">
        <v>3760</v>
      </c>
      <c r="B3762" t="s">
        <v>3763</v>
      </c>
      <c r="C3762" t="s">
        <v>9211</v>
      </c>
      <c r="D3762" t="s">
        <v>14654</v>
      </c>
      <c r="E3762" t="s">
        <v>19912</v>
      </c>
      <c r="G3762" s="2"/>
    </row>
    <row r="3763" spans="1:7" x14ac:dyDescent="0.25">
      <c r="A3763" s="1">
        <v>3761</v>
      </c>
      <c r="B3763" t="s">
        <v>3764</v>
      </c>
      <c r="C3763" t="s">
        <v>9212</v>
      </c>
      <c r="D3763" t="s">
        <v>14655</v>
      </c>
      <c r="E3763" t="s">
        <v>19913</v>
      </c>
      <c r="G3763" s="2"/>
    </row>
    <row r="3764" spans="1:7" x14ac:dyDescent="0.25">
      <c r="A3764" s="1">
        <v>3762</v>
      </c>
      <c r="B3764" t="s">
        <v>3765</v>
      </c>
      <c r="C3764" t="s">
        <v>9213</v>
      </c>
      <c r="D3764" t="s">
        <v>14656</v>
      </c>
      <c r="E3764" t="s">
        <v>19914</v>
      </c>
      <c r="G3764" s="2"/>
    </row>
    <row r="3765" spans="1:7" x14ac:dyDescent="0.25">
      <c r="A3765" s="1">
        <v>3763</v>
      </c>
      <c r="B3765" t="s">
        <v>3766</v>
      </c>
      <c r="C3765" t="s">
        <v>9214</v>
      </c>
      <c r="D3765" t="s">
        <v>14657</v>
      </c>
      <c r="E3765" t="s">
        <v>19915</v>
      </c>
      <c r="G3765" s="2"/>
    </row>
    <row r="3766" spans="1:7" x14ac:dyDescent="0.25">
      <c r="A3766" s="1">
        <v>3764</v>
      </c>
      <c r="B3766" t="s">
        <v>3767</v>
      </c>
      <c r="C3766" t="s">
        <v>9215</v>
      </c>
      <c r="D3766" t="s">
        <v>14658</v>
      </c>
      <c r="E3766" t="s">
        <v>19916</v>
      </c>
      <c r="G3766" s="2"/>
    </row>
    <row r="3767" spans="1:7" x14ac:dyDescent="0.25">
      <c r="A3767" s="1">
        <v>3765</v>
      </c>
      <c r="B3767" t="s">
        <v>3768</v>
      </c>
      <c r="C3767" t="s">
        <v>9216</v>
      </c>
      <c r="D3767" t="s">
        <v>14659</v>
      </c>
      <c r="E3767" t="s">
        <v>19917</v>
      </c>
      <c r="G3767" s="2"/>
    </row>
    <row r="3768" spans="1:7" x14ac:dyDescent="0.25">
      <c r="A3768" s="1">
        <v>3766</v>
      </c>
      <c r="B3768" t="s">
        <v>3769</v>
      </c>
      <c r="C3768" t="s">
        <v>9217</v>
      </c>
      <c r="D3768" t="s">
        <v>14660</v>
      </c>
      <c r="E3768" t="s">
        <v>19918</v>
      </c>
      <c r="G3768" s="2"/>
    </row>
    <row r="3769" spans="1:7" x14ac:dyDescent="0.25">
      <c r="A3769" s="1">
        <v>3767</v>
      </c>
      <c r="B3769" t="s">
        <v>3770</v>
      </c>
      <c r="C3769" t="s">
        <v>9218</v>
      </c>
      <c r="D3769" t="s">
        <v>14661</v>
      </c>
      <c r="E3769" t="s">
        <v>19919</v>
      </c>
      <c r="G3769" s="2"/>
    </row>
    <row r="3770" spans="1:7" x14ac:dyDescent="0.25">
      <c r="A3770" s="1">
        <v>3768</v>
      </c>
      <c r="B3770" t="s">
        <v>3771</v>
      </c>
      <c r="C3770" t="s">
        <v>9219</v>
      </c>
      <c r="D3770" t="s">
        <v>14662</v>
      </c>
      <c r="E3770" t="s">
        <v>19920</v>
      </c>
      <c r="G3770" s="2"/>
    </row>
    <row r="3771" spans="1:7" x14ac:dyDescent="0.25">
      <c r="A3771" s="1">
        <v>3769</v>
      </c>
      <c r="B3771" t="s">
        <v>3772</v>
      </c>
      <c r="C3771" t="s">
        <v>9220</v>
      </c>
      <c r="D3771" t="s">
        <v>14663</v>
      </c>
      <c r="E3771" t="s">
        <v>19921</v>
      </c>
      <c r="G3771" s="2"/>
    </row>
    <row r="3772" spans="1:7" x14ac:dyDescent="0.25">
      <c r="A3772" s="1">
        <v>3770</v>
      </c>
      <c r="B3772" t="s">
        <v>3773</v>
      </c>
      <c r="C3772" t="s">
        <v>9221</v>
      </c>
      <c r="D3772" t="s">
        <v>14664</v>
      </c>
      <c r="E3772" t="s">
        <v>19922</v>
      </c>
      <c r="G3772" s="2"/>
    </row>
    <row r="3773" spans="1:7" x14ac:dyDescent="0.25">
      <c r="A3773" s="1">
        <v>3771</v>
      </c>
      <c r="B3773" t="s">
        <v>3774</v>
      </c>
      <c r="C3773" t="s">
        <v>9222</v>
      </c>
      <c r="D3773" t="s">
        <v>14665</v>
      </c>
      <c r="E3773" t="s">
        <v>19923</v>
      </c>
      <c r="G3773" s="2"/>
    </row>
    <row r="3774" spans="1:7" x14ac:dyDescent="0.25">
      <c r="A3774" s="1">
        <v>3772</v>
      </c>
      <c r="B3774" t="s">
        <v>3775</v>
      </c>
      <c r="C3774" t="s">
        <v>9223</v>
      </c>
      <c r="D3774" t="s">
        <v>14666</v>
      </c>
      <c r="E3774" t="s">
        <v>19924</v>
      </c>
      <c r="G3774" s="2"/>
    </row>
    <row r="3775" spans="1:7" x14ac:dyDescent="0.25">
      <c r="A3775" s="1">
        <v>3773</v>
      </c>
      <c r="B3775" t="s">
        <v>3776</v>
      </c>
      <c r="C3775" t="s">
        <v>9224</v>
      </c>
      <c r="D3775" t="s">
        <v>14667</v>
      </c>
      <c r="E3775" t="s">
        <v>16908</v>
      </c>
      <c r="G3775" s="2"/>
    </row>
    <row r="3776" spans="1:7" x14ac:dyDescent="0.25">
      <c r="A3776" s="1">
        <v>3774</v>
      </c>
      <c r="B3776" t="s">
        <v>3777</v>
      </c>
      <c r="C3776" t="s">
        <v>9225</v>
      </c>
      <c r="D3776" t="s">
        <v>14668</v>
      </c>
      <c r="E3776" t="s">
        <v>19925</v>
      </c>
      <c r="G3776" s="2"/>
    </row>
    <row r="3777" spans="1:7" x14ac:dyDescent="0.25">
      <c r="A3777" s="1">
        <v>3775</v>
      </c>
      <c r="B3777" t="s">
        <v>3778</v>
      </c>
      <c r="C3777" t="s">
        <v>9226</v>
      </c>
      <c r="D3777" t="s">
        <v>14669</v>
      </c>
      <c r="E3777" t="s">
        <v>19926</v>
      </c>
      <c r="G3777" s="2"/>
    </row>
    <row r="3778" spans="1:7" x14ac:dyDescent="0.25">
      <c r="A3778" s="1">
        <v>3776</v>
      </c>
      <c r="B3778" t="s">
        <v>3779</v>
      </c>
      <c r="C3778" t="s">
        <v>9227</v>
      </c>
      <c r="D3778" t="s">
        <v>14670</v>
      </c>
      <c r="E3778" t="s">
        <v>19927</v>
      </c>
      <c r="G3778" s="2"/>
    </row>
    <row r="3779" spans="1:7" x14ac:dyDescent="0.25">
      <c r="A3779" s="1">
        <v>3777</v>
      </c>
      <c r="B3779" t="s">
        <v>3780</v>
      </c>
      <c r="C3779" t="s">
        <v>9228</v>
      </c>
      <c r="D3779" t="s">
        <v>14671</v>
      </c>
      <c r="E3779" t="s">
        <v>19928</v>
      </c>
      <c r="G3779" s="2"/>
    </row>
    <row r="3780" spans="1:7" x14ac:dyDescent="0.25">
      <c r="A3780" s="1">
        <v>3778</v>
      </c>
      <c r="B3780" t="s">
        <v>3781</v>
      </c>
      <c r="C3780" t="s">
        <v>9229</v>
      </c>
      <c r="D3780" t="s">
        <v>14672</v>
      </c>
      <c r="E3780" t="s">
        <v>19929</v>
      </c>
      <c r="G3780" s="2"/>
    </row>
    <row r="3781" spans="1:7" x14ac:dyDescent="0.25">
      <c r="A3781" s="1">
        <v>3779</v>
      </c>
      <c r="B3781" t="s">
        <v>3782</v>
      </c>
      <c r="C3781" t="s">
        <v>9230</v>
      </c>
      <c r="D3781" t="s">
        <v>14673</v>
      </c>
      <c r="E3781" t="s">
        <v>19930</v>
      </c>
      <c r="G3781" s="2"/>
    </row>
    <row r="3782" spans="1:7" x14ac:dyDescent="0.25">
      <c r="A3782" s="1">
        <v>3780</v>
      </c>
      <c r="B3782" t="s">
        <v>3783</v>
      </c>
      <c r="C3782" t="s">
        <v>9231</v>
      </c>
      <c r="D3782" t="s">
        <v>14674</v>
      </c>
      <c r="E3782" t="s">
        <v>19931</v>
      </c>
      <c r="G3782" s="2"/>
    </row>
    <row r="3783" spans="1:7" x14ac:dyDescent="0.25">
      <c r="A3783" s="1">
        <v>3781</v>
      </c>
      <c r="B3783" t="s">
        <v>3784</v>
      </c>
      <c r="C3783" t="s">
        <v>9232</v>
      </c>
      <c r="D3783" t="s">
        <v>14675</v>
      </c>
      <c r="E3783" t="s">
        <v>19932</v>
      </c>
      <c r="G3783" s="2"/>
    </row>
    <row r="3784" spans="1:7" x14ac:dyDescent="0.25">
      <c r="A3784" s="1">
        <v>3782</v>
      </c>
      <c r="B3784" t="s">
        <v>3785</v>
      </c>
      <c r="C3784" t="s">
        <v>9233</v>
      </c>
      <c r="D3784" t="s">
        <v>14676</v>
      </c>
      <c r="E3784" t="s">
        <v>19933</v>
      </c>
      <c r="G3784" s="2"/>
    </row>
    <row r="3785" spans="1:7" x14ac:dyDescent="0.25">
      <c r="A3785" s="1">
        <v>3783</v>
      </c>
      <c r="B3785" t="s">
        <v>3786</v>
      </c>
      <c r="C3785" t="s">
        <v>9234</v>
      </c>
      <c r="D3785" t="s">
        <v>14677</v>
      </c>
      <c r="E3785" t="s">
        <v>19934</v>
      </c>
      <c r="G3785" s="2"/>
    </row>
    <row r="3786" spans="1:7" x14ac:dyDescent="0.25">
      <c r="A3786" s="1">
        <v>3784</v>
      </c>
      <c r="B3786" t="s">
        <v>3787</v>
      </c>
      <c r="C3786" t="s">
        <v>9235</v>
      </c>
      <c r="D3786" t="s">
        <v>14678</v>
      </c>
      <c r="E3786" t="s">
        <v>19935</v>
      </c>
      <c r="G3786" s="2"/>
    </row>
    <row r="3787" spans="1:7" x14ac:dyDescent="0.25">
      <c r="A3787" s="1">
        <v>3785</v>
      </c>
      <c r="B3787" t="s">
        <v>3788</v>
      </c>
      <c r="C3787" t="s">
        <v>9236</v>
      </c>
      <c r="D3787" t="s">
        <v>14679</v>
      </c>
      <c r="E3787" t="s">
        <v>19936</v>
      </c>
      <c r="G3787" s="2"/>
    </row>
    <row r="3788" spans="1:7" x14ac:dyDescent="0.25">
      <c r="A3788" s="1">
        <v>3786</v>
      </c>
      <c r="B3788" t="s">
        <v>3789</v>
      </c>
      <c r="C3788" t="s">
        <v>9237</v>
      </c>
      <c r="D3788" t="s">
        <v>14680</v>
      </c>
      <c r="E3788" t="s">
        <v>19937</v>
      </c>
      <c r="G3788" s="2"/>
    </row>
    <row r="3789" spans="1:7" x14ac:dyDescent="0.25">
      <c r="A3789" s="1">
        <v>3787</v>
      </c>
      <c r="B3789" t="s">
        <v>3790</v>
      </c>
      <c r="C3789" t="s">
        <v>9238</v>
      </c>
      <c r="D3789" t="s">
        <v>14681</v>
      </c>
      <c r="E3789" t="s">
        <v>19938</v>
      </c>
      <c r="G3789" s="2"/>
    </row>
    <row r="3790" spans="1:7" x14ac:dyDescent="0.25">
      <c r="A3790" s="1">
        <v>3788</v>
      </c>
      <c r="B3790" t="s">
        <v>3791</v>
      </c>
      <c r="C3790" t="s">
        <v>9239</v>
      </c>
      <c r="D3790" t="s">
        <v>14682</v>
      </c>
      <c r="E3790" t="s">
        <v>19939</v>
      </c>
      <c r="G3790" s="2"/>
    </row>
    <row r="3791" spans="1:7" x14ac:dyDescent="0.25">
      <c r="A3791" s="1">
        <v>3789</v>
      </c>
      <c r="B3791" t="s">
        <v>3792</v>
      </c>
      <c r="C3791" t="s">
        <v>9240</v>
      </c>
      <c r="D3791" t="s">
        <v>14683</v>
      </c>
      <c r="E3791" t="s">
        <v>19940</v>
      </c>
      <c r="G3791" s="2"/>
    </row>
    <row r="3792" spans="1:7" x14ac:dyDescent="0.25">
      <c r="A3792" s="1">
        <v>3790</v>
      </c>
      <c r="B3792" t="s">
        <v>3793</v>
      </c>
      <c r="C3792" t="s">
        <v>9241</v>
      </c>
      <c r="D3792" t="s">
        <v>14684</v>
      </c>
      <c r="E3792" t="s">
        <v>19941</v>
      </c>
      <c r="G3792" s="2"/>
    </row>
    <row r="3793" spans="1:7" x14ac:dyDescent="0.25">
      <c r="A3793" s="1">
        <v>3791</v>
      </c>
      <c r="B3793" t="s">
        <v>3794</v>
      </c>
      <c r="C3793" t="s">
        <v>9242</v>
      </c>
      <c r="D3793" t="s">
        <v>14685</v>
      </c>
      <c r="E3793" t="s">
        <v>19942</v>
      </c>
      <c r="G3793" s="2"/>
    </row>
    <row r="3794" spans="1:7" x14ac:dyDescent="0.25">
      <c r="A3794" s="1">
        <v>3792</v>
      </c>
      <c r="B3794" t="s">
        <v>3795</v>
      </c>
      <c r="C3794" t="s">
        <v>9243</v>
      </c>
      <c r="D3794" t="s">
        <v>14686</v>
      </c>
      <c r="E3794" t="s">
        <v>19943</v>
      </c>
      <c r="G3794" s="2"/>
    </row>
    <row r="3795" spans="1:7" x14ac:dyDescent="0.25">
      <c r="A3795" s="1">
        <v>3793</v>
      </c>
      <c r="B3795" t="s">
        <v>3796</v>
      </c>
      <c r="C3795" t="s">
        <v>9244</v>
      </c>
      <c r="D3795" t="s">
        <v>14687</v>
      </c>
      <c r="E3795" t="s">
        <v>19944</v>
      </c>
      <c r="G3795" s="2"/>
    </row>
    <row r="3796" spans="1:7" x14ac:dyDescent="0.25">
      <c r="A3796" s="1">
        <v>3794</v>
      </c>
      <c r="B3796" t="s">
        <v>3797</v>
      </c>
      <c r="C3796" t="s">
        <v>9245</v>
      </c>
      <c r="D3796" t="s">
        <v>14688</v>
      </c>
      <c r="E3796" t="s">
        <v>19945</v>
      </c>
      <c r="G3796" s="2"/>
    </row>
    <row r="3797" spans="1:7" x14ac:dyDescent="0.25">
      <c r="A3797" s="1">
        <v>3795</v>
      </c>
      <c r="B3797" t="s">
        <v>3798</v>
      </c>
      <c r="C3797" t="s">
        <v>9246</v>
      </c>
      <c r="D3797" t="s">
        <v>14689</v>
      </c>
      <c r="E3797" t="s">
        <v>19946</v>
      </c>
      <c r="G3797" s="2"/>
    </row>
    <row r="3798" spans="1:7" x14ac:dyDescent="0.25">
      <c r="A3798" s="1">
        <v>3796</v>
      </c>
      <c r="B3798" t="s">
        <v>3799</v>
      </c>
      <c r="C3798" t="s">
        <v>9247</v>
      </c>
      <c r="D3798" t="s">
        <v>14690</v>
      </c>
      <c r="E3798" t="s">
        <v>19947</v>
      </c>
      <c r="G3798" s="2"/>
    </row>
    <row r="3799" spans="1:7" x14ac:dyDescent="0.25">
      <c r="A3799" s="1">
        <v>3797</v>
      </c>
      <c r="B3799" t="s">
        <v>3800</v>
      </c>
      <c r="C3799" t="s">
        <v>9248</v>
      </c>
      <c r="D3799" t="s">
        <v>14691</v>
      </c>
      <c r="E3799" t="s">
        <v>19948</v>
      </c>
      <c r="G3799" s="2"/>
    </row>
    <row r="3800" spans="1:7" x14ac:dyDescent="0.25">
      <c r="A3800" s="1">
        <v>3798</v>
      </c>
      <c r="B3800" t="s">
        <v>3801</v>
      </c>
      <c r="C3800" t="s">
        <v>9249</v>
      </c>
      <c r="D3800" t="s">
        <v>14692</v>
      </c>
      <c r="E3800" t="s">
        <v>19949</v>
      </c>
      <c r="G3800" s="2"/>
    </row>
    <row r="3801" spans="1:7" x14ac:dyDescent="0.25">
      <c r="A3801" s="1">
        <v>3799</v>
      </c>
      <c r="B3801" t="s">
        <v>3802</v>
      </c>
      <c r="C3801" t="s">
        <v>9250</v>
      </c>
      <c r="D3801" t="s">
        <v>14693</v>
      </c>
      <c r="E3801" t="s">
        <v>19950</v>
      </c>
      <c r="G3801" s="2"/>
    </row>
    <row r="3802" spans="1:7" x14ac:dyDescent="0.25">
      <c r="A3802" s="1">
        <v>3800</v>
      </c>
      <c r="B3802" t="s">
        <v>3803</v>
      </c>
      <c r="C3802" t="s">
        <v>9251</v>
      </c>
      <c r="D3802" t="s">
        <v>14694</v>
      </c>
      <c r="E3802" t="s">
        <v>19951</v>
      </c>
      <c r="G3802" s="2"/>
    </row>
    <row r="3803" spans="1:7" x14ac:dyDescent="0.25">
      <c r="A3803" s="1">
        <v>3801</v>
      </c>
      <c r="B3803" t="s">
        <v>3804</v>
      </c>
      <c r="C3803" t="s">
        <v>9252</v>
      </c>
      <c r="D3803" t="s">
        <v>14695</v>
      </c>
      <c r="E3803" t="s">
        <v>19952</v>
      </c>
      <c r="G3803" s="2"/>
    </row>
    <row r="3804" spans="1:7" x14ac:dyDescent="0.25">
      <c r="A3804" s="1">
        <v>3802</v>
      </c>
      <c r="B3804" t="s">
        <v>3805</v>
      </c>
      <c r="C3804" t="s">
        <v>9253</v>
      </c>
      <c r="D3804" t="s">
        <v>14696</v>
      </c>
      <c r="E3804" t="s">
        <v>19953</v>
      </c>
      <c r="G3804" s="2"/>
    </row>
    <row r="3805" spans="1:7" x14ac:dyDescent="0.25">
      <c r="A3805" s="1">
        <v>3803</v>
      </c>
      <c r="B3805" t="s">
        <v>3806</v>
      </c>
      <c r="C3805" t="s">
        <v>9254</v>
      </c>
      <c r="D3805" t="s">
        <v>14697</v>
      </c>
      <c r="E3805" t="s">
        <v>16555</v>
      </c>
      <c r="G3805" s="2"/>
    </row>
    <row r="3806" spans="1:7" x14ac:dyDescent="0.25">
      <c r="A3806" s="1">
        <v>3804</v>
      </c>
      <c r="B3806" t="s">
        <v>3807</v>
      </c>
      <c r="C3806" t="s">
        <v>9255</v>
      </c>
      <c r="D3806" t="s">
        <v>14698</v>
      </c>
      <c r="E3806" t="s">
        <v>19954</v>
      </c>
      <c r="G3806" s="2"/>
    </row>
    <row r="3807" spans="1:7" x14ac:dyDescent="0.25">
      <c r="A3807" s="1">
        <v>3805</v>
      </c>
      <c r="B3807" t="s">
        <v>3808</v>
      </c>
      <c r="C3807" t="s">
        <v>9256</v>
      </c>
      <c r="D3807" t="s">
        <v>14699</v>
      </c>
      <c r="E3807" t="s">
        <v>16347</v>
      </c>
      <c r="G3807" s="2"/>
    </row>
    <row r="3808" spans="1:7" x14ac:dyDescent="0.25">
      <c r="A3808" s="1">
        <v>3806</v>
      </c>
      <c r="B3808" t="s">
        <v>3809</v>
      </c>
      <c r="C3808" t="s">
        <v>9257</v>
      </c>
      <c r="D3808" t="s">
        <v>14700</v>
      </c>
      <c r="E3808" t="s">
        <v>19955</v>
      </c>
      <c r="G3808" s="2"/>
    </row>
    <row r="3809" spans="1:7" x14ac:dyDescent="0.25">
      <c r="A3809" s="1">
        <v>3807</v>
      </c>
      <c r="B3809" t="s">
        <v>3810</v>
      </c>
      <c r="C3809" t="s">
        <v>9258</v>
      </c>
      <c r="D3809" t="s">
        <v>14701</v>
      </c>
      <c r="E3809" t="s">
        <v>17162</v>
      </c>
      <c r="G3809" s="2"/>
    </row>
    <row r="3810" spans="1:7" x14ac:dyDescent="0.25">
      <c r="A3810" s="1">
        <v>3808</v>
      </c>
      <c r="B3810" t="s">
        <v>3811</v>
      </c>
      <c r="C3810" t="s">
        <v>9259</v>
      </c>
      <c r="D3810" t="s">
        <v>14702</v>
      </c>
      <c r="E3810" t="s">
        <v>19956</v>
      </c>
      <c r="G3810" s="2"/>
    </row>
    <row r="3811" spans="1:7" x14ac:dyDescent="0.25">
      <c r="A3811" s="1">
        <v>3809</v>
      </c>
      <c r="B3811" t="s">
        <v>3812</v>
      </c>
      <c r="C3811" t="s">
        <v>9260</v>
      </c>
      <c r="D3811" t="s">
        <v>14703</v>
      </c>
      <c r="E3811" t="s">
        <v>19957</v>
      </c>
      <c r="G3811" s="2"/>
    </row>
    <row r="3812" spans="1:7" x14ac:dyDescent="0.25">
      <c r="A3812" s="1">
        <v>3810</v>
      </c>
      <c r="B3812" t="s">
        <v>3813</v>
      </c>
      <c r="C3812" t="s">
        <v>9261</v>
      </c>
      <c r="D3812" t="s">
        <v>14704</v>
      </c>
      <c r="E3812" t="s">
        <v>16514</v>
      </c>
      <c r="G3812" s="2"/>
    </row>
    <row r="3813" spans="1:7" x14ac:dyDescent="0.25">
      <c r="A3813" s="1">
        <v>3811</v>
      </c>
      <c r="B3813" t="s">
        <v>3814</v>
      </c>
      <c r="C3813" t="s">
        <v>9262</v>
      </c>
      <c r="D3813" t="s">
        <v>14705</v>
      </c>
      <c r="E3813" t="s">
        <v>19958</v>
      </c>
      <c r="G3813" s="2"/>
    </row>
    <row r="3814" spans="1:7" x14ac:dyDescent="0.25">
      <c r="A3814" s="1">
        <v>3812</v>
      </c>
      <c r="B3814" t="s">
        <v>3815</v>
      </c>
      <c r="C3814" t="s">
        <v>9263</v>
      </c>
      <c r="D3814" t="s">
        <v>14706</v>
      </c>
      <c r="E3814" t="s">
        <v>19959</v>
      </c>
      <c r="G3814" s="2"/>
    </row>
    <row r="3815" spans="1:7" x14ac:dyDescent="0.25">
      <c r="A3815" s="1">
        <v>3813</v>
      </c>
      <c r="B3815" t="s">
        <v>3816</v>
      </c>
      <c r="C3815" t="s">
        <v>9264</v>
      </c>
      <c r="D3815" t="s">
        <v>14707</v>
      </c>
      <c r="E3815" t="s">
        <v>19960</v>
      </c>
      <c r="G3815" s="2"/>
    </row>
    <row r="3816" spans="1:7" x14ac:dyDescent="0.25">
      <c r="A3816" s="1">
        <v>3814</v>
      </c>
      <c r="B3816" t="s">
        <v>3817</v>
      </c>
      <c r="C3816" t="s">
        <v>9265</v>
      </c>
      <c r="D3816" t="s">
        <v>14708</v>
      </c>
      <c r="E3816" t="s">
        <v>19961</v>
      </c>
      <c r="G3816" s="2"/>
    </row>
    <row r="3817" spans="1:7" x14ac:dyDescent="0.25">
      <c r="A3817" s="1">
        <v>3815</v>
      </c>
      <c r="B3817" t="s">
        <v>3818</v>
      </c>
      <c r="C3817" t="s">
        <v>9266</v>
      </c>
      <c r="D3817" t="s">
        <v>14709</v>
      </c>
      <c r="E3817" t="s">
        <v>19962</v>
      </c>
      <c r="G3817" s="2"/>
    </row>
    <row r="3818" spans="1:7" x14ac:dyDescent="0.25">
      <c r="A3818" s="1">
        <v>3816</v>
      </c>
      <c r="B3818" t="s">
        <v>3819</v>
      </c>
      <c r="C3818" t="s">
        <v>9267</v>
      </c>
      <c r="D3818" t="s">
        <v>14710</v>
      </c>
      <c r="E3818" t="s">
        <v>19963</v>
      </c>
      <c r="G3818" s="2"/>
    </row>
    <row r="3819" spans="1:7" x14ac:dyDescent="0.25">
      <c r="A3819" s="1">
        <v>3817</v>
      </c>
      <c r="B3819" t="s">
        <v>3820</v>
      </c>
      <c r="C3819" t="s">
        <v>9268</v>
      </c>
      <c r="D3819" t="s">
        <v>14711</v>
      </c>
      <c r="E3819" t="s">
        <v>19964</v>
      </c>
      <c r="G3819" s="2"/>
    </row>
    <row r="3820" spans="1:7" x14ac:dyDescent="0.25">
      <c r="A3820" s="1">
        <v>3818</v>
      </c>
      <c r="B3820" t="s">
        <v>3821</v>
      </c>
      <c r="C3820" t="s">
        <v>9269</v>
      </c>
      <c r="D3820" t="s">
        <v>14712</v>
      </c>
      <c r="E3820" t="s">
        <v>19965</v>
      </c>
      <c r="G3820" s="2"/>
    </row>
    <row r="3821" spans="1:7" x14ac:dyDescent="0.25">
      <c r="A3821" s="1">
        <v>3819</v>
      </c>
      <c r="B3821" t="s">
        <v>3822</v>
      </c>
      <c r="C3821" t="s">
        <v>9270</v>
      </c>
      <c r="D3821" t="s">
        <v>14713</v>
      </c>
      <c r="E3821" t="s">
        <v>19966</v>
      </c>
      <c r="G3821" s="2"/>
    </row>
    <row r="3822" spans="1:7" x14ac:dyDescent="0.25">
      <c r="A3822" s="1">
        <v>3820</v>
      </c>
      <c r="B3822" t="s">
        <v>3823</v>
      </c>
      <c r="C3822" t="s">
        <v>9271</v>
      </c>
      <c r="D3822" t="s">
        <v>14714</v>
      </c>
      <c r="E3822" t="s">
        <v>19967</v>
      </c>
      <c r="G3822" s="2"/>
    </row>
    <row r="3823" spans="1:7" x14ac:dyDescent="0.25">
      <c r="A3823" s="1">
        <v>3821</v>
      </c>
      <c r="B3823" t="s">
        <v>3824</v>
      </c>
      <c r="C3823" t="s">
        <v>9272</v>
      </c>
      <c r="D3823" t="s">
        <v>14715</v>
      </c>
      <c r="E3823" t="s">
        <v>19968</v>
      </c>
      <c r="G3823" s="2"/>
    </row>
    <row r="3824" spans="1:7" x14ac:dyDescent="0.25">
      <c r="A3824" s="1">
        <v>3822</v>
      </c>
      <c r="B3824" t="s">
        <v>3825</v>
      </c>
      <c r="C3824" t="s">
        <v>9273</v>
      </c>
      <c r="D3824" t="s">
        <v>14716</v>
      </c>
      <c r="E3824" t="s">
        <v>19969</v>
      </c>
      <c r="G3824" s="2"/>
    </row>
    <row r="3825" spans="1:7" x14ac:dyDescent="0.25">
      <c r="A3825" s="1">
        <v>3823</v>
      </c>
      <c r="B3825" t="s">
        <v>3826</v>
      </c>
      <c r="C3825" t="s">
        <v>9274</v>
      </c>
      <c r="D3825" t="s">
        <v>14717</v>
      </c>
      <c r="E3825" t="s">
        <v>19970</v>
      </c>
      <c r="G3825" s="2"/>
    </row>
    <row r="3826" spans="1:7" x14ac:dyDescent="0.25">
      <c r="A3826" s="1">
        <v>3824</v>
      </c>
      <c r="B3826" t="s">
        <v>3827</v>
      </c>
      <c r="C3826" t="s">
        <v>9275</v>
      </c>
      <c r="D3826" t="s">
        <v>14718</v>
      </c>
      <c r="E3826" t="s">
        <v>19971</v>
      </c>
      <c r="G3826" s="2"/>
    </row>
    <row r="3827" spans="1:7" x14ac:dyDescent="0.25">
      <c r="A3827" s="1">
        <v>3825</v>
      </c>
      <c r="B3827" t="s">
        <v>3828</v>
      </c>
      <c r="C3827" t="s">
        <v>9276</v>
      </c>
      <c r="D3827" t="s">
        <v>14719</v>
      </c>
      <c r="E3827" t="s">
        <v>19972</v>
      </c>
      <c r="G3827" s="2"/>
    </row>
    <row r="3828" spans="1:7" x14ac:dyDescent="0.25">
      <c r="A3828" s="1">
        <v>3826</v>
      </c>
      <c r="B3828" t="s">
        <v>3829</v>
      </c>
      <c r="C3828" t="s">
        <v>9277</v>
      </c>
      <c r="D3828" t="s">
        <v>14720</v>
      </c>
      <c r="E3828" t="s">
        <v>19973</v>
      </c>
      <c r="G3828" s="2"/>
    </row>
    <row r="3829" spans="1:7" x14ac:dyDescent="0.25">
      <c r="A3829" s="1">
        <v>3827</v>
      </c>
      <c r="B3829" t="s">
        <v>3830</v>
      </c>
      <c r="C3829" t="s">
        <v>9278</v>
      </c>
      <c r="D3829" t="s">
        <v>14721</v>
      </c>
      <c r="E3829" t="s">
        <v>19974</v>
      </c>
      <c r="G3829" s="2"/>
    </row>
    <row r="3830" spans="1:7" x14ac:dyDescent="0.25">
      <c r="A3830" s="1">
        <v>3828</v>
      </c>
      <c r="B3830" t="s">
        <v>3831</v>
      </c>
      <c r="C3830" t="s">
        <v>9279</v>
      </c>
      <c r="D3830" t="s">
        <v>14722</v>
      </c>
      <c r="E3830" t="s">
        <v>19975</v>
      </c>
      <c r="G3830" s="2"/>
    </row>
    <row r="3831" spans="1:7" x14ac:dyDescent="0.25">
      <c r="A3831" s="1">
        <v>3829</v>
      </c>
      <c r="B3831" t="s">
        <v>3832</v>
      </c>
      <c r="C3831" t="s">
        <v>9280</v>
      </c>
      <c r="D3831" t="s">
        <v>14723</v>
      </c>
      <c r="E3831" t="s">
        <v>19976</v>
      </c>
      <c r="G3831" s="2"/>
    </row>
    <row r="3832" spans="1:7" x14ac:dyDescent="0.25">
      <c r="A3832" s="1">
        <v>3830</v>
      </c>
      <c r="B3832" t="s">
        <v>3833</v>
      </c>
      <c r="C3832" t="s">
        <v>9281</v>
      </c>
      <c r="D3832" t="s">
        <v>14724</v>
      </c>
      <c r="E3832" t="s">
        <v>19977</v>
      </c>
      <c r="G3832" s="2"/>
    </row>
    <row r="3833" spans="1:7" x14ac:dyDescent="0.25">
      <c r="A3833" s="1">
        <v>3831</v>
      </c>
      <c r="B3833" t="s">
        <v>3834</v>
      </c>
      <c r="C3833" t="s">
        <v>9282</v>
      </c>
      <c r="D3833" t="s">
        <v>14725</v>
      </c>
      <c r="E3833" t="s">
        <v>19978</v>
      </c>
      <c r="G3833" s="2"/>
    </row>
    <row r="3834" spans="1:7" x14ac:dyDescent="0.25">
      <c r="A3834" s="1">
        <v>3832</v>
      </c>
      <c r="B3834" t="s">
        <v>3835</v>
      </c>
      <c r="C3834" t="s">
        <v>9283</v>
      </c>
      <c r="D3834" t="s">
        <v>14726</v>
      </c>
      <c r="E3834" t="s">
        <v>19979</v>
      </c>
      <c r="G3834" s="2"/>
    </row>
    <row r="3835" spans="1:7" x14ac:dyDescent="0.25">
      <c r="A3835" s="1">
        <v>3833</v>
      </c>
      <c r="B3835" t="s">
        <v>3836</v>
      </c>
      <c r="C3835" t="s">
        <v>9284</v>
      </c>
      <c r="D3835" t="s">
        <v>14727</v>
      </c>
      <c r="E3835" t="s">
        <v>19980</v>
      </c>
      <c r="G3835" s="2"/>
    </row>
    <row r="3836" spans="1:7" x14ac:dyDescent="0.25">
      <c r="A3836" s="1">
        <v>3834</v>
      </c>
      <c r="B3836" t="s">
        <v>3837</v>
      </c>
      <c r="C3836" t="s">
        <v>9285</v>
      </c>
      <c r="D3836" t="s">
        <v>14728</v>
      </c>
      <c r="E3836" t="s">
        <v>19981</v>
      </c>
      <c r="G3836" s="2"/>
    </row>
    <row r="3837" spans="1:7" x14ac:dyDescent="0.25">
      <c r="A3837" s="1">
        <v>3835</v>
      </c>
      <c r="B3837" t="s">
        <v>3838</v>
      </c>
      <c r="C3837" t="s">
        <v>9286</v>
      </c>
      <c r="D3837" t="s">
        <v>14729</v>
      </c>
      <c r="E3837" t="s">
        <v>19982</v>
      </c>
      <c r="G3837" s="2"/>
    </row>
    <row r="3838" spans="1:7" x14ac:dyDescent="0.25">
      <c r="A3838" s="1">
        <v>3836</v>
      </c>
      <c r="B3838" t="s">
        <v>3839</v>
      </c>
      <c r="C3838" t="s">
        <v>9287</v>
      </c>
      <c r="D3838" t="s">
        <v>14730</v>
      </c>
      <c r="E3838" t="s">
        <v>19983</v>
      </c>
      <c r="G3838" s="2"/>
    </row>
    <row r="3839" spans="1:7" x14ac:dyDescent="0.25">
      <c r="A3839" s="1">
        <v>3837</v>
      </c>
      <c r="B3839" t="s">
        <v>3840</v>
      </c>
      <c r="C3839" t="s">
        <v>9288</v>
      </c>
      <c r="D3839" t="s">
        <v>14731</v>
      </c>
      <c r="E3839" t="s">
        <v>19984</v>
      </c>
      <c r="G3839" s="2"/>
    </row>
    <row r="3840" spans="1:7" x14ac:dyDescent="0.25">
      <c r="A3840" s="1">
        <v>3838</v>
      </c>
      <c r="B3840" t="s">
        <v>3841</v>
      </c>
      <c r="C3840" t="s">
        <v>9289</v>
      </c>
      <c r="D3840" t="s">
        <v>14732</v>
      </c>
      <c r="E3840" t="s">
        <v>19985</v>
      </c>
      <c r="G3840" s="2"/>
    </row>
    <row r="3841" spans="1:7" x14ac:dyDescent="0.25">
      <c r="A3841" s="1">
        <v>3839</v>
      </c>
      <c r="B3841" t="s">
        <v>3842</v>
      </c>
      <c r="C3841" t="s">
        <v>9290</v>
      </c>
      <c r="D3841" t="s">
        <v>14733</v>
      </c>
      <c r="E3841" t="s">
        <v>19986</v>
      </c>
      <c r="G3841" s="2"/>
    </row>
    <row r="3842" spans="1:7" x14ac:dyDescent="0.25">
      <c r="A3842" s="1">
        <v>3840</v>
      </c>
      <c r="B3842" t="s">
        <v>3843</v>
      </c>
      <c r="C3842" t="s">
        <v>9291</v>
      </c>
      <c r="D3842" t="s">
        <v>14734</v>
      </c>
      <c r="E3842" t="s">
        <v>19987</v>
      </c>
      <c r="G3842" s="2"/>
    </row>
    <row r="3843" spans="1:7" x14ac:dyDescent="0.25">
      <c r="A3843" s="1">
        <v>3841</v>
      </c>
      <c r="B3843" t="s">
        <v>3844</v>
      </c>
      <c r="C3843" t="s">
        <v>9292</v>
      </c>
      <c r="D3843" t="s">
        <v>14735</v>
      </c>
      <c r="E3843" t="s">
        <v>19988</v>
      </c>
      <c r="G3843" s="2"/>
    </row>
    <row r="3844" spans="1:7" x14ac:dyDescent="0.25">
      <c r="A3844" s="1">
        <v>3842</v>
      </c>
      <c r="B3844" t="s">
        <v>3845</v>
      </c>
      <c r="C3844" t="s">
        <v>9293</v>
      </c>
      <c r="D3844" t="s">
        <v>14736</v>
      </c>
      <c r="E3844" t="s">
        <v>19989</v>
      </c>
      <c r="G3844" s="2"/>
    </row>
    <row r="3845" spans="1:7" x14ac:dyDescent="0.25">
      <c r="A3845" s="1">
        <v>3843</v>
      </c>
      <c r="B3845" t="s">
        <v>3846</v>
      </c>
      <c r="C3845" t="s">
        <v>9294</v>
      </c>
      <c r="D3845" t="s">
        <v>14737</v>
      </c>
      <c r="E3845" t="s">
        <v>19990</v>
      </c>
      <c r="G3845" s="2"/>
    </row>
    <row r="3846" spans="1:7" x14ac:dyDescent="0.25">
      <c r="A3846" s="1">
        <v>3844</v>
      </c>
      <c r="B3846" t="s">
        <v>3847</v>
      </c>
      <c r="C3846" t="s">
        <v>9295</v>
      </c>
      <c r="D3846" t="s">
        <v>14738</v>
      </c>
      <c r="E3846" t="s">
        <v>19991</v>
      </c>
      <c r="G3846" s="2"/>
    </row>
    <row r="3847" spans="1:7" x14ac:dyDescent="0.25">
      <c r="A3847" s="1">
        <v>3845</v>
      </c>
      <c r="B3847" t="s">
        <v>3848</v>
      </c>
      <c r="C3847" t="s">
        <v>9296</v>
      </c>
      <c r="D3847" t="s">
        <v>14739</v>
      </c>
      <c r="E3847" t="s">
        <v>19992</v>
      </c>
      <c r="G3847" s="2"/>
    </row>
    <row r="3848" spans="1:7" x14ac:dyDescent="0.25">
      <c r="A3848" s="1">
        <v>3846</v>
      </c>
      <c r="B3848" t="s">
        <v>3849</v>
      </c>
      <c r="C3848" t="s">
        <v>9297</v>
      </c>
      <c r="D3848" t="s">
        <v>14740</v>
      </c>
      <c r="E3848" t="s">
        <v>19993</v>
      </c>
      <c r="G3848" s="2"/>
    </row>
    <row r="3849" spans="1:7" x14ac:dyDescent="0.25">
      <c r="A3849" s="1">
        <v>3847</v>
      </c>
      <c r="B3849" t="s">
        <v>3850</v>
      </c>
      <c r="C3849" t="s">
        <v>9298</v>
      </c>
      <c r="D3849" t="s">
        <v>14741</v>
      </c>
      <c r="E3849" t="s">
        <v>19994</v>
      </c>
      <c r="G3849" s="2"/>
    </row>
    <row r="3850" spans="1:7" x14ac:dyDescent="0.25">
      <c r="A3850" s="1">
        <v>3848</v>
      </c>
      <c r="B3850" t="s">
        <v>3851</v>
      </c>
      <c r="C3850" t="s">
        <v>9299</v>
      </c>
      <c r="D3850" t="s">
        <v>14742</v>
      </c>
      <c r="E3850" t="s">
        <v>19995</v>
      </c>
      <c r="G3850" s="2"/>
    </row>
    <row r="3851" spans="1:7" x14ac:dyDescent="0.25">
      <c r="A3851" s="1">
        <v>3849</v>
      </c>
      <c r="B3851" t="s">
        <v>3852</v>
      </c>
      <c r="C3851" t="s">
        <v>9300</v>
      </c>
      <c r="D3851" t="s">
        <v>14743</v>
      </c>
      <c r="E3851" t="s">
        <v>19996</v>
      </c>
      <c r="G3851" s="2"/>
    </row>
    <row r="3852" spans="1:7" x14ac:dyDescent="0.25">
      <c r="A3852" s="1">
        <v>3850</v>
      </c>
      <c r="B3852" t="s">
        <v>3853</v>
      </c>
      <c r="C3852" t="s">
        <v>9301</v>
      </c>
      <c r="D3852" t="s">
        <v>14744</v>
      </c>
      <c r="E3852" t="s">
        <v>19997</v>
      </c>
      <c r="G3852" s="2"/>
    </row>
    <row r="3853" spans="1:7" x14ac:dyDescent="0.25">
      <c r="A3853" s="1">
        <v>3851</v>
      </c>
      <c r="B3853" t="s">
        <v>3854</v>
      </c>
      <c r="C3853" t="s">
        <v>9302</v>
      </c>
      <c r="D3853" t="s">
        <v>14745</v>
      </c>
      <c r="E3853" t="s">
        <v>19998</v>
      </c>
      <c r="G3853" s="2"/>
    </row>
    <row r="3854" spans="1:7" x14ac:dyDescent="0.25">
      <c r="A3854" s="1">
        <v>3852</v>
      </c>
      <c r="B3854" t="s">
        <v>3855</v>
      </c>
      <c r="C3854" t="s">
        <v>9303</v>
      </c>
      <c r="D3854" t="s">
        <v>14746</v>
      </c>
      <c r="E3854" t="s">
        <v>19999</v>
      </c>
      <c r="G3854" s="2"/>
    </row>
    <row r="3855" spans="1:7" x14ac:dyDescent="0.25">
      <c r="A3855" s="1">
        <v>3853</v>
      </c>
      <c r="B3855" t="s">
        <v>3856</v>
      </c>
      <c r="C3855" t="s">
        <v>9304</v>
      </c>
      <c r="D3855" t="s">
        <v>14747</v>
      </c>
      <c r="E3855" t="s">
        <v>20000</v>
      </c>
      <c r="G3855" s="2"/>
    </row>
    <row r="3856" spans="1:7" x14ac:dyDescent="0.25">
      <c r="A3856" s="1">
        <v>3854</v>
      </c>
      <c r="B3856" t="s">
        <v>3857</v>
      </c>
      <c r="C3856" t="s">
        <v>9305</v>
      </c>
      <c r="D3856" t="s">
        <v>14748</v>
      </c>
      <c r="E3856" t="s">
        <v>20001</v>
      </c>
      <c r="G3856" s="2"/>
    </row>
    <row r="3857" spans="1:7" x14ac:dyDescent="0.25">
      <c r="A3857" s="1">
        <v>3855</v>
      </c>
      <c r="B3857" t="s">
        <v>3858</v>
      </c>
      <c r="C3857" t="s">
        <v>9306</v>
      </c>
      <c r="D3857" t="s">
        <v>14749</v>
      </c>
      <c r="E3857" t="s">
        <v>20002</v>
      </c>
      <c r="G3857" s="2"/>
    </row>
    <row r="3858" spans="1:7" x14ac:dyDescent="0.25">
      <c r="A3858" s="1">
        <v>3856</v>
      </c>
      <c r="B3858" t="s">
        <v>3859</v>
      </c>
      <c r="C3858" t="s">
        <v>9307</v>
      </c>
      <c r="D3858" t="s">
        <v>14750</v>
      </c>
      <c r="E3858" t="s">
        <v>20003</v>
      </c>
      <c r="G3858" s="2"/>
    </row>
    <row r="3859" spans="1:7" x14ac:dyDescent="0.25">
      <c r="A3859" s="1">
        <v>3857</v>
      </c>
      <c r="B3859" t="s">
        <v>3860</v>
      </c>
      <c r="C3859" t="s">
        <v>9308</v>
      </c>
      <c r="D3859" t="s">
        <v>14751</v>
      </c>
      <c r="E3859" t="s">
        <v>16620</v>
      </c>
      <c r="G3859" s="2"/>
    </row>
    <row r="3860" spans="1:7" x14ac:dyDescent="0.25">
      <c r="A3860" s="1">
        <v>3858</v>
      </c>
      <c r="B3860" t="s">
        <v>3861</v>
      </c>
      <c r="C3860" t="s">
        <v>9309</v>
      </c>
      <c r="D3860" t="s">
        <v>14752</v>
      </c>
      <c r="E3860" t="s">
        <v>20004</v>
      </c>
      <c r="G3860" s="2"/>
    </row>
    <row r="3861" spans="1:7" x14ac:dyDescent="0.25">
      <c r="A3861" s="1">
        <v>3859</v>
      </c>
      <c r="B3861" t="s">
        <v>3862</v>
      </c>
      <c r="C3861" t="s">
        <v>9310</v>
      </c>
      <c r="D3861" t="s">
        <v>14753</v>
      </c>
      <c r="E3861" t="s">
        <v>20005</v>
      </c>
      <c r="G3861" s="2"/>
    </row>
    <row r="3862" spans="1:7" x14ac:dyDescent="0.25">
      <c r="A3862" s="1">
        <v>3860</v>
      </c>
      <c r="B3862" t="s">
        <v>3863</v>
      </c>
      <c r="C3862" t="s">
        <v>9311</v>
      </c>
      <c r="D3862" t="s">
        <v>14754</v>
      </c>
      <c r="E3862" t="s">
        <v>20006</v>
      </c>
      <c r="G3862" s="2"/>
    </row>
    <row r="3863" spans="1:7" x14ac:dyDescent="0.25">
      <c r="A3863" s="1">
        <v>3861</v>
      </c>
      <c r="B3863" t="s">
        <v>3864</v>
      </c>
      <c r="C3863" t="s">
        <v>9312</v>
      </c>
      <c r="D3863" t="s">
        <v>14755</v>
      </c>
      <c r="E3863" t="s">
        <v>20007</v>
      </c>
      <c r="G3863" s="2"/>
    </row>
    <row r="3864" spans="1:7" x14ac:dyDescent="0.25">
      <c r="A3864" s="1">
        <v>3862</v>
      </c>
      <c r="B3864" t="s">
        <v>3865</v>
      </c>
      <c r="C3864" t="s">
        <v>9313</v>
      </c>
      <c r="D3864" t="s">
        <v>14756</v>
      </c>
      <c r="E3864" t="s">
        <v>20008</v>
      </c>
      <c r="G3864" s="2"/>
    </row>
    <row r="3865" spans="1:7" x14ac:dyDescent="0.25">
      <c r="A3865" s="1">
        <v>3863</v>
      </c>
      <c r="B3865" t="s">
        <v>3866</v>
      </c>
      <c r="C3865" t="s">
        <v>9314</v>
      </c>
      <c r="D3865" t="s">
        <v>14757</v>
      </c>
      <c r="E3865" t="s">
        <v>20009</v>
      </c>
      <c r="G3865" s="2"/>
    </row>
    <row r="3866" spans="1:7" x14ac:dyDescent="0.25">
      <c r="A3866" s="1">
        <v>3864</v>
      </c>
      <c r="B3866" t="s">
        <v>3867</v>
      </c>
      <c r="C3866" t="s">
        <v>9315</v>
      </c>
      <c r="D3866" t="s">
        <v>14758</v>
      </c>
      <c r="E3866" t="s">
        <v>19291</v>
      </c>
      <c r="G3866" s="2"/>
    </row>
    <row r="3867" spans="1:7" x14ac:dyDescent="0.25">
      <c r="A3867" s="1">
        <v>3865</v>
      </c>
      <c r="B3867" t="s">
        <v>3868</v>
      </c>
      <c r="C3867" t="s">
        <v>9316</v>
      </c>
      <c r="D3867" t="s">
        <v>14759</v>
      </c>
      <c r="E3867" t="s">
        <v>20010</v>
      </c>
      <c r="G3867" s="2"/>
    </row>
    <row r="3868" spans="1:7" x14ac:dyDescent="0.25">
      <c r="A3868" s="1">
        <v>3866</v>
      </c>
      <c r="B3868" t="s">
        <v>3869</v>
      </c>
      <c r="C3868" t="s">
        <v>9317</v>
      </c>
      <c r="D3868" t="s">
        <v>14760</v>
      </c>
      <c r="E3868" t="s">
        <v>20011</v>
      </c>
      <c r="G3868" s="2"/>
    </row>
    <row r="3869" spans="1:7" x14ac:dyDescent="0.25">
      <c r="A3869" s="1">
        <v>3867</v>
      </c>
      <c r="B3869" t="s">
        <v>3870</v>
      </c>
      <c r="C3869" t="s">
        <v>9318</v>
      </c>
      <c r="D3869" t="s">
        <v>14761</v>
      </c>
      <c r="E3869" t="s">
        <v>20012</v>
      </c>
      <c r="G3869" s="2"/>
    </row>
    <row r="3870" spans="1:7" x14ac:dyDescent="0.25">
      <c r="A3870" s="1">
        <v>3868</v>
      </c>
      <c r="B3870" t="s">
        <v>3871</v>
      </c>
      <c r="C3870" t="s">
        <v>9319</v>
      </c>
      <c r="D3870" t="s">
        <v>14762</v>
      </c>
      <c r="E3870" t="s">
        <v>20013</v>
      </c>
      <c r="G3870" s="2"/>
    </row>
    <row r="3871" spans="1:7" x14ac:dyDescent="0.25">
      <c r="A3871" s="1">
        <v>3869</v>
      </c>
      <c r="B3871" t="s">
        <v>3872</v>
      </c>
      <c r="C3871" t="s">
        <v>9320</v>
      </c>
      <c r="D3871" t="s">
        <v>14763</v>
      </c>
      <c r="E3871" t="s">
        <v>20014</v>
      </c>
      <c r="G3871" s="2"/>
    </row>
    <row r="3872" spans="1:7" x14ac:dyDescent="0.25">
      <c r="A3872" s="1">
        <v>3870</v>
      </c>
      <c r="B3872" t="s">
        <v>3873</v>
      </c>
      <c r="C3872" t="s">
        <v>9321</v>
      </c>
      <c r="D3872" t="s">
        <v>14764</v>
      </c>
      <c r="E3872" t="s">
        <v>20015</v>
      </c>
      <c r="G3872" s="2"/>
    </row>
    <row r="3873" spans="1:7" x14ac:dyDescent="0.25">
      <c r="A3873" s="1">
        <v>3871</v>
      </c>
      <c r="B3873" t="s">
        <v>3874</v>
      </c>
      <c r="C3873" t="s">
        <v>9322</v>
      </c>
      <c r="D3873" t="s">
        <v>14765</v>
      </c>
      <c r="E3873" t="s">
        <v>20016</v>
      </c>
      <c r="G3873" s="2"/>
    </row>
    <row r="3874" spans="1:7" x14ac:dyDescent="0.25">
      <c r="A3874" s="1">
        <v>3872</v>
      </c>
      <c r="B3874" t="s">
        <v>3875</v>
      </c>
      <c r="C3874" t="s">
        <v>9323</v>
      </c>
      <c r="D3874" t="s">
        <v>14766</v>
      </c>
      <c r="E3874" t="s">
        <v>20017</v>
      </c>
      <c r="G3874" s="2"/>
    </row>
    <row r="3875" spans="1:7" x14ac:dyDescent="0.25">
      <c r="A3875" s="1">
        <v>3873</v>
      </c>
      <c r="B3875" t="s">
        <v>3876</v>
      </c>
      <c r="C3875" t="s">
        <v>9324</v>
      </c>
      <c r="D3875" t="s">
        <v>14767</v>
      </c>
      <c r="E3875" t="s">
        <v>20018</v>
      </c>
      <c r="G3875" s="2"/>
    </row>
    <row r="3876" spans="1:7" x14ac:dyDescent="0.25">
      <c r="A3876" s="1">
        <v>3874</v>
      </c>
      <c r="B3876" t="s">
        <v>3877</v>
      </c>
      <c r="C3876" t="s">
        <v>9325</v>
      </c>
      <c r="D3876" t="s">
        <v>14768</v>
      </c>
      <c r="E3876" t="s">
        <v>20019</v>
      </c>
      <c r="G3876" s="2"/>
    </row>
    <row r="3877" spans="1:7" x14ac:dyDescent="0.25">
      <c r="A3877" s="1">
        <v>3875</v>
      </c>
      <c r="B3877" t="s">
        <v>3878</v>
      </c>
      <c r="C3877" t="s">
        <v>9326</v>
      </c>
      <c r="D3877" t="s">
        <v>14769</v>
      </c>
      <c r="E3877" t="s">
        <v>20020</v>
      </c>
      <c r="G3877" s="2"/>
    </row>
    <row r="3878" spans="1:7" x14ac:dyDescent="0.25">
      <c r="A3878" s="1">
        <v>3876</v>
      </c>
      <c r="B3878" t="s">
        <v>3879</v>
      </c>
      <c r="C3878" t="s">
        <v>9327</v>
      </c>
      <c r="D3878" t="s">
        <v>14770</v>
      </c>
      <c r="E3878" t="s">
        <v>20021</v>
      </c>
      <c r="G3878" s="2"/>
    </row>
    <row r="3879" spans="1:7" x14ac:dyDescent="0.25">
      <c r="A3879" s="1">
        <v>3877</v>
      </c>
      <c r="B3879" t="s">
        <v>3880</v>
      </c>
      <c r="C3879" t="s">
        <v>9328</v>
      </c>
      <c r="D3879" t="s">
        <v>14771</v>
      </c>
      <c r="E3879" t="s">
        <v>20022</v>
      </c>
      <c r="G3879" s="2"/>
    </row>
    <row r="3880" spans="1:7" x14ac:dyDescent="0.25">
      <c r="A3880" s="1">
        <v>3878</v>
      </c>
      <c r="B3880" t="s">
        <v>3881</v>
      </c>
      <c r="C3880" t="s">
        <v>9329</v>
      </c>
      <c r="D3880" t="s">
        <v>14772</v>
      </c>
      <c r="E3880" t="s">
        <v>20023</v>
      </c>
      <c r="G3880" s="2"/>
    </row>
    <row r="3881" spans="1:7" x14ac:dyDescent="0.25">
      <c r="A3881" s="1">
        <v>3879</v>
      </c>
      <c r="B3881" t="s">
        <v>3882</v>
      </c>
      <c r="C3881" t="s">
        <v>9330</v>
      </c>
      <c r="D3881" t="s">
        <v>14773</v>
      </c>
      <c r="E3881" t="s">
        <v>20024</v>
      </c>
      <c r="G3881" s="2"/>
    </row>
    <row r="3882" spans="1:7" x14ac:dyDescent="0.25">
      <c r="A3882" s="1">
        <v>3880</v>
      </c>
      <c r="B3882" t="s">
        <v>3883</v>
      </c>
      <c r="C3882" t="s">
        <v>9331</v>
      </c>
      <c r="D3882" t="s">
        <v>14774</v>
      </c>
      <c r="E3882" t="s">
        <v>20025</v>
      </c>
      <c r="G3882" s="2"/>
    </row>
    <row r="3883" spans="1:7" x14ac:dyDescent="0.25">
      <c r="A3883" s="1">
        <v>3881</v>
      </c>
      <c r="B3883" t="s">
        <v>3884</v>
      </c>
      <c r="C3883" t="s">
        <v>9332</v>
      </c>
      <c r="D3883" t="s">
        <v>14775</v>
      </c>
      <c r="E3883" t="s">
        <v>16347</v>
      </c>
      <c r="G3883" s="2"/>
    </row>
    <row r="3884" spans="1:7" x14ac:dyDescent="0.25">
      <c r="A3884" s="1">
        <v>3882</v>
      </c>
      <c r="B3884" t="s">
        <v>3885</v>
      </c>
      <c r="C3884" t="s">
        <v>9333</v>
      </c>
      <c r="D3884" t="s">
        <v>14776</v>
      </c>
      <c r="E3884" t="s">
        <v>20026</v>
      </c>
      <c r="G3884" s="2"/>
    </row>
    <row r="3885" spans="1:7" x14ac:dyDescent="0.25">
      <c r="A3885" s="1">
        <v>3883</v>
      </c>
      <c r="B3885" t="s">
        <v>3886</v>
      </c>
      <c r="C3885" t="s">
        <v>9334</v>
      </c>
      <c r="D3885" t="s">
        <v>14777</v>
      </c>
      <c r="E3885" t="s">
        <v>20027</v>
      </c>
      <c r="G3885" s="2"/>
    </row>
    <row r="3886" spans="1:7" x14ac:dyDescent="0.25">
      <c r="A3886" s="1">
        <v>3884</v>
      </c>
      <c r="B3886" t="s">
        <v>3887</v>
      </c>
      <c r="C3886" t="s">
        <v>9335</v>
      </c>
      <c r="D3886" t="s">
        <v>14778</v>
      </c>
      <c r="E3886" t="s">
        <v>20028</v>
      </c>
      <c r="G3886" s="2"/>
    </row>
    <row r="3887" spans="1:7" x14ac:dyDescent="0.25">
      <c r="A3887" s="1">
        <v>3885</v>
      </c>
      <c r="B3887" t="s">
        <v>3888</v>
      </c>
      <c r="C3887" t="s">
        <v>9336</v>
      </c>
      <c r="D3887" t="s">
        <v>14779</v>
      </c>
      <c r="E3887" t="s">
        <v>20029</v>
      </c>
      <c r="G3887" s="2"/>
    </row>
    <row r="3888" spans="1:7" x14ac:dyDescent="0.25">
      <c r="A3888" s="1">
        <v>3886</v>
      </c>
      <c r="B3888" t="s">
        <v>3889</v>
      </c>
      <c r="C3888" t="s">
        <v>9337</v>
      </c>
      <c r="D3888" t="s">
        <v>14780</v>
      </c>
      <c r="E3888" t="s">
        <v>20030</v>
      </c>
      <c r="G3888" s="2"/>
    </row>
    <row r="3889" spans="1:7" x14ac:dyDescent="0.25">
      <c r="A3889" s="1">
        <v>3887</v>
      </c>
      <c r="B3889" t="s">
        <v>3890</v>
      </c>
      <c r="C3889" t="s">
        <v>9338</v>
      </c>
      <c r="D3889" t="s">
        <v>14781</v>
      </c>
      <c r="E3889" t="s">
        <v>20031</v>
      </c>
      <c r="G3889" s="2"/>
    </row>
    <row r="3890" spans="1:7" x14ac:dyDescent="0.25">
      <c r="A3890" s="1">
        <v>3888</v>
      </c>
      <c r="B3890" t="s">
        <v>3891</v>
      </c>
      <c r="C3890" t="s">
        <v>9339</v>
      </c>
      <c r="D3890" t="s">
        <v>14782</v>
      </c>
      <c r="E3890" t="s">
        <v>20032</v>
      </c>
      <c r="G3890" s="2"/>
    </row>
    <row r="3891" spans="1:7" x14ac:dyDescent="0.25">
      <c r="A3891" s="1">
        <v>3889</v>
      </c>
      <c r="B3891" t="s">
        <v>3892</v>
      </c>
      <c r="C3891" t="s">
        <v>9340</v>
      </c>
      <c r="D3891" t="s">
        <v>14783</v>
      </c>
      <c r="E3891" t="s">
        <v>20033</v>
      </c>
      <c r="G3891" s="2"/>
    </row>
    <row r="3892" spans="1:7" x14ac:dyDescent="0.25">
      <c r="A3892" s="1">
        <v>3890</v>
      </c>
      <c r="B3892" t="s">
        <v>3893</v>
      </c>
      <c r="C3892" t="s">
        <v>9341</v>
      </c>
      <c r="D3892" t="s">
        <v>14784</v>
      </c>
      <c r="E3892" t="s">
        <v>20034</v>
      </c>
      <c r="G3892" s="2"/>
    </row>
    <row r="3893" spans="1:7" x14ac:dyDescent="0.25">
      <c r="A3893" s="1">
        <v>3891</v>
      </c>
      <c r="B3893" t="s">
        <v>3894</v>
      </c>
      <c r="C3893" t="s">
        <v>9342</v>
      </c>
      <c r="D3893" t="s">
        <v>14785</v>
      </c>
      <c r="E3893" t="s">
        <v>20035</v>
      </c>
      <c r="G3893" s="2"/>
    </row>
    <row r="3894" spans="1:7" x14ac:dyDescent="0.25">
      <c r="A3894" s="1">
        <v>3892</v>
      </c>
      <c r="B3894" t="s">
        <v>3895</v>
      </c>
      <c r="C3894" t="s">
        <v>9343</v>
      </c>
      <c r="D3894" t="s">
        <v>14786</v>
      </c>
      <c r="E3894" t="s">
        <v>20036</v>
      </c>
      <c r="G3894" s="2"/>
    </row>
    <row r="3895" spans="1:7" x14ac:dyDescent="0.25">
      <c r="A3895" s="1">
        <v>3893</v>
      </c>
      <c r="B3895" t="s">
        <v>3896</v>
      </c>
      <c r="C3895" t="s">
        <v>9344</v>
      </c>
      <c r="D3895" t="s">
        <v>14787</v>
      </c>
      <c r="E3895" t="s">
        <v>16347</v>
      </c>
      <c r="G3895" s="2"/>
    </row>
    <row r="3896" spans="1:7" x14ac:dyDescent="0.25">
      <c r="A3896" s="1">
        <v>3894</v>
      </c>
      <c r="B3896" t="s">
        <v>3897</v>
      </c>
      <c r="C3896" t="s">
        <v>9345</v>
      </c>
      <c r="D3896" t="s">
        <v>14788</v>
      </c>
      <c r="E3896" t="s">
        <v>20037</v>
      </c>
      <c r="G3896" s="2"/>
    </row>
    <row r="3897" spans="1:7" x14ac:dyDescent="0.25">
      <c r="A3897" s="1">
        <v>3895</v>
      </c>
      <c r="B3897" t="s">
        <v>3898</v>
      </c>
      <c r="C3897" t="s">
        <v>9346</v>
      </c>
      <c r="D3897" t="s">
        <v>14789</v>
      </c>
      <c r="E3897" t="s">
        <v>20038</v>
      </c>
      <c r="G3897" s="2"/>
    </row>
    <row r="3898" spans="1:7" x14ac:dyDescent="0.25">
      <c r="A3898" s="1">
        <v>3896</v>
      </c>
      <c r="B3898" t="s">
        <v>3899</v>
      </c>
      <c r="C3898" t="s">
        <v>9347</v>
      </c>
      <c r="D3898" t="s">
        <v>14790</v>
      </c>
      <c r="E3898" t="s">
        <v>20039</v>
      </c>
      <c r="G3898" s="2"/>
    </row>
    <row r="3899" spans="1:7" x14ac:dyDescent="0.25">
      <c r="A3899" s="1">
        <v>3897</v>
      </c>
      <c r="B3899" t="s">
        <v>3900</v>
      </c>
      <c r="C3899" t="s">
        <v>9348</v>
      </c>
      <c r="D3899" t="s">
        <v>14791</v>
      </c>
      <c r="E3899" t="s">
        <v>20040</v>
      </c>
      <c r="G3899" s="2"/>
    </row>
    <row r="3900" spans="1:7" x14ac:dyDescent="0.25">
      <c r="A3900" s="1">
        <v>3898</v>
      </c>
      <c r="B3900" t="s">
        <v>3901</v>
      </c>
      <c r="C3900" t="s">
        <v>9349</v>
      </c>
      <c r="D3900" t="s">
        <v>14792</v>
      </c>
      <c r="E3900" t="s">
        <v>20041</v>
      </c>
      <c r="G3900" s="2"/>
    </row>
    <row r="3901" spans="1:7" x14ac:dyDescent="0.25">
      <c r="A3901" s="1">
        <v>3899</v>
      </c>
      <c r="B3901" t="s">
        <v>3902</v>
      </c>
      <c r="C3901" t="s">
        <v>9350</v>
      </c>
      <c r="D3901" t="s">
        <v>14793</v>
      </c>
      <c r="E3901" t="s">
        <v>20042</v>
      </c>
      <c r="G3901" s="2"/>
    </row>
    <row r="3902" spans="1:7" x14ac:dyDescent="0.25">
      <c r="A3902" s="1">
        <v>3900</v>
      </c>
      <c r="B3902" t="s">
        <v>3903</v>
      </c>
      <c r="C3902" t="s">
        <v>9351</v>
      </c>
      <c r="D3902" t="s">
        <v>14794</v>
      </c>
      <c r="E3902" t="s">
        <v>20043</v>
      </c>
      <c r="G3902" s="2"/>
    </row>
    <row r="3903" spans="1:7" x14ac:dyDescent="0.25">
      <c r="A3903" s="1">
        <v>3901</v>
      </c>
      <c r="B3903" t="s">
        <v>3904</v>
      </c>
      <c r="C3903" t="s">
        <v>9352</v>
      </c>
      <c r="D3903" t="s">
        <v>14795</v>
      </c>
      <c r="E3903" t="s">
        <v>20044</v>
      </c>
      <c r="G3903" s="2"/>
    </row>
    <row r="3904" spans="1:7" x14ac:dyDescent="0.25">
      <c r="A3904" s="1">
        <v>3902</v>
      </c>
      <c r="B3904" t="s">
        <v>3905</v>
      </c>
      <c r="C3904" t="s">
        <v>9353</v>
      </c>
      <c r="D3904" t="s">
        <v>14796</v>
      </c>
      <c r="E3904" t="s">
        <v>20045</v>
      </c>
      <c r="G3904" s="2"/>
    </row>
    <row r="3905" spans="1:7" x14ac:dyDescent="0.25">
      <c r="A3905" s="1">
        <v>3903</v>
      </c>
      <c r="B3905" t="s">
        <v>3906</v>
      </c>
      <c r="C3905" t="s">
        <v>9354</v>
      </c>
      <c r="D3905" t="s">
        <v>14797</v>
      </c>
      <c r="E3905" t="s">
        <v>20046</v>
      </c>
      <c r="G3905" s="2"/>
    </row>
    <row r="3906" spans="1:7" x14ac:dyDescent="0.25">
      <c r="A3906" s="1">
        <v>3904</v>
      </c>
      <c r="B3906" t="s">
        <v>3907</v>
      </c>
      <c r="C3906" t="s">
        <v>9355</v>
      </c>
      <c r="D3906" t="s">
        <v>14798</v>
      </c>
      <c r="E3906" t="s">
        <v>20047</v>
      </c>
      <c r="G3906" s="2"/>
    </row>
    <row r="3907" spans="1:7" x14ac:dyDescent="0.25">
      <c r="A3907" s="1">
        <v>3905</v>
      </c>
      <c r="B3907" t="s">
        <v>3908</v>
      </c>
      <c r="C3907" t="s">
        <v>9356</v>
      </c>
      <c r="D3907" t="s">
        <v>14799</v>
      </c>
      <c r="E3907" t="s">
        <v>20048</v>
      </c>
      <c r="G3907" s="2"/>
    </row>
    <row r="3908" spans="1:7" x14ac:dyDescent="0.25">
      <c r="A3908" s="1">
        <v>3906</v>
      </c>
      <c r="B3908" t="s">
        <v>3909</v>
      </c>
      <c r="C3908" t="s">
        <v>9357</v>
      </c>
      <c r="D3908" t="s">
        <v>14800</v>
      </c>
      <c r="E3908" t="s">
        <v>20049</v>
      </c>
      <c r="G3908" s="2"/>
    </row>
    <row r="3909" spans="1:7" x14ac:dyDescent="0.25">
      <c r="A3909" s="1">
        <v>3907</v>
      </c>
      <c r="B3909" t="s">
        <v>3910</v>
      </c>
      <c r="C3909" t="s">
        <v>9358</v>
      </c>
      <c r="D3909" t="s">
        <v>14801</v>
      </c>
      <c r="E3909" t="s">
        <v>20050</v>
      </c>
      <c r="G3909" s="2"/>
    </row>
    <row r="3910" spans="1:7" x14ac:dyDescent="0.25">
      <c r="A3910" s="1">
        <v>3908</v>
      </c>
      <c r="B3910" t="s">
        <v>3911</v>
      </c>
      <c r="C3910" t="s">
        <v>9359</v>
      </c>
      <c r="D3910" t="s">
        <v>14802</v>
      </c>
      <c r="E3910" t="s">
        <v>20051</v>
      </c>
      <c r="G3910" s="2"/>
    </row>
    <row r="3911" spans="1:7" x14ac:dyDescent="0.25">
      <c r="A3911" s="1">
        <v>3909</v>
      </c>
      <c r="B3911" t="s">
        <v>3912</v>
      </c>
      <c r="C3911" t="s">
        <v>9360</v>
      </c>
      <c r="D3911" t="s">
        <v>14803</v>
      </c>
      <c r="E3911" t="s">
        <v>20052</v>
      </c>
      <c r="G3911" s="2"/>
    </row>
    <row r="3912" spans="1:7" x14ac:dyDescent="0.25">
      <c r="A3912" s="1">
        <v>3910</v>
      </c>
      <c r="B3912" t="s">
        <v>3913</v>
      </c>
      <c r="C3912" t="s">
        <v>9361</v>
      </c>
      <c r="D3912" t="s">
        <v>14804</v>
      </c>
      <c r="E3912" t="s">
        <v>20053</v>
      </c>
      <c r="G3912" s="2"/>
    </row>
    <row r="3913" spans="1:7" x14ac:dyDescent="0.25">
      <c r="A3913" s="1">
        <v>3911</v>
      </c>
      <c r="B3913" t="s">
        <v>3914</v>
      </c>
      <c r="C3913" t="s">
        <v>9362</v>
      </c>
      <c r="D3913" t="s">
        <v>14805</v>
      </c>
      <c r="E3913" t="s">
        <v>20054</v>
      </c>
      <c r="G3913" s="2"/>
    </row>
    <row r="3914" spans="1:7" x14ac:dyDescent="0.25">
      <c r="A3914" s="1">
        <v>3912</v>
      </c>
      <c r="B3914" t="s">
        <v>3915</v>
      </c>
      <c r="C3914" t="s">
        <v>9363</v>
      </c>
      <c r="D3914" t="s">
        <v>14806</v>
      </c>
      <c r="E3914" t="s">
        <v>20055</v>
      </c>
      <c r="G3914" s="2"/>
    </row>
    <row r="3915" spans="1:7" x14ac:dyDescent="0.25">
      <c r="A3915" s="1">
        <v>3913</v>
      </c>
      <c r="B3915" t="s">
        <v>3916</v>
      </c>
      <c r="C3915" t="s">
        <v>9364</v>
      </c>
      <c r="D3915" t="s">
        <v>14807</v>
      </c>
      <c r="E3915" t="s">
        <v>20056</v>
      </c>
      <c r="G3915" s="2"/>
    </row>
    <row r="3916" spans="1:7" x14ac:dyDescent="0.25">
      <c r="A3916" s="1">
        <v>3914</v>
      </c>
      <c r="B3916" t="s">
        <v>3917</v>
      </c>
      <c r="C3916" t="s">
        <v>9365</v>
      </c>
      <c r="D3916" t="s">
        <v>14808</v>
      </c>
      <c r="E3916" t="s">
        <v>20057</v>
      </c>
      <c r="G3916" s="2"/>
    </row>
    <row r="3917" spans="1:7" x14ac:dyDescent="0.25">
      <c r="A3917" s="1">
        <v>3915</v>
      </c>
      <c r="B3917" t="s">
        <v>3918</v>
      </c>
      <c r="C3917" t="s">
        <v>9366</v>
      </c>
      <c r="D3917" t="s">
        <v>14809</v>
      </c>
      <c r="E3917" t="s">
        <v>20058</v>
      </c>
      <c r="G3917" s="2"/>
    </row>
    <row r="3918" spans="1:7" x14ac:dyDescent="0.25">
      <c r="A3918" s="1">
        <v>3916</v>
      </c>
      <c r="B3918" t="s">
        <v>3919</v>
      </c>
      <c r="C3918" t="s">
        <v>9367</v>
      </c>
      <c r="D3918" t="s">
        <v>14810</v>
      </c>
      <c r="E3918" t="s">
        <v>20059</v>
      </c>
      <c r="G3918" s="2"/>
    </row>
    <row r="3919" spans="1:7" x14ac:dyDescent="0.25">
      <c r="A3919" s="1">
        <v>3917</v>
      </c>
      <c r="B3919" t="s">
        <v>3920</v>
      </c>
      <c r="C3919" t="s">
        <v>9368</v>
      </c>
      <c r="D3919" t="s">
        <v>14811</v>
      </c>
      <c r="E3919" t="s">
        <v>20060</v>
      </c>
      <c r="G3919" s="2"/>
    </row>
    <row r="3920" spans="1:7" x14ac:dyDescent="0.25">
      <c r="A3920" s="1">
        <v>3918</v>
      </c>
      <c r="B3920" t="s">
        <v>3921</v>
      </c>
      <c r="C3920" t="s">
        <v>9369</v>
      </c>
      <c r="D3920" t="s">
        <v>14812</v>
      </c>
      <c r="E3920" t="s">
        <v>20061</v>
      </c>
      <c r="G3920" s="2"/>
    </row>
    <row r="3921" spans="1:7" x14ac:dyDescent="0.25">
      <c r="A3921" s="1">
        <v>3919</v>
      </c>
      <c r="B3921" t="s">
        <v>3922</v>
      </c>
      <c r="C3921" t="s">
        <v>9370</v>
      </c>
      <c r="D3921" t="s">
        <v>14813</v>
      </c>
      <c r="E3921" t="s">
        <v>20062</v>
      </c>
      <c r="G3921" s="2"/>
    </row>
    <row r="3922" spans="1:7" x14ac:dyDescent="0.25">
      <c r="A3922" s="1">
        <v>3920</v>
      </c>
      <c r="B3922" t="s">
        <v>3923</v>
      </c>
      <c r="C3922" t="s">
        <v>9371</v>
      </c>
      <c r="D3922" t="s">
        <v>14814</v>
      </c>
      <c r="E3922" t="s">
        <v>20063</v>
      </c>
      <c r="G3922" s="2"/>
    </row>
    <row r="3923" spans="1:7" x14ac:dyDescent="0.25">
      <c r="A3923" s="1">
        <v>3921</v>
      </c>
      <c r="B3923" t="s">
        <v>3924</v>
      </c>
      <c r="C3923" t="s">
        <v>9372</v>
      </c>
      <c r="D3923" t="s">
        <v>14815</v>
      </c>
      <c r="E3923" t="s">
        <v>20064</v>
      </c>
      <c r="G3923" s="2"/>
    </row>
    <row r="3924" spans="1:7" x14ac:dyDescent="0.25">
      <c r="A3924" s="1">
        <v>3922</v>
      </c>
      <c r="B3924" t="s">
        <v>3925</v>
      </c>
      <c r="C3924" t="s">
        <v>9373</v>
      </c>
      <c r="D3924" t="s">
        <v>14816</v>
      </c>
      <c r="E3924" t="s">
        <v>20065</v>
      </c>
      <c r="G3924" s="2"/>
    </row>
    <row r="3925" spans="1:7" x14ac:dyDescent="0.25">
      <c r="A3925" s="1">
        <v>3923</v>
      </c>
      <c r="B3925" t="s">
        <v>3926</v>
      </c>
      <c r="C3925" t="s">
        <v>9374</v>
      </c>
      <c r="D3925" t="s">
        <v>14817</v>
      </c>
      <c r="E3925" t="s">
        <v>20066</v>
      </c>
      <c r="G3925" s="2"/>
    </row>
    <row r="3926" spans="1:7" x14ac:dyDescent="0.25">
      <c r="A3926" s="1">
        <v>3924</v>
      </c>
      <c r="B3926" t="s">
        <v>3927</v>
      </c>
      <c r="C3926" t="s">
        <v>9375</v>
      </c>
      <c r="D3926" t="s">
        <v>14818</v>
      </c>
      <c r="E3926" t="s">
        <v>20067</v>
      </c>
      <c r="G3926" s="2"/>
    </row>
    <row r="3927" spans="1:7" x14ac:dyDescent="0.25">
      <c r="A3927" s="1">
        <v>3925</v>
      </c>
      <c r="B3927" t="s">
        <v>3928</v>
      </c>
      <c r="C3927" t="s">
        <v>9376</v>
      </c>
      <c r="D3927" t="s">
        <v>14819</v>
      </c>
      <c r="E3927" t="s">
        <v>20068</v>
      </c>
      <c r="G3927" s="2"/>
    </row>
    <row r="3928" spans="1:7" x14ac:dyDescent="0.25">
      <c r="A3928" s="1">
        <v>3926</v>
      </c>
      <c r="B3928" t="s">
        <v>3929</v>
      </c>
      <c r="C3928" t="s">
        <v>9377</v>
      </c>
      <c r="D3928" t="s">
        <v>14820</v>
      </c>
      <c r="E3928" t="s">
        <v>20069</v>
      </c>
      <c r="G3928" s="2"/>
    </row>
    <row r="3929" spans="1:7" x14ac:dyDescent="0.25">
      <c r="A3929" s="1">
        <v>3927</v>
      </c>
      <c r="B3929" t="s">
        <v>3930</v>
      </c>
      <c r="C3929" t="s">
        <v>9378</v>
      </c>
      <c r="D3929" t="s">
        <v>14821</v>
      </c>
      <c r="E3929" t="s">
        <v>20070</v>
      </c>
      <c r="G3929" s="2"/>
    </row>
    <row r="3930" spans="1:7" x14ac:dyDescent="0.25">
      <c r="A3930" s="1">
        <v>3928</v>
      </c>
      <c r="B3930" t="s">
        <v>3931</v>
      </c>
      <c r="C3930" t="s">
        <v>9379</v>
      </c>
      <c r="D3930" t="s">
        <v>14822</v>
      </c>
      <c r="E3930" t="s">
        <v>20071</v>
      </c>
      <c r="G3930" s="2"/>
    </row>
    <row r="3931" spans="1:7" x14ac:dyDescent="0.25">
      <c r="A3931" s="1">
        <v>3929</v>
      </c>
      <c r="B3931" t="s">
        <v>3932</v>
      </c>
      <c r="C3931" t="s">
        <v>9380</v>
      </c>
      <c r="D3931" t="s">
        <v>14823</v>
      </c>
      <c r="E3931" t="s">
        <v>20072</v>
      </c>
      <c r="G3931" s="2"/>
    </row>
    <row r="3932" spans="1:7" x14ac:dyDescent="0.25">
      <c r="A3932" s="1">
        <v>3930</v>
      </c>
      <c r="B3932" t="s">
        <v>3933</v>
      </c>
      <c r="C3932" t="s">
        <v>5793</v>
      </c>
      <c r="D3932" t="s">
        <v>11237</v>
      </c>
      <c r="E3932" t="s">
        <v>20073</v>
      </c>
      <c r="G3932" s="2"/>
    </row>
    <row r="3933" spans="1:7" x14ac:dyDescent="0.25">
      <c r="A3933" s="1">
        <v>3931</v>
      </c>
      <c r="B3933" t="s">
        <v>3934</v>
      </c>
      <c r="C3933" t="s">
        <v>9381</v>
      </c>
      <c r="D3933" t="s">
        <v>14824</v>
      </c>
      <c r="E3933" t="s">
        <v>20074</v>
      </c>
      <c r="G3933" s="2"/>
    </row>
    <row r="3934" spans="1:7" x14ac:dyDescent="0.25">
      <c r="A3934" s="1">
        <v>3932</v>
      </c>
      <c r="B3934" t="s">
        <v>3935</v>
      </c>
      <c r="C3934" t="s">
        <v>9382</v>
      </c>
      <c r="D3934" t="s">
        <v>14825</v>
      </c>
      <c r="E3934" t="s">
        <v>20075</v>
      </c>
      <c r="G3934" s="2"/>
    </row>
    <row r="3935" spans="1:7" x14ac:dyDescent="0.25">
      <c r="A3935" s="1">
        <v>3933</v>
      </c>
      <c r="B3935" t="s">
        <v>3936</v>
      </c>
      <c r="C3935" t="s">
        <v>9383</v>
      </c>
      <c r="D3935" t="s">
        <v>14826</v>
      </c>
      <c r="E3935" t="s">
        <v>20076</v>
      </c>
      <c r="G3935" s="2"/>
    </row>
    <row r="3936" spans="1:7" x14ac:dyDescent="0.25">
      <c r="A3936" s="1">
        <v>3934</v>
      </c>
      <c r="B3936" t="s">
        <v>3937</v>
      </c>
      <c r="C3936" t="s">
        <v>9384</v>
      </c>
      <c r="D3936" t="s">
        <v>14827</v>
      </c>
      <c r="E3936" t="s">
        <v>20077</v>
      </c>
      <c r="G3936" s="2"/>
    </row>
    <row r="3937" spans="1:7" x14ac:dyDescent="0.25">
      <c r="A3937" s="1">
        <v>3935</v>
      </c>
      <c r="B3937" t="s">
        <v>3938</v>
      </c>
      <c r="C3937" t="s">
        <v>9385</v>
      </c>
      <c r="D3937" t="s">
        <v>14828</v>
      </c>
      <c r="E3937" t="s">
        <v>20078</v>
      </c>
      <c r="G3937" s="2"/>
    </row>
    <row r="3938" spans="1:7" x14ac:dyDescent="0.25">
      <c r="A3938" s="1">
        <v>3936</v>
      </c>
      <c r="B3938" t="s">
        <v>3939</v>
      </c>
      <c r="C3938" t="s">
        <v>9386</v>
      </c>
      <c r="D3938" t="s">
        <v>14829</v>
      </c>
      <c r="E3938" t="s">
        <v>20079</v>
      </c>
      <c r="G3938" s="2"/>
    </row>
    <row r="3939" spans="1:7" x14ac:dyDescent="0.25">
      <c r="A3939" s="1">
        <v>3937</v>
      </c>
      <c r="B3939" t="s">
        <v>3940</v>
      </c>
      <c r="C3939" t="s">
        <v>9387</v>
      </c>
      <c r="D3939" t="s">
        <v>14830</v>
      </c>
      <c r="E3939" t="s">
        <v>20080</v>
      </c>
      <c r="G3939" s="2"/>
    </row>
    <row r="3940" spans="1:7" x14ac:dyDescent="0.25">
      <c r="A3940" s="1">
        <v>3938</v>
      </c>
      <c r="B3940" t="s">
        <v>3941</v>
      </c>
      <c r="C3940" t="s">
        <v>9388</v>
      </c>
      <c r="D3940" t="s">
        <v>14831</v>
      </c>
      <c r="E3940" t="s">
        <v>20081</v>
      </c>
      <c r="G3940" s="2"/>
    </row>
    <row r="3941" spans="1:7" x14ac:dyDescent="0.25">
      <c r="A3941" s="1">
        <v>3939</v>
      </c>
      <c r="B3941" t="s">
        <v>3942</v>
      </c>
      <c r="C3941" t="s">
        <v>9389</v>
      </c>
      <c r="D3941" t="s">
        <v>14832</v>
      </c>
      <c r="E3941" t="s">
        <v>20082</v>
      </c>
      <c r="G3941" s="2"/>
    </row>
    <row r="3942" spans="1:7" x14ac:dyDescent="0.25">
      <c r="A3942" s="1">
        <v>3940</v>
      </c>
      <c r="B3942" t="s">
        <v>3943</v>
      </c>
      <c r="C3942" t="s">
        <v>9390</v>
      </c>
      <c r="D3942" t="s">
        <v>14833</v>
      </c>
      <c r="E3942" t="s">
        <v>20083</v>
      </c>
      <c r="G3942" s="2"/>
    </row>
    <row r="3943" spans="1:7" x14ac:dyDescent="0.25">
      <c r="A3943" s="1">
        <v>3941</v>
      </c>
      <c r="B3943" t="s">
        <v>3944</v>
      </c>
      <c r="C3943" t="s">
        <v>9391</v>
      </c>
      <c r="D3943" t="s">
        <v>14834</v>
      </c>
      <c r="E3943" t="s">
        <v>20084</v>
      </c>
      <c r="G3943" s="2"/>
    </row>
    <row r="3944" spans="1:7" x14ac:dyDescent="0.25">
      <c r="A3944" s="1">
        <v>3942</v>
      </c>
      <c r="B3944" t="s">
        <v>3945</v>
      </c>
      <c r="C3944" t="s">
        <v>9392</v>
      </c>
      <c r="D3944" t="s">
        <v>14835</v>
      </c>
      <c r="E3944" t="s">
        <v>20085</v>
      </c>
      <c r="G3944" s="2"/>
    </row>
    <row r="3945" spans="1:7" x14ac:dyDescent="0.25">
      <c r="A3945" s="1">
        <v>3943</v>
      </c>
      <c r="B3945" t="s">
        <v>3946</v>
      </c>
      <c r="C3945" t="s">
        <v>9393</v>
      </c>
      <c r="D3945" t="s">
        <v>14836</v>
      </c>
      <c r="E3945" t="s">
        <v>20086</v>
      </c>
      <c r="G3945" s="2"/>
    </row>
    <row r="3946" spans="1:7" x14ac:dyDescent="0.25">
      <c r="A3946" s="1">
        <v>3944</v>
      </c>
      <c r="B3946" t="s">
        <v>3947</v>
      </c>
      <c r="C3946" t="s">
        <v>9394</v>
      </c>
      <c r="D3946" t="s">
        <v>14837</v>
      </c>
      <c r="E3946" t="s">
        <v>17635</v>
      </c>
      <c r="G3946" s="2"/>
    </row>
    <row r="3947" spans="1:7" x14ac:dyDescent="0.25">
      <c r="A3947" s="1">
        <v>3945</v>
      </c>
      <c r="B3947" t="s">
        <v>3948</v>
      </c>
      <c r="C3947" t="s">
        <v>9395</v>
      </c>
      <c r="D3947" t="s">
        <v>14838</v>
      </c>
      <c r="E3947" t="s">
        <v>20087</v>
      </c>
      <c r="G3947" s="2"/>
    </row>
    <row r="3948" spans="1:7" x14ac:dyDescent="0.25">
      <c r="A3948" s="1">
        <v>3946</v>
      </c>
      <c r="B3948" t="s">
        <v>3949</v>
      </c>
      <c r="C3948" t="s">
        <v>9396</v>
      </c>
      <c r="D3948" t="s">
        <v>14839</v>
      </c>
      <c r="E3948" t="s">
        <v>20088</v>
      </c>
      <c r="G3948" s="2"/>
    </row>
    <row r="3949" spans="1:7" x14ac:dyDescent="0.25">
      <c r="A3949" s="1">
        <v>3947</v>
      </c>
      <c r="B3949" t="s">
        <v>3950</v>
      </c>
      <c r="C3949" t="s">
        <v>9397</v>
      </c>
      <c r="D3949" t="s">
        <v>14840</v>
      </c>
      <c r="E3949" t="s">
        <v>20089</v>
      </c>
      <c r="G3949" s="2"/>
    </row>
    <row r="3950" spans="1:7" x14ac:dyDescent="0.25">
      <c r="A3950" s="1">
        <v>3948</v>
      </c>
      <c r="B3950" t="s">
        <v>3951</v>
      </c>
      <c r="C3950" t="s">
        <v>9398</v>
      </c>
      <c r="D3950" t="s">
        <v>14841</v>
      </c>
      <c r="E3950" t="s">
        <v>20090</v>
      </c>
      <c r="G3950" s="2"/>
    </row>
    <row r="3951" spans="1:7" x14ac:dyDescent="0.25">
      <c r="A3951" s="1">
        <v>3949</v>
      </c>
      <c r="B3951" t="s">
        <v>3952</v>
      </c>
      <c r="C3951" t="s">
        <v>9399</v>
      </c>
      <c r="D3951" t="s">
        <v>14842</v>
      </c>
      <c r="E3951" t="s">
        <v>20091</v>
      </c>
      <c r="G3951" s="2"/>
    </row>
    <row r="3952" spans="1:7" x14ac:dyDescent="0.25">
      <c r="A3952" s="1">
        <v>3950</v>
      </c>
      <c r="B3952" t="s">
        <v>3953</v>
      </c>
      <c r="C3952" t="s">
        <v>9400</v>
      </c>
      <c r="D3952" t="s">
        <v>14843</v>
      </c>
      <c r="E3952" t="s">
        <v>20092</v>
      </c>
      <c r="G3952" s="2"/>
    </row>
    <row r="3953" spans="1:7" x14ac:dyDescent="0.25">
      <c r="A3953" s="1">
        <v>3951</v>
      </c>
      <c r="B3953" t="s">
        <v>3954</v>
      </c>
      <c r="C3953" t="s">
        <v>9401</v>
      </c>
      <c r="D3953" t="s">
        <v>14844</v>
      </c>
      <c r="E3953" t="s">
        <v>20093</v>
      </c>
      <c r="G3953" s="2"/>
    </row>
    <row r="3954" spans="1:7" x14ac:dyDescent="0.25">
      <c r="A3954" s="1">
        <v>3952</v>
      </c>
      <c r="B3954" t="s">
        <v>3955</v>
      </c>
      <c r="C3954" t="s">
        <v>9402</v>
      </c>
      <c r="D3954" t="s">
        <v>14845</v>
      </c>
      <c r="E3954" t="s">
        <v>20094</v>
      </c>
      <c r="G3954" s="2"/>
    </row>
    <row r="3955" spans="1:7" x14ac:dyDescent="0.25">
      <c r="A3955" s="1">
        <v>3953</v>
      </c>
      <c r="B3955" t="s">
        <v>3956</v>
      </c>
      <c r="C3955" t="s">
        <v>9403</v>
      </c>
      <c r="D3955" t="s">
        <v>9403</v>
      </c>
      <c r="E3955" t="s">
        <v>20095</v>
      </c>
      <c r="G3955" s="2"/>
    </row>
    <row r="3956" spans="1:7" x14ac:dyDescent="0.25">
      <c r="A3956" s="1">
        <v>3954</v>
      </c>
      <c r="B3956" t="s">
        <v>3957</v>
      </c>
      <c r="C3956" t="s">
        <v>9404</v>
      </c>
      <c r="D3956" t="s">
        <v>14846</v>
      </c>
      <c r="E3956" t="s">
        <v>20096</v>
      </c>
      <c r="G3956" s="2"/>
    </row>
    <row r="3957" spans="1:7" x14ac:dyDescent="0.25">
      <c r="A3957" s="1">
        <v>3955</v>
      </c>
      <c r="B3957" t="s">
        <v>3958</v>
      </c>
      <c r="C3957" t="s">
        <v>9405</v>
      </c>
      <c r="D3957" t="s">
        <v>14847</v>
      </c>
      <c r="E3957" t="s">
        <v>20097</v>
      </c>
      <c r="G3957" s="2"/>
    </row>
    <row r="3958" spans="1:7" x14ac:dyDescent="0.25">
      <c r="A3958" s="1">
        <v>3956</v>
      </c>
      <c r="B3958" t="s">
        <v>3959</v>
      </c>
      <c r="C3958" t="s">
        <v>9406</v>
      </c>
      <c r="D3958" t="s">
        <v>14848</v>
      </c>
      <c r="E3958" t="s">
        <v>20098</v>
      </c>
      <c r="G3958" s="2"/>
    </row>
    <row r="3959" spans="1:7" x14ac:dyDescent="0.25">
      <c r="A3959" s="1">
        <v>3957</v>
      </c>
      <c r="B3959" t="s">
        <v>3960</v>
      </c>
      <c r="C3959" t="s">
        <v>9407</v>
      </c>
      <c r="D3959" t="s">
        <v>14849</v>
      </c>
      <c r="E3959" t="s">
        <v>20099</v>
      </c>
      <c r="G3959" s="2"/>
    </row>
    <row r="3960" spans="1:7" x14ac:dyDescent="0.25">
      <c r="A3960" s="1">
        <v>3958</v>
      </c>
      <c r="B3960" t="s">
        <v>3961</v>
      </c>
      <c r="C3960" t="s">
        <v>9408</v>
      </c>
      <c r="D3960" t="s">
        <v>14850</v>
      </c>
      <c r="E3960" t="s">
        <v>20100</v>
      </c>
      <c r="G3960" s="2"/>
    </row>
    <row r="3961" spans="1:7" x14ac:dyDescent="0.25">
      <c r="A3961" s="1">
        <v>3959</v>
      </c>
      <c r="B3961" t="s">
        <v>3962</v>
      </c>
      <c r="C3961" t="s">
        <v>9409</v>
      </c>
      <c r="D3961" t="s">
        <v>14851</v>
      </c>
      <c r="E3961" t="s">
        <v>20101</v>
      </c>
      <c r="G3961" s="2"/>
    </row>
    <row r="3962" spans="1:7" x14ac:dyDescent="0.25">
      <c r="A3962" s="1">
        <v>3960</v>
      </c>
      <c r="B3962" t="s">
        <v>3963</v>
      </c>
      <c r="C3962" t="s">
        <v>9410</v>
      </c>
      <c r="D3962" t="s">
        <v>14852</v>
      </c>
      <c r="E3962" t="s">
        <v>20102</v>
      </c>
      <c r="G3962" s="2"/>
    </row>
    <row r="3963" spans="1:7" x14ac:dyDescent="0.25">
      <c r="A3963" s="1">
        <v>3961</v>
      </c>
      <c r="B3963" t="s">
        <v>3964</v>
      </c>
      <c r="C3963" t="s">
        <v>9411</v>
      </c>
      <c r="D3963" t="s">
        <v>14853</v>
      </c>
      <c r="E3963" t="s">
        <v>20103</v>
      </c>
      <c r="G3963" s="2"/>
    </row>
    <row r="3964" spans="1:7" x14ac:dyDescent="0.25">
      <c r="A3964" s="1">
        <v>3962</v>
      </c>
      <c r="B3964" t="s">
        <v>3965</v>
      </c>
      <c r="C3964" t="s">
        <v>9412</v>
      </c>
      <c r="D3964" t="s">
        <v>14854</v>
      </c>
      <c r="E3964" t="s">
        <v>20104</v>
      </c>
      <c r="G3964" s="2"/>
    </row>
    <row r="3965" spans="1:7" x14ac:dyDescent="0.25">
      <c r="A3965" s="1">
        <v>3963</v>
      </c>
      <c r="B3965" t="s">
        <v>3966</v>
      </c>
      <c r="C3965" t="s">
        <v>9413</v>
      </c>
      <c r="D3965" t="s">
        <v>14855</v>
      </c>
      <c r="E3965" t="s">
        <v>20105</v>
      </c>
      <c r="G3965" s="2"/>
    </row>
    <row r="3966" spans="1:7" x14ac:dyDescent="0.25">
      <c r="A3966" s="1">
        <v>3964</v>
      </c>
      <c r="B3966" t="s">
        <v>3967</v>
      </c>
      <c r="C3966" t="s">
        <v>9414</v>
      </c>
      <c r="D3966" t="s">
        <v>14856</v>
      </c>
      <c r="E3966" t="s">
        <v>20106</v>
      </c>
      <c r="G3966" s="2"/>
    </row>
    <row r="3967" spans="1:7" x14ac:dyDescent="0.25">
      <c r="A3967" s="1">
        <v>3965</v>
      </c>
      <c r="B3967" t="s">
        <v>3968</v>
      </c>
      <c r="C3967" t="s">
        <v>9415</v>
      </c>
      <c r="D3967" t="s">
        <v>14857</v>
      </c>
      <c r="E3967" t="s">
        <v>20107</v>
      </c>
      <c r="G3967" s="2"/>
    </row>
    <row r="3968" spans="1:7" x14ac:dyDescent="0.25">
      <c r="A3968" s="1">
        <v>3966</v>
      </c>
      <c r="B3968" t="s">
        <v>3969</v>
      </c>
      <c r="C3968" t="s">
        <v>9416</v>
      </c>
      <c r="D3968" t="s">
        <v>14858</v>
      </c>
      <c r="E3968" t="s">
        <v>20108</v>
      </c>
      <c r="G3968" s="2"/>
    </row>
    <row r="3969" spans="1:7" x14ac:dyDescent="0.25">
      <c r="A3969" s="1">
        <v>3967</v>
      </c>
      <c r="B3969" t="s">
        <v>3970</v>
      </c>
      <c r="C3969" t="s">
        <v>9417</v>
      </c>
      <c r="D3969" t="s">
        <v>14859</v>
      </c>
      <c r="E3969" t="s">
        <v>20109</v>
      </c>
      <c r="G3969" s="2"/>
    </row>
    <row r="3970" spans="1:7" x14ac:dyDescent="0.25">
      <c r="A3970" s="1">
        <v>3968</v>
      </c>
      <c r="B3970" t="s">
        <v>3971</v>
      </c>
      <c r="C3970" t="s">
        <v>9418</v>
      </c>
      <c r="D3970" t="s">
        <v>14860</v>
      </c>
      <c r="E3970" t="s">
        <v>20110</v>
      </c>
      <c r="G3970" s="2"/>
    </row>
    <row r="3971" spans="1:7" x14ac:dyDescent="0.25">
      <c r="A3971" s="1">
        <v>3969</v>
      </c>
      <c r="B3971" t="s">
        <v>3972</v>
      </c>
      <c r="C3971" t="s">
        <v>9419</v>
      </c>
      <c r="D3971" t="s">
        <v>14861</v>
      </c>
      <c r="E3971" t="s">
        <v>20111</v>
      </c>
      <c r="G3971" s="2"/>
    </row>
    <row r="3972" spans="1:7" x14ac:dyDescent="0.25">
      <c r="A3972" s="1">
        <v>3970</v>
      </c>
      <c r="B3972" t="s">
        <v>3973</v>
      </c>
      <c r="C3972" t="s">
        <v>9420</v>
      </c>
      <c r="D3972" t="s">
        <v>14862</v>
      </c>
      <c r="E3972" t="s">
        <v>20112</v>
      </c>
      <c r="G3972" s="2"/>
    </row>
    <row r="3973" spans="1:7" x14ac:dyDescent="0.25">
      <c r="A3973" s="1">
        <v>3971</v>
      </c>
      <c r="B3973" t="s">
        <v>3974</v>
      </c>
      <c r="C3973" t="s">
        <v>9421</v>
      </c>
      <c r="D3973" t="s">
        <v>14863</v>
      </c>
      <c r="E3973" t="s">
        <v>20113</v>
      </c>
      <c r="G3973" s="2"/>
    </row>
    <row r="3974" spans="1:7" x14ac:dyDescent="0.25">
      <c r="A3974" s="1">
        <v>3972</v>
      </c>
      <c r="B3974" t="s">
        <v>3975</v>
      </c>
      <c r="C3974" t="s">
        <v>9422</v>
      </c>
      <c r="D3974" t="s">
        <v>14864</v>
      </c>
      <c r="E3974" t="s">
        <v>20114</v>
      </c>
      <c r="G3974" s="2"/>
    </row>
    <row r="3975" spans="1:7" x14ac:dyDescent="0.25">
      <c r="A3975" s="1">
        <v>3973</v>
      </c>
      <c r="B3975" t="s">
        <v>3976</v>
      </c>
      <c r="C3975" t="s">
        <v>9423</v>
      </c>
      <c r="D3975" t="s">
        <v>14865</v>
      </c>
      <c r="E3975" t="s">
        <v>20115</v>
      </c>
      <c r="G3975" s="2"/>
    </row>
    <row r="3976" spans="1:7" x14ac:dyDescent="0.25">
      <c r="A3976" s="1">
        <v>3974</v>
      </c>
      <c r="B3976" t="s">
        <v>3977</v>
      </c>
      <c r="C3976" t="s">
        <v>9424</v>
      </c>
      <c r="D3976" t="s">
        <v>14866</v>
      </c>
      <c r="E3976" t="s">
        <v>20116</v>
      </c>
      <c r="G3976" s="2"/>
    </row>
    <row r="3977" spans="1:7" x14ac:dyDescent="0.25">
      <c r="A3977" s="1">
        <v>3975</v>
      </c>
      <c r="B3977" t="s">
        <v>3978</v>
      </c>
      <c r="C3977" t="s">
        <v>9425</v>
      </c>
      <c r="D3977" t="s">
        <v>14867</v>
      </c>
      <c r="E3977" t="s">
        <v>20117</v>
      </c>
      <c r="G3977" s="2"/>
    </row>
    <row r="3978" spans="1:7" x14ac:dyDescent="0.25">
      <c r="A3978" s="1">
        <v>3976</v>
      </c>
      <c r="B3978" t="s">
        <v>3979</v>
      </c>
      <c r="C3978" t="s">
        <v>9426</v>
      </c>
      <c r="D3978" t="s">
        <v>14868</v>
      </c>
      <c r="E3978" t="s">
        <v>20118</v>
      </c>
      <c r="G3978" s="2"/>
    </row>
    <row r="3979" spans="1:7" x14ac:dyDescent="0.25">
      <c r="A3979" s="1">
        <v>3977</v>
      </c>
      <c r="B3979" t="s">
        <v>3980</v>
      </c>
      <c r="C3979" t="s">
        <v>9427</v>
      </c>
      <c r="D3979" t="s">
        <v>14869</v>
      </c>
      <c r="E3979" t="s">
        <v>20119</v>
      </c>
      <c r="G3979" s="2"/>
    </row>
    <row r="3980" spans="1:7" x14ac:dyDescent="0.25">
      <c r="A3980" s="1">
        <v>3978</v>
      </c>
      <c r="B3980" t="s">
        <v>3981</v>
      </c>
      <c r="C3980" t="s">
        <v>9428</v>
      </c>
      <c r="D3980" t="s">
        <v>14870</v>
      </c>
      <c r="E3980" t="s">
        <v>20120</v>
      </c>
      <c r="G3980" s="2"/>
    </row>
    <row r="3981" spans="1:7" x14ac:dyDescent="0.25">
      <c r="A3981" s="1">
        <v>3979</v>
      </c>
      <c r="B3981" t="s">
        <v>3982</v>
      </c>
      <c r="C3981" t="s">
        <v>9429</v>
      </c>
      <c r="D3981" t="s">
        <v>14871</v>
      </c>
      <c r="E3981" t="s">
        <v>20121</v>
      </c>
      <c r="G3981" s="2"/>
    </row>
    <row r="3982" spans="1:7" x14ac:dyDescent="0.25">
      <c r="A3982" s="1">
        <v>3980</v>
      </c>
      <c r="B3982" t="s">
        <v>3983</v>
      </c>
      <c r="C3982" t="s">
        <v>9430</v>
      </c>
      <c r="D3982" t="s">
        <v>14872</v>
      </c>
      <c r="E3982" t="s">
        <v>20122</v>
      </c>
      <c r="G3982" s="2"/>
    </row>
    <row r="3983" spans="1:7" x14ac:dyDescent="0.25">
      <c r="A3983" s="1">
        <v>3981</v>
      </c>
      <c r="B3983" t="s">
        <v>3984</v>
      </c>
      <c r="C3983" t="s">
        <v>9431</v>
      </c>
      <c r="D3983" t="s">
        <v>14873</v>
      </c>
      <c r="E3983" t="s">
        <v>20123</v>
      </c>
      <c r="G3983" s="2"/>
    </row>
    <row r="3984" spans="1:7" x14ac:dyDescent="0.25">
      <c r="A3984" s="1">
        <v>3982</v>
      </c>
      <c r="B3984" t="s">
        <v>3985</v>
      </c>
      <c r="C3984" t="s">
        <v>9432</v>
      </c>
      <c r="D3984" t="s">
        <v>14874</v>
      </c>
      <c r="E3984" t="s">
        <v>20124</v>
      </c>
      <c r="G3984" s="2"/>
    </row>
    <row r="3985" spans="1:7" x14ac:dyDescent="0.25">
      <c r="A3985" s="1">
        <v>3983</v>
      </c>
      <c r="B3985" t="s">
        <v>3986</v>
      </c>
      <c r="C3985" t="s">
        <v>9433</v>
      </c>
      <c r="D3985" t="s">
        <v>14875</v>
      </c>
      <c r="E3985" t="s">
        <v>20125</v>
      </c>
      <c r="G3985" s="2"/>
    </row>
    <row r="3986" spans="1:7" x14ac:dyDescent="0.25">
      <c r="A3986" s="1">
        <v>3984</v>
      </c>
      <c r="B3986" t="s">
        <v>3987</v>
      </c>
      <c r="C3986" t="s">
        <v>9434</v>
      </c>
      <c r="D3986" t="s">
        <v>14876</v>
      </c>
      <c r="E3986" t="s">
        <v>20126</v>
      </c>
      <c r="G3986" s="2"/>
    </row>
    <row r="3987" spans="1:7" x14ac:dyDescent="0.25">
      <c r="A3987" s="1">
        <v>3985</v>
      </c>
      <c r="B3987" t="s">
        <v>3988</v>
      </c>
      <c r="C3987" t="s">
        <v>9435</v>
      </c>
      <c r="D3987" t="s">
        <v>14877</v>
      </c>
      <c r="E3987" t="s">
        <v>20127</v>
      </c>
      <c r="G3987" s="2"/>
    </row>
    <row r="3988" spans="1:7" x14ac:dyDescent="0.25">
      <c r="A3988" s="1">
        <v>3986</v>
      </c>
      <c r="B3988" t="s">
        <v>3989</v>
      </c>
      <c r="C3988" t="s">
        <v>9436</v>
      </c>
      <c r="D3988" t="s">
        <v>14878</v>
      </c>
      <c r="E3988" t="s">
        <v>20128</v>
      </c>
      <c r="G3988" s="2"/>
    </row>
    <row r="3989" spans="1:7" x14ac:dyDescent="0.25">
      <c r="A3989" s="1">
        <v>3987</v>
      </c>
      <c r="B3989" t="s">
        <v>3990</v>
      </c>
      <c r="C3989" t="s">
        <v>9437</v>
      </c>
      <c r="D3989" t="s">
        <v>14879</v>
      </c>
      <c r="E3989" t="s">
        <v>20129</v>
      </c>
      <c r="G3989" s="2"/>
    </row>
    <row r="3990" spans="1:7" x14ac:dyDescent="0.25">
      <c r="A3990" s="1">
        <v>3988</v>
      </c>
      <c r="B3990" t="s">
        <v>3991</v>
      </c>
      <c r="C3990" t="s">
        <v>9438</v>
      </c>
      <c r="D3990" t="s">
        <v>14880</v>
      </c>
      <c r="E3990" t="s">
        <v>20130</v>
      </c>
      <c r="G3990" s="2"/>
    </row>
    <row r="3991" spans="1:7" x14ac:dyDescent="0.25">
      <c r="A3991" s="1">
        <v>3989</v>
      </c>
      <c r="B3991" t="s">
        <v>3992</v>
      </c>
      <c r="C3991" t="s">
        <v>9439</v>
      </c>
      <c r="D3991" t="s">
        <v>14881</v>
      </c>
      <c r="E3991" t="s">
        <v>20131</v>
      </c>
      <c r="G3991" s="2"/>
    </row>
    <row r="3992" spans="1:7" x14ac:dyDescent="0.25">
      <c r="A3992" s="1">
        <v>3990</v>
      </c>
      <c r="B3992" t="s">
        <v>3993</v>
      </c>
      <c r="C3992" t="s">
        <v>9440</v>
      </c>
      <c r="D3992" t="s">
        <v>14882</v>
      </c>
      <c r="E3992" t="s">
        <v>20132</v>
      </c>
      <c r="G3992" s="2"/>
    </row>
    <row r="3993" spans="1:7" x14ac:dyDescent="0.25">
      <c r="A3993" s="1">
        <v>3991</v>
      </c>
      <c r="B3993" t="s">
        <v>3994</v>
      </c>
      <c r="C3993" t="s">
        <v>9441</v>
      </c>
      <c r="D3993" t="s">
        <v>14883</v>
      </c>
      <c r="E3993" t="s">
        <v>20133</v>
      </c>
      <c r="G3993" s="2"/>
    </row>
    <row r="3994" spans="1:7" x14ac:dyDescent="0.25">
      <c r="A3994" s="1">
        <v>3992</v>
      </c>
      <c r="B3994" t="s">
        <v>3995</v>
      </c>
      <c r="C3994" t="s">
        <v>9442</v>
      </c>
      <c r="D3994" t="s">
        <v>14884</v>
      </c>
      <c r="E3994" t="s">
        <v>20134</v>
      </c>
      <c r="G3994" s="2"/>
    </row>
    <row r="3995" spans="1:7" x14ac:dyDescent="0.25">
      <c r="A3995" s="1">
        <v>3993</v>
      </c>
      <c r="B3995" t="s">
        <v>3996</v>
      </c>
      <c r="C3995" t="s">
        <v>9443</v>
      </c>
      <c r="D3995" t="s">
        <v>14885</v>
      </c>
      <c r="E3995" t="s">
        <v>20135</v>
      </c>
      <c r="G3995" s="2"/>
    </row>
    <row r="3996" spans="1:7" x14ac:dyDescent="0.25">
      <c r="A3996" s="1">
        <v>3994</v>
      </c>
      <c r="B3996" t="s">
        <v>3997</v>
      </c>
      <c r="C3996" t="s">
        <v>9444</v>
      </c>
      <c r="D3996" t="s">
        <v>14886</v>
      </c>
      <c r="E3996" t="s">
        <v>20136</v>
      </c>
      <c r="G3996" s="2"/>
    </row>
    <row r="3997" spans="1:7" x14ac:dyDescent="0.25">
      <c r="A3997" s="1">
        <v>3995</v>
      </c>
      <c r="B3997" t="s">
        <v>3998</v>
      </c>
      <c r="C3997" t="s">
        <v>9445</v>
      </c>
      <c r="D3997" t="s">
        <v>14887</v>
      </c>
      <c r="E3997" t="s">
        <v>20137</v>
      </c>
      <c r="G3997" s="2"/>
    </row>
    <row r="3998" spans="1:7" x14ac:dyDescent="0.25">
      <c r="A3998" s="1">
        <v>3996</v>
      </c>
      <c r="B3998" t="s">
        <v>3999</v>
      </c>
      <c r="C3998" t="s">
        <v>9446</v>
      </c>
      <c r="D3998" t="s">
        <v>14888</v>
      </c>
      <c r="E3998" t="s">
        <v>20138</v>
      </c>
      <c r="G3998" s="2"/>
    </row>
    <row r="3999" spans="1:7" x14ac:dyDescent="0.25">
      <c r="A3999" s="1">
        <v>3997</v>
      </c>
      <c r="B3999" t="s">
        <v>4000</v>
      </c>
      <c r="C3999" t="s">
        <v>9447</v>
      </c>
      <c r="D3999" t="s">
        <v>14889</v>
      </c>
      <c r="E3999" t="s">
        <v>20139</v>
      </c>
      <c r="G3999" s="2"/>
    </row>
    <row r="4000" spans="1:7" x14ac:dyDescent="0.25">
      <c r="A4000" s="1">
        <v>3998</v>
      </c>
      <c r="B4000" t="s">
        <v>4001</v>
      </c>
      <c r="C4000" t="s">
        <v>9448</v>
      </c>
      <c r="D4000" t="s">
        <v>14890</v>
      </c>
      <c r="E4000" t="s">
        <v>20140</v>
      </c>
      <c r="G4000" s="2"/>
    </row>
    <row r="4001" spans="1:7" x14ac:dyDescent="0.25">
      <c r="A4001" s="1">
        <v>3999</v>
      </c>
      <c r="B4001" t="s">
        <v>4002</v>
      </c>
      <c r="C4001" t="s">
        <v>9449</v>
      </c>
      <c r="D4001" t="s">
        <v>14891</v>
      </c>
      <c r="E4001" t="s">
        <v>20141</v>
      </c>
      <c r="G4001" s="2"/>
    </row>
    <row r="4002" spans="1:7" x14ac:dyDescent="0.25">
      <c r="A4002" s="1">
        <v>4000</v>
      </c>
      <c r="B4002" t="s">
        <v>4003</v>
      </c>
      <c r="C4002" t="s">
        <v>9450</v>
      </c>
      <c r="D4002" t="s">
        <v>14892</v>
      </c>
      <c r="E4002" t="s">
        <v>20142</v>
      </c>
      <c r="G4002" s="2"/>
    </row>
    <row r="4003" spans="1:7" x14ac:dyDescent="0.25">
      <c r="A4003" s="1">
        <v>4001</v>
      </c>
      <c r="B4003" t="s">
        <v>4004</v>
      </c>
      <c r="C4003" t="s">
        <v>9451</v>
      </c>
      <c r="D4003" t="s">
        <v>14893</v>
      </c>
      <c r="E4003" t="s">
        <v>20143</v>
      </c>
      <c r="G4003" s="2"/>
    </row>
    <row r="4004" spans="1:7" x14ac:dyDescent="0.25">
      <c r="A4004" s="1">
        <v>4002</v>
      </c>
      <c r="B4004" t="s">
        <v>4005</v>
      </c>
      <c r="C4004" t="s">
        <v>9452</v>
      </c>
      <c r="D4004" t="s">
        <v>14894</v>
      </c>
      <c r="E4004" t="s">
        <v>20144</v>
      </c>
      <c r="G4004" s="2"/>
    </row>
    <row r="4005" spans="1:7" x14ac:dyDescent="0.25">
      <c r="A4005" s="1">
        <v>4003</v>
      </c>
      <c r="B4005" t="s">
        <v>4006</v>
      </c>
      <c r="C4005" t="s">
        <v>9453</v>
      </c>
      <c r="D4005" t="s">
        <v>14895</v>
      </c>
      <c r="E4005" t="s">
        <v>16347</v>
      </c>
      <c r="G4005" s="2"/>
    </row>
    <row r="4006" spans="1:7" x14ac:dyDescent="0.25">
      <c r="A4006" s="1">
        <v>4004</v>
      </c>
      <c r="B4006" t="s">
        <v>4007</v>
      </c>
      <c r="C4006" t="s">
        <v>9454</v>
      </c>
      <c r="D4006" t="s">
        <v>14896</v>
      </c>
      <c r="E4006" t="s">
        <v>20145</v>
      </c>
      <c r="G4006" s="2"/>
    </row>
    <row r="4007" spans="1:7" x14ac:dyDescent="0.25">
      <c r="A4007" s="1">
        <v>4005</v>
      </c>
      <c r="B4007" t="s">
        <v>4008</v>
      </c>
      <c r="C4007" t="s">
        <v>9455</v>
      </c>
      <c r="D4007" t="s">
        <v>14897</v>
      </c>
      <c r="E4007" t="s">
        <v>20146</v>
      </c>
      <c r="G4007" s="2"/>
    </row>
    <row r="4008" spans="1:7" x14ac:dyDescent="0.25">
      <c r="A4008" s="1">
        <v>4006</v>
      </c>
      <c r="B4008" t="s">
        <v>4009</v>
      </c>
      <c r="C4008" t="s">
        <v>9456</v>
      </c>
      <c r="D4008" t="s">
        <v>14898</v>
      </c>
      <c r="E4008" t="s">
        <v>20147</v>
      </c>
      <c r="G4008" s="2"/>
    </row>
    <row r="4009" spans="1:7" x14ac:dyDescent="0.25">
      <c r="A4009" s="1">
        <v>4007</v>
      </c>
      <c r="B4009" t="s">
        <v>4010</v>
      </c>
      <c r="C4009" t="s">
        <v>9457</v>
      </c>
      <c r="D4009" t="s">
        <v>14899</v>
      </c>
      <c r="E4009" t="s">
        <v>20148</v>
      </c>
      <c r="G4009" s="2"/>
    </row>
    <row r="4010" spans="1:7" x14ac:dyDescent="0.25">
      <c r="A4010" s="1">
        <v>4008</v>
      </c>
      <c r="B4010" t="s">
        <v>4011</v>
      </c>
      <c r="C4010" t="s">
        <v>9458</v>
      </c>
      <c r="D4010" t="s">
        <v>14900</v>
      </c>
      <c r="E4010" t="s">
        <v>20149</v>
      </c>
      <c r="G4010" s="2"/>
    </row>
    <row r="4011" spans="1:7" x14ac:dyDescent="0.25">
      <c r="A4011" s="1">
        <v>4009</v>
      </c>
      <c r="B4011" t="s">
        <v>4012</v>
      </c>
      <c r="C4011" t="s">
        <v>9459</v>
      </c>
      <c r="D4011" t="s">
        <v>14901</v>
      </c>
      <c r="E4011" t="s">
        <v>20150</v>
      </c>
      <c r="G4011" s="2"/>
    </row>
    <row r="4012" spans="1:7" x14ac:dyDescent="0.25">
      <c r="A4012" s="1">
        <v>4010</v>
      </c>
      <c r="B4012" t="s">
        <v>4013</v>
      </c>
      <c r="C4012" t="s">
        <v>9460</v>
      </c>
      <c r="D4012" t="s">
        <v>14902</v>
      </c>
      <c r="E4012" t="s">
        <v>18457</v>
      </c>
      <c r="G4012" s="2"/>
    </row>
    <row r="4013" spans="1:7" x14ac:dyDescent="0.25">
      <c r="A4013" s="1">
        <v>4011</v>
      </c>
      <c r="B4013" t="s">
        <v>4014</v>
      </c>
      <c r="C4013" t="s">
        <v>9461</v>
      </c>
      <c r="D4013" t="s">
        <v>14903</v>
      </c>
      <c r="E4013" t="s">
        <v>20151</v>
      </c>
      <c r="G4013" s="2"/>
    </row>
    <row r="4014" spans="1:7" x14ac:dyDescent="0.25">
      <c r="A4014" s="1">
        <v>4012</v>
      </c>
      <c r="B4014" t="s">
        <v>4015</v>
      </c>
      <c r="C4014" t="s">
        <v>9462</v>
      </c>
      <c r="D4014" t="s">
        <v>14904</v>
      </c>
      <c r="E4014" t="s">
        <v>16514</v>
      </c>
      <c r="G4014" s="2"/>
    </row>
    <row r="4015" spans="1:7" x14ac:dyDescent="0.25">
      <c r="A4015" s="1">
        <v>4013</v>
      </c>
      <c r="B4015" t="s">
        <v>4016</v>
      </c>
      <c r="C4015" t="s">
        <v>9463</v>
      </c>
      <c r="D4015" t="s">
        <v>14905</v>
      </c>
      <c r="E4015" t="s">
        <v>20152</v>
      </c>
      <c r="G4015" s="2"/>
    </row>
    <row r="4016" spans="1:7" x14ac:dyDescent="0.25">
      <c r="A4016" s="1">
        <v>4014</v>
      </c>
      <c r="B4016" t="s">
        <v>4017</v>
      </c>
      <c r="C4016" t="s">
        <v>9464</v>
      </c>
      <c r="D4016" t="s">
        <v>14906</v>
      </c>
      <c r="E4016" t="s">
        <v>20153</v>
      </c>
      <c r="G4016" s="2"/>
    </row>
    <row r="4017" spans="1:7" x14ac:dyDescent="0.25">
      <c r="A4017" s="1">
        <v>4015</v>
      </c>
      <c r="B4017" t="s">
        <v>4018</v>
      </c>
      <c r="C4017" t="s">
        <v>9465</v>
      </c>
      <c r="D4017" t="s">
        <v>14907</v>
      </c>
      <c r="E4017" t="s">
        <v>20154</v>
      </c>
      <c r="G4017" s="2"/>
    </row>
    <row r="4018" spans="1:7" x14ac:dyDescent="0.25">
      <c r="A4018" s="1">
        <v>4016</v>
      </c>
      <c r="B4018" t="s">
        <v>4019</v>
      </c>
      <c r="C4018" t="s">
        <v>9466</v>
      </c>
      <c r="D4018" t="s">
        <v>14908</v>
      </c>
      <c r="E4018" t="s">
        <v>20155</v>
      </c>
      <c r="G4018" s="2"/>
    </row>
    <row r="4019" spans="1:7" x14ac:dyDescent="0.25">
      <c r="A4019" s="1">
        <v>4017</v>
      </c>
      <c r="B4019" t="s">
        <v>4020</v>
      </c>
      <c r="C4019" t="s">
        <v>9467</v>
      </c>
      <c r="D4019" t="s">
        <v>14909</v>
      </c>
      <c r="E4019" t="s">
        <v>20156</v>
      </c>
      <c r="G4019" s="2"/>
    </row>
    <row r="4020" spans="1:7" x14ac:dyDescent="0.25">
      <c r="A4020" s="1">
        <v>4018</v>
      </c>
      <c r="B4020" t="s">
        <v>4021</v>
      </c>
      <c r="C4020" t="s">
        <v>9468</v>
      </c>
      <c r="D4020" t="s">
        <v>14910</v>
      </c>
      <c r="E4020" t="s">
        <v>20157</v>
      </c>
      <c r="G4020" s="2"/>
    </row>
    <row r="4021" spans="1:7" x14ac:dyDescent="0.25">
      <c r="A4021" s="1">
        <v>4019</v>
      </c>
      <c r="B4021" t="s">
        <v>4022</v>
      </c>
      <c r="C4021" t="s">
        <v>9469</v>
      </c>
      <c r="D4021" t="s">
        <v>14911</v>
      </c>
      <c r="E4021" t="s">
        <v>20158</v>
      </c>
      <c r="G4021" s="2"/>
    </row>
    <row r="4022" spans="1:7" x14ac:dyDescent="0.25">
      <c r="A4022" s="1">
        <v>4020</v>
      </c>
      <c r="B4022" t="s">
        <v>4023</v>
      </c>
      <c r="C4022" t="s">
        <v>9470</v>
      </c>
      <c r="D4022" t="s">
        <v>14912</v>
      </c>
      <c r="E4022" t="s">
        <v>20159</v>
      </c>
      <c r="G4022" s="2"/>
    </row>
    <row r="4023" spans="1:7" x14ac:dyDescent="0.25">
      <c r="A4023" s="1">
        <v>4021</v>
      </c>
      <c r="B4023" t="s">
        <v>4024</v>
      </c>
      <c r="C4023" t="s">
        <v>9471</v>
      </c>
      <c r="D4023" t="s">
        <v>14913</v>
      </c>
      <c r="E4023" t="s">
        <v>16555</v>
      </c>
      <c r="G4023" s="2"/>
    </row>
    <row r="4024" spans="1:7" x14ac:dyDescent="0.25">
      <c r="A4024" s="1">
        <v>4022</v>
      </c>
      <c r="B4024" t="s">
        <v>4025</v>
      </c>
      <c r="C4024" t="s">
        <v>9472</v>
      </c>
      <c r="D4024" t="s">
        <v>14914</v>
      </c>
      <c r="E4024" t="s">
        <v>20160</v>
      </c>
      <c r="G4024" s="2"/>
    </row>
    <row r="4025" spans="1:7" x14ac:dyDescent="0.25">
      <c r="A4025" s="1">
        <v>4023</v>
      </c>
      <c r="B4025" t="s">
        <v>4026</v>
      </c>
      <c r="C4025" t="s">
        <v>9473</v>
      </c>
      <c r="D4025" t="s">
        <v>14915</v>
      </c>
      <c r="E4025" t="s">
        <v>20161</v>
      </c>
      <c r="G4025" s="2"/>
    </row>
    <row r="4026" spans="1:7" x14ac:dyDescent="0.25">
      <c r="A4026" s="1">
        <v>4024</v>
      </c>
      <c r="B4026" t="s">
        <v>4027</v>
      </c>
      <c r="C4026" t="s">
        <v>9474</v>
      </c>
      <c r="D4026" t="s">
        <v>14916</v>
      </c>
      <c r="E4026" t="s">
        <v>16555</v>
      </c>
      <c r="G4026" s="2"/>
    </row>
    <row r="4027" spans="1:7" x14ac:dyDescent="0.25">
      <c r="A4027" s="1">
        <v>4025</v>
      </c>
      <c r="B4027" t="s">
        <v>4028</v>
      </c>
      <c r="C4027" t="s">
        <v>9475</v>
      </c>
      <c r="D4027" t="s">
        <v>14917</v>
      </c>
      <c r="E4027" t="s">
        <v>20162</v>
      </c>
      <c r="G4027" s="2"/>
    </row>
    <row r="4028" spans="1:7" x14ac:dyDescent="0.25">
      <c r="A4028" s="1">
        <v>4026</v>
      </c>
      <c r="B4028" t="s">
        <v>4029</v>
      </c>
      <c r="C4028" t="s">
        <v>9476</v>
      </c>
      <c r="D4028" t="s">
        <v>14918</v>
      </c>
      <c r="E4028" t="s">
        <v>20163</v>
      </c>
      <c r="G4028" s="2"/>
    </row>
    <row r="4029" spans="1:7" x14ac:dyDescent="0.25">
      <c r="A4029" s="1">
        <v>4027</v>
      </c>
      <c r="B4029" t="s">
        <v>4030</v>
      </c>
      <c r="C4029" t="s">
        <v>9477</v>
      </c>
      <c r="D4029" t="s">
        <v>14919</v>
      </c>
      <c r="E4029" t="s">
        <v>20164</v>
      </c>
      <c r="G4029" s="2"/>
    </row>
    <row r="4030" spans="1:7" x14ac:dyDescent="0.25">
      <c r="A4030" s="1">
        <v>4028</v>
      </c>
      <c r="B4030" t="s">
        <v>4031</v>
      </c>
      <c r="C4030" t="s">
        <v>9478</v>
      </c>
      <c r="D4030" t="s">
        <v>14920</v>
      </c>
      <c r="E4030" t="s">
        <v>16555</v>
      </c>
      <c r="G4030" s="2"/>
    </row>
    <row r="4031" spans="1:7" x14ac:dyDescent="0.25">
      <c r="A4031" s="1">
        <v>4029</v>
      </c>
      <c r="B4031" t="s">
        <v>4032</v>
      </c>
      <c r="C4031" t="s">
        <v>9479</v>
      </c>
      <c r="D4031" t="s">
        <v>14921</v>
      </c>
      <c r="E4031" t="s">
        <v>20165</v>
      </c>
      <c r="G4031" s="2"/>
    </row>
    <row r="4032" spans="1:7" x14ac:dyDescent="0.25">
      <c r="A4032" s="1">
        <v>4030</v>
      </c>
      <c r="B4032" t="s">
        <v>4033</v>
      </c>
      <c r="C4032" t="s">
        <v>9480</v>
      </c>
      <c r="D4032" t="s">
        <v>14922</v>
      </c>
      <c r="E4032" t="s">
        <v>20166</v>
      </c>
      <c r="G4032" s="2"/>
    </row>
    <row r="4033" spans="1:7" x14ac:dyDescent="0.25">
      <c r="A4033" s="1">
        <v>4031</v>
      </c>
      <c r="B4033" t="s">
        <v>4034</v>
      </c>
      <c r="C4033" t="s">
        <v>9481</v>
      </c>
      <c r="D4033" t="s">
        <v>14923</v>
      </c>
      <c r="E4033" t="s">
        <v>20167</v>
      </c>
      <c r="G4033" s="2"/>
    </row>
    <row r="4034" spans="1:7" x14ac:dyDescent="0.25">
      <c r="A4034" s="1">
        <v>4032</v>
      </c>
      <c r="B4034" t="s">
        <v>4035</v>
      </c>
      <c r="C4034" t="s">
        <v>9482</v>
      </c>
      <c r="D4034" t="s">
        <v>14924</v>
      </c>
      <c r="E4034" t="s">
        <v>20168</v>
      </c>
      <c r="G4034" s="2"/>
    </row>
    <row r="4035" spans="1:7" x14ac:dyDescent="0.25">
      <c r="A4035" s="1">
        <v>4033</v>
      </c>
      <c r="B4035" t="s">
        <v>4036</v>
      </c>
      <c r="C4035" t="s">
        <v>9483</v>
      </c>
      <c r="D4035" t="s">
        <v>14925</v>
      </c>
      <c r="E4035" t="s">
        <v>20169</v>
      </c>
      <c r="G4035" s="2"/>
    </row>
    <row r="4036" spans="1:7" x14ac:dyDescent="0.25">
      <c r="A4036" s="1">
        <v>4034</v>
      </c>
      <c r="B4036" t="s">
        <v>4037</v>
      </c>
      <c r="C4036" t="s">
        <v>9484</v>
      </c>
      <c r="D4036" t="s">
        <v>14926</v>
      </c>
      <c r="E4036" t="s">
        <v>20170</v>
      </c>
      <c r="G4036" s="2"/>
    </row>
    <row r="4037" spans="1:7" x14ac:dyDescent="0.25">
      <c r="A4037" s="1">
        <v>4035</v>
      </c>
      <c r="B4037" t="s">
        <v>4038</v>
      </c>
      <c r="C4037" t="s">
        <v>9485</v>
      </c>
      <c r="D4037" t="s">
        <v>14927</v>
      </c>
      <c r="E4037" t="s">
        <v>20171</v>
      </c>
      <c r="G4037" s="2"/>
    </row>
    <row r="4038" spans="1:7" x14ac:dyDescent="0.25">
      <c r="A4038" s="1">
        <v>4036</v>
      </c>
      <c r="B4038" t="s">
        <v>4039</v>
      </c>
      <c r="C4038" t="s">
        <v>9486</v>
      </c>
      <c r="D4038" t="s">
        <v>14928</v>
      </c>
      <c r="E4038" t="s">
        <v>20172</v>
      </c>
      <c r="G4038" s="2"/>
    </row>
    <row r="4039" spans="1:7" x14ac:dyDescent="0.25">
      <c r="A4039" s="1">
        <v>4037</v>
      </c>
      <c r="B4039" t="s">
        <v>4040</v>
      </c>
      <c r="C4039" t="s">
        <v>9487</v>
      </c>
      <c r="D4039" t="s">
        <v>14929</v>
      </c>
      <c r="E4039" t="s">
        <v>20173</v>
      </c>
      <c r="G4039" s="2"/>
    </row>
    <row r="4040" spans="1:7" x14ac:dyDescent="0.25">
      <c r="A4040" s="1">
        <v>4038</v>
      </c>
      <c r="B4040" t="s">
        <v>4041</v>
      </c>
      <c r="C4040" t="s">
        <v>9488</v>
      </c>
      <c r="D4040" t="s">
        <v>14930</v>
      </c>
      <c r="E4040" t="s">
        <v>16555</v>
      </c>
      <c r="G4040" s="2"/>
    </row>
    <row r="4041" spans="1:7" x14ac:dyDescent="0.25">
      <c r="A4041" s="1">
        <v>4039</v>
      </c>
      <c r="B4041" t="s">
        <v>4042</v>
      </c>
      <c r="C4041" t="s">
        <v>9489</v>
      </c>
      <c r="D4041" t="s">
        <v>14931</v>
      </c>
      <c r="E4041" t="s">
        <v>20174</v>
      </c>
      <c r="G4041" s="2"/>
    </row>
    <row r="4042" spans="1:7" x14ac:dyDescent="0.25">
      <c r="A4042" s="1">
        <v>4040</v>
      </c>
      <c r="B4042" t="s">
        <v>4043</v>
      </c>
      <c r="C4042" t="s">
        <v>9490</v>
      </c>
      <c r="D4042" t="s">
        <v>14932</v>
      </c>
      <c r="E4042" t="s">
        <v>20175</v>
      </c>
      <c r="G4042" s="2"/>
    </row>
    <row r="4043" spans="1:7" x14ac:dyDescent="0.25">
      <c r="A4043" s="1">
        <v>4041</v>
      </c>
      <c r="B4043" t="s">
        <v>4044</v>
      </c>
      <c r="C4043" t="s">
        <v>9491</v>
      </c>
      <c r="D4043" t="s">
        <v>14933</v>
      </c>
      <c r="E4043" t="s">
        <v>20176</v>
      </c>
      <c r="G4043" s="2"/>
    </row>
    <row r="4044" spans="1:7" x14ac:dyDescent="0.25">
      <c r="A4044" s="1">
        <v>4042</v>
      </c>
      <c r="B4044" t="s">
        <v>4045</v>
      </c>
      <c r="C4044" t="s">
        <v>9492</v>
      </c>
      <c r="D4044" t="s">
        <v>14934</v>
      </c>
      <c r="E4044" t="s">
        <v>20177</v>
      </c>
      <c r="G4044" s="2"/>
    </row>
    <row r="4045" spans="1:7" x14ac:dyDescent="0.25">
      <c r="A4045" s="1">
        <v>4043</v>
      </c>
      <c r="B4045" t="s">
        <v>4046</v>
      </c>
      <c r="C4045" t="s">
        <v>9493</v>
      </c>
      <c r="D4045" t="s">
        <v>14935</v>
      </c>
      <c r="E4045" t="s">
        <v>20178</v>
      </c>
      <c r="G4045" s="2"/>
    </row>
    <row r="4046" spans="1:7" x14ac:dyDescent="0.25">
      <c r="A4046" s="1">
        <v>4044</v>
      </c>
      <c r="B4046" t="s">
        <v>4047</v>
      </c>
      <c r="C4046" t="s">
        <v>9494</v>
      </c>
      <c r="D4046" t="s">
        <v>14936</v>
      </c>
      <c r="E4046" t="s">
        <v>20179</v>
      </c>
      <c r="G4046" s="2"/>
    </row>
    <row r="4047" spans="1:7" x14ac:dyDescent="0.25">
      <c r="A4047" s="1">
        <v>4045</v>
      </c>
      <c r="B4047" t="s">
        <v>4048</v>
      </c>
      <c r="C4047" t="s">
        <v>9495</v>
      </c>
      <c r="D4047" t="s">
        <v>14937</v>
      </c>
      <c r="E4047" t="s">
        <v>20180</v>
      </c>
      <c r="G4047" s="2"/>
    </row>
    <row r="4048" spans="1:7" x14ac:dyDescent="0.25">
      <c r="A4048" s="1">
        <v>4046</v>
      </c>
      <c r="B4048" t="s">
        <v>4049</v>
      </c>
      <c r="C4048" t="s">
        <v>9496</v>
      </c>
      <c r="D4048" t="s">
        <v>14938</v>
      </c>
      <c r="E4048" t="s">
        <v>20181</v>
      </c>
      <c r="G4048" s="2"/>
    </row>
    <row r="4049" spans="1:7" x14ac:dyDescent="0.25">
      <c r="A4049" s="1">
        <v>4047</v>
      </c>
      <c r="B4049" t="s">
        <v>4050</v>
      </c>
      <c r="C4049" t="s">
        <v>9497</v>
      </c>
      <c r="D4049" t="s">
        <v>14939</v>
      </c>
      <c r="E4049" t="s">
        <v>20182</v>
      </c>
      <c r="G4049" s="2"/>
    </row>
    <row r="4050" spans="1:7" x14ac:dyDescent="0.25">
      <c r="A4050" s="1">
        <v>4048</v>
      </c>
      <c r="B4050" t="s">
        <v>4051</v>
      </c>
      <c r="C4050" t="s">
        <v>9498</v>
      </c>
      <c r="D4050" t="s">
        <v>14940</v>
      </c>
      <c r="E4050" t="s">
        <v>20183</v>
      </c>
      <c r="G4050" s="2"/>
    </row>
    <row r="4051" spans="1:7" x14ac:dyDescent="0.25">
      <c r="A4051" s="1">
        <v>4049</v>
      </c>
      <c r="B4051" t="s">
        <v>4052</v>
      </c>
      <c r="C4051" t="s">
        <v>9499</v>
      </c>
      <c r="D4051" t="s">
        <v>14941</v>
      </c>
      <c r="E4051" t="s">
        <v>20184</v>
      </c>
      <c r="G4051" s="2"/>
    </row>
    <row r="4052" spans="1:7" x14ac:dyDescent="0.25">
      <c r="A4052" s="1">
        <v>4050</v>
      </c>
      <c r="B4052" t="s">
        <v>4053</v>
      </c>
      <c r="C4052" t="s">
        <v>9500</v>
      </c>
      <c r="D4052" t="s">
        <v>14942</v>
      </c>
      <c r="E4052" t="s">
        <v>20185</v>
      </c>
      <c r="G4052" s="2"/>
    </row>
    <row r="4053" spans="1:7" x14ac:dyDescent="0.25">
      <c r="A4053" s="1">
        <v>4051</v>
      </c>
      <c r="B4053" t="s">
        <v>4054</v>
      </c>
      <c r="C4053" t="s">
        <v>9501</v>
      </c>
      <c r="D4053" t="s">
        <v>14943</v>
      </c>
      <c r="E4053" t="s">
        <v>17162</v>
      </c>
      <c r="G4053" s="2"/>
    </row>
    <row r="4054" spans="1:7" x14ac:dyDescent="0.25">
      <c r="A4054" s="1">
        <v>4052</v>
      </c>
      <c r="B4054" t="s">
        <v>4055</v>
      </c>
      <c r="C4054" t="s">
        <v>9502</v>
      </c>
      <c r="D4054" t="s">
        <v>14944</v>
      </c>
      <c r="E4054" t="s">
        <v>20186</v>
      </c>
      <c r="G4054" s="2"/>
    </row>
    <row r="4055" spans="1:7" x14ac:dyDescent="0.25">
      <c r="A4055" s="1">
        <v>4053</v>
      </c>
      <c r="B4055" t="s">
        <v>4056</v>
      </c>
      <c r="C4055" t="s">
        <v>9503</v>
      </c>
      <c r="D4055" t="s">
        <v>14945</v>
      </c>
      <c r="E4055" t="s">
        <v>20187</v>
      </c>
      <c r="G4055" s="2"/>
    </row>
    <row r="4056" spans="1:7" x14ac:dyDescent="0.25">
      <c r="A4056" s="1">
        <v>4054</v>
      </c>
      <c r="B4056" t="s">
        <v>4057</v>
      </c>
      <c r="C4056" t="s">
        <v>9504</v>
      </c>
      <c r="D4056" t="s">
        <v>14946</v>
      </c>
      <c r="E4056" t="s">
        <v>20188</v>
      </c>
      <c r="G4056" s="2"/>
    </row>
    <row r="4057" spans="1:7" x14ac:dyDescent="0.25">
      <c r="A4057" s="1">
        <v>4055</v>
      </c>
      <c r="B4057" t="s">
        <v>4058</v>
      </c>
      <c r="C4057" t="s">
        <v>9505</v>
      </c>
      <c r="D4057" t="s">
        <v>14947</v>
      </c>
      <c r="E4057" t="s">
        <v>20189</v>
      </c>
      <c r="G4057" s="2"/>
    </row>
    <row r="4058" spans="1:7" x14ac:dyDescent="0.25">
      <c r="A4058" s="1">
        <v>4056</v>
      </c>
      <c r="B4058" t="s">
        <v>4059</v>
      </c>
      <c r="C4058" t="s">
        <v>9506</v>
      </c>
      <c r="D4058" t="s">
        <v>14948</v>
      </c>
      <c r="E4058" t="s">
        <v>16555</v>
      </c>
      <c r="G4058" s="2"/>
    </row>
    <row r="4059" spans="1:7" x14ac:dyDescent="0.25">
      <c r="A4059" s="1">
        <v>4057</v>
      </c>
      <c r="B4059" t="s">
        <v>4060</v>
      </c>
      <c r="C4059" t="s">
        <v>9507</v>
      </c>
      <c r="D4059" t="s">
        <v>14949</v>
      </c>
      <c r="E4059" t="s">
        <v>20190</v>
      </c>
      <c r="G4059" s="2"/>
    </row>
    <row r="4060" spans="1:7" x14ac:dyDescent="0.25">
      <c r="A4060" s="1">
        <v>4058</v>
      </c>
      <c r="B4060" t="s">
        <v>4061</v>
      </c>
      <c r="C4060" t="s">
        <v>9508</v>
      </c>
      <c r="D4060" t="s">
        <v>14950</v>
      </c>
      <c r="E4060" t="s">
        <v>20191</v>
      </c>
      <c r="G4060" s="2"/>
    </row>
    <row r="4061" spans="1:7" x14ac:dyDescent="0.25">
      <c r="A4061" s="1">
        <v>4059</v>
      </c>
      <c r="B4061" t="s">
        <v>4062</v>
      </c>
      <c r="C4061" t="s">
        <v>9509</v>
      </c>
      <c r="D4061" t="s">
        <v>14951</v>
      </c>
      <c r="E4061" t="s">
        <v>20192</v>
      </c>
      <c r="G4061" s="2"/>
    </row>
    <row r="4062" spans="1:7" x14ac:dyDescent="0.25">
      <c r="A4062" s="1">
        <v>4060</v>
      </c>
      <c r="B4062" t="s">
        <v>4063</v>
      </c>
      <c r="C4062" t="s">
        <v>9510</v>
      </c>
      <c r="D4062" t="s">
        <v>14952</v>
      </c>
      <c r="E4062" t="s">
        <v>20193</v>
      </c>
      <c r="G4062" s="2"/>
    </row>
    <row r="4063" spans="1:7" x14ac:dyDescent="0.25">
      <c r="A4063" s="1">
        <v>4061</v>
      </c>
      <c r="B4063" t="s">
        <v>4064</v>
      </c>
      <c r="C4063" t="s">
        <v>9511</v>
      </c>
      <c r="D4063" t="s">
        <v>14953</v>
      </c>
      <c r="E4063" t="s">
        <v>20194</v>
      </c>
      <c r="G4063" s="2"/>
    </row>
    <row r="4064" spans="1:7" x14ac:dyDescent="0.25">
      <c r="A4064" s="1">
        <v>4062</v>
      </c>
      <c r="B4064" t="s">
        <v>4065</v>
      </c>
      <c r="C4064" t="s">
        <v>9512</v>
      </c>
      <c r="D4064" t="s">
        <v>14954</v>
      </c>
      <c r="E4064" t="s">
        <v>20195</v>
      </c>
      <c r="G4064" s="2"/>
    </row>
    <row r="4065" spans="1:7" x14ac:dyDescent="0.25">
      <c r="A4065" s="1">
        <v>4063</v>
      </c>
      <c r="B4065" t="s">
        <v>4066</v>
      </c>
      <c r="C4065" t="s">
        <v>9513</v>
      </c>
      <c r="D4065" t="s">
        <v>14955</v>
      </c>
      <c r="E4065" t="s">
        <v>20196</v>
      </c>
      <c r="G4065" s="2"/>
    </row>
    <row r="4066" spans="1:7" x14ac:dyDescent="0.25">
      <c r="A4066" s="1">
        <v>4064</v>
      </c>
      <c r="B4066" t="s">
        <v>4067</v>
      </c>
      <c r="C4066" t="s">
        <v>9514</v>
      </c>
      <c r="D4066" t="s">
        <v>14956</v>
      </c>
      <c r="E4066" t="s">
        <v>20197</v>
      </c>
      <c r="G4066" s="2"/>
    </row>
    <row r="4067" spans="1:7" x14ac:dyDescent="0.25">
      <c r="A4067" s="1">
        <v>4065</v>
      </c>
      <c r="B4067" t="s">
        <v>4068</v>
      </c>
      <c r="C4067" t="s">
        <v>9515</v>
      </c>
      <c r="D4067" t="s">
        <v>14957</v>
      </c>
      <c r="E4067" t="s">
        <v>20198</v>
      </c>
      <c r="G4067" s="2"/>
    </row>
    <row r="4068" spans="1:7" x14ac:dyDescent="0.25">
      <c r="A4068" s="1">
        <v>4066</v>
      </c>
      <c r="B4068" t="s">
        <v>4069</v>
      </c>
      <c r="C4068" t="s">
        <v>9516</v>
      </c>
      <c r="D4068" t="s">
        <v>14958</v>
      </c>
      <c r="E4068" t="s">
        <v>20199</v>
      </c>
      <c r="G4068" s="2"/>
    </row>
    <row r="4069" spans="1:7" x14ac:dyDescent="0.25">
      <c r="A4069" s="1">
        <v>4067</v>
      </c>
      <c r="B4069" t="s">
        <v>4070</v>
      </c>
      <c r="C4069" t="s">
        <v>9517</v>
      </c>
      <c r="D4069" t="s">
        <v>14959</v>
      </c>
      <c r="E4069" t="s">
        <v>20200</v>
      </c>
      <c r="G4069" s="2"/>
    </row>
    <row r="4070" spans="1:7" x14ac:dyDescent="0.25">
      <c r="A4070" s="1">
        <v>4068</v>
      </c>
      <c r="B4070" t="s">
        <v>4071</v>
      </c>
      <c r="C4070" t="s">
        <v>9518</v>
      </c>
      <c r="D4070" t="s">
        <v>14960</v>
      </c>
      <c r="E4070" t="s">
        <v>20201</v>
      </c>
      <c r="G4070" s="2"/>
    </row>
    <row r="4071" spans="1:7" x14ac:dyDescent="0.25">
      <c r="A4071" s="1">
        <v>4069</v>
      </c>
      <c r="B4071" t="s">
        <v>4072</v>
      </c>
      <c r="C4071" t="s">
        <v>9519</v>
      </c>
      <c r="D4071" t="s">
        <v>14961</v>
      </c>
      <c r="E4071" t="s">
        <v>20202</v>
      </c>
      <c r="G4071" s="2"/>
    </row>
    <row r="4072" spans="1:7" x14ac:dyDescent="0.25">
      <c r="A4072" s="1">
        <v>4070</v>
      </c>
      <c r="B4072" t="s">
        <v>4073</v>
      </c>
      <c r="C4072" t="s">
        <v>9520</v>
      </c>
      <c r="D4072" t="s">
        <v>14962</v>
      </c>
      <c r="E4072" t="s">
        <v>20203</v>
      </c>
      <c r="G4072" s="2"/>
    </row>
    <row r="4073" spans="1:7" x14ac:dyDescent="0.25">
      <c r="A4073" s="1">
        <v>4071</v>
      </c>
      <c r="B4073" t="s">
        <v>4074</v>
      </c>
      <c r="C4073" t="s">
        <v>9521</v>
      </c>
      <c r="D4073" t="s">
        <v>14963</v>
      </c>
      <c r="E4073" t="s">
        <v>20204</v>
      </c>
      <c r="G4073" s="2"/>
    </row>
    <row r="4074" spans="1:7" x14ac:dyDescent="0.25">
      <c r="A4074" s="1">
        <v>4072</v>
      </c>
      <c r="B4074" t="s">
        <v>4075</v>
      </c>
      <c r="C4074" t="s">
        <v>9522</v>
      </c>
      <c r="D4074" t="s">
        <v>14964</v>
      </c>
      <c r="E4074" t="s">
        <v>20205</v>
      </c>
      <c r="G4074" s="2"/>
    </row>
    <row r="4075" spans="1:7" x14ac:dyDescent="0.25">
      <c r="A4075" s="1">
        <v>4073</v>
      </c>
      <c r="B4075" t="s">
        <v>4076</v>
      </c>
      <c r="C4075" t="s">
        <v>9523</v>
      </c>
      <c r="D4075" t="s">
        <v>14965</v>
      </c>
      <c r="E4075" t="s">
        <v>20206</v>
      </c>
      <c r="G4075" s="2"/>
    </row>
    <row r="4076" spans="1:7" x14ac:dyDescent="0.25">
      <c r="A4076" s="1">
        <v>4074</v>
      </c>
      <c r="B4076" t="s">
        <v>4077</v>
      </c>
      <c r="C4076" t="s">
        <v>9524</v>
      </c>
      <c r="D4076" t="s">
        <v>14966</v>
      </c>
      <c r="E4076" t="s">
        <v>20207</v>
      </c>
      <c r="G4076" s="2"/>
    </row>
    <row r="4077" spans="1:7" x14ac:dyDescent="0.25">
      <c r="A4077" s="1">
        <v>4075</v>
      </c>
      <c r="B4077" t="s">
        <v>4078</v>
      </c>
      <c r="C4077" t="s">
        <v>9525</v>
      </c>
      <c r="D4077" t="s">
        <v>14967</v>
      </c>
      <c r="E4077" t="s">
        <v>20208</v>
      </c>
      <c r="G4077" s="2"/>
    </row>
    <row r="4078" spans="1:7" x14ac:dyDescent="0.25">
      <c r="A4078" s="1">
        <v>4076</v>
      </c>
      <c r="B4078" t="s">
        <v>4079</v>
      </c>
      <c r="C4078" t="s">
        <v>9526</v>
      </c>
      <c r="D4078" t="s">
        <v>14968</v>
      </c>
      <c r="E4078" t="s">
        <v>20209</v>
      </c>
      <c r="G4078" s="2"/>
    </row>
    <row r="4079" spans="1:7" x14ac:dyDescent="0.25">
      <c r="A4079" s="1">
        <v>4077</v>
      </c>
      <c r="B4079" t="s">
        <v>4080</v>
      </c>
      <c r="C4079" t="s">
        <v>9527</v>
      </c>
      <c r="D4079" t="s">
        <v>14969</v>
      </c>
      <c r="E4079" t="s">
        <v>17363</v>
      </c>
      <c r="G4079" s="2"/>
    </row>
    <row r="4080" spans="1:7" x14ac:dyDescent="0.25">
      <c r="A4080" s="1">
        <v>4078</v>
      </c>
      <c r="B4080" t="s">
        <v>4081</v>
      </c>
      <c r="C4080" t="s">
        <v>9528</v>
      </c>
      <c r="D4080" t="s">
        <v>14970</v>
      </c>
      <c r="E4080" t="s">
        <v>20210</v>
      </c>
      <c r="G4080" s="2"/>
    </row>
    <row r="4081" spans="1:7" x14ac:dyDescent="0.25">
      <c r="A4081" s="1">
        <v>4079</v>
      </c>
      <c r="B4081" t="s">
        <v>4082</v>
      </c>
      <c r="C4081" t="s">
        <v>9529</v>
      </c>
      <c r="D4081" t="s">
        <v>14971</v>
      </c>
      <c r="E4081" t="s">
        <v>20211</v>
      </c>
      <c r="G4081" s="2"/>
    </row>
    <row r="4082" spans="1:7" x14ac:dyDescent="0.25">
      <c r="A4082" s="1">
        <v>4080</v>
      </c>
      <c r="B4082" t="s">
        <v>4083</v>
      </c>
      <c r="C4082" t="s">
        <v>9530</v>
      </c>
      <c r="D4082" t="s">
        <v>14972</v>
      </c>
      <c r="E4082" t="s">
        <v>20212</v>
      </c>
      <c r="G4082" s="2"/>
    </row>
    <row r="4083" spans="1:7" x14ac:dyDescent="0.25">
      <c r="A4083" s="1">
        <v>4081</v>
      </c>
      <c r="B4083" t="s">
        <v>4084</v>
      </c>
      <c r="C4083" t="s">
        <v>9531</v>
      </c>
      <c r="D4083" t="s">
        <v>14973</v>
      </c>
      <c r="E4083" t="s">
        <v>20213</v>
      </c>
      <c r="G4083" s="2"/>
    </row>
    <row r="4084" spans="1:7" x14ac:dyDescent="0.25">
      <c r="A4084" s="1">
        <v>4082</v>
      </c>
      <c r="B4084" t="s">
        <v>4085</v>
      </c>
      <c r="C4084" t="s">
        <v>9532</v>
      </c>
      <c r="D4084" t="s">
        <v>14974</v>
      </c>
      <c r="E4084" t="s">
        <v>20214</v>
      </c>
      <c r="G4084" s="2"/>
    </row>
    <row r="4085" spans="1:7" x14ac:dyDescent="0.25">
      <c r="A4085" s="1">
        <v>4083</v>
      </c>
      <c r="B4085" t="s">
        <v>4086</v>
      </c>
      <c r="C4085" t="s">
        <v>9533</v>
      </c>
      <c r="D4085" t="s">
        <v>14975</v>
      </c>
      <c r="E4085" t="s">
        <v>20215</v>
      </c>
      <c r="G4085" s="2"/>
    </row>
    <row r="4086" spans="1:7" x14ac:dyDescent="0.25">
      <c r="A4086" s="1">
        <v>4084</v>
      </c>
      <c r="B4086" t="s">
        <v>4087</v>
      </c>
      <c r="C4086" t="s">
        <v>9534</v>
      </c>
      <c r="D4086" t="s">
        <v>14976</v>
      </c>
      <c r="E4086" t="s">
        <v>20216</v>
      </c>
      <c r="G4086" s="2"/>
    </row>
    <row r="4087" spans="1:7" x14ac:dyDescent="0.25">
      <c r="A4087" s="1">
        <v>4085</v>
      </c>
      <c r="B4087" t="s">
        <v>4088</v>
      </c>
      <c r="C4087" t="s">
        <v>9535</v>
      </c>
      <c r="D4087" t="s">
        <v>14977</v>
      </c>
      <c r="E4087" t="s">
        <v>20217</v>
      </c>
      <c r="G4087" s="2"/>
    </row>
    <row r="4088" spans="1:7" x14ac:dyDescent="0.25">
      <c r="A4088" s="1">
        <v>4086</v>
      </c>
      <c r="B4088" t="s">
        <v>4089</v>
      </c>
      <c r="C4088" t="s">
        <v>9536</v>
      </c>
      <c r="D4088" t="s">
        <v>14978</v>
      </c>
      <c r="E4088" t="s">
        <v>20218</v>
      </c>
      <c r="G4088" s="2"/>
    </row>
    <row r="4089" spans="1:7" x14ac:dyDescent="0.25">
      <c r="A4089" s="1">
        <v>4087</v>
      </c>
      <c r="B4089" t="s">
        <v>4090</v>
      </c>
      <c r="C4089" t="s">
        <v>9537</v>
      </c>
      <c r="D4089" t="s">
        <v>14979</v>
      </c>
      <c r="E4089" t="s">
        <v>20219</v>
      </c>
      <c r="G4089" s="2"/>
    </row>
    <row r="4090" spans="1:7" x14ac:dyDescent="0.25">
      <c r="A4090" s="1">
        <v>4088</v>
      </c>
      <c r="B4090" t="s">
        <v>4091</v>
      </c>
      <c r="C4090" t="s">
        <v>9538</v>
      </c>
      <c r="D4090" t="s">
        <v>14980</v>
      </c>
      <c r="E4090" t="s">
        <v>20220</v>
      </c>
      <c r="G4090" s="2"/>
    </row>
    <row r="4091" spans="1:7" x14ac:dyDescent="0.25">
      <c r="A4091" s="1">
        <v>4089</v>
      </c>
      <c r="B4091" t="s">
        <v>4092</v>
      </c>
      <c r="C4091" t="s">
        <v>9539</v>
      </c>
      <c r="D4091" t="s">
        <v>14981</v>
      </c>
      <c r="E4091" t="s">
        <v>20221</v>
      </c>
      <c r="G4091" s="2"/>
    </row>
    <row r="4092" spans="1:7" x14ac:dyDescent="0.25">
      <c r="A4092" s="1">
        <v>4090</v>
      </c>
      <c r="B4092" t="s">
        <v>4093</v>
      </c>
      <c r="C4092" t="s">
        <v>9540</v>
      </c>
      <c r="D4092" t="s">
        <v>14982</v>
      </c>
      <c r="E4092" t="s">
        <v>20222</v>
      </c>
      <c r="G4092" s="2"/>
    </row>
    <row r="4093" spans="1:7" x14ac:dyDescent="0.25">
      <c r="A4093" s="1">
        <v>4091</v>
      </c>
      <c r="B4093" t="s">
        <v>4094</v>
      </c>
      <c r="C4093" t="s">
        <v>9541</v>
      </c>
      <c r="D4093" t="s">
        <v>14983</v>
      </c>
      <c r="E4093" t="s">
        <v>20223</v>
      </c>
      <c r="G4093" s="2"/>
    </row>
    <row r="4094" spans="1:7" x14ac:dyDescent="0.25">
      <c r="A4094" s="1">
        <v>4092</v>
      </c>
      <c r="B4094" t="s">
        <v>4095</v>
      </c>
      <c r="C4094" t="s">
        <v>9542</v>
      </c>
      <c r="D4094" t="s">
        <v>14984</v>
      </c>
      <c r="E4094" t="s">
        <v>20224</v>
      </c>
      <c r="G4094" s="2"/>
    </row>
    <row r="4095" spans="1:7" x14ac:dyDescent="0.25">
      <c r="A4095" s="1">
        <v>4093</v>
      </c>
      <c r="B4095" t="s">
        <v>4096</v>
      </c>
      <c r="C4095" t="s">
        <v>9543</v>
      </c>
      <c r="D4095" t="s">
        <v>14985</v>
      </c>
      <c r="E4095" t="s">
        <v>20225</v>
      </c>
      <c r="G4095" s="2"/>
    </row>
    <row r="4096" spans="1:7" x14ac:dyDescent="0.25">
      <c r="A4096" s="1">
        <v>4094</v>
      </c>
      <c r="B4096" t="s">
        <v>4097</v>
      </c>
      <c r="C4096" t="s">
        <v>9544</v>
      </c>
      <c r="D4096" t="s">
        <v>14986</v>
      </c>
      <c r="E4096" t="s">
        <v>20226</v>
      </c>
      <c r="G4096" s="2"/>
    </row>
    <row r="4097" spans="1:7" x14ac:dyDescent="0.25">
      <c r="A4097" s="1">
        <v>4095</v>
      </c>
      <c r="B4097" t="s">
        <v>4098</v>
      </c>
      <c r="C4097" t="s">
        <v>9545</v>
      </c>
      <c r="D4097" t="s">
        <v>14987</v>
      </c>
      <c r="E4097" t="s">
        <v>20227</v>
      </c>
      <c r="G4097" s="2"/>
    </row>
    <row r="4098" spans="1:7" x14ac:dyDescent="0.25">
      <c r="A4098" s="1">
        <v>4096</v>
      </c>
      <c r="B4098" t="s">
        <v>4099</v>
      </c>
      <c r="C4098" t="s">
        <v>9546</v>
      </c>
      <c r="D4098" t="s">
        <v>14988</v>
      </c>
      <c r="E4098" t="s">
        <v>20228</v>
      </c>
      <c r="G4098" s="2"/>
    </row>
    <row r="4099" spans="1:7" x14ac:dyDescent="0.25">
      <c r="A4099" s="1">
        <v>4097</v>
      </c>
      <c r="B4099" t="s">
        <v>4100</v>
      </c>
      <c r="C4099" t="s">
        <v>9547</v>
      </c>
      <c r="D4099" t="s">
        <v>14989</v>
      </c>
      <c r="E4099" t="s">
        <v>20229</v>
      </c>
      <c r="G4099" s="2"/>
    </row>
    <row r="4100" spans="1:7" x14ac:dyDescent="0.25">
      <c r="A4100" s="1">
        <v>4098</v>
      </c>
      <c r="B4100" t="s">
        <v>4101</v>
      </c>
      <c r="C4100" t="s">
        <v>9548</v>
      </c>
      <c r="D4100" t="s">
        <v>14990</v>
      </c>
      <c r="E4100" t="s">
        <v>20230</v>
      </c>
      <c r="G4100" s="2"/>
    </row>
    <row r="4101" spans="1:7" x14ac:dyDescent="0.25">
      <c r="A4101" s="1">
        <v>4099</v>
      </c>
      <c r="B4101" t="s">
        <v>4102</v>
      </c>
      <c r="C4101" t="s">
        <v>9549</v>
      </c>
      <c r="D4101" t="s">
        <v>14991</v>
      </c>
      <c r="E4101" t="s">
        <v>20231</v>
      </c>
      <c r="G4101" s="2"/>
    </row>
    <row r="4102" spans="1:7" x14ac:dyDescent="0.25">
      <c r="A4102" s="1">
        <v>4100</v>
      </c>
      <c r="B4102" t="s">
        <v>4103</v>
      </c>
      <c r="C4102" t="s">
        <v>9550</v>
      </c>
      <c r="D4102" t="s">
        <v>14992</v>
      </c>
      <c r="E4102" t="s">
        <v>16347</v>
      </c>
      <c r="G4102" s="2"/>
    </row>
    <row r="4103" spans="1:7" x14ac:dyDescent="0.25">
      <c r="A4103" s="1">
        <v>4101</v>
      </c>
      <c r="B4103" t="s">
        <v>4104</v>
      </c>
      <c r="C4103" t="s">
        <v>9551</v>
      </c>
      <c r="D4103" t="s">
        <v>14993</v>
      </c>
      <c r="E4103" t="s">
        <v>20232</v>
      </c>
      <c r="G4103" s="2"/>
    </row>
    <row r="4104" spans="1:7" x14ac:dyDescent="0.25">
      <c r="A4104" s="1">
        <v>4102</v>
      </c>
      <c r="B4104" t="s">
        <v>4105</v>
      </c>
      <c r="C4104" t="s">
        <v>9552</v>
      </c>
      <c r="D4104" t="s">
        <v>14994</v>
      </c>
      <c r="E4104" t="s">
        <v>20233</v>
      </c>
      <c r="G4104" s="2"/>
    </row>
    <row r="4105" spans="1:7" x14ac:dyDescent="0.25">
      <c r="A4105" s="1">
        <v>4103</v>
      </c>
      <c r="B4105" t="s">
        <v>4106</v>
      </c>
      <c r="C4105" t="s">
        <v>9553</v>
      </c>
      <c r="D4105" t="s">
        <v>14995</v>
      </c>
      <c r="E4105" t="s">
        <v>20234</v>
      </c>
      <c r="G4105" s="2"/>
    </row>
    <row r="4106" spans="1:7" x14ac:dyDescent="0.25">
      <c r="A4106" s="1">
        <v>4104</v>
      </c>
      <c r="B4106" t="s">
        <v>4107</v>
      </c>
      <c r="C4106" t="s">
        <v>9554</v>
      </c>
      <c r="D4106" t="s">
        <v>14996</v>
      </c>
      <c r="E4106" t="s">
        <v>20235</v>
      </c>
      <c r="G4106" s="2"/>
    </row>
    <row r="4107" spans="1:7" x14ac:dyDescent="0.25">
      <c r="A4107" s="1">
        <v>4105</v>
      </c>
      <c r="B4107" t="s">
        <v>4108</v>
      </c>
      <c r="C4107" t="s">
        <v>9555</v>
      </c>
      <c r="D4107" t="s">
        <v>14997</v>
      </c>
      <c r="E4107" t="s">
        <v>20236</v>
      </c>
      <c r="G4107" s="2"/>
    </row>
    <row r="4108" spans="1:7" x14ac:dyDescent="0.25">
      <c r="A4108" s="1">
        <v>4106</v>
      </c>
      <c r="B4108" t="s">
        <v>4109</v>
      </c>
      <c r="C4108" t="s">
        <v>9556</v>
      </c>
      <c r="D4108" t="s">
        <v>14998</v>
      </c>
      <c r="E4108" t="s">
        <v>20237</v>
      </c>
      <c r="G4108" s="2"/>
    </row>
    <row r="4109" spans="1:7" x14ac:dyDescent="0.25">
      <c r="A4109" s="1">
        <v>4107</v>
      </c>
      <c r="B4109" t="s">
        <v>4110</v>
      </c>
      <c r="C4109" t="s">
        <v>9557</v>
      </c>
      <c r="D4109" t="s">
        <v>14999</v>
      </c>
      <c r="E4109" t="s">
        <v>20238</v>
      </c>
      <c r="G4109" s="2"/>
    </row>
    <row r="4110" spans="1:7" x14ac:dyDescent="0.25">
      <c r="A4110" s="1">
        <v>4108</v>
      </c>
      <c r="B4110" t="s">
        <v>4111</v>
      </c>
      <c r="C4110" t="s">
        <v>9558</v>
      </c>
      <c r="D4110" t="s">
        <v>15000</v>
      </c>
      <c r="E4110" t="s">
        <v>20239</v>
      </c>
      <c r="G4110" s="2"/>
    </row>
    <row r="4111" spans="1:7" x14ac:dyDescent="0.25">
      <c r="A4111" s="1">
        <v>4109</v>
      </c>
      <c r="B4111" t="s">
        <v>4112</v>
      </c>
      <c r="C4111" t="s">
        <v>9559</v>
      </c>
      <c r="D4111" t="s">
        <v>15001</v>
      </c>
      <c r="E4111" t="s">
        <v>20240</v>
      </c>
      <c r="G4111" s="2"/>
    </row>
    <row r="4112" spans="1:7" x14ac:dyDescent="0.25">
      <c r="A4112" s="1">
        <v>4110</v>
      </c>
      <c r="B4112" t="s">
        <v>4113</v>
      </c>
      <c r="C4112" t="s">
        <v>9560</v>
      </c>
      <c r="D4112" t="s">
        <v>15002</v>
      </c>
      <c r="E4112" t="s">
        <v>20241</v>
      </c>
      <c r="G4112" s="2"/>
    </row>
    <row r="4113" spans="1:7" x14ac:dyDescent="0.25">
      <c r="A4113" s="1">
        <v>4111</v>
      </c>
      <c r="B4113" t="s">
        <v>4114</v>
      </c>
      <c r="C4113" t="s">
        <v>9561</v>
      </c>
      <c r="D4113" t="s">
        <v>15003</v>
      </c>
      <c r="E4113" t="s">
        <v>20242</v>
      </c>
      <c r="G4113" s="2"/>
    </row>
    <row r="4114" spans="1:7" x14ac:dyDescent="0.25">
      <c r="A4114" s="1">
        <v>4112</v>
      </c>
      <c r="B4114" t="s">
        <v>4115</v>
      </c>
      <c r="C4114" t="s">
        <v>9562</v>
      </c>
      <c r="D4114" t="s">
        <v>15004</v>
      </c>
      <c r="E4114" t="s">
        <v>20243</v>
      </c>
      <c r="G4114" s="2"/>
    </row>
    <row r="4115" spans="1:7" x14ac:dyDescent="0.25">
      <c r="A4115" s="1">
        <v>4113</v>
      </c>
      <c r="B4115" t="s">
        <v>4116</v>
      </c>
      <c r="C4115" t="s">
        <v>9563</v>
      </c>
      <c r="D4115" t="s">
        <v>15005</v>
      </c>
      <c r="E4115" t="s">
        <v>20244</v>
      </c>
      <c r="G4115" s="2"/>
    </row>
    <row r="4116" spans="1:7" x14ac:dyDescent="0.25">
      <c r="A4116" s="1">
        <v>4114</v>
      </c>
      <c r="B4116" t="s">
        <v>4117</v>
      </c>
      <c r="C4116" t="s">
        <v>9564</v>
      </c>
      <c r="D4116" t="s">
        <v>15006</v>
      </c>
      <c r="E4116" t="s">
        <v>20245</v>
      </c>
      <c r="G4116" s="2"/>
    </row>
    <row r="4117" spans="1:7" x14ac:dyDescent="0.25">
      <c r="A4117" s="1">
        <v>4115</v>
      </c>
      <c r="B4117" t="s">
        <v>4118</v>
      </c>
      <c r="C4117" t="s">
        <v>9565</v>
      </c>
      <c r="D4117" t="s">
        <v>15007</v>
      </c>
      <c r="E4117" t="s">
        <v>20246</v>
      </c>
      <c r="G4117" s="2"/>
    </row>
    <row r="4118" spans="1:7" x14ac:dyDescent="0.25">
      <c r="A4118" s="1">
        <v>4116</v>
      </c>
      <c r="B4118" t="s">
        <v>4119</v>
      </c>
      <c r="C4118" t="s">
        <v>9566</v>
      </c>
      <c r="D4118" t="s">
        <v>15008</v>
      </c>
      <c r="E4118" t="s">
        <v>20247</v>
      </c>
      <c r="G4118" s="2"/>
    </row>
    <row r="4119" spans="1:7" x14ac:dyDescent="0.25">
      <c r="A4119" s="1">
        <v>4117</v>
      </c>
      <c r="B4119" t="s">
        <v>4120</v>
      </c>
      <c r="C4119" t="s">
        <v>9567</v>
      </c>
      <c r="D4119" t="s">
        <v>15009</v>
      </c>
      <c r="E4119" t="s">
        <v>20248</v>
      </c>
      <c r="G4119" s="2"/>
    </row>
    <row r="4120" spans="1:7" x14ac:dyDescent="0.25">
      <c r="A4120" s="1">
        <v>4118</v>
      </c>
      <c r="B4120" t="s">
        <v>4121</v>
      </c>
      <c r="C4120" t="s">
        <v>9568</v>
      </c>
      <c r="D4120" t="s">
        <v>15010</v>
      </c>
      <c r="E4120" t="s">
        <v>20249</v>
      </c>
      <c r="G4120" s="2"/>
    </row>
    <row r="4121" spans="1:7" x14ac:dyDescent="0.25">
      <c r="A4121" s="1">
        <v>4119</v>
      </c>
      <c r="B4121" t="s">
        <v>4122</v>
      </c>
      <c r="C4121" t="s">
        <v>9569</v>
      </c>
      <c r="D4121" t="s">
        <v>15011</v>
      </c>
      <c r="E4121" t="s">
        <v>20250</v>
      </c>
      <c r="G4121" s="2"/>
    </row>
    <row r="4122" spans="1:7" x14ac:dyDescent="0.25">
      <c r="A4122" s="1">
        <v>4120</v>
      </c>
      <c r="B4122" t="s">
        <v>4123</v>
      </c>
      <c r="C4122" t="s">
        <v>9570</v>
      </c>
      <c r="D4122" t="s">
        <v>15012</v>
      </c>
      <c r="E4122" t="s">
        <v>20251</v>
      </c>
      <c r="G4122" s="2"/>
    </row>
    <row r="4123" spans="1:7" x14ac:dyDescent="0.25">
      <c r="A4123" s="1">
        <v>4121</v>
      </c>
      <c r="B4123" t="s">
        <v>4124</v>
      </c>
      <c r="C4123" t="s">
        <v>9571</v>
      </c>
      <c r="D4123" t="s">
        <v>15013</v>
      </c>
      <c r="E4123" t="s">
        <v>20252</v>
      </c>
      <c r="G4123" s="2"/>
    </row>
    <row r="4124" spans="1:7" x14ac:dyDescent="0.25">
      <c r="A4124" s="1">
        <v>4122</v>
      </c>
      <c r="B4124" t="s">
        <v>4125</v>
      </c>
      <c r="C4124" t="s">
        <v>9572</v>
      </c>
      <c r="D4124" t="s">
        <v>15014</v>
      </c>
      <c r="E4124" t="s">
        <v>20253</v>
      </c>
      <c r="G4124" s="2"/>
    </row>
    <row r="4125" spans="1:7" x14ac:dyDescent="0.25">
      <c r="A4125" s="1">
        <v>4123</v>
      </c>
      <c r="B4125" t="s">
        <v>4126</v>
      </c>
      <c r="C4125" t="s">
        <v>9573</v>
      </c>
      <c r="D4125" t="s">
        <v>15015</v>
      </c>
      <c r="E4125" t="s">
        <v>20254</v>
      </c>
      <c r="G4125" s="2"/>
    </row>
    <row r="4126" spans="1:7" x14ac:dyDescent="0.25">
      <c r="A4126" s="1">
        <v>4124</v>
      </c>
      <c r="B4126" t="s">
        <v>4127</v>
      </c>
      <c r="C4126" t="s">
        <v>9574</v>
      </c>
      <c r="D4126" t="s">
        <v>15016</v>
      </c>
      <c r="E4126" t="s">
        <v>20255</v>
      </c>
      <c r="G4126" s="2"/>
    </row>
    <row r="4127" spans="1:7" x14ac:dyDescent="0.25">
      <c r="A4127" s="1">
        <v>4125</v>
      </c>
      <c r="B4127" t="s">
        <v>4128</v>
      </c>
      <c r="C4127" t="s">
        <v>9575</v>
      </c>
      <c r="D4127" t="s">
        <v>15017</v>
      </c>
      <c r="E4127" t="s">
        <v>20256</v>
      </c>
      <c r="G4127" s="2"/>
    </row>
    <row r="4128" spans="1:7" x14ac:dyDescent="0.25">
      <c r="A4128" s="1">
        <v>4126</v>
      </c>
      <c r="B4128" t="s">
        <v>4129</v>
      </c>
      <c r="C4128" t="s">
        <v>9576</v>
      </c>
      <c r="D4128" t="s">
        <v>15018</v>
      </c>
      <c r="E4128" t="s">
        <v>20257</v>
      </c>
      <c r="G4128" s="2"/>
    </row>
    <row r="4129" spans="1:7" x14ac:dyDescent="0.25">
      <c r="A4129" s="1">
        <v>4127</v>
      </c>
      <c r="B4129" t="s">
        <v>4130</v>
      </c>
      <c r="C4129" t="s">
        <v>9577</v>
      </c>
      <c r="D4129" t="s">
        <v>15019</v>
      </c>
      <c r="E4129" t="s">
        <v>20258</v>
      </c>
      <c r="G4129" s="2"/>
    </row>
    <row r="4130" spans="1:7" x14ac:dyDescent="0.25">
      <c r="A4130" s="1">
        <v>4128</v>
      </c>
      <c r="B4130" t="s">
        <v>4131</v>
      </c>
      <c r="C4130" t="s">
        <v>9578</v>
      </c>
      <c r="D4130" t="s">
        <v>15020</v>
      </c>
      <c r="E4130" t="s">
        <v>20259</v>
      </c>
      <c r="G4130" s="2"/>
    </row>
    <row r="4131" spans="1:7" x14ac:dyDescent="0.25">
      <c r="A4131" s="1">
        <v>4129</v>
      </c>
      <c r="B4131" t="s">
        <v>4132</v>
      </c>
      <c r="C4131" t="s">
        <v>9579</v>
      </c>
      <c r="D4131" t="s">
        <v>15021</v>
      </c>
      <c r="E4131" t="s">
        <v>20260</v>
      </c>
      <c r="G4131" s="2"/>
    </row>
    <row r="4132" spans="1:7" x14ac:dyDescent="0.25">
      <c r="A4132" s="1">
        <v>4130</v>
      </c>
      <c r="B4132" t="s">
        <v>4133</v>
      </c>
      <c r="C4132" t="s">
        <v>9580</v>
      </c>
      <c r="D4132" t="s">
        <v>15022</v>
      </c>
      <c r="E4132" t="s">
        <v>20261</v>
      </c>
      <c r="G4132" s="2"/>
    </row>
    <row r="4133" spans="1:7" x14ac:dyDescent="0.25">
      <c r="A4133" s="1">
        <v>4131</v>
      </c>
      <c r="B4133" t="s">
        <v>4134</v>
      </c>
      <c r="C4133" t="s">
        <v>9581</v>
      </c>
      <c r="D4133" t="s">
        <v>15023</v>
      </c>
      <c r="E4133" t="s">
        <v>20262</v>
      </c>
      <c r="G4133" s="2"/>
    </row>
    <row r="4134" spans="1:7" x14ac:dyDescent="0.25">
      <c r="A4134" s="1">
        <v>4132</v>
      </c>
      <c r="B4134" t="s">
        <v>4135</v>
      </c>
      <c r="C4134" t="s">
        <v>9582</v>
      </c>
      <c r="D4134" t="s">
        <v>15024</v>
      </c>
      <c r="E4134" t="s">
        <v>20263</v>
      </c>
      <c r="G4134" s="2"/>
    </row>
    <row r="4135" spans="1:7" x14ac:dyDescent="0.25">
      <c r="A4135" s="1">
        <v>4133</v>
      </c>
      <c r="B4135" t="s">
        <v>4136</v>
      </c>
      <c r="C4135" t="s">
        <v>9583</v>
      </c>
      <c r="D4135" t="s">
        <v>15025</v>
      </c>
      <c r="E4135" t="s">
        <v>20264</v>
      </c>
      <c r="G4135" s="2"/>
    </row>
    <row r="4136" spans="1:7" x14ac:dyDescent="0.25">
      <c r="A4136" s="1">
        <v>4134</v>
      </c>
      <c r="B4136" t="s">
        <v>4137</v>
      </c>
      <c r="C4136" t="s">
        <v>9584</v>
      </c>
      <c r="D4136" t="s">
        <v>15026</v>
      </c>
      <c r="E4136" t="s">
        <v>20265</v>
      </c>
      <c r="G4136" s="2"/>
    </row>
    <row r="4137" spans="1:7" x14ac:dyDescent="0.25">
      <c r="A4137" s="1">
        <v>4135</v>
      </c>
      <c r="B4137" t="s">
        <v>4138</v>
      </c>
      <c r="C4137" t="s">
        <v>9585</v>
      </c>
      <c r="D4137" t="s">
        <v>15027</v>
      </c>
      <c r="E4137" t="s">
        <v>20266</v>
      </c>
      <c r="G4137" s="2"/>
    </row>
    <row r="4138" spans="1:7" x14ac:dyDescent="0.25">
      <c r="A4138" s="1">
        <v>4136</v>
      </c>
      <c r="B4138" t="s">
        <v>4139</v>
      </c>
      <c r="C4138" t="s">
        <v>9586</v>
      </c>
      <c r="D4138" t="s">
        <v>15028</v>
      </c>
      <c r="E4138" t="s">
        <v>20267</v>
      </c>
      <c r="G4138" s="2"/>
    </row>
    <row r="4139" spans="1:7" x14ac:dyDescent="0.25">
      <c r="A4139" s="1">
        <v>4137</v>
      </c>
      <c r="B4139" t="s">
        <v>4140</v>
      </c>
      <c r="C4139" t="s">
        <v>9587</v>
      </c>
      <c r="D4139" t="s">
        <v>15029</v>
      </c>
      <c r="E4139" t="s">
        <v>16555</v>
      </c>
      <c r="G4139" s="2"/>
    </row>
    <row r="4140" spans="1:7" x14ac:dyDescent="0.25">
      <c r="A4140" s="1">
        <v>4138</v>
      </c>
      <c r="B4140" t="s">
        <v>4141</v>
      </c>
      <c r="C4140" t="s">
        <v>9588</v>
      </c>
      <c r="D4140" t="s">
        <v>15030</v>
      </c>
      <c r="E4140" t="s">
        <v>20268</v>
      </c>
      <c r="G4140" s="2"/>
    </row>
    <row r="4141" spans="1:7" x14ac:dyDescent="0.25">
      <c r="A4141" s="1">
        <v>4139</v>
      </c>
      <c r="B4141" t="s">
        <v>4142</v>
      </c>
      <c r="C4141" t="s">
        <v>9589</v>
      </c>
      <c r="D4141" t="s">
        <v>15031</v>
      </c>
      <c r="E4141" t="s">
        <v>20269</v>
      </c>
      <c r="G4141" s="2"/>
    </row>
    <row r="4142" spans="1:7" x14ac:dyDescent="0.25">
      <c r="A4142" s="1">
        <v>4140</v>
      </c>
      <c r="B4142" t="s">
        <v>4143</v>
      </c>
      <c r="C4142" t="s">
        <v>9590</v>
      </c>
      <c r="D4142" t="s">
        <v>15032</v>
      </c>
      <c r="E4142" t="s">
        <v>20270</v>
      </c>
      <c r="G4142" s="2"/>
    </row>
    <row r="4143" spans="1:7" x14ac:dyDescent="0.25">
      <c r="A4143" s="1">
        <v>4141</v>
      </c>
      <c r="B4143" t="s">
        <v>4144</v>
      </c>
      <c r="C4143" t="s">
        <v>9591</v>
      </c>
      <c r="D4143" t="s">
        <v>15033</v>
      </c>
      <c r="E4143" t="s">
        <v>20271</v>
      </c>
      <c r="G4143" s="2"/>
    </row>
    <row r="4144" spans="1:7" x14ac:dyDescent="0.25">
      <c r="A4144" s="1">
        <v>4142</v>
      </c>
      <c r="B4144" t="s">
        <v>4145</v>
      </c>
      <c r="C4144" t="s">
        <v>9592</v>
      </c>
      <c r="D4144" t="s">
        <v>15034</v>
      </c>
      <c r="E4144" t="s">
        <v>20272</v>
      </c>
      <c r="G4144" s="2"/>
    </row>
    <row r="4145" spans="1:7" x14ac:dyDescent="0.25">
      <c r="A4145" s="1">
        <v>4143</v>
      </c>
      <c r="B4145" t="s">
        <v>4146</v>
      </c>
      <c r="C4145" t="s">
        <v>9593</v>
      </c>
      <c r="D4145" t="s">
        <v>15035</v>
      </c>
      <c r="E4145" t="s">
        <v>20273</v>
      </c>
      <c r="G4145" s="2"/>
    </row>
    <row r="4146" spans="1:7" x14ac:dyDescent="0.25">
      <c r="A4146" s="1">
        <v>4144</v>
      </c>
      <c r="B4146" t="s">
        <v>4147</v>
      </c>
      <c r="C4146" t="s">
        <v>9594</v>
      </c>
      <c r="D4146" t="s">
        <v>15036</v>
      </c>
      <c r="E4146" t="s">
        <v>20274</v>
      </c>
      <c r="G4146" s="2"/>
    </row>
    <row r="4147" spans="1:7" x14ac:dyDescent="0.25">
      <c r="A4147" s="1">
        <v>4145</v>
      </c>
      <c r="B4147" t="s">
        <v>4148</v>
      </c>
      <c r="C4147" t="s">
        <v>9595</v>
      </c>
      <c r="D4147" t="s">
        <v>15037</v>
      </c>
      <c r="E4147" t="s">
        <v>20275</v>
      </c>
      <c r="G4147" s="2"/>
    </row>
    <row r="4148" spans="1:7" x14ac:dyDescent="0.25">
      <c r="A4148" s="1">
        <v>4146</v>
      </c>
      <c r="B4148" t="s">
        <v>4149</v>
      </c>
      <c r="C4148" t="s">
        <v>9596</v>
      </c>
      <c r="D4148" t="s">
        <v>15038</v>
      </c>
      <c r="E4148" t="s">
        <v>20276</v>
      </c>
      <c r="G4148" s="2"/>
    </row>
    <row r="4149" spans="1:7" x14ac:dyDescent="0.25">
      <c r="A4149" s="1">
        <v>4147</v>
      </c>
      <c r="B4149" t="s">
        <v>4150</v>
      </c>
      <c r="C4149" t="s">
        <v>9597</v>
      </c>
      <c r="D4149" t="s">
        <v>15039</v>
      </c>
      <c r="E4149" t="s">
        <v>20277</v>
      </c>
      <c r="G4149" s="2"/>
    </row>
    <row r="4150" spans="1:7" x14ac:dyDescent="0.25">
      <c r="A4150" s="1">
        <v>4148</v>
      </c>
      <c r="B4150" t="s">
        <v>4151</v>
      </c>
      <c r="C4150" t="s">
        <v>9598</v>
      </c>
      <c r="D4150" t="s">
        <v>15040</v>
      </c>
      <c r="E4150" t="s">
        <v>20278</v>
      </c>
      <c r="G4150" s="2"/>
    </row>
    <row r="4151" spans="1:7" x14ac:dyDescent="0.25">
      <c r="A4151" s="1">
        <v>4149</v>
      </c>
      <c r="B4151" t="s">
        <v>4152</v>
      </c>
      <c r="C4151" t="s">
        <v>9599</v>
      </c>
      <c r="D4151" t="s">
        <v>15041</v>
      </c>
      <c r="E4151" t="s">
        <v>20279</v>
      </c>
      <c r="G4151" s="2"/>
    </row>
    <row r="4152" spans="1:7" x14ac:dyDescent="0.25">
      <c r="A4152" s="1">
        <v>4150</v>
      </c>
      <c r="B4152" t="s">
        <v>4153</v>
      </c>
      <c r="C4152" t="s">
        <v>9600</v>
      </c>
      <c r="D4152" t="s">
        <v>15042</v>
      </c>
      <c r="E4152" t="s">
        <v>20280</v>
      </c>
      <c r="G4152" s="2"/>
    </row>
    <row r="4153" spans="1:7" x14ac:dyDescent="0.25">
      <c r="A4153" s="1">
        <v>4151</v>
      </c>
      <c r="B4153" t="s">
        <v>4154</v>
      </c>
      <c r="C4153" t="s">
        <v>9601</v>
      </c>
      <c r="D4153" t="s">
        <v>15043</v>
      </c>
      <c r="E4153" t="s">
        <v>20281</v>
      </c>
      <c r="G4153" s="2"/>
    </row>
    <row r="4154" spans="1:7" x14ac:dyDescent="0.25">
      <c r="A4154" s="1">
        <v>4152</v>
      </c>
      <c r="B4154" t="s">
        <v>4155</v>
      </c>
      <c r="C4154" t="s">
        <v>9602</v>
      </c>
      <c r="D4154" t="s">
        <v>15044</v>
      </c>
      <c r="E4154" t="s">
        <v>20282</v>
      </c>
      <c r="G4154" s="2"/>
    </row>
    <row r="4155" spans="1:7" x14ac:dyDescent="0.25">
      <c r="A4155" s="1">
        <v>4153</v>
      </c>
      <c r="B4155" t="s">
        <v>4156</v>
      </c>
      <c r="C4155" t="s">
        <v>9603</v>
      </c>
      <c r="D4155" t="s">
        <v>15045</v>
      </c>
      <c r="E4155" t="s">
        <v>20283</v>
      </c>
      <c r="G4155" s="2"/>
    </row>
    <row r="4156" spans="1:7" x14ac:dyDescent="0.25">
      <c r="A4156" s="1">
        <v>4154</v>
      </c>
      <c r="B4156" t="s">
        <v>4157</v>
      </c>
      <c r="C4156" t="s">
        <v>9604</v>
      </c>
      <c r="D4156" t="s">
        <v>15046</v>
      </c>
      <c r="E4156" t="s">
        <v>20284</v>
      </c>
      <c r="G4156" s="2"/>
    </row>
    <row r="4157" spans="1:7" x14ac:dyDescent="0.25">
      <c r="A4157" s="1">
        <v>4155</v>
      </c>
      <c r="B4157" t="s">
        <v>4158</v>
      </c>
      <c r="C4157" t="s">
        <v>9605</v>
      </c>
      <c r="D4157" t="s">
        <v>15047</v>
      </c>
      <c r="E4157" t="s">
        <v>20285</v>
      </c>
      <c r="G4157" s="2"/>
    </row>
    <row r="4158" spans="1:7" x14ac:dyDescent="0.25">
      <c r="A4158" s="1">
        <v>4156</v>
      </c>
      <c r="B4158" t="s">
        <v>4159</v>
      </c>
      <c r="C4158" t="s">
        <v>9606</v>
      </c>
      <c r="D4158" t="s">
        <v>15048</v>
      </c>
      <c r="E4158" t="s">
        <v>20286</v>
      </c>
      <c r="G4158" s="2"/>
    </row>
    <row r="4159" spans="1:7" x14ac:dyDescent="0.25">
      <c r="A4159" s="1">
        <v>4157</v>
      </c>
      <c r="B4159" t="s">
        <v>4160</v>
      </c>
      <c r="C4159" t="s">
        <v>9607</v>
      </c>
      <c r="D4159" t="s">
        <v>15049</v>
      </c>
      <c r="E4159" t="s">
        <v>16555</v>
      </c>
      <c r="G4159" s="2"/>
    </row>
    <row r="4160" spans="1:7" x14ac:dyDescent="0.25">
      <c r="A4160" s="1">
        <v>4158</v>
      </c>
      <c r="B4160" t="s">
        <v>4161</v>
      </c>
      <c r="C4160" t="s">
        <v>9608</v>
      </c>
      <c r="D4160" t="s">
        <v>15050</v>
      </c>
      <c r="E4160" t="s">
        <v>20287</v>
      </c>
      <c r="G4160" s="2"/>
    </row>
    <row r="4161" spans="1:7" x14ac:dyDescent="0.25">
      <c r="A4161" s="1">
        <v>4159</v>
      </c>
      <c r="B4161" t="s">
        <v>4162</v>
      </c>
      <c r="C4161" t="s">
        <v>9609</v>
      </c>
      <c r="D4161" t="s">
        <v>15051</v>
      </c>
      <c r="E4161" t="s">
        <v>20288</v>
      </c>
      <c r="G4161" s="2"/>
    </row>
    <row r="4162" spans="1:7" x14ac:dyDescent="0.25">
      <c r="A4162" s="1">
        <v>4160</v>
      </c>
      <c r="B4162" t="s">
        <v>4163</v>
      </c>
      <c r="C4162" t="s">
        <v>9610</v>
      </c>
      <c r="D4162" t="s">
        <v>15052</v>
      </c>
      <c r="E4162" t="s">
        <v>20289</v>
      </c>
      <c r="G4162" s="2"/>
    </row>
    <row r="4163" spans="1:7" x14ac:dyDescent="0.25">
      <c r="A4163" s="1">
        <v>4161</v>
      </c>
      <c r="B4163" t="s">
        <v>4164</v>
      </c>
      <c r="C4163" t="s">
        <v>9611</v>
      </c>
      <c r="D4163" t="s">
        <v>15053</v>
      </c>
      <c r="E4163" t="s">
        <v>20290</v>
      </c>
      <c r="G4163" s="2"/>
    </row>
    <row r="4164" spans="1:7" x14ac:dyDescent="0.25">
      <c r="A4164" s="1">
        <v>4162</v>
      </c>
      <c r="B4164" t="s">
        <v>4165</v>
      </c>
      <c r="C4164" t="s">
        <v>9612</v>
      </c>
      <c r="D4164" t="s">
        <v>15054</v>
      </c>
      <c r="E4164" t="s">
        <v>20291</v>
      </c>
      <c r="G4164" s="2"/>
    </row>
    <row r="4165" spans="1:7" x14ac:dyDescent="0.25">
      <c r="A4165" s="1">
        <v>4163</v>
      </c>
      <c r="B4165" t="s">
        <v>4166</v>
      </c>
      <c r="C4165" t="s">
        <v>9613</v>
      </c>
      <c r="D4165" t="s">
        <v>15055</v>
      </c>
      <c r="E4165" t="s">
        <v>20292</v>
      </c>
      <c r="G4165" s="2"/>
    </row>
    <row r="4166" spans="1:7" x14ac:dyDescent="0.25">
      <c r="A4166" s="1">
        <v>4164</v>
      </c>
      <c r="B4166" t="s">
        <v>4167</v>
      </c>
      <c r="C4166" t="s">
        <v>9614</v>
      </c>
      <c r="D4166" t="s">
        <v>15056</v>
      </c>
      <c r="E4166" t="s">
        <v>20293</v>
      </c>
      <c r="G4166" s="2"/>
    </row>
    <row r="4167" spans="1:7" x14ac:dyDescent="0.25">
      <c r="A4167" s="1">
        <v>4165</v>
      </c>
      <c r="B4167" t="s">
        <v>4168</v>
      </c>
      <c r="C4167" t="s">
        <v>9615</v>
      </c>
      <c r="D4167" t="s">
        <v>15057</v>
      </c>
      <c r="E4167" t="s">
        <v>20294</v>
      </c>
      <c r="G4167" s="2"/>
    </row>
    <row r="4168" spans="1:7" x14ac:dyDescent="0.25">
      <c r="A4168" s="1">
        <v>4166</v>
      </c>
      <c r="B4168" t="s">
        <v>4169</v>
      </c>
      <c r="C4168" t="s">
        <v>9616</v>
      </c>
      <c r="D4168" t="s">
        <v>15058</v>
      </c>
      <c r="E4168" t="s">
        <v>20295</v>
      </c>
      <c r="G4168" s="2"/>
    </row>
    <row r="4169" spans="1:7" x14ac:dyDescent="0.25">
      <c r="A4169" s="1">
        <v>4167</v>
      </c>
      <c r="B4169" t="s">
        <v>4170</v>
      </c>
      <c r="C4169" t="s">
        <v>9617</v>
      </c>
      <c r="D4169" t="s">
        <v>15059</v>
      </c>
      <c r="E4169" t="s">
        <v>20296</v>
      </c>
      <c r="G4169" s="2"/>
    </row>
    <row r="4170" spans="1:7" x14ac:dyDescent="0.25">
      <c r="A4170" s="1">
        <v>4168</v>
      </c>
      <c r="B4170" t="s">
        <v>4171</v>
      </c>
      <c r="C4170" t="s">
        <v>9618</v>
      </c>
      <c r="D4170" t="s">
        <v>15060</v>
      </c>
      <c r="E4170" t="s">
        <v>20297</v>
      </c>
      <c r="G4170" s="2"/>
    </row>
    <row r="4171" spans="1:7" x14ac:dyDescent="0.25">
      <c r="A4171" s="1">
        <v>4169</v>
      </c>
      <c r="B4171" t="s">
        <v>4172</v>
      </c>
      <c r="C4171" t="s">
        <v>9619</v>
      </c>
      <c r="D4171" t="s">
        <v>15061</v>
      </c>
      <c r="E4171" t="s">
        <v>20298</v>
      </c>
      <c r="G4171" s="2"/>
    </row>
    <row r="4172" spans="1:7" x14ac:dyDescent="0.25">
      <c r="A4172" s="1">
        <v>4170</v>
      </c>
      <c r="B4172" t="s">
        <v>4173</v>
      </c>
      <c r="C4172" t="s">
        <v>9620</v>
      </c>
      <c r="D4172" t="s">
        <v>15062</v>
      </c>
      <c r="E4172" t="s">
        <v>20299</v>
      </c>
      <c r="G4172" s="2"/>
    </row>
    <row r="4173" spans="1:7" x14ac:dyDescent="0.25">
      <c r="A4173" s="1">
        <v>4171</v>
      </c>
      <c r="B4173" t="s">
        <v>4174</v>
      </c>
      <c r="C4173" t="s">
        <v>9621</v>
      </c>
      <c r="D4173" t="s">
        <v>15063</v>
      </c>
      <c r="E4173" t="s">
        <v>20300</v>
      </c>
      <c r="G4173" s="2"/>
    </row>
    <row r="4174" spans="1:7" x14ac:dyDescent="0.25">
      <c r="A4174" s="1">
        <v>4172</v>
      </c>
      <c r="B4174" t="s">
        <v>4175</v>
      </c>
      <c r="C4174" t="s">
        <v>9622</v>
      </c>
      <c r="D4174" t="s">
        <v>15064</v>
      </c>
      <c r="E4174" t="s">
        <v>20301</v>
      </c>
      <c r="G4174" s="2"/>
    </row>
    <row r="4175" spans="1:7" x14ac:dyDescent="0.25">
      <c r="A4175" s="1">
        <v>4173</v>
      </c>
      <c r="B4175" t="s">
        <v>4176</v>
      </c>
      <c r="C4175" t="s">
        <v>9623</v>
      </c>
      <c r="D4175" t="s">
        <v>15065</v>
      </c>
      <c r="E4175" t="s">
        <v>20302</v>
      </c>
      <c r="G4175" s="2"/>
    </row>
    <row r="4176" spans="1:7" x14ac:dyDescent="0.25">
      <c r="A4176" s="1">
        <v>4174</v>
      </c>
      <c r="B4176" t="s">
        <v>4177</v>
      </c>
      <c r="C4176" t="s">
        <v>9624</v>
      </c>
      <c r="D4176" t="s">
        <v>15066</v>
      </c>
      <c r="E4176" t="s">
        <v>20303</v>
      </c>
      <c r="G4176" s="2"/>
    </row>
    <row r="4177" spans="1:7" x14ac:dyDescent="0.25">
      <c r="A4177" s="1">
        <v>4175</v>
      </c>
      <c r="B4177" t="s">
        <v>4178</v>
      </c>
      <c r="C4177" t="s">
        <v>9625</v>
      </c>
      <c r="D4177" t="s">
        <v>15067</v>
      </c>
      <c r="E4177" t="s">
        <v>20304</v>
      </c>
      <c r="G4177" s="2"/>
    </row>
    <row r="4178" spans="1:7" x14ac:dyDescent="0.25">
      <c r="A4178" s="1">
        <v>4176</v>
      </c>
      <c r="B4178" t="s">
        <v>4179</v>
      </c>
      <c r="C4178" t="s">
        <v>9626</v>
      </c>
      <c r="D4178" t="s">
        <v>15068</v>
      </c>
      <c r="E4178" t="s">
        <v>20305</v>
      </c>
      <c r="G4178" s="2"/>
    </row>
    <row r="4179" spans="1:7" x14ac:dyDescent="0.25">
      <c r="A4179" s="1">
        <v>4177</v>
      </c>
      <c r="B4179" t="s">
        <v>4180</v>
      </c>
      <c r="C4179" t="s">
        <v>9627</v>
      </c>
      <c r="D4179" t="s">
        <v>15069</v>
      </c>
      <c r="E4179" t="s">
        <v>20306</v>
      </c>
      <c r="G4179" s="2"/>
    </row>
    <row r="4180" spans="1:7" x14ac:dyDescent="0.25">
      <c r="A4180" s="1">
        <v>4178</v>
      </c>
      <c r="B4180" t="s">
        <v>4181</v>
      </c>
      <c r="C4180" t="s">
        <v>9628</v>
      </c>
      <c r="D4180" t="s">
        <v>15070</v>
      </c>
      <c r="E4180" t="s">
        <v>16555</v>
      </c>
      <c r="G4180" s="2"/>
    </row>
    <row r="4181" spans="1:7" x14ac:dyDescent="0.25">
      <c r="A4181" s="1">
        <v>4179</v>
      </c>
      <c r="B4181" t="s">
        <v>4182</v>
      </c>
      <c r="C4181" t="s">
        <v>9629</v>
      </c>
      <c r="D4181" t="s">
        <v>15071</v>
      </c>
      <c r="E4181" t="s">
        <v>20307</v>
      </c>
      <c r="G4181" s="2"/>
    </row>
    <row r="4182" spans="1:7" x14ac:dyDescent="0.25">
      <c r="A4182" s="1">
        <v>4180</v>
      </c>
      <c r="B4182" t="s">
        <v>4183</v>
      </c>
      <c r="C4182" t="s">
        <v>9630</v>
      </c>
      <c r="D4182" t="s">
        <v>15072</v>
      </c>
      <c r="E4182" t="s">
        <v>20308</v>
      </c>
      <c r="G4182" s="2"/>
    </row>
    <row r="4183" spans="1:7" x14ac:dyDescent="0.25">
      <c r="A4183" s="1">
        <v>4181</v>
      </c>
      <c r="B4183" t="s">
        <v>4184</v>
      </c>
      <c r="C4183" t="s">
        <v>9631</v>
      </c>
      <c r="D4183" t="s">
        <v>15073</v>
      </c>
      <c r="E4183" t="s">
        <v>20309</v>
      </c>
      <c r="G4183" s="2"/>
    </row>
    <row r="4184" spans="1:7" x14ac:dyDescent="0.25">
      <c r="A4184" s="1">
        <v>4182</v>
      </c>
      <c r="B4184" t="s">
        <v>4185</v>
      </c>
      <c r="C4184" t="s">
        <v>9632</v>
      </c>
      <c r="D4184" t="s">
        <v>15074</v>
      </c>
      <c r="E4184" t="s">
        <v>20310</v>
      </c>
      <c r="G4184" s="2"/>
    </row>
    <row r="4185" spans="1:7" x14ac:dyDescent="0.25">
      <c r="A4185" s="1">
        <v>4183</v>
      </c>
      <c r="B4185" t="s">
        <v>4186</v>
      </c>
      <c r="C4185" t="s">
        <v>9633</v>
      </c>
      <c r="D4185" t="s">
        <v>9633</v>
      </c>
      <c r="E4185" t="s">
        <v>20311</v>
      </c>
      <c r="G4185" s="2"/>
    </row>
    <row r="4186" spans="1:7" x14ac:dyDescent="0.25">
      <c r="A4186" s="1">
        <v>4184</v>
      </c>
      <c r="B4186" t="s">
        <v>4187</v>
      </c>
      <c r="C4186" t="s">
        <v>9634</v>
      </c>
      <c r="D4186" t="s">
        <v>15075</v>
      </c>
      <c r="E4186" t="s">
        <v>20312</v>
      </c>
      <c r="G4186" s="2"/>
    </row>
    <row r="4187" spans="1:7" x14ac:dyDescent="0.25">
      <c r="A4187" s="1">
        <v>4185</v>
      </c>
      <c r="B4187" t="s">
        <v>4188</v>
      </c>
      <c r="C4187" t="s">
        <v>9635</v>
      </c>
      <c r="D4187" t="s">
        <v>15076</v>
      </c>
      <c r="E4187" t="s">
        <v>20313</v>
      </c>
      <c r="G4187" s="2"/>
    </row>
    <row r="4188" spans="1:7" x14ac:dyDescent="0.25">
      <c r="A4188" s="1">
        <v>4186</v>
      </c>
      <c r="B4188" t="s">
        <v>4189</v>
      </c>
      <c r="C4188" t="s">
        <v>9636</v>
      </c>
      <c r="D4188" t="s">
        <v>15077</v>
      </c>
      <c r="E4188" t="s">
        <v>20314</v>
      </c>
      <c r="G4188" s="2"/>
    </row>
    <row r="4189" spans="1:7" x14ac:dyDescent="0.25">
      <c r="A4189" s="1">
        <v>4187</v>
      </c>
      <c r="B4189" t="s">
        <v>4190</v>
      </c>
      <c r="C4189" t="s">
        <v>9637</v>
      </c>
      <c r="D4189" t="s">
        <v>15078</v>
      </c>
      <c r="E4189" t="s">
        <v>20315</v>
      </c>
      <c r="G4189" s="2"/>
    </row>
    <row r="4190" spans="1:7" x14ac:dyDescent="0.25">
      <c r="A4190" s="1">
        <v>4188</v>
      </c>
      <c r="B4190" t="s">
        <v>4191</v>
      </c>
      <c r="C4190" t="s">
        <v>9638</v>
      </c>
      <c r="D4190" t="s">
        <v>15079</v>
      </c>
      <c r="E4190" t="s">
        <v>20316</v>
      </c>
      <c r="G4190" s="2"/>
    </row>
    <row r="4191" spans="1:7" x14ac:dyDescent="0.25">
      <c r="A4191" s="1">
        <v>4189</v>
      </c>
      <c r="B4191" t="s">
        <v>4192</v>
      </c>
      <c r="C4191" t="s">
        <v>9639</v>
      </c>
      <c r="D4191" t="s">
        <v>15080</v>
      </c>
      <c r="E4191" t="s">
        <v>20317</v>
      </c>
      <c r="G4191" s="2"/>
    </row>
    <row r="4192" spans="1:7" x14ac:dyDescent="0.25">
      <c r="A4192" s="1">
        <v>4190</v>
      </c>
      <c r="B4192" t="s">
        <v>4193</v>
      </c>
      <c r="C4192" t="s">
        <v>9640</v>
      </c>
      <c r="D4192" t="s">
        <v>15081</v>
      </c>
      <c r="E4192" t="s">
        <v>20318</v>
      </c>
      <c r="G4192" s="2"/>
    </row>
    <row r="4193" spans="1:7" x14ac:dyDescent="0.25">
      <c r="A4193" s="1">
        <v>4191</v>
      </c>
      <c r="B4193" t="s">
        <v>4194</v>
      </c>
      <c r="C4193" t="s">
        <v>9641</v>
      </c>
      <c r="D4193" t="s">
        <v>15082</v>
      </c>
      <c r="E4193" t="s">
        <v>20319</v>
      </c>
      <c r="G4193" s="2"/>
    </row>
    <row r="4194" spans="1:7" x14ac:dyDescent="0.25">
      <c r="A4194" s="1">
        <v>4192</v>
      </c>
      <c r="B4194" t="s">
        <v>4195</v>
      </c>
      <c r="C4194" t="s">
        <v>9642</v>
      </c>
      <c r="D4194" t="s">
        <v>15083</v>
      </c>
      <c r="E4194" t="s">
        <v>20320</v>
      </c>
      <c r="G4194" s="2"/>
    </row>
    <row r="4195" spans="1:7" x14ac:dyDescent="0.25">
      <c r="A4195" s="1">
        <v>4193</v>
      </c>
      <c r="B4195" t="s">
        <v>4196</v>
      </c>
      <c r="C4195" t="s">
        <v>9643</v>
      </c>
      <c r="D4195" t="s">
        <v>15084</v>
      </c>
      <c r="E4195" t="s">
        <v>20321</v>
      </c>
      <c r="G4195" s="2"/>
    </row>
    <row r="4196" spans="1:7" x14ac:dyDescent="0.25">
      <c r="A4196" s="1">
        <v>4194</v>
      </c>
      <c r="B4196" t="s">
        <v>4197</v>
      </c>
      <c r="C4196" t="s">
        <v>9644</v>
      </c>
      <c r="D4196" t="s">
        <v>15085</v>
      </c>
      <c r="E4196" t="s">
        <v>20322</v>
      </c>
      <c r="G4196" s="2"/>
    </row>
    <row r="4197" spans="1:7" x14ac:dyDescent="0.25">
      <c r="A4197" s="1">
        <v>4195</v>
      </c>
      <c r="B4197" t="s">
        <v>4198</v>
      </c>
      <c r="C4197" t="s">
        <v>9645</v>
      </c>
      <c r="D4197" t="s">
        <v>15086</v>
      </c>
      <c r="E4197" t="s">
        <v>20323</v>
      </c>
      <c r="G4197" s="2"/>
    </row>
    <row r="4198" spans="1:7" x14ac:dyDescent="0.25">
      <c r="A4198" s="1">
        <v>4196</v>
      </c>
      <c r="B4198" t="s">
        <v>4199</v>
      </c>
      <c r="C4198" t="s">
        <v>9646</v>
      </c>
      <c r="D4198" t="s">
        <v>15087</v>
      </c>
      <c r="E4198" t="s">
        <v>20324</v>
      </c>
      <c r="G4198" s="2"/>
    </row>
    <row r="4199" spans="1:7" x14ac:dyDescent="0.25">
      <c r="A4199" s="1">
        <v>4197</v>
      </c>
      <c r="B4199" t="s">
        <v>4200</v>
      </c>
      <c r="C4199" t="s">
        <v>9647</v>
      </c>
      <c r="D4199" t="s">
        <v>15088</v>
      </c>
      <c r="E4199" t="s">
        <v>20325</v>
      </c>
      <c r="G4199" s="2"/>
    </row>
    <row r="4200" spans="1:7" x14ac:dyDescent="0.25">
      <c r="A4200" s="1">
        <v>4198</v>
      </c>
      <c r="B4200" t="s">
        <v>4201</v>
      </c>
      <c r="C4200" t="s">
        <v>9648</v>
      </c>
      <c r="D4200" t="s">
        <v>15089</v>
      </c>
      <c r="E4200" t="s">
        <v>20326</v>
      </c>
      <c r="G4200" s="2"/>
    </row>
    <row r="4201" spans="1:7" x14ac:dyDescent="0.25">
      <c r="A4201" s="1">
        <v>4199</v>
      </c>
      <c r="B4201" t="s">
        <v>4202</v>
      </c>
      <c r="C4201" t="s">
        <v>9649</v>
      </c>
      <c r="D4201" t="s">
        <v>15090</v>
      </c>
      <c r="E4201" t="s">
        <v>20327</v>
      </c>
      <c r="G4201" s="2"/>
    </row>
    <row r="4202" spans="1:7" x14ac:dyDescent="0.25">
      <c r="A4202" s="1">
        <v>4200</v>
      </c>
      <c r="B4202" t="s">
        <v>4203</v>
      </c>
      <c r="C4202" t="s">
        <v>9650</v>
      </c>
      <c r="D4202" t="s">
        <v>15091</v>
      </c>
      <c r="E4202" t="s">
        <v>20328</v>
      </c>
      <c r="G4202" s="2"/>
    </row>
    <row r="4203" spans="1:7" x14ac:dyDescent="0.25">
      <c r="A4203" s="1">
        <v>4201</v>
      </c>
      <c r="B4203" t="s">
        <v>4204</v>
      </c>
      <c r="C4203" t="s">
        <v>9651</v>
      </c>
      <c r="D4203" t="s">
        <v>15092</v>
      </c>
      <c r="E4203" t="s">
        <v>20329</v>
      </c>
      <c r="G4203" s="2"/>
    </row>
    <row r="4204" spans="1:7" x14ac:dyDescent="0.25">
      <c r="A4204" s="1">
        <v>4202</v>
      </c>
      <c r="B4204" t="s">
        <v>4205</v>
      </c>
      <c r="C4204" t="s">
        <v>9652</v>
      </c>
      <c r="D4204" t="s">
        <v>15093</v>
      </c>
      <c r="E4204" t="s">
        <v>20330</v>
      </c>
      <c r="G4204" s="2"/>
    </row>
    <row r="4205" spans="1:7" x14ac:dyDescent="0.25">
      <c r="A4205" s="1">
        <v>4203</v>
      </c>
      <c r="B4205" t="s">
        <v>4206</v>
      </c>
      <c r="C4205" t="s">
        <v>9653</v>
      </c>
      <c r="D4205" t="s">
        <v>15094</v>
      </c>
      <c r="E4205" t="s">
        <v>20331</v>
      </c>
      <c r="G4205" s="2"/>
    </row>
    <row r="4206" spans="1:7" x14ac:dyDescent="0.25">
      <c r="A4206" s="1">
        <v>4204</v>
      </c>
      <c r="B4206" t="s">
        <v>4207</v>
      </c>
      <c r="C4206" t="s">
        <v>9654</v>
      </c>
      <c r="D4206" t="s">
        <v>15095</v>
      </c>
      <c r="E4206" t="s">
        <v>20332</v>
      </c>
      <c r="G4206" s="2"/>
    </row>
    <row r="4207" spans="1:7" x14ac:dyDescent="0.25">
      <c r="A4207" s="1">
        <v>4205</v>
      </c>
      <c r="B4207" t="s">
        <v>4208</v>
      </c>
      <c r="C4207" t="s">
        <v>9655</v>
      </c>
      <c r="D4207" t="s">
        <v>15096</v>
      </c>
      <c r="E4207" t="s">
        <v>20333</v>
      </c>
      <c r="G4207" s="2"/>
    </row>
    <row r="4208" spans="1:7" x14ac:dyDescent="0.25">
      <c r="A4208" s="1">
        <v>4206</v>
      </c>
      <c r="B4208" t="s">
        <v>4209</v>
      </c>
      <c r="C4208" t="s">
        <v>9656</v>
      </c>
      <c r="D4208" t="s">
        <v>15097</v>
      </c>
      <c r="E4208" t="s">
        <v>20334</v>
      </c>
      <c r="G4208" s="2"/>
    </row>
    <row r="4209" spans="1:7" x14ac:dyDescent="0.25">
      <c r="A4209" s="1">
        <v>4207</v>
      </c>
      <c r="B4209" t="s">
        <v>4210</v>
      </c>
      <c r="C4209" t="s">
        <v>9657</v>
      </c>
      <c r="D4209" t="s">
        <v>15098</v>
      </c>
      <c r="E4209" t="s">
        <v>20335</v>
      </c>
      <c r="G4209" s="2"/>
    </row>
    <row r="4210" spans="1:7" x14ac:dyDescent="0.25">
      <c r="A4210" s="1">
        <v>4208</v>
      </c>
      <c r="B4210" t="s">
        <v>4211</v>
      </c>
      <c r="C4210" t="s">
        <v>9658</v>
      </c>
      <c r="D4210" t="s">
        <v>15099</v>
      </c>
      <c r="E4210" t="s">
        <v>20336</v>
      </c>
      <c r="G4210" s="2"/>
    </row>
    <row r="4211" spans="1:7" x14ac:dyDescent="0.25">
      <c r="A4211" s="1">
        <v>4209</v>
      </c>
      <c r="B4211" t="s">
        <v>4212</v>
      </c>
      <c r="C4211" t="s">
        <v>9659</v>
      </c>
      <c r="D4211" t="s">
        <v>15100</v>
      </c>
      <c r="E4211" t="s">
        <v>20337</v>
      </c>
      <c r="G4211" s="2"/>
    </row>
    <row r="4212" spans="1:7" x14ac:dyDescent="0.25">
      <c r="A4212" s="1">
        <v>4210</v>
      </c>
      <c r="B4212" t="s">
        <v>4213</v>
      </c>
      <c r="C4212" t="s">
        <v>9660</v>
      </c>
      <c r="D4212" t="s">
        <v>15101</v>
      </c>
      <c r="E4212" t="s">
        <v>20338</v>
      </c>
      <c r="G4212" s="2"/>
    </row>
    <row r="4213" spans="1:7" x14ac:dyDescent="0.25">
      <c r="A4213" s="1">
        <v>4211</v>
      </c>
      <c r="B4213" t="s">
        <v>4214</v>
      </c>
      <c r="C4213" t="s">
        <v>9661</v>
      </c>
      <c r="D4213" t="s">
        <v>15102</v>
      </c>
      <c r="E4213" t="s">
        <v>16555</v>
      </c>
      <c r="G4213" s="2"/>
    </row>
    <row r="4214" spans="1:7" x14ac:dyDescent="0.25">
      <c r="A4214" s="1">
        <v>4212</v>
      </c>
      <c r="B4214" t="s">
        <v>4215</v>
      </c>
      <c r="C4214" t="s">
        <v>9662</v>
      </c>
      <c r="D4214" t="s">
        <v>15103</v>
      </c>
      <c r="E4214" t="s">
        <v>20339</v>
      </c>
      <c r="G4214" s="2"/>
    </row>
    <row r="4215" spans="1:7" x14ac:dyDescent="0.25">
      <c r="A4215" s="1">
        <v>4213</v>
      </c>
      <c r="B4215" t="s">
        <v>4216</v>
      </c>
      <c r="C4215" t="s">
        <v>9663</v>
      </c>
      <c r="D4215" t="s">
        <v>15104</v>
      </c>
      <c r="E4215" t="s">
        <v>20340</v>
      </c>
      <c r="G4215" s="2"/>
    </row>
    <row r="4216" spans="1:7" x14ac:dyDescent="0.25">
      <c r="A4216" s="1">
        <v>4214</v>
      </c>
      <c r="B4216" t="s">
        <v>4217</v>
      </c>
      <c r="C4216" t="s">
        <v>9664</v>
      </c>
      <c r="D4216" t="s">
        <v>15105</v>
      </c>
      <c r="E4216" t="s">
        <v>20341</v>
      </c>
      <c r="G4216" s="2"/>
    </row>
    <row r="4217" spans="1:7" x14ac:dyDescent="0.25">
      <c r="A4217" s="1">
        <v>4215</v>
      </c>
      <c r="B4217" t="s">
        <v>4218</v>
      </c>
      <c r="C4217" t="s">
        <v>9665</v>
      </c>
      <c r="D4217" t="s">
        <v>15106</v>
      </c>
      <c r="E4217" t="s">
        <v>20342</v>
      </c>
      <c r="G4217" s="2"/>
    </row>
    <row r="4218" spans="1:7" x14ac:dyDescent="0.25">
      <c r="A4218" s="1">
        <v>4216</v>
      </c>
      <c r="B4218" t="s">
        <v>4219</v>
      </c>
      <c r="C4218" t="s">
        <v>9666</v>
      </c>
      <c r="D4218" t="s">
        <v>15107</v>
      </c>
      <c r="E4218" t="s">
        <v>20343</v>
      </c>
      <c r="G4218" s="2"/>
    </row>
    <row r="4219" spans="1:7" x14ac:dyDescent="0.25">
      <c r="A4219" s="1">
        <v>4217</v>
      </c>
      <c r="B4219" t="s">
        <v>4220</v>
      </c>
      <c r="C4219" t="s">
        <v>9667</v>
      </c>
      <c r="D4219" t="s">
        <v>15108</v>
      </c>
      <c r="E4219" t="s">
        <v>20344</v>
      </c>
      <c r="G4219" s="2"/>
    </row>
    <row r="4220" spans="1:7" x14ac:dyDescent="0.25">
      <c r="A4220" s="1">
        <v>4218</v>
      </c>
      <c r="B4220" t="s">
        <v>4221</v>
      </c>
      <c r="C4220" t="s">
        <v>9668</v>
      </c>
      <c r="D4220" t="s">
        <v>15109</v>
      </c>
      <c r="E4220" t="s">
        <v>20345</v>
      </c>
      <c r="G4220" s="2"/>
    </row>
    <row r="4221" spans="1:7" x14ac:dyDescent="0.25">
      <c r="A4221" s="1">
        <v>4219</v>
      </c>
      <c r="B4221" t="s">
        <v>4222</v>
      </c>
      <c r="C4221" t="s">
        <v>9669</v>
      </c>
      <c r="D4221" t="s">
        <v>15110</v>
      </c>
      <c r="E4221" t="s">
        <v>17091</v>
      </c>
      <c r="G4221" s="2"/>
    </row>
    <row r="4222" spans="1:7" x14ac:dyDescent="0.25">
      <c r="A4222" s="1">
        <v>4220</v>
      </c>
      <c r="B4222" t="s">
        <v>4223</v>
      </c>
      <c r="C4222" t="s">
        <v>9670</v>
      </c>
      <c r="D4222" t="s">
        <v>15111</v>
      </c>
      <c r="E4222" t="s">
        <v>20346</v>
      </c>
      <c r="G4222" s="2"/>
    </row>
    <row r="4223" spans="1:7" x14ac:dyDescent="0.25">
      <c r="A4223" s="1">
        <v>4221</v>
      </c>
      <c r="B4223" t="s">
        <v>4224</v>
      </c>
      <c r="C4223" t="s">
        <v>9671</v>
      </c>
      <c r="D4223" t="s">
        <v>15112</v>
      </c>
      <c r="E4223" t="s">
        <v>20347</v>
      </c>
      <c r="G4223" s="2"/>
    </row>
    <row r="4224" spans="1:7" x14ac:dyDescent="0.25">
      <c r="A4224" s="1">
        <v>4222</v>
      </c>
      <c r="B4224" t="s">
        <v>4225</v>
      </c>
      <c r="C4224" t="s">
        <v>9672</v>
      </c>
      <c r="D4224" t="s">
        <v>15113</v>
      </c>
      <c r="E4224" t="s">
        <v>20348</v>
      </c>
      <c r="G4224" s="2"/>
    </row>
    <row r="4225" spans="1:7" x14ac:dyDescent="0.25">
      <c r="A4225" s="1">
        <v>4223</v>
      </c>
      <c r="B4225" t="s">
        <v>4226</v>
      </c>
      <c r="C4225" t="s">
        <v>9673</v>
      </c>
      <c r="D4225" t="s">
        <v>15114</v>
      </c>
      <c r="E4225" t="s">
        <v>20349</v>
      </c>
      <c r="G4225" s="2"/>
    </row>
    <row r="4226" spans="1:7" x14ac:dyDescent="0.25">
      <c r="A4226" s="1">
        <v>4224</v>
      </c>
      <c r="B4226" t="s">
        <v>4227</v>
      </c>
      <c r="C4226" t="s">
        <v>9674</v>
      </c>
      <c r="D4226" t="s">
        <v>15115</v>
      </c>
      <c r="E4226" t="s">
        <v>20350</v>
      </c>
      <c r="G4226" s="2"/>
    </row>
    <row r="4227" spans="1:7" x14ac:dyDescent="0.25">
      <c r="A4227" s="1">
        <v>4225</v>
      </c>
      <c r="B4227" t="s">
        <v>4228</v>
      </c>
      <c r="C4227" t="s">
        <v>9675</v>
      </c>
      <c r="D4227" t="s">
        <v>15116</v>
      </c>
      <c r="E4227" t="s">
        <v>20351</v>
      </c>
      <c r="G4227" s="2"/>
    </row>
    <row r="4228" spans="1:7" x14ac:dyDescent="0.25">
      <c r="A4228" s="1">
        <v>4226</v>
      </c>
      <c r="B4228" t="s">
        <v>4229</v>
      </c>
      <c r="C4228" t="s">
        <v>9676</v>
      </c>
      <c r="D4228" t="s">
        <v>15117</v>
      </c>
      <c r="E4228" t="s">
        <v>20352</v>
      </c>
      <c r="G4228" s="2"/>
    </row>
    <row r="4229" spans="1:7" x14ac:dyDescent="0.25">
      <c r="A4229" s="1">
        <v>4227</v>
      </c>
      <c r="B4229" t="s">
        <v>4230</v>
      </c>
      <c r="C4229" t="s">
        <v>9677</v>
      </c>
      <c r="D4229" t="s">
        <v>15118</v>
      </c>
      <c r="E4229" t="s">
        <v>20353</v>
      </c>
      <c r="G4229" s="2"/>
    </row>
    <row r="4230" spans="1:7" x14ac:dyDescent="0.25">
      <c r="A4230" s="1">
        <v>4228</v>
      </c>
      <c r="B4230" t="s">
        <v>4231</v>
      </c>
      <c r="C4230" t="s">
        <v>9678</v>
      </c>
      <c r="D4230" t="s">
        <v>15119</v>
      </c>
      <c r="E4230" t="s">
        <v>20354</v>
      </c>
      <c r="G4230" s="2"/>
    </row>
    <row r="4231" spans="1:7" x14ac:dyDescent="0.25">
      <c r="A4231" s="1">
        <v>4229</v>
      </c>
      <c r="B4231" t="s">
        <v>4232</v>
      </c>
      <c r="C4231" t="s">
        <v>9679</v>
      </c>
      <c r="D4231" t="s">
        <v>15120</v>
      </c>
      <c r="E4231" t="s">
        <v>20355</v>
      </c>
      <c r="G4231" s="2"/>
    </row>
    <row r="4232" spans="1:7" x14ac:dyDescent="0.25">
      <c r="A4232" s="1">
        <v>4230</v>
      </c>
      <c r="B4232" t="s">
        <v>4233</v>
      </c>
      <c r="C4232" t="s">
        <v>9680</v>
      </c>
      <c r="D4232" t="s">
        <v>15121</v>
      </c>
      <c r="E4232" t="s">
        <v>20356</v>
      </c>
      <c r="G4232" s="2"/>
    </row>
    <row r="4233" spans="1:7" x14ac:dyDescent="0.25">
      <c r="A4233" s="1">
        <v>4231</v>
      </c>
      <c r="B4233" t="s">
        <v>4234</v>
      </c>
      <c r="C4233" t="s">
        <v>9681</v>
      </c>
      <c r="D4233" t="s">
        <v>15122</v>
      </c>
      <c r="E4233" t="s">
        <v>20357</v>
      </c>
      <c r="G4233" s="2"/>
    </row>
    <row r="4234" spans="1:7" x14ac:dyDescent="0.25">
      <c r="A4234" s="1">
        <v>4232</v>
      </c>
      <c r="B4234" t="s">
        <v>4235</v>
      </c>
      <c r="C4234" t="s">
        <v>9682</v>
      </c>
      <c r="D4234" t="s">
        <v>15123</v>
      </c>
      <c r="E4234" t="s">
        <v>20358</v>
      </c>
      <c r="G4234" s="2"/>
    </row>
    <row r="4235" spans="1:7" x14ac:dyDescent="0.25">
      <c r="A4235" s="1">
        <v>4233</v>
      </c>
      <c r="B4235" t="s">
        <v>4236</v>
      </c>
      <c r="C4235" t="s">
        <v>9683</v>
      </c>
      <c r="D4235" t="s">
        <v>15124</v>
      </c>
      <c r="E4235" t="s">
        <v>20359</v>
      </c>
      <c r="G4235" s="2"/>
    </row>
    <row r="4236" spans="1:7" x14ac:dyDescent="0.25">
      <c r="A4236" s="1">
        <v>4234</v>
      </c>
      <c r="B4236" t="s">
        <v>4237</v>
      </c>
      <c r="C4236" t="s">
        <v>9684</v>
      </c>
      <c r="D4236" t="s">
        <v>15125</v>
      </c>
      <c r="E4236" t="s">
        <v>16555</v>
      </c>
      <c r="G4236" s="2"/>
    </row>
    <row r="4237" spans="1:7" x14ac:dyDescent="0.25">
      <c r="A4237" s="1">
        <v>4235</v>
      </c>
      <c r="B4237" t="s">
        <v>4238</v>
      </c>
      <c r="C4237" t="s">
        <v>9685</v>
      </c>
      <c r="D4237" t="s">
        <v>15126</v>
      </c>
      <c r="E4237" t="s">
        <v>20360</v>
      </c>
      <c r="G4237" s="2"/>
    </row>
    <row r="4238" spans="1:7" x14ac:dyDescent="0.25">
      <c r="A4238" s="1">
        <v>4236</v>
      </c>
      <c r="B4238" t="s">
        <v>4239</v>
      </c>
      <c r="C4238" t="s">
        <v>9686</v>
      </c>
      <c r="D4238" t="s">
        <v>15127</v>
      </c>
      <c r="E4238" t="s">
        <v>20361</v>
      </c>
      <c r="G4238" s="2"/>
    </row>
    <row r="4239" spans="1:7" x14ac:dyDescent="0.25">
      <c r="A4239" s="1">
        <v>4237</v>
      </c>
      <c r="B4239" t="s">
        <v>4240</v>
      </c>
      <c r="C4239" t="s">
        <v>9687</v>
      </c>
      <c r="D4239" t="s">
        <v>15128</v>
      </c>
      <c r="E4239" t="s">
        <v>20362</v>
      </c>
      <c r="G4239" s="2"/>
    </row>
    <row r="4240" spans="1:7" x14ac:dyDescent="0.25">
      <c r="A4240" s="1">
        <v>4238</v>
      </c>
      <c r="B4240" t="s">
        <v>4241</v>
      </c>
      <c r="C4240" t="s">
        <v>9688</v>
      </c>
      <c r="D4240" t="s">
        <v>15129</v>
      </c>
      <c r="E4240" t="s">
        <v>20363</v>
      </c>
      <c r="G4240" s="2"/>
    </row>
    <row r="4241" spans="1:7" x14ac:dyDescent="0.25">
      <c r="A4241" s="1">
        <v>4239</v>
      </c>
      <c r="B4241" t="s">
        <v>4242</v>
      </c>
      <c r="C4241" t="s">
        <v>9689</v>
      </c>
      <c r="D4241" t="s">
        <v>15130</v>
      </c>
      <c r="E4241" t="s">
        <v>20364</v>
      </c>
      <c r="G4241" s="2"/>
    </row>
    <row r="4242" spans="1:7" x14ac:dyDescent="0.25">
      <c r="A4242" s="1">
        <v>4240</v>
      </c>
      <c r="B4242" t="s">
        <v>4243</v>
      </c>
      <c r="C4242" t="s">
        <v>9690</v>
      </c>
      <c r="D4242" t="s">
        <v>15131</v>
      </c>
      <c r="E4242" t="s">
        <v>20365</v>
      </c>
      <c r="G4242" s="2"/>
    </row>
    <row r="4243" spans="1:7" x14ac:dyDescent="0.25">
      <c r="A4243" s="1">
        <v>4241</v>
      </c>
      <c r="B4243" t="s">
        <v>4244</v>
      </c>
      <c r="C4243" t="s">
        <v>9691</v>
      </c>
      <c r="D4243" t="s">
        <v>15132</v>
      </c>
      <c r="E4243" t="s">
        <v>20366</v>
      </c>
      <c r="G4243" s="2"/>
    </row>
    <row r="4244" spans="1:7" x14ac:dyDescent="0.25">
      <c r="A4244" s="1">
        <v>4242</v>
      </c>
      <c r="B4244" t="s">
        <v>4245</v>
      </c>
      <c r="C4244" t="s">
        <v>9692</v>
      </c>
      <c r="D4244" t="s">
        <v>15133</v>
      </c>
      <c r="E4244" t="s">
        <v>20367</v>
      </c>
      <c r="G4244" s="2"/>
    </row>
    <row r="4245" spans="1:7" x14ac:dyDescent="0.25">
      <c r="A4245" s="1">
        <v>4243</v>
      </c>
      <c r="B4245" t="s">
        <v>4246</v>
      </c>
      <c r="C4245" t="s">
        <v>9693</v>
      </c>
      <c r="D4245" t="s">
        <v>15134</v>
      </c>
      <c r="E4245" t="s">
        <v>20368</v>
      </c>
      <c r="G4245" s="2"/>
    </row>
    <row r="4246" spans="1:7" x14ac:dyDescent="0.25">
      <c r="A4246" s="1">
        <v>4244</v>
      </c>
      <c r="B4246" t="s">
        <v>4247</v>
      </c>
      <c r="C4246" t="s">
        <v>9694</v>
      </c>
      <c r="D4246" t="s">
        <v>15135</v>
      </c>
      <c r="E4246" t="s">
        <v>20369</v>
      </c>
      <c r="G4246" s="2"/>
    </row>
    <row r="4247" spans="1:7" x14ac:dyDescent="0.25">
      <c r="A4247" s="1">
        <v>4245</v>
      </c>
      <c r="B4247" t="s">
        <v>4248</v>
      </c>
      <c r="C4247" t="s">
        <v>9695</v>
      </c>
      <c r="D4247" t="s">
        <v>15136</v>
      </c>
      <c r="E4247" t="s">
        <v>20370</v>
      </c>
      <c r="G4247" s="2"/>
    </row>
    <row r="4248" spans="1:7" x14ac:dyDescent="0.25">
      <c r="A4248" s="1">
        <v>4246</v>
      </c>
      <c r="B4248" t="s">
        <v>4249</v>
      </c>
      <c r="C4248" t="s">
        <v>9696</v>
      </c>
      <c r="D4248" t="s">
        <v>15137</v>
      </c>
      <c r="E4248" t="s">
        <v>20371</v>
      </c>
      <c r="G4248" s="2"/>
    </row>
    <row r="4249" spans="1:7" x14ac:dyDescent="0.25">
      <c r="A4249" s="1">
        <v>4247</v>
      </c>
      <c r="B4249" t="s">
        <v>4250</v>
      </c>
      <c r="C4249" t="s">
        <v>9697</v>
      </c>
      <c r="D4249" t="s">
        <v>15138</v>
      </c>
      <c r="E4249" t="s">
        <v>20372</v>
      </c>
      <c r="G4249" s="2"/>
    </row>
    <row r="4250" spans="1:7" x14ac:dyDescent="0.25">
      <c r="A4250" s="1">
        <v>4248</v>
      </c>
      <c r="B4250" t="s">
        <v>4251</v>
      </c>
      <c r="C4250" t="s">
        <v>9698</v>
      </c>
      <c r="D4250" t="s">
        <v>15139</v>
      </c>
      <c r="E4250" t="s">
        <v>20373</v>
      </c>
      <c r="G4250" s="2"/>
    </row>
    <row r="4251" spans="1:7" x14ac:dyDescent="0.25">
      <c r="A4251" s="1">
        <v>4249</v>
      </c>
      <c r="B4251" t="s">
        <v>4252</v>
      </c>
      <c r="C4251" t="s">
        <v>9699</v>
      </c>
      <c r="D4251" t="s">
        <v>15140</v>
      </c>
      <c r="E4251" t="s">
        <v>20374</v>
      </c>
      <c r="G4251" s="2"/>
    </row>
    <row r="4252" spans="1:7" x14ac:dyDescent="0.25">
      <c r="A4252" s="1">
        <v>4250</v>
      </c>
      <c r="B4252" t="s">
        <v>4253</v>
      </c>
      <c r="C4252" t="s">
        <v>9700</v>
      </c>
      <c r="D4252" t="s">
        <v>15141</v>
      </c>
      <c r="E4252" t="s">
        <v>20375</v>
      </c>
      <c r="G4252" s="2"/>
    </row>
    <row r="4253" spans="1:7" x14ac:dyDescent="0.25">
      <c r="A4253" s="1">
        <v>4251</v>
      </c>
      <c r="B4253" t="s">
        <v>4254</v>
      </c>
      <c r="C4253" t="s">
        <v>9701</v>
      </c>
      <c r="D4253" t="s">
        <v>15142</v>
      </c>
      <c r="E4253" t="s">
        <v>20376</v>
      </c>
      <c r="G4253" s="2"/>
    </row>
    <row r="4254" spans="1:7" x14ac:dyDescent="0.25">
      <c r="A4254" s="1">
        <v>4252</v>
      </c>
      <c r="B4254" t="s">
        <v>4255</v>
      </c>
      <c r="C4254" t="s">
        <v>9702</v>
      </c>
      <c r="D4254" t="s">
        <v>15143</v>
      </c>
      <c r="E4254" t="s">
        <v>20377</v>
      </c>
      <c r="G4254" s="2"/>
    </row>
    <row r="4255" spans="1:7" x14ac:dyDescent="0.25">
      <c r="A4255" s="1">
        <v>4253</v>
      </c>
      <c r="B4255" t="s">
        <v>4256</v>
      </c>
      <c r="C4255" t="s">
        <v>9703</v>
      </c>
      <c r="D4255" t="s">
        <v>15144</v>
      </c>
      <c r="E4255" t="s">
        <v>16347</v>
      </c>
      <c r="G4255" s="2"/>
    </row>
    <row r="4256" spans="1:7" x14ac:dyDescent="0.25">
      <c r="A4256" s="1">
        <v>4254</v>
      </c>
      <c r="B4256" t="s">
        <v>4257</v>
      </c>
      <c r="C4256" t="s">
        <v>9704</v>
      </c>
      <c r="D4256" t="s">
        <v>15145</v>
      </c>
      <c r="E4256" t="s">
        <v>20378</v>
      </c>
      <c r="G4256" s="2"/>
    </row>
    <row r="4257" spans="1:7" x14ac:dyDescent="0.25">
      <c r="A4257" s="1">
        <v>4255</v>
      </c>
      <c r="B4257" t="s">
        <v>4258</v>
      </c>
      <c r="C4257" t="s">
        <v>9705</v>
      </c>
      <c r="D4257" t="s">
        <v>15146</v>
      </c>
      <c r="E4257" t="s">
        <v>20379</v>
      </c>
      <c r="G4257" s="2"/>
    </row>
    <row r="4258" spans="1:7" x14ac:dyDescent="0.25">
      <c r="A4258" s="1">
        <v>4256</v>
      </c>
      <c r="B4258" t="s">
        <v>4259</v>
      </c>
      <c r="C4258" t="s">
        <v>9706</v>
      </c>
      <c r="D4258" t="s">
        <v>15147</v>
      </c>
      <c r="E4258" t="s">
        <v>20380</v>
      </c>
      <c r="G4258" s="2"/>
    </row>
    <row r="4259" spans="1:7" x14ac:dyDescent="0.25">
      <c r="A4259" s="1">
        <v>4257</v>
      </c>
      <c r="B4259" t="s">
        <v>4260</v>
      </c>
      <c r="C4259" t="s">
        <v>9707</v>
      </c>
      <c r="D4259" t="s">
        <v>15148</v>
      </c>
      <c r="E4259" t="s">
        <v>20381</v>
      </c>
      <c r="G4259" s="2"/>
    </row>
    <row r="4260" spans="1:7" x14ac:dyDescent="0.25">
      <c r="A4260" s="1">
        <v>4258</v>
      </c>
      <c r="B4260" t="s">
        <v>4261</v>
      </c>
      <c r="C4260" t="s">
        <v>9708</v>
      </c>
      <c r="D4260" t="s">
        <v>15149</v>
      </c>
      <c r="E4260" t="s">
        <v>20382</v>
      </c>
      <c r="G4260" s="2"/>
    </row>
    <row r="4261" spans="1:7" x14ac:dyDescent="0.25">
      <c r="A4261" s="1">
        <v>4259</v>
      </c>
      <c r="B4261" t="s">
        <v>4262</v>
      </c>
      <c r="C4261" t="s">
        <v>9709</v>
      </c>
      <c r="D4261" t="s">
        <v>15150</v>
      </c>
      <c r="E4261" t="s">
        <v>20383</v>
      </c>
      <c r="G4261" s="2"/>
    </row>
    <row r="4262" spans="1:7" x14ac:dyDescent="0.25">
      <c r="A4262" s="1">
        <v>4260</v>
      </c>
      <c r="B4262" t="s">
        <v>4263</v>
      </c>
      <c r="C4262" t="s">
        <v>9710</v>
      </c>
      <c r="D4262" t="s">
        <v>15151</v>
      </c>
      <c r="E4262" t="s">
        <v>20384</v>
      </c>
      <c r="G4262" s="2"/>
    </row>
    <row r="4263" spans="1:7" x14ac:dyDescent="0.25">
      <c r="A4263" s="1">
        <v>4261</v>
      </c>
      <c r="B4263" t="s">
        <v>4264</v>
      </c>
      <c r="C4263" t="s">
        <v>9711</v>
      </c>
      <c r="D4263" t="s">
        <v>15152</v>
      </c>
      <c r="E4263" t="s">
        <v>20385</v>
      </c>
      <c r="G4263" s="2"/>
    </row>
    <row r="4264" spans="1:7" x14ac:dyDescent="0.25">
      <c r="A4264" s="1">
        <v>4262</v>
      </c>
      <c r="B4264" t="s">
        <v>4265</v>
      </c>
      <c r="C4264" t="s">
        <v>9712</v>
      </c>
      <c r="D4264" t="s">
        <v>15153</v>
      </c>
      <c r="E4264" t="s">
        <v>20386</v>
      </c>
      <c r="G4264" s="2"/>
    </row>
    <row r="4265" spans="1:7" x14ac:dyDescent="0.25">
      <c r="A4265" s="1">
        <v>4263</v>
      </c>
      <c r="B4265" t="s">
        <v>4266</v>
      </c>
      <c r="C4265" t="s">
        <v>9713</v>
      </c>
      <c r="D4265" t="s">
        <v>15154</v>
      </c>
      <c r="E4265" t="s">
        <v>20387</v>
      </c>
      <c r="G4265" s="2"/>
    </row>
    <row r="4266" spans="1:7" x14ac:dyDescent="0.25">
      <c r="A4266" s="1">
        <v>4264</v>
      </c>
      <c r="B4266" t="s">
        <v>4267</v>
      </c>
      <c r="C4266" t="s">
        <v>9714</v>
      </c>
      <c r="D4266" t="s">
        <v>15155</v>
      </c>
      <c r="E4266" t="s">
        <v>20388</v>
      </c>
      <c r="G4266" s="2"/>
    </row>
    <row r="4267" spans="1:7" x14ac:dyDescent="0.25">
      <c r="A4267" s="1">
        <v>4265</v>
      </c>
      <c r="B4267" t="s">
        <v>4268</v>
      </c>
      <c r="C4267" t="s">
        <v>9715</v>
      </c>
      <c r="D4267" t="s">
        <v>15156</v>
      </c>
      <c r="E4267" t="s">
        <v>20389</v>
      </c>
      <c r="G4267" s="2"/>
    </row>
    <row r="4268" spans="1:7" x14ac:dyDescent="0.25">
      <c r="A4268" s="1">
        <v>4266</v>
      </c>
      <c r="B4268" t="s">
        <v>4269</v>
      </c>
      <c r="C4268" t="s">
        <v>9716</v>
      </c>
      <c r="D4268" t="s">
        <v>15157</v>
      </c>
      <c r="E4268" t="s">
        <v>20390</v>
      </c>
      <c r="G4268" s="2"/>
    </row>
    <row r="4269" spans="1:7" x14ac:dyDescent="0.25">
      <c r="A4269" s="1">
        <v>4267</v>
      </c>
      <c r="B4269" t="s">
        <v>4270</v>
      </c>
      <c r="C4269" t="s">
        <v>9717</v>
      </c>
      <c r="D4269" t="s">
        <v>15158</v>
      </c>
      <c r="E4269" t="s">
        <v>20391</v>
      </c>
      <c r="G4269" s="2"/>
    </row>
    <row r="4270" spans="1:7" x14ac:dyDescent="0.25">
      <c r="A4270" s="1">
        <v>4268</v>
      </c>
      <c r="B4270" t="s">
        <v>4271</v>
      </c>
      <c r="C4270" t="s">
        <v>9718</v>
      </c>
      <c r="D4270" t="s">
        <v>15159</v>
      </c>
      <c r="E4270" t="s">
        <v>20392</v>
      </c>
      <c r="G4270" s="2"/>
    </row>
    <row r="4271" spans="1:7" x14ac:dyDescent="0.25">
      <c r="A4271" s="1">
        <v>4269</v>
      </c>
      <c r="B4271" t="s">
        <v>4272</v>
      </c>
      <c r="C4271" t="s">
        <v>9719</v>
      </c>
      <c r="D4271" t="s">
        <v>15160</v>
      </c>
      <c r="E4271" t="s">
        <v>20393</v>
      </c>
      <c r="G4271" s="2"/>
    </row>
    <row r="4272" spans="1:7" x14ac:dyDescent="0.25">
      <c r="A4272" s="1">
        <v>4270</v>
      </c>
      <c r="B4272" t="s">
        <v>4273</v>
      </c>
      <c r="C4272" t="s">
        <v>9720</v>
      </c>
      <c r="D4272" t="s">
        <v>15161</v>
      </c>
      <c r="E4272" t="s">
        <v>20394</v>
      </c>
      <c r="G4272" s="2"/>
    </row>
    <row r="4273" spans="1:7" x14ac:dyDescent="0.25">
      <c r="A4273" s="1">
        <v>4271</v>
      </c>
      <c r="B4273" t="s">
        <v>4274</v>
      </c>
      <c r="C4273" t="s">
        <v>9721</v>
      </c>
      <c r="D4273" t="s">
        <v>15162</v>
      </c>
      <c r="E4273" t="s">
        <v>20395</v>
      </c>
      <c r="G4273" s="2"/>
    </row>
    <row r="4274" spans="1:7" x14ac:dyDescent="0.25">
      <c r="A4274" s="1">
        <v>4272</v>
      </c>
      <c r="B4274" t="s">
        <v>4275</v>
      </c>
      <c r="C4274" t="s">
        <v>9722</v>
      </c>
      <c r="D4274" t="s">
        <v>15163</v>
      </c>
      <c r="E4274" t="s">
        <v>20396</v>
      </c>
      <c r="G4274" s="2"/>
    </row>
    <row r="4275" spans="1:7" x14ac:dyDescent="0.25">
      <c r="A4275" s="1">
        <v>4273</v>
      </c>
      <c r="B4275" t="s">
        <v>4276</v>
      </c>
      <c r="C4275" t="s">
        <v>9723</v>
      </c>
      <c r="D4275" t="s">
        <v>15164</v>
      </c>
      <c r="E4275" t="s">
        <v>20397</v>
      </c>
      <c r="G4275" s="2"/>
    </row>
    <row r="4276" spans="1:7" x14ac:dyDescent="0.25">
      <c r="A4276" s="1">
        <v>4274</v>
      </c>
      <c r="B4276" t="s">
        <v>4277</v>
      </c>
      <c r="C4276" t="s">
        <v>9724</v>
      </c>
      <c r="D4276" t="s">
        <v>15165</v>
      </c>
      <c r="E4276" t="s">
        <v>20398</v>
      </c>
      <c r="G4276" s="2"/>
    </row>
    <row r="4277" spans="1:7" x14ac:dyDescent="0.25">
      <c r="A4277" s="1">
        <v>4275</v>
      </c>
      <c r="B4277" t="s">
        <v>4278</v>
      </c>
      <c r="C4277" t="s">
        <v>9725</v>
      </c>
      <c r="D4277" t="s">
        <v>15166</v>
      </c>
      <c r="E4277" t="s">
        <v>20399</v>
      </c>
      <c r="G4277" s="2"/>
    </row>
    <row r="4278" spans="1:7" x14ac:dyDescent="0.25">
      <c r="A4278" s="1">
        <v>4276</v>
      </c>
      <c r="B4278" t="s">
        <v>4279</v>
      </c>
      <c r="C4278" t="s">
        <v>9726</v>
      </c>
      <c r="D4278" t="s">
        <v>15167</v>
      </c>
      <c r="E4278" t="s">
        <v>20400</v>
      </c>
      <c r="G4278" s="2"/>
    </row>
    <row r="4279" spans="1:7" x14ac:dyDescent="0.25">
      <c r="A4279" s="1">
        <v>4277</v>
      </c>
      <c r="B4279" t="s">
        <v>4280</v>
      </c>
      <c r="C4279" t="s">
        <v>9727</v>
      </c>
      <c r="D4279" t="s">
        <v>15168</v>
      </c>
      <c r="E4279" t="s">
        <v>20401</v>
      </c>
      <c r="G4279" s="2"/>
    </row>
    <row r="4280" spans="1:7" x14ac:dyDescent="0.25">
      <c r="A4280" s="1">
        <v>4278</v>
      </c>
      <c r="B4280" t="s">
        <v>4281</v>
      </c>
      <c r="C4280" t="s">
        <v>9728</v>
      </c>
      <c r="D4280" t="s">
        <v>15169</v>
      </c>
      <c r="E4280" t="s">
        <v>18183</v>
      </c>
      <c r="G4280" s="2"/>
    </row>
    <row r="4281" spans="1:7" x14ac:dyDescent="0.25">
      <c r="A4281" s="1">
        <v>4279</v>
      </c>
      <c r="B4281" t="s">
        <v>4282</v>
      </c>
      <c r="C4281" t="s">
        <v>9729</v>
      </c>
      <c r="D4281" t="s">
        <v>15170</v>
      </c>
      <c r="E4281" t="s">
        <v>20402</v>
      </c>
      <c r="G4281" s="2"/>
    </row>
    <row r="4282" spans="1:7" x14ac:dyDescent="0.25">
      <c r="A4282" s="1">
        <v>4280</v>
      </c>
      <c r="B4282" t="s">
        <v>4283</v>
      </c>
      <c r="C4282" t="s">
        <v>9730</v>
      </c>
      <c r="D4282" t="s">
        <v>15171</v>
      </c>
      <c r="E4282" t="s">
        <v>20403</v>
      </c>
      <c r="G4282" s="2"/>
    </row>
    <row r="4283" spans="1:7" x14ac:dyDescent="0.25">
      <c r="A4283" s="1">
        <v>4281</v>
      </c>
      <c r="B4283" t="s">
        <v>4284</v>
      </c>
      <c r="C4283" t="s">
        <v>9731</v>
      </c>
      <c r="D4283" t="s">
        <v>15172</v>
      </c>
      <c r="E4283" t="s">
        <v>20404</v>
      </c>
      <c r="G4283" s="2"/>
    </row>
    <row r="4284" spans="1:7" x14ac:dyDescent="0.25">
      <c r="A4284" s="1">
        <v>4282</v>
      </c>
      <c r="B4284" t="s">
        <v>4285</v>
      </c>
      <c r="C4284" t="s">
        <v>9732</v>
      </c>
      <c r="D4284" t="s">
        <v>15173</v>
      </c>
      <c r="E4284" t="s">
        <v>20405</v>
      </c>
      <c r="G4284" s="2"/>
    </row>
    <row r="4285" spans="1:7" x14ac:dyDescent="0.25">
      <c r="A4285" s="1">
        <v>4283</v>
      </c>
      <c r="B4285" t="s">
        <v>4286</v>
      </c>
      <c r="C4285" t="s">
        <v>9733</v>
      </c>
      <c r="D4285" t="s">
        <v>15174</v>
      </c>
      <c r="E4285" t="s">
        <v>20406</v>
      </c>
      <c r="G4285" s="2"/>
    </row>
    <row r="4286" spans="1:7" x14ac:dyDescent="0.25">
      <c r="A4286" s="1">
        <v>4284</v>
      </c>
      <c r="B4286" t="s">
        <v>4287</v>
      </c>
      <c r="C4286" t="s">
        <v>9734</v>
      </c>
      <c r="D4286" t="s">
        <v>15175</v>
      </c>
      <c r="E4286" t="s">
        <v>20407</v>
      </c>
      <c r="G4286" s="2"/>
    </row>
    <row r="4287" spans="1:7" x14ac:dyDescent="0.25">
      <c r="A4287" s="1">
        <v>4285</v>
      </c>
      <c r="B4287" t="s">
        <v>4288</v>
      </c>
      <c r="C4287" t="s">
        <v>9735</v>
      </c>
      <c r="D4287" t="s">
        <v>15176</v>
      </c>
      <c r="E4287" t="s">
        <v>20408</v>
      </c>
      <c r="G4287" s="2"/>
    </row>
    <row r="4288" spans="1:7" x14ac:dyDescent="0.25">
      <c r="A4288" s="1">
        <v>4286</v>
      </c>
      <c r="B4288" t="s">
        <v>4289</v>
      </c>
      <c r="C4288" t="s">
        <v>9736</v>
      </c>
      <c r="D4288" t="s">
        <v>15177</v>
      </c>
      <c r="E4288" t="s">
        <v>20409</v>
      </c>
      <c r="G4288" s="2"/>
    </row>
    <row r="4289" spans="1:7" x14ac:dyDescent="0.25">
      <c r="A4289" s="1">
        <v>4287</v>
      </c>
      <c r="B4289" t="s">
        <v>4290</v>
      </c>
      <c r="C4289" t="s">
        <v>9737</v>
      </c>
      <c r="D4289" t="s">
        <v>15178</v>
      </c>
      <c r="E4289" t="s">
        <v>20410</v>
      </c>
      <c r="G4289" s="2"/>
    </row>
    <row r="4290" spans="1:7" x14ac:dyDescent="0.25">
      <c r="A4290" s="1">
        <v>4288</v>
      </c>
      <c r="B4290" t="s">
        <v>4291</v>
      </c>
      <c r="C4290" t="s">
        <v>9738</v>
      </c>
      <c r="D4290" t="s">
        <v>15179</v>
      </c>
      <c r="E4290" t="s">
        <v>20411</v>
      </c>
      <c r="G4290" s="2"/>
    </row>
    <row r="4291" spans="1:7" x14ac:dyDescent="0.25">
      <c r="A4291" s="1">
        <v>4289</v>
      </c>
      <c r="B4291" t="s">
        <v>4292</v>
      </c>
      <c r="C4291" t="s">
        <v>9739</v>
      </c>
      <c r="D4291" t="s">
        <v>15180</v>
      </c>
      <c r="E4291" t="s">
        <v>20412</v>
      </c>
      <c r="G4291" s="2"/>
    </row>
    <row r="4292" spans="1:7" x14ac:dyDescent="0.25">
      <c r="A4292" s="1">
        <v>4290</v>
      </c>
      <c r="B4292" t="s">
        <v>4293</v>
      </c>
      <c r="C4292" t="s">
        <v>9740</v>
      </c>
      <c r="D4292" t="s">
        <v>15181</v>
      </c>
      <c r="E4292" t="s">
        <v>20413</v>
      </c>
      <c r="G4292" s="2"/>
    </row>
    <row r="4293" spans="1:7" x14ac:dyDescent="0.25">
      <c r="A4293" s="1">
        <v>4291</v>
      </c>
      <c r="B4293" t="s">
        <v>4294</v>
      </c>
      <c r="C4293" t="s">
        <v>9741</v>
      </c>
      <c r="D4293" t="s">
        <v>15182</v>
      </c>
      <c r="E4293" t="s">
        <v>20414</v>
      </c>
      <c r="G4293" s="2"/>
    </row>
    <row r="4294" spans="1:7" x14ac:dyDescent="0.25">
      <c r="A4294" s="1">
        <v>4292</v>
      </c>
      <c r="B4294" t="s">
        <v>4295</v>
      </c>
      <c r="C4294" t="s">
        <v>9742</v>
      </c>
      <c r="D4294" t="s">
        <v>15183</v>
      </c>
      <c r="E4294" t="s">
        <v>20415</v>
      </c>
      <c r="G4294" s="2"/>
    </row>
    <row r="4295" spans="1:7" x14ac:dyDescent="0.25">
      <c r="A4295" s="1">
        <v>4293</v>
      </c>
      <c r="B4295" t="s">
        <v>4296</v>
      </c>
      <c r="C4295" t="s">
        <v>9743</v>
      </c>
      <c r="D4295" t="s">
        <v>15184</v>
      </c>
      <c r="E4295" t="s">
        <v>20416</v>
      </c>
      <c r="G4295" s="2"/>
    </row>
    <row r="4296" spans="1:7" x14ac:dyDescent="0.25">
      <c r="A4296" s="1">
        <v>4294</v>
      </c>
      <c r="B4296" t="s">
        <v>4297</v>
      </c>
      <c r="C4296" t="s">
        <v>9744</v>
      </c>
      <c r="D4296" t="s">
        <v>15185</v>
      </c>
      <c r="E4296" t="s">
        <v>20417</v>
      </c>
      <c r="G4296" s="2"/>
    </row>
    <row r="4297" spans="1:7" x14ac:dyDescent="0.25">
      <c r="A4297" s="1">
        <v>4295</v>
      </c>
      <c r="B4297" t="s">
        <v>4298</v>
      </c>
      <c r="C4297" t="s">
        <v>9745</v>
      </c>
      <c r="D4297" t="s">
        <v>15186</v>
      </c>
      <c r="E4297" t="s">
        <v>20418</v>
      </c>
      <c r="G4297" s="2"/>
    </row>
    <row r="4298" spans="1:7" x14ac:dyDescent="0.25">
      <c r="A4298" s="1">
        <v>4296</v>
      </c>
      <c r="B4298" t="s">
        <v>4299</v>
      </c>
      <c r="C4298" t="s">
        <v>9746</v>
      </c>
      <c r="D4298" t="s">
        <v>15187</v>
      </c>
      <c r="E4298" t="s">
        <v>16347</v>
      </c>
      <c r="G4298" s="2"/>
    </row>
    <row r="4299" spans="1:7" x14ac:dyDescent="0.25">
      <c r="A4299" s="1">
        <v>4297</v>
      </c>
      <c r="B4299" t="s">
        <v>4300</v>
      </c>
      <c r="C4299" t="s">
        <v>9747</v>
      </c>
      <c r="D4299" t="s">
        <v>15188</v>
      </c>
      <c r="E4299" t="s">
        <v>20419</v>
      </c>
      <c r="G4299" s="2"/>
    </row>
    <row r="4300" spans="1:7" x14ac:dyDescent="0.25">
      <c r="A4300" s="1">
        <v>4298</v>
      </c>
      <c r="B4300" t="s">
        <v>4301</v>
      </c>
      <c r="C4300" t="s">
        <v>9748</v>
      </c>
      <c r="D4300" t="s">
        <v>15189</v>
      </c>
      <c r="E4300" t="s">
        <v>20420</v>
      </c>
      <c r="G4300" s="2"/>
    </row>
    <row r="4301" spans="1:7" x14ac:dyDescent="0.25">
      <c r="A4301" s="1">
        <v>4299</v>
      </c>
      <c r="B4301" t="s">
        <v>4302</v>
      </c>
      <c r="C4301" t="s">
        <v>9749</v>
      </c>
      <c r="D4301" t="s">
        <v>15190</v>
      </c>
      <c r="E4301" t="s">
        <v>20421</v>
      </c>
      <c r="G4301" s="2"/>
    </row>
    <row r="4302" spans="1:7" x14ac:dyDescent="0.25">
      <c r="A4302" s="1">
        <v>4300</v>
      </c>
      <c r="B4302" t="s">
        <v>4303</v>
      </c>
      <c r="C4302" t="s">
        <v>9750</v>
      </c>
      <c r="D4302" t="s">
        <v>15191</v>
      </c>
      <c r="E4302" t="s">
        <v>20422</v>
      </c>
      <c r="G4302" s="2"/>
    </row>
    <row r="4303" spans="1:7" x14ac:dyDescent="0.25">
      <c r="A4303" s="1">
        <v>4301</v>
      </c>
      <c r="B4303" t="s">
        <v>4304</v>
      </c>
      <c r="C4303" t="s">
        <v>9751</v>
      </c>
      <c r="D4303" t="s">
        <v>15192</v>
      </c>
      <c r="E4303" t="s">
        <v>20423</v>
      </c>
      <c r="G4303" s="2"/>
    </row>
    <row r="4304" spans="1:7" x14ac:dyDescent="0.25">
      <c r="A4304" s="1">
        <v>4302</v>
      </c>
      <c r="B4304" t="s">
        <v>4305</v>
      </c>
      <c r="C4304" t="s">
        <v>9752</v>
      </c>
      <c r="D4304" t="s">
        <v>15193</v>
      </c>
      <c r="E4304" t="s">
        <v>20424</v>
      </c>
      <c r="G4304" s="2"/>
    </row>
    <row r="4305" spans="1:7" x14ac:dyDescent="0.25">
      <c r="A4305" s="1">
        <v>4303</v>
      </c>
      <c r="B4305" t="s">
        <v>4306</v>
      </c>
      <c r="C4305" t="s">
        <v>9753</v>
      </c>
      <c r="D4305" t="s">
        <v>15194</v>
      </c>
      <c r="E4305" t="s">
        <v>20425</v>
      </c>
      <c r="G4305" s="2"/>
    </row>
    <row r="4306" spans="1:7" x14ac:dyDescent="0.25">
      <c r="A4306" s="1">
        <v>4304</v>
      </c>
      <c r="B4306" t="s">
        <v>4307</v>
      </c>
      <c r="C4306" t="s">
        <v>9754</v>
      </c>
      <c r="D4306" t="s">
        <v>15195</v>
      </c>
      <c r="E4306" t="s">
        <v>20426</v>
      </c>
      <c r="G4306" s="2"/>
    </row>
    <row r="4307" spans="1:7" x14ac:dyDescent="0.25">
      <c r="A4307" s="1">
        <v>4305</v>
      </c>
      <c r="B4307" t="s">
        <v>4308</v>
      </c>
      <c r="C4307" t="s">
        <v>9755</v>
      </c>
      <c r="D4307" t="s">
        <v>15196</v>
      </c>
      <c r="E4307" t="s">
        <v>20427</v>
      </c>
      <c r="G4307" s="2"/>
    </row>
    <row r="4308" spans="1:7" x14ac:dyDescent="0.25">
      <c r="A4308" s="1">
        <v>4306</v>
      </c>
      <c r="B4308" t="s">
        <v>4309</v>
      </c>
      <c r="C4308" t="s">
        <v>9756</v>
      </c>
      <c r="D4308" t="s">
        <v>15197</v>
      </c>
      <c r="E4308" t="s">
        <v>20428</v>
      </c>
      <c r="G4308" s="2"/>
    </row>
    <row r="4309" spans="1:7" x14ac:dyDescent="0.25">
      <c r="A4309" s="1">
        <v>4307</v>
      </c>
      <c r="B4309" t="s">
        <v>4310</v>
      </c>
      <c r="C4309" t="s">
        <v>9757</v>
      </c>
      <c r="D4309" t="s">
        <v>15198</v>
      </c>
      <c r="E4309" t="s">
        <v>20429</v>
      </c>
      <c r="G4309" s="2"/>
    </row>
    <row r="4310" spans="1:7" x14ac:dyDescent="0.25">
      <c r="A4310" s="1">
        <v>4308</v>
      </c>
      <c r="B4310" t="s">
        <v>4311</v>
      </c>
      <c r="C4310" t="s">
        <v>9758</v>
      </c>
      <c r="D4310" t="s">
        <v>15199</v>
      </c>
      <c r="E4310" t="s">
        <v>20430</v>
      </c>
      <c r="G4310" s="2"/>
    </row>
    <row r="4311" spans="1:7" x14ac:dyDescent="0.25">
      <c r="A4311" s="1">
        <v>4309</v>
      </c>
      <c r="B4311" t="s">
        <v>4312</v>
      </c>
      <c r="C4311" t="s">
        <v>9759</v>
      </c>
      <c r="D4311" t="s">
        <v>15200</v>
      </c>
      <c r="E4311" t="s">
        <v>20431</v>
      </c>
      <c r="G4311" s="2"/>
    </row>
    <row r="4312" spans="1:7" x14ac:dyDescent="0.25">
      <c r="A4312" s="1">
        <v>4310</v>
      </c>
      <c r="B4312" t="s">
        <v>4313</v>
      </c>
      <c r="C4312" t="s">
        <v>9760</v>
      </c>
      <c r="D4312" t="s">
        <v>15201</v>
      </c>
      <c r="E4312" t="s">
        <v>20432</v>
      </c>
      <c r="G4312" s="2"/>
    </row>
    <row r="4313" spans="1:7" x14ac:dyDescent="0.25">
      <c r="A4313" s="1">
        <v>4311</v>
      </c>
      <c r="B4313" t="s">
        <v>4314</v>
      </c>
      <c r="C4313" t="s">
        <v>9761</v>
      </c>
      <c r="D4313" t="s">
        <v>15202</v>
      </c>
      <c r="E4313" t="s">
        <v>20433</v>
      </c>
      <c r="G4313" s="2"/>
    </row>
    <row r="4314" spans="1:7" x14ac:dyDescent="0.25">
      <c r="A4314" s="1">
        <v>4312</v>
      </c>
      <c r="B4314" t="s">
        <v>4315</v>
      </c>
      <c r="C4314" t="s">
        <v>9762</v>
      </c>
      <c r="D4314" t="s">
        <v>15203</v>
      </c>
      <c r="E4314" t="s">
        <v>20434</v>
      </c>
      <c r="G4314" s="2"/>
    </row>
    <row r="4315" spans="1:7" x14ac:dyDescent="0.25">
      <c r="A4315" s="1">
        <v>4313</v>
      </c>
      <c r="B4315" t="s">
        <v>4316</v>
      </c>
      <c r="C4315" t="s">
        <v>9763</v>
      </c>
      <c r="D4315" t="s">
        <v>15204</v>
      </c>
      <c r="E4315" t="s">
        <v>20435</v>
      </c>
      <c r="G4315" s="2"/>
    </row>
    <row r="4316" spans="1:7" x14ac:dyDescent="0.25">
      <c r="A4316" s="1">
        <v>4314</v>
      </c>
      <c r="B4316" t="s">
        <v>4317</v>
      </c>
      <c r="C4316" t="s">
        <v>9764</v>
      </c>
      <c r="D4316" t="s">
        <v>15205</v>
      </c>
      <c r="E4316" t="s">
        <v>20436</v>
      </c>
      <c r="G4316" s="2"/>
    </row>
    <row r="4317" spans="1:7" x14ac:dyDescent="0.25">
      <c r="A4317" s="1">
        <v>4315</v>
      </c>
      <c r="B4317" t="s">
        <v>4318</v>
      </c>
      <c r="C4317" t="s">
        <v>9765</v>
      </c>
      <c r="D4317" t="s">
        <v>15206</v>
      </c>
      <c r="E4317" t="s">
        <v>20437</v>
      </c>
      <c r="G4317" s="2"/>
    </row>
    <row r="4318" spans="1:7" x14ac:dyDescent="0.25">
      <c r="A4318" s="1">
        <v>4316</v>
      </c>
      <c r="B4318" t="s">
        <v>4319</v>
      </c>
      <c r="C4318" t="s">
        <v>9766</v>
      </c>
      <c r="D4318" t="s">
        <v>15207</v>
      </c>
      <c r="E4318" t="s">
        <v>20438</v>
      </c>
      <c r="G4318" s="2"/>
    </row>
    <row r="4319" spans="1:7" x14ac:dyDescent="0.25">
      <c r="A4319" s="1">
        <v>4317</v>
      </c>
      <c r="B4319" t="s">
        <v>4320</v>
      </c>
      <c r="C4319" t="s">
        <v>9767</v>
      </c>
      <c r="D4319" t="s">
        <v>15208</v>
      </c>
      <c r="E4319" t="s">
        <v>20439</v>
      </c>
      <c r="G4319" s="2"/>
    </row>
    <row r="4320" spans="1:7" x14ac:dyDescent="0.25">
      <c r="A4320" s="1">
        <v>4318</v>
      </c>
      <c r="B4320" t="s">
        <v>4321</v>
      </c>
      <c r="C4320" t="s">
        <v>9768</v>
      </c>
      <c r="D4320" t="s">
        <v>15209</v>
      </c>
      <c r="E4320" t="s">
        <v>20440</v>
      </c>
      <c r="G4320" s="2"/>
    </row>
    <row r="4321" spans="1:7" x14ac:dyDescent="0.25">
      <c r="A4321" s="1">
        <v>4319</v>
      </c>
      <c r="B4321" t="s">
        <v>4322</v>
      </c>
      <c r="C4321" t="s">
        <v>9769</v>
      </c>
      <c r="D4321" t="s">
        <v>15210</v>
      </c>
      <c r="E4321" t="s">
        <v>20441</v>
      </c>
      <c r="G4321" s="2"/>
    </row>
    <row r="4322" spans="1:7" x14ac:dyDescent="0.25">
      <c r="A4322" s="1">
        <v>4320</v>
      </c>
      <c r="B4322" t="s">
        <v>4323</v>
      </c>
      <c r="C4322" t="s">
        <v>9770</v>
      </c>
      <c r="D4322" t="s">
        <v>15211</v>
      </c>
      <c r="E4322" t="s">
        <v>20442</v>
      </c>
      <c r="G4322" s="2"/>
    </row>
    <row r="4323" spans="1:7" x14ac:dyDescent="0.25">
      <c r="A4323" s="1">
        <v>4321</v>
      </c>
      <c r="B4323" t="s">
        <v>4324</v>
      </c>
      <c r="C4323" t="s">
        <v>9771</v>
      </c>
      <c r="D4323" t="s">
        <v>15212</v>
      </c>
      <c r="E4323" t="s">
        <v>20443</v>
      </c>
      <c r="G4323" s="2"/>
    </row>
    <row r="4324" spans="1:7" x14ac:dyDescent="0.25">
      <c r="A4324" s="1">
        <v>4322</v>
      </c>
      <c r="B4324" t="s">
        <v>4325</v>
      </c>
      <c r="C4324" t="s">
        <v>9772</v>
      </c>
      <c r="D4324" t="s">
        <v>15213</v>
      </c>
      <c r="E4324" t="s">
        <v>20444</v>
      </c>
      <c r="G4324" s="2"/>
    </row>
    <row r="4325" spans="1:7" x14ac:dyDescent="0.25">
      <c r="A4325" s="1">
        <v>4323</v>
      </c>
      <c r="B4325" t="s">
        <v>4326</v>
      </c>
      <c r="C4325" t="s">
        <v>9773</v>
      </c>
      <c r="D4325" t="s">
        <v>15214</v>
      </c>
      <c r="E4325" t="s">
        <v>20445</v>
      </c>
      <c r="G4325" s="2"/>
    </row>
    <row r="4326" spans="1:7" x14ac:dyDescent="0.25">
      <c r="A4326" s="1">
        <v>4324</v>
      </c>
      <c r="B4326" t="s">
        <v>4327</v>
      </c>
      <c r="C4326" t="s">
        <v>9774</v>
      </c>
      <c r="D4326" t="s">
        <v>15215</v>
      </c>
      <c r="E4326" t="s">
        <v>20446</v>
      </c>
      <c r="G4326" s="2"/>
    </row>
    <row r="4327" spans="1:7" x14ac:dyDescent="0.25">
      <c r="A4327" s="1">
        <v>4325</v>
      </c>
      <c r="B4327" t="s">
        <v>4328</v>
      </c>
      <c r="C4327" t="s">
        <v>9775</v>
      </c>
      <c r="D4327" t="s">
        <v>15216</v>
      </c>
      <c r="E4327" t="s">
        <v>20447</v>
      </c>
      <c r="G4327" s="2"/>
    </row>
    <row r="4328" spans="1:7" x14ac:dyDescent="0.25">
      <c r="A4328" s="1">
        <v>4326</v>
      </c>
      <c r="B4328" t="s">
        <v>4329</v>
      </c>
      <c r="C4328" t="s">
        <v>9776</v>
      </c>
      <c r="D4328" t="s">
        <v>15217</v>
      </c>
      <c r="E4328" t="s">
        <v>20448</v>
      </c>
      <c r="G4328" s="2"/>
    </row>
    <row r="4329" spans="1:7" x14ac:dyDescent="0.25">
      <c r="A4329" s="1">
        <v>4327</v>
      </c>
      <c r="B4329" t="s">
        <v>4330</v>
      </c>
      <c r="C4329" t="s">
        <v>9777</v>
      </c>
      <c r="D4329" t="s">
        <v>15218</v>
      </c>
      <c r="E4329" t="s">
        <v>20449</v>
      </c>
      <c r="G4329" s="2"/>
    </row>
    <row r="4330" spans="1:7" x14ac:dyDescent="0.25">
      <c r="A4330" s="1">
        <v>4328</v>
      </c>
      <c r="B4330" t="s">
        <v>4331</v>
      </c>
      <c r="C4330" t="s">
        <v>9778</v>
      </c>
      <c r="D4330" t="s">
        <v>15219</v>
      </c>
      <c r="E4330" t="s">
        <v>20450</v>
      </c>
      <c r="G4330" s="2"/>
    </row>
    <row r="4331" spans="1:7" x14ac:dyDescent="0.25">
      <c r="A4331" s="1">
        <v>4329</v>
      </c>
      <c r="B4331" t="s">
        <v>4332</v>
      </c>
      <c r="C4331" t="s">
        <v>9779</v>
      </c>
      <c r="D4331" t="s">
        <v>15220</v>
      </c>
      <c r="E4331" t="s">
        <v>20451</v>
      </c>
      <c r="G4331" s="2"/>
    </row>
    <row r="4332" spans="1:7" x14ac:dyDescent="0.25">
      <c r="A4332" s="1">
        <v>4330</v>
      </c>
      <c r="B4332" t="s">
        <v>4333</v>
      </c>
      <c r="C4332" t="s">
        <v>9780</v>
      </c>
      <c r="D4332" t="s">
        <v>15221</v>
      </c>
      <c r="E4332" t="s">
        <v>20452</v>
      </c>
      <c r="G4332" s="2"/>
    </row>
    <row r="4333" spans="1:7" x14ac:dyDescent="0.25">
      <c r="A4333" s="1">
        <v>4331</v>
      </c>
      <c r="B4333" t="s">
        <v>4334</v>
      </c>
      <c r="C4333" t="s">
        <v>9781</v>
      </c>
      <c r="D4333" t="s">
        <v>15222</v>
      </c>
      <c r="E4333" t="s">
        <v>20453</v>
      </c>
      <c r="G4333" s="2"/>
    </row>
    <row r="4334" spans="1:7" x14ac:dyDescent="0.25">
      <c r="A4334" s="1">
        <v>4332</v>
      </c>
      <c r="B4334" t="s">
        <v>4335</v>
      </c>
      <c r="C4334" t="s">
        <v>9782</v>
      </c>
      <c r="D4334" t="s">
        <v>15223</v>
      </c>
      <c r="E4334" t="s">
        <v>20454</v>
      </c>
      <c r="G4334" s="2"/>
    </row>
    <row r="4335" spans="1:7" x14ac:dyDescent="0.25">
      <c r="A4335" s="1">
        <v>4333</v>
      </c>
      <c r="B4335" t="s">
        <v>4336</v>
      </c>
      <c r="C4335" t="s">
        <v>9783</v>
      </c>
      <c r="D4335" t="s">
        <v>15224</v>
      </c>
      <c r="E4335" t="s">
        <v>20455</v>
      </c>
      <c r="G4335" s="2"/>
    </row>
    <row r="4336" spans="1:7" x14ac:dyDescent="0.25">
      <c r="A4336" s="1">
        <v>4334</v>
      </c>
      <c r="B4336" t="s">
        <v>4337</v>
      </c>
      <c r="C4336" t="s">
        <v>9784</v>
      </c>
      <c r="D4336" t="s">
        <v>15225</v>
      </c>
      <c r="E4336" t="s">
        <v>20456</v>
      </c>
      <c r="G4336" s="2"/>
    </row>
    <row r="4337" spans="1:7" x14ac:dyDescent="0.25">
      <c r="A4337" s="1">
        <v>4335</v>
      </c>
      <c r="B4337" t="s">
        <v>4338</v>
      </c>
      <c r="C4337" t="s">
        <v>9785</v>
      </c>
      <c r="D4337" t="s">
        <v>15226</v>
      </c>
      <c r="E4337" t="s">
        <v>20457</v>
      </c>
      <c r="G4337" s="2"/>
    </row>
    <row r="4338" spans="1:7" x14ac:dyDescent="0.25">
      <c r="A4338" s="1">
        <v>4336</v>
      </c>
      <c r="B4338" t="s">
        <v>4339</v>
      </c>
      <c r="C4338" t="s">
        <v>9786</v>
      </c>
      <c r="D4338" t="s">
        <v>15227</v>
      </c>
      <c r="E4338" t="s">
        <v>20458</v>
      </c>
      <c r="G4338" s="2"/>
    </row>
    <row r="4339" spans="1:7" x14ac:dyDescent="0.25">
      <c r="A4339" s="1">
        <v>4337</v>
      </c>
      <c r="B4339" t="s">
        <v>4340</v>
      </c>
      <c r="C4339" t="s">
        <v>9787</v>
      </c>
      <c r="D4339" t="s">
        <v>15228</v>
      </c>
      <c r="E4339" t="s">
        <v>20459</v>
      </c>
      <c r="G4339" s="2"/>
    </row>
    <row r="4340" spans="1:7" x14ac:dyDescent="0.25">
      <c r="A4340" s="1">
        <v>4338</v>
      </c>
      <c r="B4340" t="s">
        <v>4341</v>
      </c>
      <c r="C4340" t="s">
        <v>9788</v>
      </c>
      <c r="D4340" t="s">
        <v>15229</v>
      </c>
      <c r="E4340" t="s">
        <v>20460</v>
      </c>
      <c r="G4340" s="2"/>
    </row>
    <row r="4341" spans="1:7" x14ac:dyDescent="0.25">
      <c r="A4341" s="1">
        <v>4339</v>
      </c>
      <c r="B4341" t="s">
        <v>4342</v>
      </c>
      <c r="C4341" t="s">
        <v>9789</v>
      </c>
      <c r="D4341" t="s">
        <v>15230</v>
      </c>
      <c r="E4341" t="s">
        <v>20461</v>
      </c>
      <c r="G4341" s="2"/>
    </row>
    <row r="4342" spans="1:7" x14ac:dyDescent="0.25">
      <c r="A4342" s="1">
        <v>4340</v>
      </c>
      <c r="B4342" t="s">
        <v>4343</v>
      </c>
      <c r="C4342" t="s">
        <v>9790</v>
      </c>
      <c r="D4342" t="s">
        <v>15231</v>
      </c>
      <c r="E4342" t="s">
        <v>20462</v>
      </c>
      <c r="G4342" s="2"/>
    </row>
    <row r="4343" spans="1:7" x14ac:dyDescent="0.25">
      <c r="A4343" s="1">
        <v>4341</v>
      </c>
      <c r="B4343" t="s">
        <v>4344</v>
      </c>
      <c r="C4343" t="s">
        <v>9791</v>
      </c>
      <c r="D4343" t="s">
        <v>15232</v>
      </c>
      <c r="E4343" t="s">
        <v>20463</v>
      </c>
      <c r="G4343" s="2"/>
    </row>
    <row r="4344" spans="1:7" x14ac:dyDescent="0.25">
      <c r="A4344" s="1">
        <v>4342</v>
      </c>
      <c r="B4344" t="s">
        <v>4345</v>
      </c>
      <c r="C4344" t="s">
        <v>9792</v>
      </c>
      <c r="D4344" t="s">
        <v>15233</v>
      </c>
      <c r="E4344" t="s">
        <v>20464</v>
      </c>
      <c r="G4344" s="2"/>
    </row>
    <row r="4345" spans="1:7" x14ac:dyDescent="0.25">
      <c r="A4345" s="1">
        <v>4343</v>
      </c>
      <c r="B4345" t="s">
        <v>4346</v>
      </c>
      <c r="C4345" t="s">
        <v>9793</v>
      </c>
      <c r="D4345" t="s">
        <v>15234</v>
      </c>
      <c r="E4345" t="s">
        <v>20465</v>
      </c>
      <c r="G4345" s="2"/>
    </row>
    <row r="4346" spans="1:7" x14ac:dyDescent="0.25">
      <c r="A4346" s="1">
        <v>4344</v>
      </c>
      <c r="B4346" t="s">
        <v>4347</v>
      </c>
      <c r="C4346" t="s">
        <v>9794</v>
      </c>
      <c r="D4346" t="s">
        <v>15235</v>
      </c>
      <c r="E4346" t="s">
        <v>20466</v>
      </c>
      <c r="G4346" s="2"/>
    </row>
    <row r="4347" spans="1:7" x14ac:dyDescent="0.25">
      <c r="A4347" s="1">
        <v>4345</v>
      </c>
      <c r="B4347" t="s">
        <v>4348</v>
      </c>
      <c r="C4347" t="s">
        <v>9795</v>
      </c>
      <c r="D4347" t="s">
        <v>15236</v>
      </c>
      <c r="E4347" t="s">
        <v>20467</v>
      </c>
      <c r="G4347" s="2"/>
    </row>
    <row r="4348" spans="1:7" x14ac:dyDescent="0.25">
      <c r="A4348" s="1">
        <v>4346</v>
      </c>
      <c r="B4348" t="s">
        <v>4349</v>
      </c>
      <c r="C4348" t="s">
        <v>9796</v>
      </c>
      <c r="D4348" t="s">
        <v>15237</v>
      </c>
      <c r="E4348" t="s">
        <v>20468</v>
      </c>
      <c r="G4348" s="2"/>
    </row>
    <row r="4349" spans="1:7" x14ac:dyDescent="0.25">
      <c r="A4349" s="1">
        <v>4347</v>
      </c>
      <c r="B4349" t="s">
        <v>4350</v>
      </c>
      <c r="C4349" t="s">
        <v>9797</v>
      </c>
      <c r="D4349" t="s">
        <v>15238</v>
      </c>
      <c r="E4349" t="s">
        <v>20469</v>
      </c>
      <c r="G4349" s="2"/>
    </row>
    <row r="4350" spans="1:7" x14ac:dyDescent="0.25">
      <c r="A4350" s="1">
        <v>4348</v>
      </c>
      <c r="B4350" t="s">
        <v>4351</v>
      </c>
      <c r="C4350" t="s">
        <v>9798</v>
      </c>
      <c r="D4350" t="s">
        <v>15239</v>
      </c>
      <c r="E4350" t="s">
        <v>20470</v>
      </c>
      <c r="G4350" s="2"/>
    </row>
    <row r="4351" spans="1:7" x14ac:dyDescent="0.25">
      <c r="A4351" s="1">
        <v>4349</v>
      </c>
      <c r="B4351" t="s">
        <v>4352</v>
      </c>
      <c r="C4351" t="s">
        <v>9799</v>
      </c>
      <c r="D4351" t="s">
        <v>15240</v>
      </c>
      <c r="E4351" t="s">
        <v>20471</v>
      </c>
      <c r="G4351" s="2"/>
    </row>
    <row r="4352" spans="1:7" x14ac:dyDescent="0.25">
      <c r="A4352" s="1">
        <v>4350</v>
      </c>
      <c r="B4352" t="s">
        <v>4353</v>
      </c>
      <c r="C4352" t="s">
        <v>9800</v>
      </c>
      <c r="D4352" t="s">
        <v>15241</v>
      </c>
      <c r="E4352" t="s">
        <v>20472</v>
      </c>
      <c r="G4352" s="2"/>
    </row>
    <row r="4353" spans="1:7" x14ac:dyDescent="0.25">
      <c r="A4353" s="1">
        <v>4351</v>
      </c>
      <c r="B4353" t="s">
        <v>4354</v>
      </c>
      <c r="C4353" t="s">
        <v>9801</v>
      </c>
      <c r="D4353" t="s">
        <v>15242</v>
      </c>
      <c r="E4353" t="s">
        <v>20473</v>
      </c>
      <c r="G4353" s="2"/>
    </row>
    <row r="4354" spans="1:7" x14ac:dyDescent="0.25">
      <c r="A4354" s="1">
        <v>4352</v>
      </c>
      <c r="B4354" t="s">
        <v>4355</v>
      </c>
      <c r="C4354" t="s">
        <v>9802</v>
      </c>
      <c r="D4354" t="s">
        <v>15243</v>
      </c>
      <c r="E4354" t="s">
        <v>20474</v>
      </c>
      <c r="G4354" s="2"/>
    </row>
    <row r="4355" spans="1:7" x14ac:dyDescent="0.25">
      <c r="A4355" s="1">
        <v>4353</v>
      </c>
      <c r="B4355" t="s">
        <v>4356</v>
      </c>
      <c r="C4355" t="s">
        <v>9803</v>
      </c>
      <c r="D4355" t="s">
        <v>15244</v>
      </c>
      <c r="E4355" t="s">
        <v>20475</v>
      </c>
      <c r="G4355" s="2"/>
    </row>
    <row r="4356" spans="1:7" x14ac:dyDescent="0.25">
      <c r="A4356" s="1">
        <v>4354</v>
      </c>
      <c r="B4356" t="s">
        <v>4357</v>
      </c>
      <c r="C4356" t="s">
        <v>9804</v>
      </c>
      <c r="D4356" t="s">
        <v>15245</v>
      </c>
      <c r="E4356" t="s">
        <v>20476</v>
      </c>
      <c r="G4356" s="2"/>
    </row>
    <row r="4357" spans="1:7" x14ac:dyDescent="0.25">
      <c r="A4357" s="1">
        <v>4355</v>
      </c>
      <c r="B4357" t="s">
        <v>4358</v>
      </c>
      <c r="C4357" t="s">
        <v>9805</v>
      </c>
      <c r="D4357" t="s">
        <v>15246</v>
      </c>
      <c r="E4357" t="s">
        <v>20477</v>
      </c>
      <c r="G4357" s="2"/>
    </row>
    <row r="4358" spans="1:7" x14ac:dyDescent="0.25">
      <c r="A4358" s="1">
        <v>4356</v>
      </c>
      <c r="B4358" t="s">
        <v>4359</v>
      </c>
      <c r="C4358" t="s">
        <v>9806</v>
      </c>
      <c r="D4358" t="s">
        <v>15247</v>
      </c>
      <c r="E4358" t="s">
        <v>20478</v>
      </c>
      <c r="G4358" s="2"/>
    </row>
    <row r="4359" spans="1:7" x14ac:dyDescent="0.25">
      <c r="A4359" s="1">
        <v>4357</v>
      </c>
      <c r="B4359" t="s">
        <v>4360</v>
      </c>
      <c r="C4359" t="s">
        <v>9807</v>
      </c>
      <c r="D4359" t="s">
        <v>15248</v>
      </c>
      <c r="E4359" t="s">
        <v>20479</v>
      </c>
      <c r="G4359" s="2"/>
    </row>
    <row r="4360" spans="1:7" x14ac:dyDescent="0.25">
      <c r="A4360" s="1">
        <v>4358</v>
      </c>
      <c r="B4360" t="s">
        <v>4361</v>
      </c>
      <c r="C4360" t="s">
        <v>9808</v>
      </c>
      <c r="D4360" t="s">
        <v>15249</v>
      </c>
      <c r="E4360" t="s">
        <v>20480</v>
      </c>
      <c r="G4360" s="2"/>
    </row>
    <row r="4361" spans="1:7" x14ac:dyDescent="0.25">
      <c r="A4361" s="1">
        <v>4359</v>
      </c>
      <c r="B4361" t="s">
        <v>4362</v>
      </c>
      <c r="C4361" t="s">
        <v>9809</v>
      </c>
      <c r="D4361" t="s">
        <v>15250</v>
      </c>
      <c r="E4361" t="s">
        <v>20481</v>
      </c>
      <c r="G4361" s="2"/>
    </row>
    <row r="4362" spans="1:7" x14ac:dyDescent="0.25">
      <c r="A4362" s="1">
        <v>4360</v>
      </c>
      <c r="B4362" t="s">
        <v>4363</v>
      </c>
      <c r="C4362" t="s">
        <v>9810</v>
      </c>
      <c r="D4362" t="s">
        <v>15251</v>
      </c>
      <c r="E4362" t="s">
        <v>20482</v>
      </c>
      <c r="G4362" s="2"/>
    </row>
    <row r="4363" spans="1:7" x14ac:dyDescent="0.25">
      <c r="A4363" s="1">
        <v>4361</v>
      </c>
      <c r="B4363" t="s">
        <v>4364</v>
      </c>
      <c r="C4363" t="s">
        <v>9811</v>
      </c>
      <c r="D4363" t="s">
        <v>15252</v>
      </c>
      <c r="E4363" t="s">
        <v>20483</v>
      </c>
      <c r="G4363" s="2"/>
    </row>
    <row r="4364" spans="1:7" x14ac:dyDescent="0.25">
      <c r="A4364" s="1">
        <v>4362</v>
      </c>
      <c r="B4364" t="s">
        <v>4365</v>
      </c>
      <c r="C4364" t="s">
        <v>9812</v>
      </c>
      <c r="D4364" t="s">
        <v>15253</v>
      </c>
      <c r="E4364" t="s">
        <v>20484</v>
      </c>
      <c r="G4364" s="2"/>
    </row>
    <row r="4365" spans="1:7" x14ac:dyDescent="0.25">
      <c r="A4365" s="1">
        <v>4363</v>
      </c>
      <c r="B4365" t="s">
        <v>4366</v>
      </c>
      <c r="C4365" t="s">
        <v>9813</v>
      </c>
      <c r="D4365" t="s">
        <v>15254</v>
      </c>
      <c r="E4365" t="s">
        <v>20485</v>
      </c>
      <c r="G4365" s="2"/>
    </row>
    <row r="4366" spans="1:7" x14ac:dyDescent="0.25">
      <c r="A4366" s="1">
        <v>4364</v>
      </c>
      <c r="B4366" t="s">
        <v>4367</v>
      </c>
      <c r="C4366" t="s">
        <v>9814</v>
      </c>
      <c r="D4366" t="s">
        <v>15255</v>
      </c>
      <c r="E4366" t="s">
        <v>20486</v>
      </c>
      <c r="G4366" s="2"/>
    </row>
    <row r="4367" spans="1:7" x14ac:dyDescent="0.25">
      <c r="A4367" s="1">
        <v>4365</v>
      </c>
      <c r="B4367" t="s">
        <v>4368</v>
      </c>
      <c r="C4367" t="s">
        <v>9815</v>
      </c>
      <c r="D4367" t="s">
        <v>15256</v>
      </c>
      <c r="E4367" t="s">
        <v>20487</v>
      </c>
      <c r="G4367" s="2"/>
    </row>
    <row r="4368" spans="1:7" x14ac:dyDescent="0.25">
      <c r="A4368" s="1">
        <v>4366</v>
      </c>
      <c r="B4368" t="s">
        <v>4369</v>
      </c>
      <c r="C4368" t="s">
        <v>9816</v>
      </c>
      <c r="D4368" t="s">
        <v>15257</v>
      </c>
      <c r="E4368" t="s">
        <v>20488</v>
      </c>
      <c r="G4368" s="2"/>
    </row>
    <row r="4369" spans="1:7" x14ac:dyDescent="0.25">
      <c r="A4369" s="1">
        <v>4367</v>
      </c>
      <c r="B4369" t="s">
        <v>4370</v>
      </c>
      <c r="C4369" t="s">
        <v>9817</v>
      </c>
      <c r="D4369" t="s">
        <v>15258</v>
      </c>
      <c r="E4369" t="s">
        <v>17866</v>
      </c>
      <c r="G4369" s="2"/>
    </row>
    <row r="4370" spans="1:7" x14ac:dyDescent="0.25">
      <c r="A4370" s="1">
        <v>4368</v>
      </c>
      <c r="B4370" t="s">
        <v>4371</v>
      </c>
      <c r="C4370" t="s">
        <v>9818</v>
      </c>
      <c r="D4370" t="s">
        <v>15259</v>
      </c>
      <c r="E4370" t="s">
        <v>20489</v>
      </c>
      <c r="G4370" s="2"/>
    </row>
    <row r="4371" spans="1:7" x14ac:dyDescent="0.25">
      <c r="A4371" s="1">
        <v>4369</v>
      </c>
      <c r="B4371" t="s">
        <v>4372</v>
      </c>
      <c r="C4371" t="s">
        <v>9819</v>
      </c>
      <c r="D4371" t="s">
        <v>15260</v>
      </c>
      <c r="E4371" t="s">
        <v>20490</v>
      </c>
      <c r="G4371" s="2"/>
    </row>
    <row r="4372" spans="1:7" x14ac:dyDescent="0.25">
      <c r="A4372" s="1">
        <v>4370</v>
      </c>
      <c r="B4372" t="s">
        <v>4373</v>
      </c>
      <c r="C4372" t="s">
        <v>9820</v>
      </c>
      <c r="D4372" t="s">
        <v>15261</v>
      </c>
      <c r="E4372" t="s">
        <v>20491</v>
      </c>
      <c r="G4372" s="2"/>
    </row>
    <row r="4373" spans="1:7" x14ac:dyDescent="0.25">
      <c r="A4373" s="1">
        <v>4371</v>
      </c>
      <c r="B4373" t="s">
        <v>4374</v>
      </c>
      <c r="C4373" t="s">
        <v>9821</v>
      </c>
      <c r="D4373" t="s">
        <v>15262</v>
      </c>
      <c r="E4373" t="s">
        <v>20492</v>
      </c>
      <c r="G4373" s="2"/>
    </row>
    <row r="4374" spans="1:7" x14ac:dyDescent="0.25">
      <c r="A4374" s="1">
        <v>4372</v>
      </c>
      <c r="B4374" t="s">
        <v>4375</v>
      </c>
      <c r="C4374" t="s">
        <v>9822</v>
      </c>
      <c r="D4374" t="s">
        <v>15263</v>
      </c>
      <c r="E4374" t="s">
        <v>20493</v>
      </c>
      <c r="G4374" s="2"/>
    </row>
    <row r="4375" spans="1:7" x14ac:dyDescent="0.25">
      <c r="A4375" s="1">
        <v>4373</v>
      </c>
      <c r="B4375" t="s">
        <v>4376</v>
      </c>
      <c r="C4375" t="s">
        <v>9823</v>
      </c>
      <c r="D4375" t="s">
        <v>15264</v>
      </c>
      <c r="E4375" t="s">
        <v>20494</v>
      </c>
      <c r="G4375" s="2"/>
    </row>
    <row r="4376" spans="1:7" x14ac:dyDescent="0.25">
      <c r="A4376" s="1">
        <v>4374</v>
      </c>
      <c r="B4376" t="s">
        <v>4377</v>
      </c>
      <c r="C4376" t="s">
        <v>9824</v>
      </c>
      <c r="D4376" t="s">
        <v>15265</v>
      </c>
      <c r="E4376" t="s">
        <v>20495</v>
      </c>
      <c r="G4376" s="2"/>
    </row>
    <row r="4377" spans="1:7" x14ac:dyDescent="0.25">
      <c r="A4377" s="1">
        <v>4375</v>
      </c>
      <c r="B4377" t="s">
        <v>4378</v>
      </c>
      <c r="C4377" t="s">
        <v>9825</v>
      </c>
      <c r="D4377" t="s">
        <v>15266</v>
      </c>
      <c r="E4377" t="s">
        <v>20496</v>
      </c>
      <c r="G4377" s="2"/>
    </row>
    <row r="4378" spans="1:7" x14ac:dyDescent="0.25">
      <c r="A4378" s="1">
        <v>4376</v>
      </c>
      <c r="B4378" t="s">
        <v>4379</v>
      </c>
      <c r="C4378" t="s">
        <v>9826</v>
      </c>
      <c r="D4378" t="s">
        <v>15267</v>
      </c>
      <c r="E4378" t="s">
        <v>20497</v>
      </c>
      <c r="G4378" s="2"/>
    </row>
    <row r="4379" spans="1:7" x14ac:dyDescent="0.25">
      <c r="A4379" s="1">
        <v>4377</v>
      </c>
      <c r="B4379" t="s">
        <v>4380</v>
      </c>
      <c r="C4379" t="s">
        <v>9827</v>
      </c>
      <c r="D4379" t="s">
        <v>15268</v>
      </c>
      <c r="E4379" t="s">
        <v>16347</v>
      </c>
      <c r="G4379" s="2"/>
    </row>
    <row r="4380" spans="1:7" x14ac:dyDescent="0.25">
      <c r="A4380" s="1">
        <v>4378</v>
      </c>
      <c r="B4380" t="s">
        <v>4381</v>
      </c>
      <c r="C4380" t="s">
        <v>9828</v>
      </c>
      <c r="D4380" t="s">
        <v>15269</v>
      </c>
      <c r="E4380" t="s">
        <v>20498</v>
      </c>
      <c r="G4380" s="2"/>
    </row>
    <row r="4381" spans="1:7" x14ac:dyDescent="0.25">
      <c r="A4381" s="1">
        <v>4379</v>
      </c>
      <c r="B4381" t="s">
        <v>4382</v>
      </c>
      <c r="C4381" t="s">
        <v>9829</v>
      </c>
      <c r="D4381" t="s">
        <v>15270</v>
      </c>
      <c r="E4381" t="s">
        <v>19470</v>
      </c>
      <c r="G4381" s="2"/>
    </row>
    <row r="4382" spans="1:7" x14ac:dyDescent="0.25">
      <c r="A4382" s="1">
        <v>4380</v>
      </c>
      <c r="B4382" t="s">
        <v>4383</v>
      </c>
      <c r="C4382" t="s">
        <v>9830</v>
      </c>
      <c r="D4382" t="s">
        <v>15271</v>
      </c>
      <c r="E4382" t="s">
        <v>20499</v>
      </c>
      <c r="G4382" s="2"/>
    </row>
    <row r="4383" spans="1:7" x14ac:dyDescent="0.25">
      <c r="A4383" s="1">
        <v>4381</v>
      </c>
      <c r="B4383" t="s">
        <v>4384</v>
      </c>
      <c r="C4383" t="s">
        <v>9831</v>
      </c>
      <c r="D4383" t="s">
        <v>15272</v>
      </c>
      <c r="E4383" t="s">
        <v>20500</v>
      </c>
      <c r="G4383" s="2"/>
    </row>
    <row r="4384" spans="1:7" x14ac:dyDescent="0.25">
      <c r="A4384" s="1">
        <v>4382</v>
      </c>
      <c r="B4384" t="s">
        <v>4385</v>
      </c>
      <c r="C4384" t="s">
        <v>9832</v>
      </c>
      <c r="D4384" t="s">
        <v>15273</v>
      </c>
      <c r="E4384" t="s">
        <v>20501</v>
      </c>
      <c r="G4384" s="2"/>
    </row>
    <row r="4385" spans="1:7" x14ac:dyDescent="0.25">
      <c r="A4385" s="1">
        <v>4383</v>
      </c>
      <c r="B4385" t="s">
        <v>4386</v>
      </c>
      <c r="C4385" t="s">
        <v>9833</v>
      </c>
      <c r="D4385" t="s">
        <v>15274</v>
      </c>
      <c r="E4385" t="s">
        <v>20502</v>
      </c>
      <c r="G4385" s="2"/>
    </row>
    <row r="4386" spans="1:7" x14ac:dyDescent="0.25">
      <c r="A4386" s="1">
        <v>4384</v>
      </c>
      <c r="B4386" t="s">
        <v>4387</v>
      </c>
      <c r="C4386" t="s">
        <v>9834</v>
      </c>
      <c r="D4386" t="s">
        <v>15275</v>
      </c>
      <c r="E4386" t="s">
        <v>20503</v>
      </c>
      <c r="G4386" s="2"/>
    </row>
    <row r="4387" spans="1:7" x14ac:dyDescent="0.25">
      <c r="A4387" s="1">
        <v>4385</v>
      </c>
      <c r="B4387" t="s">
        <v>4388</v>
      </c>
      <c r="C4387" t="s">
        <v>9835</v>
      </c>
      <c r="D4387" t="s">
        <v>15276</v>
      </c>
      <c r="E4387" t="s">
        <v>20504</v>
      </c>
      <c r="G4387" s="2"/>
    </row>
    <row r="4388" spans="1:7" x14ac:dyDescent="0.25">
      <c r="A4388" s="1">
        <v>4386</v>
      </c>
      <c r="B4388" t="s">
        <v>4389</v>
      </c>
      <c r="C4388" t="s">
        <v>9836</v>
      </c>
      <c r="D4388" t="s">
        <v>15277</v>
      </c>
      <c r="E4388" t="s">
        <v>16347</v>
      </c>
      <c r="G4388" s="2"/>
    </row>
    <row r="4389" spans="1:7" x14ac:dyDescent="0.25">
      <c r="A4389" s="1">
        <v>4387</v>
      </c>
      <c r="B4389" t="s">
        <v>4390</v>
      </c>
      <c r="C4389" t="s">
        <v>9837</v>
      </c>
      <c r="D4389" t="s">
        <v>15278</v>
      </c>
      <c r="E4389" t="s">
        <v>20505</v>
      </c>
      <c r="G4389" s="2"/>
    </row>
    <row r="4390" spans="1:7" x14ac:dyDescent="0.25">
      <c r="A4390" s="1">
        <v>4388</v>
      </c>
      <c r="B4390" t="s">
        <v>4391</v>
      </c>
      <c r="C4390" t="s">
        <v>9838</v>
      </c>
      <c r="D4390" t="s">
        <v>15279</v>
      </c>
      <c r="E4390" t="s">
        <v>20506</v>
      </c>
      <c r="G4390" s="2"/>
    </row>
    <row r="4391" spans="1:7" x14ac:dyDescent="0.25">
      <c r="A4391" s="1">
        <v>4389</v>
      </c>
      <c r="B4391" t="s">
        <v>4392</v>
      </c>
      <c r="C4391" t="s">
        <v>9839</v>
      </c>
      <c r="D4391" t="s">
        <v>15280</v>
      </c>
      <c r="E4391" t="s">
        <v>20507</v>
      </c>
      <c r="G4391" s="2"/>
    </row>
    <row r="4392" spans="1:7" x14ac:dyDescent="0.25">
      <c r="A4392" s="1">
        <v>4390</v>
      </c>
      <c r="B4392" t="s">
        <v>4393</v>
      </c>
      <c r="C4392" t="s">
        <v>9840</v>
      </c>
      <c r="D4392" t="s">
        <v>15281</v>
      </c>
      <c r="E4392" t="s">
        <v>20508</v>
      </c>
      <c r="G4392" s="2"/>
    </row>
    <row r="4393" spans="1:7" x14ac:dyDescent="0.25">
      <c r="A4393" s="1">
        <v>4391</v>
      </c>
      <c r="B4393" t="s">
        <v>4394</v>
      </c>
      <c r="C4393" t="s">
        <v>9841</v>
      </c>
      <c r="D4393" t="s">
        <v>15282</v>
      </c>
      <c r="E4393" t="s">
        <v>20509</v>
      </c>
      <c r="G4393" s="2"/>
    </row>
    <row r="4394" spans="1:7" x14ac:dyDescent="0.25">
      <c r="A4394" s="1">
        <v>4392</v>
      </c>
      <c r="B4394" t="s">
        <v>4395</v>
      </c>
      <c r="C4394" t="s">
        <v>9842</v>
      </c>
      <c r="D4394" t="s">
        <v>15283</v>
      </c>
      <c r="E4394" t="s">
        <v>20510</v>
      </c>
      <c r="G4394" s="2"/>
    </row>
    <row r="4395" spans="1:7" x14ac:dyDescent="0.25">
      <c r="A4395" s="1">
        <v>4393</v>
      </c>
      <c r="B4395" t="s">
        <v>4396</v>
      </c>
      <c r="C4395" t="s">
        <v>9843</v>
      </c>
      <c r="D4395" t="s">
        <v>15284</v>
      </c>
      <c r="E4395" t="s">
        <v>20511</v>
      </c>
      <c r="G4395" s="2"/>
    </row>
    <row r="4396" spans="1:7" x14ac:dyDescent="0.25">
      <c r="A4396" s="1">
        <v>4394</v>
      </c>
      <c r="B4396" t="s">
        <v>4397</v>
      </c>
      <c r="C4396" t="s">
        <v>9844</v>
      </c>
      <c r="D4396" t="s">
        <v>15285</v>
      </c>
      <c r="E4396" t="s">
        <v>20512</v>
      </c>
      <c r="G4396" s="2"/>
    </row>
    <row r="4397" spans="1:7" x14ac:dyDescent="0.25">
      <c r="A4397" s="1">
        <v>4395</v>
      </c>
      <c r="B4397" t="s">
        <v>4398</v>
      </c>
      <c r="C4397" t="s">
        <v>9845</v>
      </c>
      <c r="D4397" t="s">
        <v>15286</v>
      </c>
      <c r="E4397" t="s">
        <v>20513</v>
      </c>
      <c r="G4397" s="2"/>
    </row>
    <row r="4398" spans="1:7" x14ac:dyDescent="0.25">
      <c r="A4398" s="1">
        <v>4396</v>
      </c>
      <c r="B4398" t="s">
        <v>4399</v>
      </c>
      <c r="C4398" t="s">
        <v>9846</v>
      </c>
      <c r="D4398" t="s">
        <v>15287</v>
      </c>
      <c r="E4398" t="s">
        <v>20514</v>
      </c>
      <c r="G4398" s="2"/>
    </row>
    <row r="4399" spans="1:7" x14ac:dyDescent="0.25">
      <c r="A4399" s="1">
        <v>4397</v>
      </c>
      <c r="B4399" t="s">
        <v>4400</v>
      </c>
      <c r="C4399" t="s">
        <v>9847</v>
      </c>
      <c r="D4399" t="s">
        <v>15288</v>
      </c>
      <c r="E4399" t="s">
        <v>20515</v>
      </c>
      <c r="G4399" s="2"/>
    </row>
    <row r="4400" spans="1:7" x14ac:dyDescent="0.25">
      <c r="A4400" s="1">
        <v>4398</v>
      </c>
      <c r="B4400" t="s">
        <v>4401</v>
      </c>
      <c r="C4400" t="s">
        <v>9848</v>
      </c>
      <c r="D4400" t="s">
        <v>15289</v>
      </c>
      <c r="E4400" t="s">
        <v>20516</v>
      </c>
      <c r="G4400" s="2"/>
    </row>
    <row r="4401" spans="1:7" x14ac:dyDescent="0.25">
      <c r="A4401" s="1">
        <v>4399</v>
      </c>
      <c r="B4401" t="s">
        <v>4402</v>
      </c>
      <c r="C4401" t="s">
        <v>9849</v>
      </c>
      <c r="D4401" t="s">
        <v>15290</v>
      </c>
      <c r="E4401" t="s">
        <v>20517</v>
      </c>
      <c r="G4401" s="2"/>
    </row>
    <row r="4402" spans="1:7" x14ac:dyDescent="0.25">
      <c r="A4402" s="1">
        <v>4400</v>
      </c>
      <c r="B4402" t="s">
        <v>4403</v>
      </c>
      <c r="C4402" t="s">
        <v>9850</v>
      </c>
      <c r="D4402" t="s">
        <v>15291</v>
      </c>
      <c r="E4402" t="s">
        <v>20518</v>
      </c>
      <c r="G4402" s="2"/>
    </row>
    <row r="4403" spans="1:7" x14ac:dyDescent="0.25">
      <c r="A4403" s="1">
        <v>4401</v>
      </c>
      <c r="B4403" t="s">
        <v>4404</v>
      </c>
      <c r="C4403" t="s">
        <v>9851</v>
      </c>
      <c r="D4403" t="s">
        <v>15292</v>
      </c>
      <c r="E4403" t="s">
        <v>16620</v>
      </c>
      <c r="G4403" s="2"/>
    </row>
    <row r="4404" spans="1:7" x14ac:dyDescent="0.25">
      <c r="A4404" s="1">
        <v>4402</v>
      </c>
      <c r="B4404" t="s">
        <v>4405</v>
      </c>
      <c r="C4404" t="s">
        <v>9852</v>
      </c>
      <c r="D4404" t="s">
        <v>15293</v>
      </c>
      <c r="E4404" t="s">
        <v>20519</v>
      </c>
      <c r="G4404" s="2"/>
    </row>
    <row r="4405" spans="1:7" x14ac:dyDescent="0.25">
      <c r="A4405" s="1">
        <v>4403</v>
      </c>
      <c r="B4405" t="s">
        <v>4406</v>
      </c>
      <c r="C4405" t="s">
        <v>9853</v>
      </c>
      <c r="D4405" t="s">
        <v>15294</v>
      </c>
      <c r="E4405" t="s">
        <v>20520</v>
      </c>
      <c r="G4405" s="2"/>
    </row>
    <row r="4406" spans="1:7" x14ac:dyDescent="0.25">
      <c r="A4406" s="1">
        <v>4404</v>
      </c>
      <c r="B4406" t="s">
        <v>4407</v>
      </c>
      <c r="C4406" t="s">
        <v>9854</v>
      </c>
      <c r="D4406" t="s">
        <v>15295</v>
      </c>
      <c r="E4406" t="s">
        <v>20521</v>
      </c>
      <c r="G4406" s="2"/>
    </row>
    <row r="4407" spans="1:7" x14ac:dyDescent="0.25">
      <c r="A4407" s="1">
        <v>4405</v>
      </c>
      <c r="B4407" t="s">
        <v>4408</v>
      </c>
      <c r="C4407" t="s">
        <v>9855</v>
      </c>
      <c r="D4407" t="s">
        <v>15296</v>
      </c>
      <c r="E4407" t="s">
        <v>20522</v>
      </c>
      <c r="G4407" s="2"/>
    </row>
    <row r="4408" spans="1:7" x14ac:dyDescent="0.25">
      <c r="A4408" s="1">
        <v>4406</v>
      </c>
      <c r="B4408" t="s">
        <v>4409</v>
      </c>
      <c r="C4408" t="s">
        <v>9856</v>
      </c>
      <c r="D4408" t="s">
        <v>15297</v>
      </c>
      <c r="E4408" t="s">
        <v>20523</v>
      </c>
      <c r="G4408" s="2"/>
    </row>
    <row r="4409" spans="1:7" x14ac:dyDescent="0.25">
      <c r="A4409" s="1">
        <v>4407</v>
      </c>
      <c r="B4409" t="s">
        <v>4410</v>
      </c>
      <c r="C4409" t="s">
        <v>9857</v>
      </c>
      <c r="D4409" t="s">
        <v>15298</v>
      </c>
      <c r="E4409" t="s">
        <v>20524</v>
      </c>
      <c r="G4409" s="2"/>
    </row>
    <row r="4410" spans="1:7" x14ac:dyDescent="0.25">
      <c r="A4410" s="1">
        <v>4408</v>
      </c>
      <c r="B4410" t="s">
        <v>4411</v>
      </c>
      <c r="C4410" t="s">
        <v>9858</v>
      </c>
      <c r="D4410" t="s">
        <v>15299</v>
      </c>
      <c r="E4410" t="s">
        <v>20525</v>
      </c>
      <c r="G4410" s="2"/>
    </row>
    <row r="4411" spans="1:7" x14ac:dyDescent="0.25">
      <c r="A4411" s="1">
        <v>4409</v>
      </c>
      <c r="B4411" t="s">
        <v>4412</v>
      </c>
      <c r="C4411" t="s">
        <v>9859</v>
      </c>
      <c r="D4411" t="s">
        <v>15300</v>
      </c>
      <c r="E4411" t="s">
        <v>20526</v>
      </c>
      <c r="G4411" s="2"/>
    </row>
    <row r="4412" spans="1:7" x14ac:dyDescent="0.25">
      <c r="A4412" s="1">
        <v>4410</v>
      </c>
      <c r="B4412" t="s">
        <v>4413</v>
      </c>
      <c r="C4412" t="s">
        <v>9860</v>
      </c>
      <c r="D4412" t="s">
        <v>15301</v>
      </c>
      <c r="E4412" t="s">
        <v>20527</v>
      </c>
      <c r="G4412" s="2"/>
    </row>
    <row r="4413" spans="1:7" x14ac:dyDescent="0.25">
      <c r="A4413" s="1">
        <v>4411</v>
      </c>
      <c r="B4413" t="s">
        <v>4414</v>
      </c>
      <c r="C4413" t="s">
        <v>9861</v>
      </c>
      <c r="D4413" t="s">
        <v>15302</v>
      </c>
      <c r="E4413" t="s">
        <v>20528</v>
      </c>
      <c r="G4413" s="2"/>
    </row>
    <row r="4414" spans="1:7" x14ac:dyDescent="0.25">
      <c r="A4414" s="1">
        <v>4412</v>
      </c>
      <c r="B4414" t="s">
        <v>4415</v>
      </c>
      <c r="C4414" t="s">
        <v>9862</v>
      </c>
      <c r="D4414" t="s">
        <v>15303</v>
      </c>
      <c r="E4414" t="s">
        <v>18222</v>
      </c>
      <c r="G4414" s="2"/>
    </row>
    <row r="4415" spans="1:7" x14ac:dyDescent="0.25">
      <c r="A4415" s="1">
        <v>4413</v>
      </c>
      <c r="B4415" t="s">
        <v>4416</v>
      </c>
      <c r="C4415" t="s">
        <v>9863</v>
      </c>
      <c r="D4415" t="s">
        <v>15304</v>
      </c>
      <c r="E4415" t="s">
        <v>20529</v>
      </c>
      <c r="G4415" s="2"/>
    </row>
    <row r="4416" spans="1:7" x14ac:dyDescent="0.25">
      <c r="A4416" s="1">
        <v>4414</v>
      </c>
      <c r="B4416" t="s">
        <v>4417</v>
      </c>
      <c r="C4416" t="s">
        <v>9864</v>
      </c>
      <c r="D4416" t="s">
        <v>15305</v>
      </c>
      <c r="E4416" t="s">
        <v>20530</v>
      </c>
      <c r="G4416" s="2"/>
    </row>
    <row r="4417" spans="1:7" x14ac:dyDescent="0.25">
      <c r="A4417" s="1">
        <v>4415</v>
      </c>
      <c r="B4417" t="s">
        <v>4418</v>
      </c>
      <c r="C4417" t="s">
        <v>9865</v>
      </c>
      <c r="D4417" t="s">
        <v>15306</v>
      </c>
      <c r="E4417" t="s">
        <v>20531</v>
      </c>
      <c r="G4417" s="2"/>
    </row>
    <row r="4418" spans="1:7" x14ac:dyDescent="0.25">
      <c r="A4418" s="1">
        <v>4416</v>
      </c>
      <c r="B4418" t="s">
        <v>4419</v>
      </c>
      <c r="C4418" t="s">
        <v>9866</v>
      </c>
      <c r="D4418" t="s">
        <v>15307</v>
      </c>
      <c r="E4418" t="s">
        <v>20532</v>
      </c>
      <c r="G4418" s="2"/>
    </row>
    <row r="4419" spans="1:7" x14ac:dyDescent="0.25">
      <c r="A4419" s="1">
        <v>4417</v>
      </c>
      <c r="B4419" t="s">
        <v>4420</v>
      </c>
      <c r="C4419" t="s">
        <v>9867</v>
      </c>
      <c r="D4419" t="s">
        <v>15308</v>
      </c>
      <c r="E4419" t="s">
        <v>20533</v>
      </c>
      <c r="G4419" s="2"/>
    </row>
    <row r="4420" spans="1:7" x14ac:dyDescent="0.25">
      <c r="A4420" s="1">
        <v>4418</v>
      </c>
      <c r="B4420" t="s">
        <v>4421</v>
      </c>
      <c r="C4420" t="s">
        <v>9868</v>
      </c>
      <c r="D4420" t="s">
        <v>15309</v>
      </c>
      <c r="E4420" t="s">
        <v>20534</v>
      </c>
      <c r="G4420" s="2"/>
    </row>
    <row r="4421" spans="1:7" x14ac:dyDescent="0.25">
      <c r="A4421" s="1">
        <v>4419</v>
      </c>
      <c r="B4421" t="s">
        <v>4422</v>
      </c>
      <c r="C4421" t="s">
        <v>9869</v>
      </c>
      <c r="D4421" t="s">
        <v>15310</v>
      </c>
      <c r="E4421" t="s">
        <v>20535</v>
      </c>
      <c r="G4421" s="2"/>
    </row>
    <row r="4422" spans="1:7" x14ac:dyDescent="0.25">
      <c r="A4422" s="1">
        <v>4420</v>
      </c>
      <c r="B4422" t="s">
        <v>4423</v>
      </c>
      <c r="C4422" t="s">
        <v>9870</v>
      </c>
      <c r="D4422" t="s">
        <v>15311</v>
      </c>
      <c r="E4422" t="s">
        <v>17455</v>
      </c>
      <c r="G4422" s="2"/>
    </row>
    <row r="4423" spans="1:7" x14ac:dyDescent="0.25">
      <c r="A4423" s="1">
        <v>4421</v>
      </c>
      <c r="B4423" t="s">
        <v>4424</v>
      </c>
      <c r="C4423" t="s">
        <v>9871</v>
      </c>
      <c r="D4423" t="s">
        <v>15312</v>
      </c>
      <c r="E4423" t="s">
        <v>20536</v>
      </c>
      <c r="G4423" s="2"/>
    </row>
    <row r="4424" spans="1:7" x14ac:dyDescent="0.25">
      <c r="A4424" s="1">
        <v>4422</v>
      </c>
      <c r="B4424" t="s">
        <v>4425</v>
      </c>
      <c r="C4424" t="s">
        <v>9872</v>
      </c>
      <c r="D4424" t="s">
        <v>15313</v>
      </c>
      <c r="E4424" t="s">
        <v>20537</v>
      </c>
      <c r="G4424" s="2"/>
    </row>
    <row r="4425" spans="1:7" x14ac:dyDescent="0.25">
      <c r="A4425" s="1">
        <v>4423</v>
      </c>
      <c r="B4425" t="s">
        <v>4426</v>
      </c>
      <c r="C4425" t="s">
        <v>9873</v>
      </c>
      <c r="D4425" t="s">
        <v>15314</v>
      </c>
      <c r="E4425" t="s">
        <v>20538</v>
      </c>
      <c r="G4425" s="2"/>
    </row>
    <row r="4426" spans="1:7" x14ac:dyDescent="0.25">
      <c r="A4426" s="1">
        <v>4424</v>
      </c>
      <c r="B4426" t="s">
        <v>4427</v>
      </c>
      <c r="C4426" t="s">
        <v>9874</v>
      </c>
      <c r="D4426" t="s">
        <v>15315</v>
      </c>
      <c r="E4426" t="s">
        <v>20539</v>
      </c>
      <c r="G4426" s="2"/>
    </row>
    <row r="4427" spans="1:7" x14ac:dyDescent="0.25">
      <c r="A4427" s="1">
        <v>4425</v>
      </c>
      <c r="B4427" t="s">
        <v>4428</v>
      </c>
      <c r="C4427" t="s">
        <v>9875</v>
      </c>
      <c r="D4427" t="s">
        <v>15316</v>
      </c>
      <c r="E4427" t="s">
        <v>20540</v>
      </c>
      <c r="G4427" s="2"/>
    </row>
    <row r="4428" spans="1:7" x14ac:dyDescent="0.25">
      <c r="A4428" s="1">
        <v>4426</v>
      </c>
      <c r="B4428" t="s">
        <v>4429</v>
      </c>
      <c r="C4428" t="s">
        <v>9876</v>
      </c>
      <c r="D4428" t="s">
        <v>15317</v>
      </c>
      <c r="E4428" t="s">
        <v>20541</v>
      </c>
      <c r="G4428" s="2"/>
    </row>
    <row r="4429" spans="1:7" x14ac:dyDescent="0.25">
      <c r="A4429" s="1">
        <v>4427</v>
      </c>
      <c r="B4429" t="s">
        <v>4430</v>
      </c>
      <c r="C4429" t="s">
        <v>9877</v>
      </c>
      <c r="D4429" t="s">
        <v>15318</v>
      </c>
      <c r="E4429" t="s">
        <v>20542</v>
      </c>
      <c r="G4429" s="2"/>
    </row>
    <row r="4430" spans="1:7" x14ac:dyDescent="0.25">
      <c r="A4430" s="1">
        <v>4428</v>
      </c>
      <c r="B4430" t="s">
        <v>4431</v>
      </c>
      <c r="C4430" t="s">
        <v>9878</v>
      </c>
      <c r="D4430" t="s">
        <v>15319</v>
      </c>
      <c r="E4430" t="s">
        <v>20543</v>
      </c>
      <c r="G4430" s="2"/>
    </row>
    <row r="4431" spans="1:7" x14ac:dyDescent="0.25">
      <c r="A4431" s="1">
        <v>4429</v>
      </c>
      <c r="B4431" t="s">
        <v>4432</v>
      </c>
      <c r="C4431" t="s">
        <v>9879</v>
      </c>
      <c r="D4431" t="s">
        <v>15320</v>
      </c>
      <c r="E4431" t="s">
        <v>20544</v>
      </c>
      <c r="G4431" s="2"/>
    </row>
    <row r="4432" spans="1:7" x14ac:dyDescent="0.25">
      <c r="A4432" s="1">
        <v>4430</v>
      </c>
      <c r="B4432" t="s">
        <v>4433</v>
      </c>
      <c r="C4432" t="s">
        <v>9880</v>
      </c>
      <c r="D4432" t="s">
        <v>15321</v>
      </c>
      <c r="E4432" t="s">
        <v>20545</v>
      </c>
      <c r="G4432" s="2"/>
    </row>
    <row r="4433" spans="1:7" x14ac:dyDescent="0.25">
      <c r="A4433" s="1">
        <v>4431</v>
      </c>
      <c r="B4433" t="s">
        <v>4434</v>
      </c>
      <c r="C4433" t="s">
        <v>9881</v>
      </c>
      <c r="D4433" t="s">
        <v>15322</v>
      </c>
      <c r="E4433" t="s">
        <v>20546</v>
      </c>
      <c r="G4433" s="2"/>
    </row>
    <row r="4434" spans="1:7" x14ac:dyDescent="0.25">
      <c r="A4434" s="1">
        <v>4432</v>
      </c>
      <c r="B4434" t="s">
        <v>4435</v>
      </c>
      <c r="C4434" t="s">
        <v>9882</v>
      </c>
      <c r="D4434" t="s">
        <v>15323</v>
      </c>
      <c r="E4434" t="s">
        <v>20547</v>
      </c>
      <c r="G4434" s="2"/>
    </row>
    <row r="4435" spans="1:7" x14ac:dyDescent="0.25">
      <c r="A4435" s="1">
        <v>4433</v>
      </c>
      <c r="B4435" t="s">
        <v>4436</v>
      </c>
      <c r="C4435" t="s">
        <v>9883</v>
      </c>
      <c r="D4435" t="s">
        <v>15324</v>
      </c>
      <c r="E4435" t="s">
        <v>20548</v>
      </c>
      <c r="G4435" s="2"/>
    </row>
    <row r="4436" spans="1:7" x14ac:dyDescent="0.25">
      <c r="A4436" s="1">
        <v>4434</v>
      </c>
      <c r="B4436" t="s">
        <v>4437</v>
      </c>
      <c r="C4436" t="s">
        <v>9884</v>
      </c>
      <c r="D4436" t="s">
        <v>15325</v>
      </c>
      <c r="E4436" t="s">
        <v>20549</v>
      </c>
      <c r="G4436" s="2"/>
    </row>
    <row r="4437" spans="1:7" x14ac:dyDescent="0.25">
      <c r="A4437" s="1">
        <v>4435</v>
      </c>
      <c r="B4437" t="s">
        <v>4438</v>
      </c>
      <c r="C4437" t="s">
        <v>9885</v>
      </c>
      <c r="D4437" t="s">
        <v>15326</v>
      </c>
      <c r="E4437" t="s">
        <v>20550</v>
      </c>
      <c r="G4437" s="2"/>
    </row>
    <row r="4438" spans="1:7" x14ac:dyDescent="0.25">
      <c r="A4438" s="1">
        <v>4436</v>
      </c>
      <c r="B4438" t="s">
        <v>4439</v>
      </c>
      <c r="C4438" t="s">
        <v>9886</v>
      </c>
      <c r="D4438" t="s">
        <v>15327</v>
      </c>
      <c r="E4438" t="s">
        <v>20551</v>
      </c>
      <c r="G4438" s="2"/>
    </row>
    <row r="4439" spans="1:7" x14ac:dyDescent="0.25">
      <c r="A4439" s="1">
        <v>4437</v>
      </c>
      <c r="B4439" t="s">
        <v>4440</v>
      </c>
      <c r="C4439" t="s">
        <v>9887</v>
      </c>
      <c r="D4439" t="s">
        <v>15328</v>
      </c>
      <c r="E4439" t="s">
        <v>20552</v>
      </c>
      <c r="G4439" s="2"/>
    </row>
    <row r="4440" spans="1:7" x14ac:dyDescent="0.25">
      <c r="A4440" s="1">
        <v>4438</v>
      </c>
      <c r="B4440" t="s">
        <v>4441</v>
      </c>
      <c r="C4440" t="s">
        <v>9888</v>
      </c>
      <c r="D4440" t="s">
        <v>15329</v>
      </c>
      <c r="E4440" t="s">
        <v>20553</v>
      </c>
      <c r="G4440" s="2"/>
    </row>
    <row r="4441" spans="1:7" x14ac:dyDescent="0.25">
      <c r="A4441" s="1">
        <v>4439</v>
      </c>
      <c r="B4441" t="s">
        <v>4442</v>
      </c>
      <c r="C4441" t="s">
        <v>9889</v>
      </c>
      <c r="D4441" t="s">
        <v>15330</v>
      </c>
      <c r="E4441" t="s">
        <v>20554</v>
      </c>
      <c r="G4441" s="2"/>
    </row>
    <row r="4442" spans="1:7" x14ac:dyDescent="0.25">
      <c r="A4442" s="1">
        <v>4440</v>
      </c>
      <c r="B4442" t="s">
        <v>4443</v>
      </c>
      <c r="C4442" t="s">
        <v>9890</v>
      </c>
      <c r="D4442" t="s">
        <v>15331</v>
      </c>
      <c r="E4442" t="s">
        <v>20555</v>
      </c>
      <c r="G4442" s="2"/>
    </row>
    <row r="4443" spans="1:7" x14ac:dyDescent="0.25">
      <c r="A4443" s="1">
        <v>4441</v>
      </c>
      <c r="B4443" t="s">
        <v>4444</v>
      </c>
      <c r="C4443" t="s">
        <v>9891</v>
      </c>
      <c r="D4443" t="s">
        <v>15332</v>
      </c>
      <c r="E4443" t="s">
        <v>20556</v>
      </c>
      <c r="G4443" s="2"/>
    </row>
    <row r="4444" spans="1:7" x14ac:dyDescent="0.25">
      <c r="A4444" s="1">
        <v>4442</v>
      </c>
      <c r="B4444" t="s">
        <v>4445</v>
      </c>
      <c r="C4444" t="s">
        <v>9892</v>
      </c>
      <c r="D4444" t="s">
        <v>15333</v>
      </c>
      <c r="E4444" t="s">
        <v>20557</v>
      </c>
      <c r="G4444" s="2"/>
    </row>
    <row r="4445" spans="1:7" x14ac:dyDescent="0.25">
      <c r="A4445" s="1">
        <v>4443</v>
      </c>
      <c r="B4445" t="s">
        <v>4446</v>
      </c>
      <c r="C4445" t="s">
        <v>9893</v>
      </c>
      <c r="D4445" t="s">
        <v>15334</v>
      </c>
      <c r="E4445" t="s">
        <v>20558</v>
      </c>
      <c r="G4445" s="2"/>
    </row>
    <row r="4446" spans="1:7" x14ac:dyDescent="0.25">
      <c r="A4446" s="1">
        <v>4444</v>
      </c>
      <c r="B4446" t="s">
        <v>4447</v>
      </c>
      <c r="C4446" t="s">
        <v>9894</v>
      </c>
      <c r="D4446" t="s">
        <v>15335</v>
      </c>
      <c r="E4446" t="s">
        <v>20559</v>
      </c>
      <c r="G4446" s="2"/>
    </row>
    <row r="4447" spans="1:7" x14ac:dyDescent="0.25">
      <c r="A4447" s="1">
        <v>4445</v>
      </c>
      <c r="B4447" t="s">
        <v>4448</v>
      </c>
      <c r="C4447" t="s">
        <v>9895</v>
      </c>
      <c r="D4447" t="s">
        <v>15336</v>
      </c>
      <c r="E4447" t="s">
        <v>20560</v>
      </c>
      <c r="G4447" s="2"/>
    </row>
    <row r="4448" spans="1:7" x14ac:dyDescent="0.25">
      <c r="A4448" s="1">
        <v>4446</v>
      </c>
      <c r="B4448" t="s">
        <v>4449</v>
      </c>
      <c r="C4448" t="s">
        <v>9896</v>
      </c>
      <c r="D4448" t="s">
        <v>15337</v>
      </c>
      <c r="E4448" t="s">
        <v>20561</v>
      </c>
      <c r="G4448" s="2"/>
    </row>
    <row r="4449" spans="1:7" x14ac:dyDescent="0.25">
      <c r="A4449" s="1">
        <v>4447</v>
      </c>
      <c r="B4449" t="s">
        <v>4450</v>
      </c>
      <c r="C4449" t="s">
        <v>9897</v>
      </c>
      <c r="D4449" t="s">
        <v>15338</v>
      </c>
      <c r="E4449" t="s">
        <v>20562</v>
      </c>
      <c r="G4449" s="2"/>
    </row>
    <row r="4450" spans="1:7" x14ac:dyDescent="0.25">
      <c r="A4450" s="1">
        <v>4448</v>
      </c>
      <c r="B4450" t="s">
        <v>4451</v>
      </c>
      <c r="C4450" t="s">
        <v>9898</v>
      </c>
      <c r="D4450" t="s">
        <v>15339</v>
      </c>
      <c r="E4450" t="s">
        <v>20563</v>
      </c>
      <c r="G4450" s="2"/>
    </row>
    <row r="4451" spans="1:7" x14ac:dyDescent="0.25">
      <c r="A4451" s="1">
        <v>4449</v>
      </c>
      <c r="B4451" t="s">
        <v>4452</v>
      </c>
      <c r="C4451" t="s">
        <v>9899</v>
      </c>
      <c r="D4451" t="s">
        <v>15340</v>
      </c>
      <c r="E4451" t="s">
        <v>20564</v>
      </c>
      <c r="G4451" s="2"/>
    </row>
    <row r="4452" spans="1:7" x14ac:dyDescent="0.25">
      <c r="A4452" s="1">
        <v>4450</v>
      </c>
      <c r="B4452" t="s">
        <v>4453</v>
      </c>
      <c r="C4452" t="s">
        <v>9900</v>
      </c>
      <c r="D4452" t="s">
        <v>15341</v>
      </c>
      <c r="E4452" t="s">
        <v>20565</v>
      </c>
      <c r="G4452" s="2"/>
    </row>
    <row r="4453" spans="1:7" x14ac:dyDescent="0.25">
      <c r="A4453" s="1">
        <v>4451</v>
      </c>
      <c r="B4453" t="s">
        <v>4454</v>
      </c>
      <c r="C4453" t="s">
        <v>9901</v>
      </c>
      <c r="D4453" t="s">
        <v>15342</v>
      </c>
      <c r="E4453" t="s">
        <v>20566</v>
      </c>
      <c r="G4453" s="2"/>
    </row>
    <row r="4454" spans="1:7" x14ac:dyDescent="0.25">
      <c r="A4454" s="1">
        <v>4452</v>
      </c>
      <c r="B4454" t="s">
        <v>4455</v>
      </c>
      <c r="C4454" t="s">
        <v>9902</v>
      </c>
      <c r="D4454" t="s">
        <v>15343</v>
      </c>
      <c r="E4454" t="s">
        <v>20567</v>
      </c>
      <c r="G4454" s="2"/>
    </row>
    <row r="4455" spans="1:7" x14ac:dyDescent="0.25">
      <c r="A4455" s="1">
        <v>4453</v>
      </c>
      <c r="B4455" t="s">
        <v>4456</v>
      </c>
      <c r="C4455" t="s">
        <v>9903</v>
      </c>
      <c r="D4455" t="s">
        <v>15344</v>
      </c>
      <c r="E4455" t="s">
        <v>20568</v>
      </c>
      <c r="G4455" s="2"/>
    </row>
    <row r="4456" spans="1:7" x14ac:dyDescent="0.25">
      <c r="A4456" s="1">
        <v>4454</v>
      </c>
      <c r="B4456" t="s">
        <v>4457</v>
      </c>
      <c r="C4456" t="s">
        <v>9904</v>
      </c>
      <c r="D4456" t="s">
        <v>15345</v>
      </c>
      <c r="E4456" t="s">
        <v>20569</v>
      </c>
      <c r="G4456" s="2"/>
    </row>
    <row r="4457" spans="1:7" x14ac:dyDescent="0.25">
      <c r="A4457" s="1">
        <v>4455</v>
      </c>
      <c r="B4457" t="s">
        <v>4458</v>
      </c>
      <c r="C4457" t="s">
        <v>9905</v>
      </c>
      <c r="D4457" t="s">
        <v>15346</v>
      </c>
      <c r="E4457" t="s">
        <v>20570</v>
      </c>
      <c r="G4457" s="2"/>
    </row>
    <row r="4458" spans="1:7" x14ac:dyDescent="0.25">
      <c r="A4458" s="1">
        <v>4456</v>
      </c>
      <c r="B4458" t="s">
        <v>4459</v>
      </c>
      <c r="C4458" t="s">
        <v>9906</v>
      </c>
      <c r="D4458" t="s">
        <v>15347</v>
      </c>
      <c r="E4458" t="s">
        <v>20571</v>
      </c>
      <c r="G4458" s="2"/>
    </row>
    <row r="4459" spans="1:7" x14ac:dyDescent="0.25">
      <c r="A4459" s="1">
        <v>4457</v>
      </c>
      <c r="B4459" t="s">
        <v>4460</v>
      </c>
      <c r="C4459" t="s">
        <v>9907</v>
      </c>
      <c r="D4459" t="s">
        <v>15348</v>
      </c>
      <c r="E4459" t="s">
        <v>20572</v>
      </c>
      <c r="G4459" s="2"/>
    </row>
    <row r="4460" spans="1:7" x14ac:dyDescent="0.25">
      <c r="A4460" s="1">
        <v>4458</v>
      </c>
      <c r="B4460" t="s">
        <v>4461</v>
      </c>
      <c r="C4460" t="s">
        <v>9908</v>
      </c>
      <c r="D4460" t="s">
        <v>15349</v>
      </c>
      <c r="E4460" t="s">
        <v>20573</v>
      </c>
      <c r="G4460" s="2"/>
    </row>
    <row r="4461" spans="1:7" x14ac:dyDescent="0.25">
      <c r="A4461" s="1">
        <v>4459</v>
      </c>
      <c r="B4461" t="s">
        <v>4462</v>
      </c>
      <c r="C4461" t="s">
        <v>9909</v>
      </c>
      <c r="D4461" t="s">
        <v>15350</v>
      </c>
      <c r="E4461" t="s">
        <v>20574</v>
      </c>
      <c r="G4461" s="2"/>
    </row>
    <row r="4462" spans="1:7" x14ac:dyDescent="0.25">
      <c r="A4462" s="1">
        <v>4460</v>
      </c>
      <c r="B4462" t="s">
        <v>4463</v>
      </c>
      <c r="C4462" t="s">
        <v>9910</v>
      </c>
      <c r="D4462" t="s">
        <v>15351</v>
      </c>
      <c r="E4462" t="s">
        <v>20575</v>
      </c>
      <c r="G4462" s="2"/>
    </row>
    <row r="4463" spans="1:7" x14ac:dyDescent="0.25">
      <c r="A4463" s="1">
        <v>4461</v>
      </c>
      <c r="B4463" t="s">
        <v>4464</v>
      </c>
      <c r="C4463" t="s">
        <v>9911</v>
      </c>
      <c r="D4463" t="s">
        <v>15352</v>
      </c>
      <c r="E4463" t="s">
        <v>20576</v>
      </c>
      <c r="G4463" s="2"/>
    </row>
    <row r="4464" spans="1:7" x14ac:dyDescent="0.25">
      <c r="A4464" s="1">
        <v>4462</v>
      </c>
      <c r="B4464" t="s">
        <v>4465</v>
      </c>
      <c r="C4464" t="s">
        <v>9912</v>
      </c>
      <c r="D4464" t="s">
        <v>15353</v>
      </c>
      <c r="E4464" t="s">
        <v>20577</v>
      </c>
      <c r="G4464" s="2"/>
    </row>
    <row r="4465" spans="1:7" x14ac:dyDescent="0.25">
      <c r="A4465" s="1">
        <v>4463</v>
      </c>
      <c r="B4465" t="s">
        <v>4466</v>
      </c>
      <c r="C4465" t="s">
        <v>9913</v>
      </c>
      <c r="D4465" t="s">
        <v>15354</v>
      </c>
      <c r="E4465" t="s">
        <v>20578</v>
      </c>
      <c r="G4465" s="2"/>
    </row>
    <row r="4466" spans="1:7" x14ac:dyDescent="0.25">
      <c r="A4466" s="1">
        <v>4464</v>
      </c>
      <c r="B4466" t="s">
        <v>4467</v>
      </c>
      <c r="C4466" t="s">
        <v>9914</v>
      </c>
      <c r="D4466" t="s">
        <v>15355</v>
      </c>
      <c r="E4466" t="s">
        <v>20579</v>
      </c>
      <c r="G4466" s="2"/>
    </row>
    <row r="4467" spans="1:7" x14ac:dyDescent="0.25">
      <c r="A4467" s="1">
        <v>4465</v>
      </c>
      <c r="B4467" t="s">
        <v>4468</v>
      </c>
      <c r="C4467" t="s">
        <v>9915</v>
      </c>
      <c r="D4467" t="s">
        <v>15356</v>
      </c>
      <c r="E4467" t="s">
        <v>20580</v>
      </c>
      <c r="G4467" s="2"/>
    </row>
    <row r="4468" spans="1:7" x14ac:dyDescent="0.25">
      <c r="A4468" s="1">
        <v>4466</v>
      </c>
      <c r="B4468" t="s">
        <v>4469</v>
      </c>
      <c r="C4468" t="s">
        <v>9916</v>
      </c>
      <c r="D4468" t="s">
        <v>15357</v>
      </c>
      <c r="E4468" t="s">
        <v>20581</v>
      </c>
      <c r="G4468" s="2"/>
    </row>
    <row r="4469" spans="1:7" x14ac:dyDescent="0.25">
      <c r="A4469" s="1">
        <v>4467</v>
      </c>
      <c r="B4469" t="s">
        <v>4470</v>
      </c>
      <c r="C4469" t="s">
        <v>9917</v>
      </c>
      <c r="D4469" t="s">
        <v>15358</v>
      </c>
      <c r="E4469" t="s">
        <v>20582</v>
      </c>
      <c r="G4469" s="2"/>
    </row>
    <row r="4470" spans="1:7" x14ac:dyDescent="0.25">
      <c r="A4470" s="1">
        <v>4468</v>
      </c>
      <c r="B4470" t="s">
        <v>4471</v>
      </c>
      <c r="C4470" t="s">
        <v>9918</v>
      </c>
      <c r="D4470" t="s">
        <v>15359</v>
      </c>
      <c r="E4470" t="s">
        <v>20583</v>
      </c>
      <c r="G4470" s="2"/>
    </row>
    <row r="4471" spans="1:7" x14ac:dyDescent="0.25">
      <c r="A4471" s="1">
        <v>4469</v>
      </c>
      <c r="B4471" t="s">
        <v>4472</v>
      </c>
      <c r="C4471" t="s">
        <v>9919</v>
      </c>
      <c r="D4471" t="s">
        <v>15360</v>
      </c>
      <c r="E4471" t="s">
        <v>20584</v>
      </c>
      <c r="G4471" s="2"/>
    </row>
    <row r="4472" spans="1:7" x14ac:dyDescent="0.25">
      <c r="A4472" s="1">
        <v>4470</v>
      </c>
      <c r="B4472" t="s">
        <v>4473</v>
      </c>
      <c r="C4472" t="s">
        <v>9920</v>
      </c>
      <c r="D4472" t="s">
        <v>15361</v>
      </c>
      <c r="E4472" t="s">
        <v>20585</v>
      </c>
      <c r="G4472" s="2"/>
    </row>
    <row r="4473" spans="1:7" x14ac:dyDescent="0.25">
      <c r="A4473" s="1">
        <v>4471</v>
      </c>
      <c r="B4473" t="s">
        <v>4474</v>
      </c>
      <c r="C4473" t="s">
        <v>9921</v>
      </c>
      <c r="D4473" t="s">
        <v>15362</v>
      </c>
      <c r="E4473" t="s">
        <v>20586</v>
      </c>
      <c r="G4473" s="2"/>
    </row>
    <row r="4474" spans="1:7" x14ac:dyDescent="0.25">
      <c r="A4474" s="1">
        <v>4472</v>
      </c>
      <c r="B4474" t="s">
        <v>4475</v>
      </c>
      <c r="C4474" t="s">
        <v>9922</v>
      </c>
      <c r="D4474" t="s">
        <v>15363</v>
      </c>
      <c r="E4474" t="s">
        <v>20587</v>
      </c>
      <c r="G4474" s="2"/>
    </row>
    <row r="4475" spans="1:7" x14ac:dyDescent="0.25">
      <c r="A4475" s="1">
        <v>4473</v>
      </c>
      <c r="B4475" t="s">
        <v>4476</v>
      </c>
      <c r="C4475" t="s">
        <v>9923</v>
      </c>
      <c r="D4475" t="s">
        <v>15364</v>
      </c>
      <c r="E4475" t="s">
        <v>16347</v>
      </c>
      <c r="G4475" s="2"/>
    </row>
    <row r="4476" spans="1:7" x14ac:dyDescent="0.25">
      <c r="A4476" s="1">
        <v>4474</v>
      </c>
      <c r="B4476" t="s">
        <v>4477</v>
      </c>
      <c r="C4476" t="s">
        <v>9924</v>
      </c>
      <c r="D4476" t="s">
        <v>15365</v>
      </c>
      <c r="E4476" t="s">
        <v>20588</v>
      </c>
      <c r="G4476" s="2"/>
    </row>
    <row r="4477" spans="1:7" x14ac:dyDescent="0.25">
      <c r="A4477" s="1">
        <v>4475</v>
      </c>
      <c r="B4477" t="s">
        <v>4478</v>
      </c>
      <c r="C4477" t="s">
        <v>9925</v>
      </c>
      <c r="D4477" t="s">
        <v>15366</v>
      </c>
      <c r="E4477" t="s">
        <v>20589</v>
      </c>
      <c r="G4477" s="2"/>
    </row>
    <row r="4478" spans="1:7" x14ac:dyDescent="0.25">
      <c r="A4478" s="1">
        <v>4476</v>
      </c>
      <c r="B4478" t="s">
        <v>4479</v>
      </c>
      <c r="C4478" t="s">
        <v>9926</v>
      </c>
      <c r="D4478" t="s">
        <v>15367</v>
      </c>
      <c r="E4478" t="s">
        <v>20590</v>
      </c>
      <c r="G4478" s="2"/>
    </row>
    <row r="4479" spans="1:7" x14ac:dyDescent="0.25">
      <c r="A4479" s="1">
        <v>4477</v>
      </c>
      <c r="B4479" t="s">
        <v>4480</v>
      </c>
      <c r="C4479" t="s">
        <v>9927</v>
      </c>
      <c r="D4479" t="s">
        <v>15368</v>
      </c>
      <c r="E4479" t="s">
        <v>20591</v>
      </c>
      <c r="G4479" s="2"/>
    </row>
    <row r="4480" spans="1:7" x14ac:dyDescent="0.25">
      <c r="A4480" s="1">
        <v>4478</v>
      </c>
      <c r="B4480" t="s">
        <v>4481</v>
      </c>
      <c r="C4480" t="s">
        <v>9928</v>
      </c>
      <c r="D4480" t="s">
        <v>15369</v>
      </c>
      <c r="E4480" t="s">
        <v>20592</v>
      </c>
      <c r="G4480" s="2"/>
    </row>
    <row r="4481" spans="1:7" x14ac:dyDescent="0.25">
      <c r="A4481" s="1">
        <v>4479</v>
      </c>
      <c r="B4481" t="s">
        <v>4482</v>
      </c>
      <c r="C4481" t="s">
        <v>9929</v>
      </c>
      <c r="D4481" t="s">
        <v>15370</v>
      </c>
      <c r="E4481" t="s">
        <v>16555</v>
      </c>
      <c r="G4481" s="2"/>
    </row>
    <row r="4482" spans="1:7" x14ac:dyDescent="0.25">
      <c r="A4482" s="1">
        <v>4480</v>
      </c>
      <c r="B4482" t="s">
        <v>4483</v>
      </c>
      <c r="C4482" t="s">
        <v>9930</v>
      </c>
      <c r="D4482" t="s">
        <v>15371</v>
      </c>
      <c r="E4482" t="s">
        <v>20593</v>
      </c>
      <c r="G4482" s="2"/>
    </row>
    <row r="4483" spans="1:7" x14ac:dyDescent="0.25">
      <c r="A4483" s="1">
        <v>4481</v>
      </c>
      <c r="B4483" t="s">
        <v>4484</v>
      </c>
      <c r="C4483" t="s">
        <v>9931</v>
      </c>
      <c r="D4483" t="s">
        <v>15372</v>
      </c>
      <c r="E4483" t="s">
        <v>20594</v>
      </c>
      <c r="G4483" s="2"/>
    </row>
    <row r="4484" spans="1:7" x14ac:dyDescent="0.25">
      <c r="A4484" s="1">
        <v>4482</v>
      </c>
      <c r="B4484" t="s">
        <v>4485</v>
      </c>
      <c r="C4484" t="s">
        <v>9932</v>
      </c>
      <c r="D4484" t="s">
        <v>15373</v>
      </c>
      <c r="E4484" t="s">
        <v>20595</v>
      </c>
      <c r="G4484" s="2"/>
    </row>
    <row r="4485" spans="1:7" x14ac:dyDescent="0.25">
      <c r="A4485" s="1">
        <v>4483</v>
      </c>
      <c r="B4485" t="s">
        <v>4486</v>
      </c>
      <c r="C4485" t="s">
        <v>9933</v>
      </c>
      <c r="D4485" t="s">
        <v>15374</v>
      </c>
      <c r="E4485" t="s">
        <v>20285</v>
      </c>
      <c r="G4485" s="2"/>
    </row>
    <row r="4486" spans="1:7" x14ac:dyDescent="0.25">
      <c r="A4486" s="1">
        <v>4484</v>
      </c>
      <c r="B4486" t="s">
        <v>4487</v>
      </c>
      <c r="C4486" t="s">
        <v>9934</v>
      </c>
      <c r="D4486" t="s">
        <v>15375</v>
      </c>
      <c r="E4486" t="s">
        <v>20596</v>
      </c>
      <c r="G4486" s="2"/>
    </row>
    <row r="4487" spans="1:7" x14ac:dyDescent="0.25">
      <c r="A4487" s="1">
        <v>4485</v>
      </c>
      <c r="B4487" t="s">
        <v>4488</v>
      </c>
      <c r="C4487" t="s">
        <v>9935</v>
      </c>
      <c r="D4487" t="s">
        <v>15376</v>
      </c>
      <c r="E4487" t="s">
        <v>20597</v>
      </c>
      <c r="G4487" s="2"/>
    </row>
    <row r="4488" spans="1:7" x14ac:dyDescent="0.25">
      <c r="A4488" s="1">
        <v>4486</v>
      </c>
      <c r="B4488" t="s">
        <v>4489</v>
      </c>
      <c r="C4488" t="s">
        <v>9936</v>
      </c>
      <c r="D4488" t="s">
        <v>15377</v>
      </c>
      <c r="E4488" t="s">
        <v>20598</v>
      </c>
      <c r="G4488" s="2"/>
    </row>
    <row r="4489" spans="1:7" x14ac:dyDescent="0.25">
      <c r="A4489" s="1">
        <v>4487</v>
      </c>
      <c r="B4489" t="s">
        <v>4490</v>
      </c>
      <c r="C4489" t="s">
        <v>9937</v>
      </c>
      <c r="D4489" t="s">
        <v>15378</v>
      </c>
      <c r="E4489" t="s">
        <v>20599</v>
      </c>
      <c r="G4489" s="2"/>
    </row>
    <row r="4490" spans="1:7" x14ac:dyDescent="0.25">
      <c r="A4490" s="1">
        <v>4488</v>
      </c>
      <c r="B4490" t="s">
        <v>4491</v>
      </c>
      <c r="C4490" t="s">
        <v>9938</v>
      </c>
      <c r="D4490" t="s">
        <v>15379</v>
      </c>
      <c r="E4490" t="s">
        <v>20600</v>
      </c>
      <c r="G4490" s="2"/>
    </row>
    <row r="4491" spans="1:7" x14ac:dyDescent="0.25">
      <c r="A4491" s="1">
        <v>4489</v>
      </c>
      <c r="B4491" t="s">
        <v>4492</v>
      </c>
      <c r="C4491" t="s">
        <v>9939</v>
      </c>
      <c r="D4491" t="s">
        <v>15380</v>
      </c>
      <c r="E4491" t="s">
        <v>20601</v>
      </c>
      <c r="G4491" s="2"/>
    </row>
    <row r="4492" spans="1:7" x14ac:dyDescent="0.25">
      <c r="A4492" s="1">
        <v>4490</v>
      </c>
      <c r="B4492" t="s">
        <v>4493</v>
      </c>
      <c r="C4492" t="s">
        <v>9940</v>
      </c>
      <c r="D4492" t="s">
        <v>15381</v>
      </c>
      <c r="E4492" t="s">
        <v>20602</v>
      </c>
      <c r="G4492" s="2"/>
    </row>
    <row r="4493" spans="1:7" x14ac:dyDescent="0.25">
      <c r="A4493" s="1">
        <v>4491</v>
      </c>
      <c r="B4493" t="s">
        <v>4494</v>
      </c>
      <c r="C4493" t="s">
        <v>9941</v>
      </c>
      <c r="D4493" t="s">
        <v>15382</v>
      </c>
      <c r="E4493" t="s">
        <v>20603</v>
      </c>
      <c r="G4493" s="2"/>
    </row>
    <row r="4494" spans="1:7" x14ac:dyDescent="0.25">
      <c r="A4494" s="1">
        <v>4492</v>
      </c>
      <c r="B4494" t="s">
        <v>4495</v>
      </c>
      <c r="C4494" t="s">
        <v>9942</v>
      </c>
      <c r="D4494" t="s">
        <v>15383</v>
      </c>
      <c r="E4494" t="s">
        <v>20604</v>
      </c>
      <c r="G4494" s="2"/>
    </row>
    <row r="4495" spans="1:7" x14ac:dyDescent="0.25">
      <c r="A4495" s="1">
        <v>4493</v>
      </c>
      <c r="B4495" t="s">
        <v>4496</v>
      </c>
      <c r="C4495" t="s">
        <v>9943</v>
      </c>
      <c r="D4495" t="s">
        <v>15384</v>
      </c>
      <c r="E4495" t="s">
        <v>20605</v>
      </c>
      <c r="G4495" s="2"/>
    </row>
    <row r="4496" spans="1:7" x14ac:dyDescent="0.25">
      <c r="A4496" s="1">
        <v>4494</v>
      </c>
      <c r="B4496" t="s">
        <v>4497</v>
      </c>
      <c r="C4496" t="s">
        <v>9944</v>
      </c>
      <c r="D4496" t="s">
        <v>15385</v>
      </c>
      <c r="E4496" t="s">
        <v>20606</v>
      </c>
      <c r="G4496" s="2"/>
    </row>
    <row r="4497" spans="1:7" x14ac:dyDescent="0.25">
      <c r="A4497" s="1">
        <v>4495</v>
      </c>
      <c r="B4497" t="s">
        <v>4498</v>
      </c>
      <c r="C4497" t="s">
        <v>9945</v>
      </c>
      <c r="D4497" t="s">
        <v>15386</v>
      </c>
      <c r="E4497" t="s">
        <v>20607</v>
      </c>
      <c r="G4497" s="2"/>
    </row>
    <row r="4498" spans="1:7" x14ac:dyDescent="0.25">
      <c r="A4498" s="1">
        <v>4496</v>
      </c>
      <c r="B4498" t="s">
        <v>4499</v>
      </c>
      <c r="C4498" t="s">
        <v>9946</v>
      </c>
      <c r="D4498" t="s">
        <v>15387</v>
      </c>
      <c r="E4498" t="s">
        <v>20608</v>
      </c>
      <c r="G4498" s="2"/>
    </row>
    <row r="4499" spans="1:7" x14ac:dyDescent="0.25">
      <c r="A4499" s="1">
        <v>4497</v>
      </c>
      <c r="B4499" t="s">
        <v>4500</v>
      </c>
      <c r="C4499" t="s">
        <v>9947</v>
      </c>
      <c r="D4499" t="s">
        <v>15388</v>
      </c>
      <c r="E4499" t="s">
        <v>20609</v>
      </c>
      <c r="G4499" s="2"/>
    </row>
    <row r="4500" spans="1:7" x14ac:dyDescent="0.25">
      <c r="A4500" s="1">
        <v>4498</v>
      </c>
      <c r="B4500" t="s">
        <v>4501</v>
      </c>
      <c r="C4500" t="s">
        <v>9948</v>
      </c>
      <c r="D4500" t="s">
        <v>15389</v>
      </c>
      <c r="E4500" t="s">
        <v>20610</v>
      </c>
      <c r="G4500" s="2"/>
    </row>
    <row r="4501" spans="1:7" x14ac:dyDescent="0.25">
      <c r="A4501" s="1">
        <v>4499</v>
      </c>
      <c r="B4501" t="s">
        <v>4502</v>
      </c>
      <c r="C4501" t="s">
        <v>9949</v>
      </c>
      <c r="D4501" t="s">
        <v>15390</v>
      </c>
      <c r="E4501" t="s">
        <v>20611</v>
      </c>
      <c r="G4501" s="2"/>
    </row>
    <row r="4502" spans="1:7" x14ac:dyDescent="0.25">
      <c r="A4502" s="1">
        <v>4500</v>
      </c>
      <c r="B4502" t="s">
        <v>4503</v>
      </c>
      <c r="C4502" t="s">
        <v>9950</v>
      </c>
      <c r="D4502" t="s">
        <v>15391</v>
      </c>
      <c r="E4502" t="s">
        <v>20612</v>
      </c>
      <c r="G4502" s="2"/>
    </row>
    <row r="4503" spans="1:7" x14ac:dyDescent="0.25">
      <c r="A4503" s="1">
        <v>4501</v>
      </c>
      <c r="B4503" t="s">
        <v>4504</v>
      </c>
      <c r="C4503" t="s">
        <v>9951</v>
      </c>
      <c r="D4503" t="s">
        <v>15392</v>
      </c>
      <c r="E4503" t="s">
        <v>20613</v>
      </c>
      <c r="G4503" s="2"/>
    </row>
    <row r="4504" spans="1:7" x14ac:dyDescent="0.25">
      <c r="A4504" s="1">
        <v>4502</v>
      </c>
      <c r="B4504" t="s">
        <v>4505</v>
      </c>
      <c r="C4504" t="s">
        <v>9952</v>
      </c>
      <c r="D4504" t="s">
        <v>15393</v>
      </c>
      <c r="E4504" t="s">
        <v>20614</v>
      </c>
      <c r="G4504" s="2"/>
    </row>
    <row r="4505" spans="1:7" x14ac:dyDescent="0.25">
      <c r="A4505" s="1">
        <v>4503</v>
      </c>
      <c r="B4505" t="s">
        <v>4506</v>
      </c>
      <c r="C4505" t="s">
        <v>9953</v>
      </c>
      <c r="D4505" t="s">
        <v>15394</v>
      </c>
      <c r="E4505" t="s">
        <v>20615</v>
      </c>
      <c r="G4505" s="2"/>
    </row>
    <row r="4506" spans="1:7" x14ac:dyDescent="0.25">
      <c r="A4506" s="1">
        <v>4504</v>
      </c>
      <c r="B4506" t="s">
        <v>4507</v>
      </c>
      <c r="C4506" t="s">
        <v>9954</v>
      </c>
      <c r="D4506" t="s">
        <v>15395</v>
      </c>
      <c r="E4506" t="s">
        <v>19847</v>
      </c>
      <c r="G4506" s="2"/>
    </row>
    <row r="4507" spans="1:7" x14ac:dyDescent="0.25">
      <c r="A4507" s="1">
        <v>4505</v>
      </c>
      <c r="B4507" t="s">
        <v>4508</v>
      </c>
      <c r="C4507" t="s">
        <v>9955</v>
      </c>
      <c r="D4507" t="s">
        <v>15396</v>
      </c>
      <c r="E4507" t="s">
        <v>20616</v>
      </c>
      <c r="G4507" s="2"/>
    </row>
    <row r="4508" spans="1:7" x14ac:dyDescent="0.25">
      <c r="A4508" s="1">
        <v>4506</v>
      </c>
      <c r="B4508" t="s">
        <v>4509</v>
      </c>
      <c r="C4508" t="s">
        <v>9956</v>
      </c>
      <c r="D4508" t="s">
        <v>15397</v>
      </c>
      <c r="E4508" t="s">
        <v>20617</v>
      </c>
      <c r="G4508" s="2"/>
    </row>
    <row r="4509" spans="1:7" x14ac:dyDescent="0.25">
      <c r="A4509" s="1">
        <v>4507</v>
      </c>
      <c r="B4509" t="s">
        <v>4510</v>
      </c>
      <c r="C4509" t="s">
        <v>9957</v>
      </c>
      <c r="D4509" t="s">
        <v>15398</v>
      </c>
      <c r="E4509" t="s">
        <v>20618</v>
      </c>
      <c r="G4509" s="2"/>
    </row>
    <row r="4510" spans="1:7" x14ac:dyDescent="0.25">
      <c r="A4510" s="1">
        <v>4508</v>
      </c>
      <c r="B4510" t="s">
        <v>4511</v>
      </c>
      <c r="C4510" t="s">
        <v>9958</v>
      </c>
      <c r="D4510" t="s">
        <v>15399</v>
      </c>
      <c r="E4510" t="s">
        <v>20619</v>
      </c>
      <c r="G4510" s="2"/>
    </row>
    <row r="4511" spans="1:7" x14ac:dyDescent="0.25">
      <c r="A4511" s="1">
        <v>4509</v>
      </c>
      <c r="B4511" t="s">
        <v>4512</v>
      </c>
      <c r="C4511" t="s">
        <v>9959</v>
      </c>
      <c r="D4511" t="s">
        <v>15400</v>
      </c>
      <c r="E4511" t="s">
        <v>20620</v>
      </c>
      <c r="G4511" s="2"/>
    </row>
    <row r="4512" spans="1:7" x14ac:dyDescent="0.25">
      <c r="A4512" s="1">
        <v>4510</v>
      </c>
      <c r="B4512" t="s">
        <v>4513</v>
      </c>
      <c r="C4512" t="s">
        <v>9960</v>
      </c>
      <c r="D4512" t="s">
        <v>15401</v>
      </c>
      <c r="E4512" t="s">
        <v>20621</v>
      </c>
      <c r="G4512" s="2"/>
    </row>
    <row r="4513" spans="1:7" x14ac:dyDescent="0.25">
      <c r="A4513" s="1">
        <v>4511</v>
      </c>
      <c r="B4513" t="s">
        <v>4514</v>
      </c>
      <c r="C4513" t="s">
        <v>9961</v>
      </c>
      <c r="D4513" t="s">
        <v>15402</v>
      </c>
      <c r="E4513" t="s">
        <v>20622</v>
      </c>
      <c r="G4513" s="2"/>
    </row>
    <row r="4514" spans="1:7" x14ac:dyDescent="0.25">
      <c r="A4514" s="1">
        <v>4512</v>
      </c>
      <c r="B4514" t="s">
        <v>4515</v>
      </c>
      <c r="C4514" t="s">
        <v>9962</v>
      </c>
      <c r="D4514" t="s">
        <v>15403</v>
      </c>
      <c r="E4514" t="s">
        <v>20623</v>
      </c>
      <c r="G4514" s="2"/>
    </row>
    <row r="4515" spans="1:7" x14ac:dyDescent="0.25">
      <c r="A4515" s="1">
        <v>4513</v>
      </c>
      <c r="B4515" t="s">
        <v>4516</v>
      </c>
      <c r="C4515" t="s">
        <v>9963</v>
      </c>
      <c r="D4515" t="s">
        <v>15404</v>
      </c>
      <c r="E4515" t="s">
        <v>20624</v>
      </c>
      <c r="G4515" s="2"/>
    </row>
    <row r="4516" spans="1:7" x14ac:dyDescent="0.25">
      <c r="A4516" s="1">
        <v>4514</v>
      </c>
      <c r="B4516" t="s">
        <v>4517</v>
      </c>
      <c r="C4516" t="s">
        <v>9964</v>
      </c>
      <c r="D4516" t="s">
        <v>15405</v>
      </c>
      <c r="E4516" t="s">
        <v>20625</v>
      </c>
      <c r="G4516" s="2"/>
    </row>
    <row r="4517" spans="1:7" x14ac:dyDescent="0.25">
      <c r="A4517" s="1">
        <v>4515</v>
      </c>
      <c r="B4517" t="s">
        <v>4518</v>
      </c>
      <c r="C4517" t="s">
        <v>9965</v>
      </c>
      <c r="D4517" t="s">
        <v>15406</v>
      </c>
      <c r="E4517" t="s">
        <v>20626</v>
      </c>
      <c r="G4517" s="2"/>
    </row>
    <row r="4518" spans="1:7" x14ac:dyDescent="0.25">
      <c r="A4518" s="1">
        <v>4516</v>
      </c>
      <c r="B4518" t="s">
        <v>4519</v>
      </c>
      <c r="C4518" t="s">
        <v>9966</v>
      </c>
      <c r="D4518" t="s">
        <v>15407</v>
      </c>
      <c r="E4518" t="s">
        <v>20627</v>
      </c>
      <c r="G4518" s="2"/>
    </row>
    <row r="4519" spans="1:7" x14ac:dyDescent="0.25">
      <c r="A4519" s="1">
        <v>4517</v>
      </c>
      <c r="B4519" t="s">
        <v>4520</v>
      </c>
      <c r="C4519" t="s">
        <v>9967</v>
      </c>
      <c r="D4519" t="s">
        <v>15408</v>
      </c>
      <c r="E4519" t="s">
        <v>20628</v>
      </c>
      <c r="G4519" s="2"/>
    </row>
    <row r="4520" spans="1:7" x14ac:dyDescent="0.25">
      <c r="A4520" s="1">
        <v>4518</v>
      </c>
      <c r="B4520" t="s">
        <v>4521</v>
      </c>
      <c r="C4520" t="s">
        <v>9968</v>
      </c>
      <c r="D4520" t="s">
        <v>15409</v>
      </c>
      <c r="E4520" t="s">
        <v>20629</v>
      </c>
      <c r="G4520" s="2"/>
    </row>
    <row r="4521" spans="1:7" x14ac:dyDescent="0.25">
      <c r="A4521" s="1">
        <v>4519</v>
      </c>
      <c r="B4521" t="s">
        <v>4522</v>
      </c>
      <c r="C4521" t="s">
        <v>9969</v>
      </c>
      <c r="D4521" t="s">
        <v>15410</v>
      </c>
      <c r="E4521" t="s">
        <v>20630</v>
      </c>
      <c r="G4521" s="2"/>
    </row>
    <row r="4522" spans="1:7" x14ac:dyDescent="0.25">
      <c r="A4522" s="1">
        <v>4520</v>
      </c>
      <c r="B4522" t="s">
        <v>4523</v>
      </c>
      <c r="C4522" t="s">
        <v>9970</v>
      </c>
      <c r="D4522" t="s">
        <v>15411</v>
      </c>
      <c r="E4522" t="s">
        <v>20631</v>
      </c>
      <c r="G4522" s="2"/>
    </row>
    <row r="4523" spans="1:7" x14ac:dyDescent="0.25">
      <c r="A4523" s="1">
        <v>4521</v>
      </c>
      <c r="B4523" t="s">
        <v>4524</v>
      </c>
      <c r="C4523" t="s">
        <v>9971</v>
      </c>
      <c r="D4523" t="s">
        <v>15412</v>
      </c>
      <c r="E4523" t="s">
        <v>19334</v>
      </c>
      <c r="G4523" s="2"/>
    </row>
    <row r="4524" spans="1:7" x14ac:dyDescent="0.25">
      <c r="A4524" s="1">
        <v>4522</v>
      </c>
      <c r="B4524" t="s">
        <v>4525</v>
      </c>
      <c r="C4524" t="s">
        <v>9972</v>
      </c>
      <c r="D4524" t="s">
        <v>15413</v>
      </c>
      <c r="E4524" t="s">
        <v>20632</v>
      </c>
      <c r="G4524" s="2"/>
    </row>
    <row r="4525" spans="1:7" x14ac:dyDescent="0.25">
      <c r="A4525" s="1">
        <v>4523</v>
      </c>
      <c r="B4525" t="s">
        <v>4526</v>
      </c>
      <c r="C4525" t="s">
        <v>9973</v>
      </c>
      <c r="D4525" t="s">
        <v>15414</v>
      </c>
      <c r="E4525" t="s">
        <v>20633</v>
      </c>
      <c r="G4525" s="2"/>
    </row>
    <row r="4526" spans="1:7" x14ac:dyDescent="0.25">
      <c r="A4526" s="1">
        <v>4524</v>
      </c>
      <c r="B4526" t="s">
        <v>4527</v>
      </c>
      <c r="C4526" t="s">
        <v>9974</v>
      </c>
      <c r="D4526" t="s">
        <v>15415</v>
      </c>
      <c r="E4526" t="s">
        <v>20634</v>
      </c>
      <c r="G4526" s="2"/>
    </row>
    <row r="4527" spans="1:7" x14ac:dyDescent="0.25">
      <c r="A4527" s="1">
        <v>4525</v>
      </c>
      <c r="B4527" t="s">
        <v>4528</v>
      </c>
      <c r="C4527" t="s">
        <v>9975</v>
      </c>
      <c r="D4527" t="s">
        <v>15416</v>
      </c>
      <c r="E4527" t="s">
        <v>20635</v>
      </c>
      <c r="G4527" s="2"/>
    </row>
    <row r="4528" spans="1:7" x14ac:dyDescent="0.25">
      <c r="A4528" s="1">
        <v>4526</v>
      </c>
      <c r="B4528" t="s">
        <v>4529</v>
      </c>
      <c r="C4528" t="s">
        <v>9976</v>
      </c>
      <c r="D4528" t="s">
        <v>15417</v>
      </c>
      <c r="E4528" t="s">
        <v>20636</v>
      </c>
      <c r="G4528" s="2"/>
    </row>
    <row r="4529" spans="1:7" x14ac:dyDescent="0.25">
      <c r="A4529" s="1">
        <v>4527</v>
      </c>
      <c r="B4529" t="s">
        <v>4530</v>
      </c>
      <c r="C4529" t="s">
        <v>9977</v>
      </c>
      <c r="D4529" t="s">
        <v>15418</v>
      </c>
      <c r="E4529" t="s">
        <v>20637</v>
      </c>
      <c r="G4529" s="2"/>
    </row>
    <row r="4530" spans="1:7" x14ac:dyDescent="0.25">
      <c r="A4530" s="1">
        <v>4528</v>
      </c>
      <c r="B4530" t="s">
        <v>4531</v>
      </c>
      <c r="C4530" t="s">
        <v>9978</v>
      </c>
      <c r="D4530" t="s">
        <v>15419</v>
      </c>
      <c r="E4530" t="s">
        <v>20638</v>
      </c>
      <c r="G4530" s="2"/>
    </row>
    <row r="4531" spans="1:7" x14ac:dyDescent="0.25">
      <c r="A4531" s="1">
        <v>4529</v>
      </c>
      <c r="B4531" t="s">
        <v>4532</v>
      </c>
      <c r="C4531" t="s">
        <v>9979</v>
      </c>
      <c r="D4531" t="s">
        <v>15420</v>
      </c>
      <c r="E4531" t="s">
        <v>20639</v>
      </c>
      <c r="G4531" s="2"/>
    </row>
    <row r="4532" spans="1:7" x14ac:dyDescent="0.25">
      <c r="A4532" s="1">
        <v>4530</v>
      </c>
      <c r="B4532" t="s">
        <v>4533</v>
      </c>
      <c r="C4532" t="s">
        <v>9980</v>
      </c>
      <c r="D4532" t="s">
        <v>15421</v>
      </c>
      <c r="E4532" t="s">
        <v>20640</v>
      </c>
      <c r="G4532" s="2"/>
    </row>
    <row r="4533" spans="1:7" x14ac:dyDescent="0.25">
      <c r="A4533" s="1">
        <v>4531</v>
      </c>
      <c r="B4533" t="s">
        <v>4534</v>
      </c>
      <c r="C4533" t="s">
        <v>9981</v>
      </c>
      <c r="D4533" t="s">
        <v>15422</v>
      </c>
      <c r="E4533" t="s">
        <v>20641</v>
      </c>
      <c r="G4533" s="2"/>
    </row>
    <row r="4534" spans="1:7" x14ac:dyDescent="0.25">
      <c r="A4534" s="1">
        <v>4532</v>
      </c>
      <c r="B4534" t="s">
        <v>4535</v>
      </c>
      <c r="C4534" t="s">
        <v>9982</v>
      </c>
      <c r="D4534" t="s">
        <v>15423</v>
      </c>
      <c r="E4534" t="s">
        <v>20642</v>
      </c>
      <c r="G4534" s="2"/>
    </row>
    <row r="4535" spans="1:7" x14ac:dyDescent="0.25">
      <c r="A4535" s="1">
        <v>4533</v>
      </c>
      <c r="B4535" t="s">
        <v>4536</v>
      </c>
      <c r="C4535" t="s">
        <v>9983</v>
      </c>
      <c r="D4535" t="s">
        <v>15424</v>
      </c>
      <c r="E4535" t="s">
        <v>20643</v>
      </c>
      <c r="G4535" s="2"/>
    </row>
    <row r="4536" spans="1:7" x14ac:dyDescent="0.25">
      <c r="A4536" s="1">
        <v>4534</v>
      </c>
      <c r="B4536" t="s">
        <v>4537</v>
      </c>
      <c r="C4536" t="s">
        <v>9984</v>
      </c>
      <c r="D4536" t="s">
        <v>15425</v>
      </c>
      <c r="E4536" t="s">
        <v>20644</v>
      </c>
      <c r="G4536" s="2"/>
    </row>
    <row r="4537" spans="1:7" x14ac:dyDescent="0.25">
      <c r="A4537" s="1">
        <v>4535</v>
      </c>
      <c r="B4537" t="s">
        <v>4538</v>
      </c>
      <c r="C4537" t="s">
        <v>9985</v>
      </c>
      <c r="D4537" t="s">
        <v>15426</v>
      </c>
      <c r="E4537" t="s">
        <v>20645</v>
      </c>
      <c r="G4537" s="2"/>
    </row>
    <row r="4538" spans="1:7" x14ac:dyDescent="0.25">
      <c r="A4538" s="1">
        <v>4536</v>
      </c>
      <c r="B4538" t="s">
        <v>4539</v>
      </c>
      <c r="C4538" t="s">
        <v>9986</v>
      </c>
      <c r="D4538" t="s">
        <v>15427</v>
      </c>
      <c r="E4538" t="s">
        <v>20646</v>
      </c>
      <c r="G4538" s="2"/>
    </row>
    <row r="4539" spans="1:7" x14ac:dyDescent="0.25">
      <c r="A4539" s="1">
        <v>4537</v>
      </c>
      <c r="B4539" t="s">
        <v>4540</v>
      </c>
      <c r="C4539" t="s">
        <v>9987</v>
      </c>
      <c r="D4539" t="s">
        <v>15428</v>
      </c>
      <c r="E4539" t="s">
        <v>20647</v>
      </c>
      <c r="G4539" s="2"/>
    </row>
    <row r="4540" spans="1:7" x14ac:dyDescent="0.25">
      <c r="A4540" s="1">
        <v>4538</v>
      </c>
      <c r="B4540" t="s">
        <v>4541</v>
      </c>
      <c r="C4540" t="s">
        <v>9988</v>
      </c>
      <c r="D4540" t="s">
        <v>15429</v>
      </c>
      <c r="E4540" t="s">
        <v>20648</v>
      </c>
      <c r="G4540" s="2"/>
    </row>
    <row r="4541" spans="1:7" x14ac:dyDescent="0.25">
      <c r="A4541" s="1">
        <v>4539</v>
      </c>
      <c r="B4541" t="s">
        <v>4542</v>
      </c>
      <c r="C4541" t="s">
        <v>9989</v>
      </c>
      <c r="D4541" t="s">
        <v>15430</v>
      </c>
      <c r="E4541" t="s">
        <v>20649</v>
      </c>
      <c r="G4541" s="2"/>
    </row>
    <row r="4542" spans="1:7" x14ac:dyDescent="0.25">
      <c r="A4542" s="1">
        <v>4540</v>
      </c>
      <c r="B4542" t="s">
        <v>4543</v>
      </c>
      <c r="C4542" t="s">
        <v>9990</v>
      </c>
      <c r="D4542" t="s">
        <v>15431</v>
      </c>
      <c r="E4542" t="s">
        <v>20650</v>
      </c>
      <c r="G4542" s="2"/>
    </row>
    <row r="4543" spans="1:7" x14ac:dyDescent="0.25">
      <c r="A4543" s="1">
        <v>4541</v>
      </c>
      <c r="B4543" t="s">
        <v>4544</v>
      </c>
      <c r="C4543" t="s">
        <v>9991</v>
      </c>
      <c r="D4543" t="s">
        <v>15432</v>
      </c>
      <c r="E4543" t="s">
        <v>20651</v>
      </c>
      <c r="G4543" s="2"/>
    </row>
    <row r="4544" spans="1:7" x14ac:dyDescent="0.25">
      <c r="A4544" s="1">
        <v>4542</v>
      </c>
      <c r="B4544" t="s">
        <v>4545</v>
      </c>
      <c r="C4544" t="s">
        <v>9992</v>
      </c>
      <c r="D4544" t="s">
        <v>15433</v>
      </c>
      <c r="E4544" t="s">
        <v>20652</v>
      </c>
      <c r="G4544" s="2"/>
    </row>
    <row r="4545" spans="1:7" x14ac:dyDescent="0.25">
      <c r="A4545" s="1">
        <v>4543</v>
      </c>
      <c r="B4545" t="s">
        <v>4546</v>
      </c>
      <c r="C4545" t="s">
        <v>9993</v>
      </c>
      <c r="D4545" t="s">
        <v>15434</v>
      </c>
      <c r="E4545" t="s">
        <v>20653</v>
      </c>
      <c r="G4545" s="2"/>
    </row>
    <row r="4546" spans="1:7" x14ac:dyDescent="0.25">
      <c r="A4546" s="1">
        <v>4544</v>
      </c>
      <c r="B4546" t="s">
        <v>4547</v>
      </c>
      <c r="C4546" t="s">
        <v>9994</v>
      </c>
      <c r="D4546" t="s">
        <v>15435</v>
      </c>
      <c r="E4546" t="s">
        <v>20654</v>
      </c>
      <c r="G4546" s="2"/>
    </row>
    <row r="4547" spans="1:7" x14ac:dyDescent="0.25">
      <c r="A4547" s="1">
        <v>4545</v>
      </c>
      <c r="B4547" t="s">
        <v>4548</v>
      </c>
      <c r="C4547" t="s">
        <v>9995</v>
      </c>
      <c r="D4547" t="s">
        <v>15436</v>
      </c>
      <c r="E4547" t="s">
        <v>20655</v>
      </c>
      <c r="G4547" s="2"/>
    </row>
    <row r="4548" spans="1:7" x14ac:dyDescent="0.25">
      <c r="A4548" s="1">
        <v>4546</v>
      </c>
      <c r="B4548" t="s">
        <v>4549</v>
      </c>
      <c r="C4548" t="s">
        <v>9996</v>
      </c>
      <c r="D4548" t="s">
        <v>15437</v>
      </c>
      <c r="E4548" t="s">
        <v>20656</v>
      </c>
      <c r="G4548" s="2"/>
    </row>
    <row r="4549" spans="1:7" x14ac:dyDescent="0.25">
      <c r="A4549" s="1">
        <v>4547</v>
      </c>
      <c r="B4549" t="s">
        <v>4550</v>
      </c>
      <c r="C4549" t="s">
        <v>9997</v>
      </c>
      <c r="D4549" t="s">
        <v>15438</v>
      </c>
      <c r="E4549" t="s">
        <v>20657</v>
      </c>
      <c r="G4549" s="2"/>
    </row>
    <row r="4550" spans="1:7" x14ac:dyDescent="0.25">
      <c r="A4550" s="1">
        <v>4548</v>
      </c>
      <c r="B4550" t="s">
        <v>4551</v>
      </c>
      <c r="C4550" t="s">
        <v>9998</v>
      </c>
      <c r="D4550" t="s">
        <v>15439</v>
      </c>
      <c r="E4550" t="s">
        <v>20658</v>
      </c>
      <c r="G4550" s="2"/>
    </row>
    <row r="4551" spans="1:7" x14ac:dyDescent="0.25">
      <c r="A4551" s="1">
        <v>4549</v>
      </c>
      <c r="B4551" t="s">
        <v>4552</v>
      </c>
      <c r="C4551" t="s">
        <v>9999</v>
      </c>
      <c r="D4551" t="s">
        <v>15440</v>
      </c>
      <c r="E4551" t="s">
        <v>20659</v>
      </c>
      <c r="G4551" s="2"/>
    </row>
    <row r="4552" spans="1:7" x14ac:dyDescent="0.25">
      <c r="A4552" s="1">
        <v>4550</v>
      </c>
      <c r="B4552" t="s">
        <v>4553</v>
      </c>
      <c r="C4552" t="s">
        <v>10000</v>
      </c>
      <c r="D4552" t="s">
        <v>15441</v>
      </c>
      <c r="E4552" t="s">
        <v>20660</v>
      </c>
      <c r="G4552" s="2"/>
    </row>
    <row r="4553" spans="1:7" x14ac:dyDescent="0.25">
      <c r="A4553" s="1">
        <v>4551</v>
      </c>
      <c r="B4553" t="s">
        <v>4554</v>
      </c>
      <c r="C4553" t="s">
        <v>10001</v>
      </c>
      <c r="D4553" t="s">
        <v>15442</v>
      </c>
      <c r="E4553" t="s">
        <v>20661</v>
      </c>
      <c r="G4553" s="2"/>
    </row>
    <row r="4554" spans="1:7" x14ac:dyDescent="0.25">
      <c r="A4554" s="1">
        <v>4552</v>
      </c>
      <c r="B4554" t="s">
        <v>4555</v>
      </c>
      <c r="C4554" t="s">
        <v>10002</v>
      </c>
      <c r="D4554" t="s">
        <v>15443</v>
      </c>
      <c r="E4554" t="s">
        <v>20662</v>
      </c>
      <c r="G4554" s="2"/>
    </row>
    <row r="4555" spans="1:7" x14ac:dyDescent="0.25">
      <c r="A4555" s="1">
        <v>4553</v>
      </c>
      <c r="B4555" t="s">
        <v>4556</v>
      </c>
      <c r="C4555" t="s">
        <v>10003</v>
      </c>
      <c r="D4555" t="s">
        <v>15444</v>
      </c>
      <c r="E4555" t="s">
        <v>20663</v>
      </c>
      <c r="G4555" s="2"/>
    </row>
    <row r="4556" spans="1:7" x14ac:dyDescent="0.25">
      <c r="A4556" s="1">
        <v>4554</v>
      </c>
      <c r="B4556" t="s">
        <v>4557</v>
      </c>
      <c r="C4556" t="s">
        <v>10004</v>
      </c>
      <c r="D4556" t="s">
        <v>15445</v>
      </c>
      <c r="E4556" t="s">
        <v>16555</v>
      </c>
      <c r="G4556" s="2"/>
    </row>
    <row r="4557" spans="1:7" x14ac:dyDescent="0.25">
      <c r="A4557" s="1">
        <v>4555</v>
      </c>
      <c r="B4557" t="s">
        <v>4558</v>
      </c>
      <c r="C4557" t="s">
        <v>10005</v>
      </c>
      <c r="D4557" t="s">
        <v>10005</v>
      </c>
      <c r="E4557" t="s">
        <v>20664</v>
      </c>
      <c r="G4557" s="2"/>
    </row>
    <row r="4558" spans="1:7" x14ac:dyDescent="0.25">
      <c r="A4558" s="1">
        <v>4556</v>
      </c>
      <c r="B4558" t="s">
        <v>4559</v>
      </c>
      <c r="C4558" t="s">
        <v>10006</v>
      </c>
      <c r="D4558" t="s">
        <v>15446</v>
      </c>
      <c r="E4558" t="s">
        <v>20665</v>
      </c>
      <c r="G4558" s="2"/>
    </row>
    <row r="4559" spans="1:7" x14ac:dyDescent="0.25">
      <c r="A4559" s="1">
        <v>4557</v>
      </c>
      <c r="B4559" t="s">
        <v>4560</v>
      </c>
      <c r="C4559" t="s">
        <v>10007</v>
      </c>
      <c r="D4559" t="s">
        <v>15447</v>
      </c>
      <c r="E4559" t="s">
        <v>20666</v>
      </c>
      <c r="G4559" s="2"/>
    </row>
    <row r="4560" spans="1:7" x14ac:dyDescent="0.25">
      <c r="A4560" s="1">
        <v>4558</v>
      </c>
      <c r="B4560" t="s">
        <v>4561</v>
      </c>
      <c r="C4560" t="s">
        <v>10008</v>
      </c>
      <c r="D4560" t="s">
        <v>15448</v>
      </c>
      <c r="E4560" t="s">
        <v>20667</v>
      </c>
      <c r="G4560" s="2"/>
    </row>
    <row r="4561" spans="1:7" x14ac:dyDescent="0.25">
      <c r="A4561" s="1">
        <v>4559</v>
      </c>
      <c r="B4561" t="s">
        <v>4562</v>
      </c>
      <c r="C4561" t="s">
        <v>10009</v>
      </c>
      <c r="D4561" t="s">
        <v>15449</v>
      </c>
      <c r="E4561" t="s">
        <v>20668</v>
      </c>
      <c r="G4561" s="2"/>
    </row>
    <row r="4562" spans="1:7" x14ac:dyDescent="0.25">
      <c r="A4562" s="1">
        <v>4560</v>
      </c>
      <c r="B4562" t="s">
        <v>4563</v>
      </c>
      <c r="C4562" t="s">
        <v>10010</v>
      </c>
      <c r="D4562" t="s">
        <v>15450</v>
      </c>
      <c r="E4562" t="s">
        <v>20669</v>
      </c>
      <c r="G4562" s="2"/>
    </row>
    <row r="4563" spans="1:7" x14ac:dyDescent="0.25">
      <c r="A4563" s="1">
        <v>4561</v>
      </c>
      <c r="B4563" t="s">
        <v>4564</v>
      </c>
      <c r="C4563" t="s">
        <v>10011</v>
      </c>
      <c r="D4563" t="s">
        <v>15451</v>
      </c>
      <c r="E4563" t="s">
        <v>20670</v>
      </c>
      <c r="G4563" s="2"/>
    </row>
    <row r="4564" spans="1:7" x14ac:dyDescent="0.25">
      <c r="A4564" s="1">
        <v>4562</v>
      </c>
      <c r="B4564" t="s">
        <v>4565</v>
      </c>
      <c r="C4564" t="s">
        <v>10012</v>
      </c>
      <c r="D4564" t="s">
        <v>15452</v>
      </c>
      <c r="E4564" t="s">
        <v>20671</v>
      </c>
      <c r="G4564" s="2"/>
    </row>
    <row r="4565" spans="1:7" x14ac:dyDescent="0.25">
      <c r="A4565" s="1">
        <v>4563</v>
      </c>
      <c r="B4565" t="s">
        <v>4566</v>
      </c>
      <c r="C4565" t="s">
        <v>10013</v>
      </c>
      <c r="D4565" t="s">
        <v>15453</v>
      </c>
      <c r="E4565" t="s">
        <v>20672</v>
      </c>
      <c r="G4565" s="2"/>
    </row>
    <row r="4566" spans="1:7" x14ac:dyDescent="0.25">
      <c r="A4566" s="1">
        <v>4564</v>
      </c>
      <c r="B4566" t="s">
        <v>4567</v>
      </c>
      <c r="C4566" t="s">
        <v>10014</v>
      </c>
      <c r="D4566" t="s">
        <v>15454</v>
      </c>
      <c r="E4566" t="s">
        <v>20673</v>
      </c>
      <c r="G4566" s="2"/>
    </row>
    <row r="4567" spans="1:7" x14ac:dyDescent="0.25">
      <c r="A4567" s="1">
        <v>4565</v>
      </c>
      <c r="B4567" t="s">
        <v>4568</v>
      </c>
      <c r="C4567" t="s">
        <v>10015</v>
      </c>
      <c r="D4567" t="s">
        <v>15455</v>
      </c>
      <c r="E4567" t="s">
        <v>20674</v>
      </c>
      <c r="G4567" s="2"/>
    </row>
    <row r="4568" spans="1:7" x14ac:dyDescent="0.25">
      <c r="A4568" s="1">
        <v>4566</v>
      </c>
      <c r="B4568" t="s">
        <v>4569</v>
      </c>
      <c r="C4568" t="s">
        <v>10016</v>
      </c>
      <c r="D4568" t="s">
        <v>15456</v>
      </c>
      <c r="E4568" t="s">
        <v>20675</v>
      </c>
      <c r="G4568" s="2"/>
    </row>
    <row r="4569" spans="1:7" x14ac:dyDescent="0.25">
      <c r="A4569" s="1">
        <v>4567</v>
      </c>
      <c r="B4569" t="s">
        <v>4570</v>
      </c>
      <c r="C4569" t="s">
        <v>10017</v>
      </c>
      <c r="D4569" t="s">
        <v>15457</v>
      </c>
      <c r="E4569" t="s">
        <v>20676</v>
      </c>
      <c r="G4569" s="2"/>
    </row>
    <row r="4570" spans="1:7" x14ac:dyDescent="0.25">
      <c r="A4570" s="1">
        <v>4568</v>
      </c>
      <c r="B4570" t="s">
        <v>4571</v>
      </c>
      <c r="C4570" t="s">
        <v>10018</v>
      </c>
      <c r="D4570" t="s">
        <v>15458</v>
      </c>
      <c r="E4570" t="s">
        <v>20677</v>
      </c>
      <c r="G4570" s="2"/>
    </row>
    <row r="4571" spans="1:7" x14ac:dyDescent="0.25">
      <c r="A4571" s="1">
        <v>4569</v>
      </c>
      <c r="B4571" t="s">
        <v>4572</v>
      </c>
      <c r="C4571" t="s">
        <v>10019</v>
      </c>
      <c r="D4571" t="s">
        <v>15459</v>
      </c>
      <c r="E4571" t="s">
        <v>20678</v>
      </c>
      <c r="G4571" s="2"/>
    </row>
    <row r="4572" spans="1:7" x14ac:dyDescent="0.25">
      <c r="A4572" s="1">
        <v>4570</v>
      </c>
      <c r="B4572" t="s">
        <v>4573</v>
      </c>
      <c r="C4572" t="s">
        <v>10020</v>
      </c>
      <c r="D4572" t="s">
        <v>15460</v>
      </c>
      <c r="E4572" t="s">
        <v>20679</v>
      </c>
      <c r="G4572" s="2"/>
    </row>
    <row r="4573" spans="1:7" x14ac:dyDescent="0.25">
      <c r="A4573" s="1">
        <v>4571</v>
      </c>
      <c r="B4573" t="s">
        <v>4574</v>
      </c>
      <c r="C4573" t="s">
        <v>10021</v>
      </c>
      <c r="D4573" t="s">
        <v>15461</v>
      </c>
      <c r="E4573" t="s">
        <v>20680</v>
      </c>
      <c r="G4573" s="2"/>
    </row>
    <row r="4574" spans="1:7" x14ac:dyDescent="0.25">
      <c r="A4574" s="1">
        <v>4572</v>
      </c>
      <c r="B4574" t="s">
        <v>4575</v>
      </c>
      <c r="C4574" t="s">
        <v>10022</v>
      </c>
      <c r="D4574" t="s">
        <v>15462</v>
      </c>
      <c r="E4574" t="s">
        <v>20681</v>
      </c>
      <c r="G4574" s="2"/>
    </row>
    <row r="4575" spans="1:7" x14ac:dyDescent="0.25">
      <c r="A4575" s="1">
        <v>4573</v>
      </c>
      <c r="B4575" t="s">
        <v>4576</v>
      </c>
      <c r="C4575" t="s">
        <v>10023</v>
      </c>
      <c r="D4575" t="s">
        <v>15463</v>
      </c>
      <c r="E4575" t="s">
        <v>20682</v>
      </c>
      <c r="G4575" s="2"/>
    </row>
    <row r="4576" spans="1:7" x14ac:dyDescent="0.25">
      <c r="A4576" s="1">
        <v>4574</v>
      </c>
      <c r="B4576" t="s">
        <v>4577</v>
      </c>
      <c r="C4576" t="s">
        <v>10024</v>
      </c>
      <c r="D4576" t="s">
        <v>15464</v>
      </c>
      <c r="E4576" t="s">
        <v>20683</v>
      </c>
      <c r="G4576" s="2"/>
    </row>
    <row r="4577" spans="1:7" x14ac:dyDescent="0.25">
      <c r="A4577" s="1">
        <v>4575</v>
      </c>
      <c r="B4577" t="s">
        <v>4578</v>
      </c>
      <c r="C4577" t="s">
        <v>10025</v>
      </c>
      <c r="D4577" t="s">
        <v>15465</v>
      </c>
      <c r="E4577" t="s">
        <v>20684</v>
      </c>
      <c r="G4577" s="2"/>
    </row>
    <row r="4578" spans="1:7" x14ac:dyDescent="0.25">
      <c r="A4578" s="1">
        <v>4576</v>
      </c>
      <c r="B4578" t="s">
        <v>4579</v>
      </c>
      <c r="C4578" t="s">
        <v>10026</v>
      </c>
      <c r="D4578" t="s">
        <v>15466</v>
      </c>
      <c r="E4578" t="s">
        <v>20685</v>
      </c>
      <c r="G4578" s="2"/>
    </row>
    <row r="4579" spans="1:7" x14ac:dyDescent="0.25">
      <c r="A4579" s="1">
        <v>4577</v>
      </c>
      <c r="B4579" t="s">
        <v>4580</v>
      </c>
      <c r="C4579" t="s">
        <v>10027</v>
      </c>
      <c r="D4579" t="s">
        <v>15467</v>
      </c>
      <c r="E4579" t="s">
        <v>20686</v>
      </c>
      <c r="G4579" s="2"/>
    </row>
    <row r="4580" spans="1:7" x14ac:dyDescent="0.25">
      <c r="A4580" s="1">
        <v>4578</v>
      </c>
      <c r="B4580" t="s">
        <v>4581</v>
      </c>
      <c r="C4580" t="s">
        <v>10028</v>
      </c>
      <c r="D4580" t="s">
        <v>15468</v>
      </c>
      <c r="E4580" t="s">
        <v>20687</v>
      </c>
      <c r="G4580" s="2"/>
    </row>
    <row r="4581" spans="1:7" x14ac:dyDescent="0.25">
      <c r="A4581" s="1">
        <v>4579</v>
      </c>
      <c r="B4581" t="s">
        <v>4582</v>
      </c>
      <c r="C4581" t="s">
        <v>10029</v>
      </c>
      <c r="D4581" t="s">
        <v>15469</v>
      </c>
      <c r="E4581" t="s">
        <v>20688</v>
      </c>
      <c r="G4581" s="2"/>
    </row>
    <row r="4582" spans="1:7" x14ac:dyDescent="0.25">
      <c r="A4582" s="1">
        <v>4580</v>
      </c>
      <c r="B4582" t="s">
        <v>4583</v>
      </c>
      <c r="C4582" t="s">
        <v>10030</v>
      </c>
      <c r="D4582" t="s">
        <v>15470</v>
      </c>
      <c r="E4582" t="s">
        <v>20689</v>
      </c>
      <c r="G4582" s="2"/>
    </row>
    <row r="4583" spans="1:7" x14ac:dyDescent="0.25">
      <c r="A4583" s="1">
        <v>4581</v>
      </c>
      <c r="B4583" t="s">
        <v>4584</v>
      </c>
      <c r="C4583" t="s">
        <v>10031</v>
      </c>
      <c r="D4583" t="s">
        <v>15471</v>
      </c>
      <c r="E4583" t="s">
        <v>20690</v>
      </c>
      <c r="G4583" s="2"/>
    </row>
    <row r="4584" spans="1:7" x14ac:dyDescent="0.25">
      <c r="A4584" s="1">
        <v>4582</v>
      </c>
      <c r="B4584" t="s">
        <v>4585</v>
      </c>
      <c r="C4584" t="s">
        <v>10032</v>
      </c>
      <c r="D4584" t="s">
        <v>15472</v>
      </c>
      <c r="E4584" t="s">
        <v>20691</v>
      </c>
      <c r="G4584" s="2"/>
    </row>
    <row r="4585" spans="1:7" x14ac:dyDescent="0.25">
      <c r="A4585" s="1">
        <v>4583</v>
      </c>
      <c r="B4585" t="s">
        <v>4586</v>
      </c>
      <c r="C4585" t="s">
        <v>10033</v>
      </c>
      <c r="D4585" t="s">
        <v>15473</v>
      </c>
      <c r="E4585" t="s">
        <v>20692</v>
      </c>
      <c r="G4585" s="2"/>
    </row>
    <row r="4586" spans="1:7" x14ac:dyDescent="0.25">
      <c r="A4586" s="1">
        <v>4584</v>
      </c>
      <c r="B4586" t="s">
        <v>4587</v>
      </c>
      <c r="C4586" t="s">
        <v>10034</v>
      </c>
      <c r="D4586" t="s">
        <v>15474</v>
      </c>
      <c r="E4586" t="s">
        <v>20693</v>
      </c>
      <c r="G4586" s="2"/>
    </row>
    <row r="4587" spans="1:7" x14ac:dyDescent="0.25">
      <c r="A4587" s="1">
        <v>4585</v>
      </c>
      <c r="B4587" t="s">
        <v>4588</v>
      </c>
      <c r="C4587" t="s">
        <v>10035</v>
      </c>
      <c r="D4587" t="s">
        <v>15475</v>
      </c>
      <c r="E4587" t="s">
        <v>20694</v>
      </c>
      <c r="G4587" s="2"/>
    </row>
    <row r="4588" spans="1:7" x14ac:dyDescent="0.25">
      <c r="A4588" s="1">
        <v>4586</v>
      </c>
      <c r="B4588" t="s">
        <v>4589</v>
      </c>
      <c r="C4588" t="s">
        <v>10036</v>
      </c>
      <c r="D4588" t="s">
        <v>15476</v>
      </c>
      <c r="E4588" t="s">
        <v>20695</v>
      </c>
      <c r="G4588" s="2"/>
    </row>
    <row r="4589" spans="1:7" x14ac:dyDescent="0.25">
      <c r="A4589" s="1">
        <v>4587</v>
      </c>
      <c r="B4589" t="s">
        <v>4590</v>
      </c>
      <c r="C4589" t="s">
        <v>10037</v>
      </c>
      <c r="D4589" t="s">
        <v>15477</v>
      </c>
      <c r="E4589" t="s">
        <v>20696</v>
      </c>
      <c r="G4589" s="2"/>
    </row>
    <row r="4590" spans="1:7" x14ac:dyDescent="0.25">
      <c r="A4590" s="1">
        <v>4588</v>
      </c>
      <c r="B4590" t="s">
        <v>4591</v>
      </c>
      <c r="C4590" t="s">
        <v>10038</v>
      </c>
      <c r="D4590" t="s">
        <v>15478</v>
      </c>
      <c r="E4590" t="s">
        <v>20697</v>
      </c>
      <c r="G4590" s="2"/>
    </row>
    <row r="4591" spans="1:7" x14ac:dyDescent="0.25">
      <c r="A4591" s="1">
        <v>4589</v>
      </c>
      <c r="B4591" t="s">
        <v>4592</v>
      </c>
      <c r="C4591" t="s">
        <v>10039</v>
      </c>
      <c r="D4591" t="s">
        <v>15479</v>
      </c>
      <c r="E4591" t="s">
        <v>20698</v>
      </c>
      <c r="G4591" s="2"/>
    </row>
    <row r="4592" spans="1:7" x14ac:dyDescent="0.25">
      <c r="A4592" s="1">
        <v>4590</v>
      </c>
      <c r="B4592" t="s">
        <v>4593</v>
      </c>
      <c r="C4592" t="s">
        <v>10040</v>
      </c>
      <c r="D4592" t="s">
        <v>15480</v>
      </c>
      <c r="E4592" t="s">
        <v>20699</v>
      </c>
      <c r="G4592" s="2"/>
    </row>
    <row r="4593" spans="1:7" x14ac:dyDescent="0.25">
      <c r="A4593" s="1">
        <v>4591</v>
      </c>
      <c r="B4593" t="s">
        <v>4594</v>
      </c>
      <c r="C4593" t="s">
        <v>10041</v>
      </c>
      <c r="D4593" t="s">
        <v>15481</v>
      </c>
      <c r="E4593" t="s">
        <v>20700</v>
      </c>
      <c r="G4593" s="2"/>
    </row>
    <row r="4594" spans="1:7" x14ac:dyDescent="0.25">
      <c r="A4594" s="1">
        <v>4592</v>
      </c>
      <c r="B4594" t="s">
        <v>4595</v>
      </c>
      <c r="C4594" t="s">
        <v>10042</v>
      </c>
      <c r="D4594" t="s">
        <v>15482</v>
      </c>
      <c r="E4594" t="s">
        <v>20701</v>
      </c>
      <c r="G4594" s="2"/>
    </row>
    <row r="4595" spans="1:7" x14ac:dyDescent="0.25">
      <c r="A4595" s="1">
        <v>4593</v>
      </c>
      <c r="B4595" t="s">
        <v>4596</v>
      </c>
      <c r="C4595" t="s">
        <v>10043</v>
      </c>
      <c r="D4595" t="s">
        <v>15483</v>
      </c>
      <c r="E4595" t="s">
        <v>20702</v>
      </c>
      <c r="G4595" s="2"/>
    </row>
    <row r="4596" spans="1:7" x14ac:dyDescent="0.25">
      <c r="A4596" s="1">
        <v>4594</v>
      </c>
      <c r="B4596" t="s">
        <v>4597</v>
      </c>
      <c r="C4596" t="s">
        <v>10044</v>
      </c>
      <c r="D4596" t="s">
        <v>15484</v>
      </c>
      <c r="E4596" t="s">
        <v>20703</v>
      </c>
      <c r="G4596" s="2"/>
    </row>
    <row r="4597" spans="1:7" x14ac:dyDescent="0.25">
      <c r="A4597" s="1">
        <v>4595</v>
      </c>
      <c r="B4597" t="s">
        <v>4598</v>
      </c>
      <c r="C4597" t="s">
        <v>10045</v>
      </c>
      <c r="D4597" t="s">
        <v>15485</v>
      </c>
      <c r="E4597" t="s">
        <v>20704</v>
      </c>
      <c r="G4597" s="2"/>
    </row>
    <row r="4598" spans="1:7" x14ac:dyDescent="0.25">
      <c r="A4598" s="1">
        <v>4596</v>
      </c>
      <c r="B4598" t="s">
        <v>4599</v>
      </c>
      <c r="C4598" t="s">
        <v>10046</v>
      </c>
      <c r="D4598" t="s">
        <v>15486</v>
      </c>
      <c r="E4598" t="s">
        <v>20593</v>
      </c>
      <c r="G4598" s="2"/>
    </row>
    <row r="4599" spans="1:7" x14ac:dyDescent="0.25">
      <c r="A4599" s="1">
        <v>4597</v>
      </c>
      <c r="B4599" t="s">
        <v>4600</v>
      </c>
      <c r="C4599" t="s">
        <v>10047</v>
      </c>
      <c r="D4599" t="s">
        <v>15487</v>
      </c>
      <c r="E4599" t="s">
        <v>20705</v>
      </c>
      <c r="G4599" s="2"/>
    </row>
    <row r="4600" spans="1:7" x14ac:dyDescent="0.25">
      <c r="A4600" s="1">
        <v>4598</v>
      </c>
      <c r="B4600" t="s">
        <v>4601</v>
      </c>
      <c r="C4600" t="s">
        <v>10048</v>
      </c>
      <c r="D4600" t="s">
        <v>15488</v>
      </c>
      <c r="E4600" t="s">
        <v>20706</v>
      </c>
      <c r="G4600" s="2"/>
    </row>
    <row r="4601" spans="1:7" x14ac:dyDescent="0.25">
      <c r="A4601" s="1">
        <v>4599</v>
      </c>
      <c r="B4601" t="s">
        <v>4602</v>
      </c>
      <c r="C4601" t="s">
        <v>10049</v>
      </c>
      <c r="D4601" t="s">
        <v>15489</v>
      </c>
      <c r="E4601" t="s">
        <v>20707</v>
      </c>
      <c r="G4601" s="2"/>
    </row>
    <row r="4602" spans="1:7" x14ac:dyDescent="0.25">
      <c r="A4602" s="1">
        <v>4600</v>
      </c>
      <c r="B4602" t="s">
        <v>4603</v>
      </c>
      <c r="C4602" t="s">
        <v>10050</v>
      </c>
      <c r="D4602" t="s">
        <v>15490</v>
      </c>
      <c r="E4602" t="s">
        <v>20708</v>
      </c>
      <c r="G4602" s="2"/>
    </row>
    <row r="4603" spans="1:7" x14ac:dyDescent="0.25">
      <c r="A4603" s="1">
        <v>4601</v>
      </c>
      <c r="B4603" t="s">
        <v>4604</v>
      </c>
      <c r="C4603" t="s">
        <v>10051</v>
      </c>
      <c r="D4603" t="s">
        <v>15491</v>
      </c>
      <c r="E4603" t="s">
        <v>19470</v>
      </c>
      <c r="G4603" s="2"/>
    </row>
    <row r="4604" spans="1:7" x14ac:dyDescent="0.25">
      <c r="A4604" s="1">
        <v>4602</v>
      </c>
      <c r="B4604" t="s">
        <v>4605</v>
      </c>
      <c r="C4604" t="s">
        <v>10052</v>
      </c>
      <c r="D4604" t="s">
        <v>15492</v>
      </c>
      <c r="E4604" t="s">
        <v>17162</v>
      </c>
      <c r="G4604" s="2"/>
    </row>
    <row r="4605" spans="1:7" x14ac:dyDescent="0.25">
      <c r="A4605" s="1">
        <v>4603</v>
      </c>
      <c r="B4605" t="s">
        <v>4606</v>
      </c>
      <c r="C4605" t="s">
        <v>10053</v>
      </c>
      <c r="D4605" t="s">
        <v>15493</v>
      </c>
      <c r="E4605" t="s">
        <v>20709</v>
      </c>
      <c r="G4605" s="2"/>
    </row>
    <row r="4606" spans="1:7" x14ac:dyDescent="0.25">
      <c r="A4606" s="1">
        <v>4604</v>
      </c>
      <c r="B4606" t="s">
        <v>4607</v>
      </c>
      <c r="C4606" t="s">
        <v>10054</v>
      </c>
      <c r="D4606" t="s">
        <v>15494</v>
      </c>
      <c r="E4606" t="s">
        <v>20710</v>
      </c>
      <c r="G4606" s="2"/>
    </row>
    <row r="4607" spans="1:7" x14ac:dyDescent="0.25">
      <c r="A4607" s="1">
        <v>4605</v>
      </c>
      <c r="B4607" t="s">
        <v>4608</v>
      </c>
      <c r="C4607" t="s">
        <v>10055</v>
      </c>
      <c r="D4607" t="s">
        <v>15495</v>
      </c>
      <c r="E4607" t="s">
        <v>20711</v>
      </c>
      <c r="G4607" s="2"/>
    </row>
    <row r="4608" spans="1:7" x14ac:dyDescent="0.25">
      <c r="A4608" s="1">
        <v>4606</v>
      </c>
      <c r="B4608" t="s">
        <v>4609</v>
      </c>
      <c r="C4608" t="s">
        <v>10056</v>
      </c>
      <c r="D4608" t="s">
        <v>15496</v>
      </c>
      <c r="E4608" t="s">
        <v>20712</v>
      </c>
      <c r="G4608" s="2"/>
    </row>
    <row r="4609" spans="1:7" x14ac:dyDescent="0.25">
      <c r="A4609" s="1">
        <v>4607</v>
      </c>
      <c r="B4609" t="s">
        <v>4610</v>
      </c>
      <c r="C4609" t="s">
        <v>10057</v>
      </c>
      <c r="D4609" t="s">
        <v>15497</v>
      </c>
      <c r="E4609" t="s">
        <v>20713</v>
      </c>
      <c r="G4609" s="2"/>
    </row>
    <row r="4610" spans="1:7" x14ac:dyDescent="0.25">
      <c r="A4610" s="1">
        <v>4608</v>
      </c>
      <c r="B4610" t="s">
        <v>4611</v>
      </c>
      <c r="C4610" t="s">
        <v>10058</v>
      </c>
      <c r="D4610" t="s">
        <v>15498</v>
      </c>
      <c r="E4610" t="s">
        <v>20714</v>
      </c>
      <c r="G4610" s="2"/>
    </row>
    <row r="4611" spans="1:7" x14ac:dyDescent="0.25">
      <c r="A4611" s="1">
        <v>4609</v>
      </c>
      <c r="B4611" t="s">
        <v>4612</v>
      </c>
      <c r="C4611" t="s">
        <v>10059</v>
      </c>
      <c r="D4611" t="s">
        <v>15499</v>
      </c>
      <c r="E4611" t="s">
        <v>20715</v>
      </c>
      <c r="G4611" s="2"/>
    </row>
    <row r="4612" spans="1:7" x14ac:dyDescent="0.25">
      <c r="A4612" s="1">
        <v>4610</v>
      </c>
      <c r="B4612" t="s">
        <v>4613</v>
      </c>
      <c r="C4612" t="s">
        <v>10060</v>
      </c>
      <c r="D4612" t="s">
        <v>15500</v>
      </c>
      <c r="E4612" t="s">
        <v>20716</v>
      </c>
      <c r="G4612" s="2"/>
    </row>
    <row r="4613" spans="1:7" x14ac:dyDescent="0.25">
      <c r="A4613" s="1">
        <v>4611</v>
      </c>
      <c r="B4613" t="s">
        <v>4614</v>
      </c>
      <c r="C4613" t="s">
        <v>10061</v>
      </c>
      <c r="D4613" t="s">
        <v>15501</v>
      </c>
      <c r="E4613" t="s">
        <v>20717</v>
      </c>
      <c r="G4613" s="2"/>
    </row>
    <row r="4614" spans="1:7" x14ac:dyDescent="0.25">
      <c r="A4614" s="1">
        <v>4612</v>
      </c>
      <c r="B4614" t="s">
        <v>4615</v>
      </c>
      <c r="C4614" t="s">
        <v>10062</v>
      </c>
      <c r="D4614" t="s">
        <v>15502</v>
      </c>
      <c r="E4614" t="s">
        <v>20718</v>
      </c>
      <c r="G4614" s="2"/>
    </row>
    <row r="4615" spans="1:7" x14ac:dyDescent="0.25">
      <c r="A4615" s="1">
        <v>4613</v>
      </c>
      <c r="B4615" t="s">
        <v>4616</v>
      </c>
      <c r="C4615" t="s">
        <v>10063</v>
      </c>
      <c r="D4615" t="s">
        <v>15503</v>
      </c>
      <c r="E4615" t="s">
        <v>20719</v>
      </c>
      <c r="G4615" s="2"/>
    </row>
    <row r="4616" spans="1:7" x14ac:dyDescent="0.25">
      <c r="A4616" s="1">
        <v>4614</v>
      </c>
      <c r="B4616" t="s">
        <v>4617</v>
      </c>
      <c r="C4616" t="s">
        <v>10064</v>
      </c>
      <c r="D4616" t="s">
        <v>15504</v>
      </c>
      <c r="E4616" t="s">
        <v>20720</v>
      </c>
      <c r="G4616" s="2"/>
    </row>
    <row r="4617" spans="1:7" x14ac:dyDescent="0.25">
      <c r="A4617" s="1">
        <v>4615</v>
      </c>
      <c r="B4617" t="s">
        <v>4618</v>
      </c>
      <c r="C4617" t="s">
        <v>10065</v>
      </c>
      <c r="D4617" t="s">
        <v>15505</v>
      </c>
      <c r="E4617" t="s">
        <v>20721</v>
      </c>
      <c r="G4617" s="2"/>
    </row>
    <row r="4618" spans="1:7" x14ac:dyDescent="0.25">
      <c r="A4618" s="1">
        <v>4616</v>
      </c>
      <c r="B4618" t="s">
        <v>4619</v>
      </c>
      <c r="C4618" t="s">
        <v>10066</v>
      </c>
      <c r="D4618" t="s">
        <v>15506</v>
      </c>
      <c r="E4618" t="s">
        <v>20722</v>
      </c>
      <c r="G4618" s="2"/>
    </row>
    <row r="4619" spans="1:7" x14ac:dyDescent="0.25">
      <c r="A4619" s="1">
        <v>4617</v>
      </c>
      <c r="B4619" t="s">
        <v>4620</v>
      </c>
      <c r="C4619" t="s">
        <v>10067</v>
      </c>
      <c r="D4619" t="s">
        <v>15507</v>
      </c>
      <c r="E4619" t="s">
        <v>20723</v>
      </c>
      <c r="G4619" s="2"/>
    </row>
    <row r="4620" spans="1:7" x14ac:dyDescent="0.25">
      <c r="A4620" s="1">
        <v>4618</v>
      </c>
      <c r="B4620" t="s">
        <v>4621</v>
      </c>
      <c r="C4620" t="s">
        <v>10068</v>
      </c>
      <c r="D4620" t="s">
        <v>15508</v>
      </c>
      <c r="E4620" t="s">
        <v>20724</v>
      </c>
      <c r="G4620" s="2"/>
    </row>
    <row r="4621" spans="1:7" x14ac:dyDescent="0.25">
      <c r="A4621" s="1">
        <v>4619</v>
      </c>
      <c r="B4621" t="s">
        <v>4622</v>
      </c>
      <c r="C4621" t="s">
        <v>10069</v>
      </c>
      <c r="D4621" t="s">
        <v>15509</v>
      </c>
      <c r="E4621" t="s">
        <v>20725</v>
      </c>
      <c r="G4621" s="2"/>
    </row>
    <row r="4622" spans="1:7" x14ac:dyDescent="0.25">
      <c r="A4622" s="1">
        <v>4620</v>
      </c>
      <c r="B4622" t="s">
        <v>4623</v>
      </c>
      <c r="C4622" t="s">
        <v>10070</v>
      </c>
      <c r="D4622" t="s">
        <v>15510</v>
      </c>
      <c r="E4622" t="s">
        <v>20726</v>
      </c>
      <c r="G4622" s="2"/>
    </row>
    <row r="4623" spans="1:7" x14ac:dyDescent="0.25">
      <c r="A4623" s="1">
        <v>4621</v>
      </c>
      <c r="B4623" t="s">
        <v>4624</v>
      </c>
      <c r="C4623" t="s">
        <v>10071</v>
      </c>
      <c r="D4623" t="s">
        <v>15511</v>
      </c>
      <c r="E4623" t="s">
        <v>20727</v>
      </c>
      <c r="G4623" s="2"/>
    </row>
    <row r="4624" spans="1:7" x14ac:dyDescent="0.25">
      <c r="A4624" s="1">
        <v>4622</v>
      </c>
      <c r="B4624" t="s">
        <v>4625</v>
      </c>
      <c r="C4624" t="s">
        <v>10072</v>
      </c>
      <c r="D4624" t="s">
        <v>15512</v>
      </c>
      <c r="E4624" t="s">
        <v>20728</v>
      </c>
      <c r="G4624" s="2"/>
    </row>
    <row r="4625" spans="1:7" x14ac:dyDescent="0.25">
      <c r="A4625" s="1">
        <v>4623</v>
      </c>
      <c r="B4625" t="s">
        <v>4626</v>
      </c>
      <c r="C4625" t="s">
        <v>10073</v>
      </c>
      <c r="D4625" t="s">
        <v>15513</v>
      </c>
      <c r="E4625" t="s">
        <v>20729</v>
      </c>
      <c r="G4625" s="2"/>
    </row>
    <row r="4626" spans="1:7" x14ac:dyDescent="0.25">
      <c r="A4626" s="1">
        <v>4624</v>
      </c>
      <c r="B4626" t="s">
        <v>4627</v>
      </c>
      <c r="C4626" t="s">
        <v>10074</v>
      </c>
      <c r="D4626" t="s">
        <v>15514</v>
      </c>
      <c r="E4626" t="s">
        <v>20730</v>
      </c>
      <c r="G4626" s="2"/>
    </row>
    <row r="4627" spans="1:7" x14ac:dyDescent="0.25">
      <c r="A4627" s="1">
        <v>4625</v>
      </c>
      <c r="B4627" t="s">
        <v>4628</v>
      </c>
      <c r="C4627" t="s">
        <v>10075</v>
      </c>
      <c r="D4627" t="s">
        <v>15515</v>
      </c>
      <c r="E4627" t="s">
        <v>20731</v>
      </c>
      <c r="G4627" s="2"/>
    </row>
    <row r="4628" spans="1:7" x14ac:dyDescent="0.25">
      <c r="A4628" s="1">
        <v>4626</v>
      </c>
      <c r="B4628" t="s">
        <v>4629</v>
      </c>
      <c r="C4628" t="s">
        <v>10076</v>
      </c>
      <c r="D4628" t="s">
        <v>15516</v>
      </c>
      <c r="E4628" t="s">
        <v>16555</v>
      </c>
      <c r="G4628" s="2"/>
    </row>
    <row r="4629" spans="1:7" x14ac:dyDescent="0.25">
      <c r="A4629" s="1">
        <v>4627</v>
      </c>
      <c r="B4629" t="s">
        <v>4630</v>
      </c>
      <c r="C4629" t="s">
        <v>10077</v>
      </c>
      <c r="D4629" t="s">
        <v>15517</v>
      </c>
      <c r="E4629" t="s">
        <v>20732</v>
      </c>
      <c r="G4629" s="2"/>
    </row>
    <row r="4630" spans="1:7" x14ac:dyDescent="0.25">
      <c r="A4630" s="1">
        <v>4628</v>
      </c>
      <c r="B4630" t="s">
        <v>4631</v>
      </c>
      <c r="C4630" t="s">
        <v>10078</v>
      </c>
      <c r="D4630" t="s">
        <v>15518</v>
      </c>
      <c r="E4630" t="s">
        <v>20733</v>
      </c>
      <c r="G4630" s="2"/>
    </row>
    <row r="4631" spans="1:7" x14ac:dyDescent="0.25">
      <c r="A4631" s="1">
        <v>4629</v>
      </c>
      <c r="B4631" t="s">
        <v>4632</v>
      </c>
      <c r="C4631" t="s">
        <v>10079</v>
      </c>
      <c r="D4631" t="s">
        <v>15519</v>
      </c>
      <c r="E4631" t="s">
        <v>20734</v>
      </c>
      <c r="G4631" s="2"/>
    </row>
    <row r="4632" spans="1:7" x14ac:dyDescent="0.25">
      <c r="A4632" s="1">
        <v>4630</v>
      </c>
      <c r="B4632" t="s">
        <v>4633</v>
      </c>
      <c r="C4632" t="s">
        <v>10080</v>
      </c>
      <c r="D4632" t="s">
        <v>15520</v>
      </c>
      <c r="E4632" t="s">
        <v>20735</v>
      </c>
      <c r="G4632" s="2"/>
    </row>
    <row r="4633" spans="1:7" x14ac:dyDescent="0.25">
      <c r="A4633" s="1">
        <v>4631</v>
      </c>
      <c r="B4633" t="s">
        <v>4634</v>
      </c>
      <c r="C4633" t="s">
        <v>10081</v>
      </c>
      <c r="D4633" t="s">
        <v>15521</v>
      </c>
      <c r="E4633" t="s">
        <v>20736</v>
      </c>
      <c r="G4633" s="2"/>
    </row>
    <row r="4634" spans="1:7" x14ac:dyDescent="0.25">
      <c r="A4634" s="1">
        <v>4632</v>
      </c>
      <c r="B4634" t="s">
        <v>4635</v>
      </c>
      <c r="C4634" t="s">
        <v>10082</v>
      </c>
      <c r="D4634" t="s">
        <v>15522</v>
      </c>
      <c r="E4634" t="s">
        <v>20737</v>
      </c>
      <c r="G4634" s="2"/>
    </row>
    <row r="4635" spans="1:7" x14ac:dyDescent="0.25">
      <c r="A4635" s="1">
        <v>4633</v>
      </c>
      <c r="B4635" t="s">
        <v>4636</v>
      </c>
      <c r="C4635" t="s">
        <v>10083</v>
      </c>
      <c r="D4635" t="s">
        <v>15523</v>
      </c>
      <c r="E4635" t="s">
        <v>16555</v>
      </c>
      <c r="G4635" s="2"/>
    </row>
    <row r="4636" spans="1:7" x14ac:dyDescent="0.25">
      <c r="A4636" s="1">
        <v>4634</v>
      </c>
      <c r="B4636" t="s">
        <v>4637</v>
      </c>
      <c r="C4636" t="s">
        <v>10084</v>
      </c>
      <c r="D4636" t="s">
        <v>15524</v>
      </c>
      <c r="E4636" t="s">
        <v>20738</v>
      </c>
      <c r="G4636" s="2"/>
    </row>
    <row r="4637" spans="1:7" x14ac:dyDescent="0.25">
      <c r="A4637" s="1">
        <v>4635</v>
      </c>
      <c r="B4637" t="s">
        <v>4638</v>
      </c>
      <c r="C4637" t="s">
        <v>10085</v>
      </c>
      <c r="D4637" t="s">
        <v>15525</v>
      </c>
      <c r="E4637" t="s">
        <v>20739</v>
      </c>
      <c r="G4637" s="2"/>
    </row>
    <row r="4638" spans="1:7" x14ac:dyDescent="0.25">
      <c r="A4638" s="1">
        <v>4636</v>
      </c>
      <c r="B4638" t="s">
        <v>4639</v>
      </c>
      <c r="C4638" t="s">
        <v>10086</v>
      </c>
      <c r="D4638" t="s">
        <v>15526</v>
      </c>
      <c r="E4638" t="s">
        <v>20740</v>
      </c>
      <c r="G4638" s="2"/>
    </row>
    <row r="4639" spans="1:7" x14ac:dyDescent="0.25">
      <c r="A4639" s="1">
        <v>4637</v>
      </c>
      <c r="B4639" t="s">
        <v>4640</v>
      </c>
      <c r="C4639" t="s">
        <v>10087</v>
      </c>
      <c r="D4639" t="s">
        <v>15527</v>
      </c>
      <c r="E4639" t="s">
        <v>20741</v>
      </c>
      <c r="G4639" s="2"/>
    </row>
    <row r="4640" spans="1:7" x14ac:dyDescent="0.25">
      <c r="A4640" s="1">
        <v>4638</v>
      </c>
      <c r="B4640" t="s">
        <v>4641</v>
      </c>
      <c r="C4640" t="s">
        <v>10088</v>
      </c>
      <c r="D4640" t="s">
        <v>15528</v>
      </c>
      <c r="E4640" t="s">
        <v>20742</v>
      </c>
      <c r="G4640" s="2"/>
    </row>
    <row r="4641" spans="1:7" x14ac:dyDescent="0.25">
      <c r="A4641" s="1">
        <v>4639</v>
      </c>
      <c r="B4641" t="s">
        <v>4642</v>
      </c>
      <c r="C4641" t="s">
        <v>10089</v>
      </c>
      <c r="D4641" t="s">
        <v>15529</v>
      </c>
      <c r="E4641" t="s">
        <v>20743</v>
      </c>
      <c r="G4641" s="2"/>
    </row>
    <row r="4642" spans="1:7" x14ac:dyDescent="0.25">
      <c r="A4642" s="1">
        <v>4640</v>
      </c>
      <c r="B4642" t="s">
        <v>4643</v>
      </c>
      <c r="C4642" t="s">
        <v>10090</v>
      </c>
      <c r="D4642" t="s">
        <v>15530</v>
      </c>
      <c r="E4642" t="s">
        <v>20744</v>
      </c>
      <c r="G4642" s="2"/>
    </row>
    <row r="4643" spans="1:7" x14ac:dyDescent="0.25">
      <c r="A4643" s="1">
        <v>4641</v>
      </c>
      <c r="B4643" t="s">
        <v>4644</v>
      </c>
      <c r="C4643" t="s">
        <v>10091</v>
      </c>
      <c r="D4643" t="s">
        <v>15531</v>
      </c>
      <c r="E4643" t="s">
        <v>16347</v>
      </c>
      <c r="G4643" s="2"/>
    </row>
    <row r="4644" spans="1:7" x14ac:dyDescent="0.25">
      <c r="A4644" s="1">
        <v>4642</v>
      </c>
      <c r="B4644" t="s">
        <v>4645</v>
      </c>
      <c r="C4644" t="s">
        <v>10092</v>
      </c>
      <c r="D4644" t="s">
        <v>15532</v>
      </c>
      <c r="E4644" t="s">
        <v>20745</v>
      </c>
      <c r="G4644" s="2"/>
    </row>
    <row r="4645" spans="1:7" x14ac:dyDescent="0.25">
      <c r="A4645" s="1">
        <v>4643</v>
      </c>
      <c r="B4645" t="s">
        <v>4646</v>
      </c>
      <c r="C4645" t="s">
        <v>10093</v>
      </c>
      <c r="D4645" t="s">
        <v>15533</v>
      </c>
      <c r="E4645" t="s">
        <v>20746</v>
      </c>
      <c r="G4645" s="2"/>
    </row>
    <row r="4646" spans="1:7" x14ac:dyDescent="0.25">
      <c r="A4646" s="1">
        <v>4644</v>
      </c>
      <c r="B4646" t="s">
        <v>4647</v>
      </c>
      <c r="C4646" t="s">
        <v>10094</v>
      </c>
      <c r="D4646" t="s">
        <v>15534</v>
      </c>
      <c r="E4646" t="s">
        <v>20747</v>
      </c>
      <c r="G4646" s="2"/>
    </row>
    <row r="4647" spans="1:7" x14ac:dyDescent="0.25">
      <c r="A4647" s="1">
        <v>4645</v>
      </c>
      <c r="B4647" t="s">
        <v>4648</v>
      </c>
      <c r="C4647" t="s">
        <v>10095</v>
      </c>
      <c r="D4647" t="s">
        <v>15535</v>
      </c>
      <c r="E4647" t="s">
        <v>20748</v>
      </c>
      <c r="G4647" s="2"/>
    </row>
    <row r="4648" spans="1:7" x14ac:dyDescent="0.25">
      <c r="A4648" s="1">
        <v>4646</v>
      </c>
      <c r="B4648" t="s">
        <v>4649</v>
      </c>
      <c r="C4648" t="s">
        <v>10096</v>
      </c>
      <c r="D4648" t="s">
        <v>15536</v>
      </c>
      <c r="E4648" t="s">
        <v>20749</v>
      </c>
      <c r="G4648" s="2"/>
    </row>
    <row r="4649" spans="1:7" x14ac:dyDescent="0.25">
      <c r="A4649" s="1">
        <v>4647</v>
      </c>
      <c r="B4649" t="s">
        <v>4650</v>
      </c>
      <c r="C4649" t="s">
        <v>10097</v>
      </c>
      <c r="D4649" t="s">
        <v>15537</v>
      </c>
      <c r="E4649" t="s">
        <v>20750</v>
      </c>
      <c r="G4649" s="2"/>
    </row>
    <row r="4650" spans="1:7" x14ac:dyDescent="0.25">
      <c r="A4650" s="1">
        <v>4648</v>
      </c>
      <c r="B4650" t="s">
        <v>4651</v>
      </c>
      <c r="C4650" t="s">
        <v>10098</v>
      </c>
      <c r="D4650" t="s">
        <v>15538</v>
      </c>
      <c r="E4650" t="s">
        <v>16908</v>
      </c>
      <c r="G4650" s="2"/>
    </row>
    <row r="4651" spans="1:7" x14ac:dyDescent="0.25">
      <c r="A4651" s="1">
        <v>4649</v>
      </c>
      <c r="B4651" t="s">
        <v>4652</v>
      </c>
      <c r="C4651" t="s">
        <v>10099</v>
      </c>
      <c r="D4651" t="s">
        <v>15539</v>
      </c>
      <c r="E4651" t="s">
        <v>20751</v>
      </c>
      <c r="G4651" s="2"/>
    </row>
    <row r="4652" spans="1:7" x14ac:dyDescent="0.25">
      <c r="A4652" s="1">
        <v>4650</v>
      </c>
      <c r="B4652" t="s">
        <v>4653</v>
      </c>
      <c r="C4652" t="s">
        <v>10100</v>
      </c>
      <c r="D4652" t="s">
        <v>15540</v>
      </c>
      <c r="E4652" t="s">
        <v>20752</v>
      </c>
      <c r="G4652" s="2"/>
    </row>
    <row r="4653" spans="1:7" x14ac:dyDescent="0.25">
      <c r="A4653" s="1">
        <v>4651</v>
      </c>
      <c r="B4653" t="s">
        <v>4654</v>
      </c>
      <c r="C4653" t="s">
        <v>10101</v>
      </c>
      <c r="D4653" t="s">
        <v>15541</v>
      </c>
      <c r="E4653" t="s">
        <v>20753</v>
      </c>
      <c r="G4653" s="2"/>
    </row>
    <row r="4654" spans="1:7" x14ac:dyDescent="0.25">
      <c r="A4654" s="1">
        <v>4652</v>
      </c>
      <c r="B4654" t="s">
        <v>4655</v>
      </c>
      <c r="C4654" t="s">
        <v>10102</v>
      </c>
      <c r="D4654" t="s">
        <v>15542</v>
      </c>
      <c r="E4654" t="s">
        <v>20754</v>
      </c>
      <c r="G4654" s="2"/>
    </row>
    <row r="4655" spans="1:7" x14ac:dyDescent="0.25">
      <c r="A4655" s="1">
        <v>4653</v>
      </c>
      <c r="B4655" t="s">
        <v>4656</v>
      </c>
      <c r="C4655" t="s">
        <v>10103</v>
      </c>
      <c r="D4655" t="s">
        <v>15543</v>
      </c>
      <c r="E4655" t="s">
        <v>20755</v>
      </c>
      <c r="G4655" s="2"/>
    </row>
    <row r="4656" spans="1:7" x14ac:dyDescent="0.25">
      <c r="A4656" s="1">
        <v>4654</v>
      </c>
      <c r="B4656" t="s">
        <v>4657</v>
      </c>
      <c r="C4656" t="s">
        <v>10104</v>
      </c>
      <c r="D4656" t="s">
        <v>15544</v>
      </c>
      <c r="E4656" t="s">
        <v>20756</v>
      </c>
      <c r="G4656" s="2"/>
    </row>
    <row r="4657" spans="1:7" x14ac:dyDescent="0.25">
      <c r="A4657" s="1">
        <v>4655</v>
      </c>
      <c r="B4657" t="s">
        <v>4658</v>
      </c>
      <c r="C4657" t="s">
        <v>10105</v>
      </c>
      <c r="D4657" t="s">
        <v>15545</v>
      </c>
      <c r="E4657" t="s">
        <v>20757</v>
      </c>
      <c r="G4657" s="2"/>
    </row>
    <row r="4658" spans="1:7" x14ac:dyDescent="0.25">
      <c r="A4658" s="1">
        <v>4656</v>
      </c>
      <c r="B4658" t="s">
        <v>4659</v>
      </c>
      <c r="C4658" t="s">
        <v>10106</v>
      </c>
      <c r="D4658" t="s">
        <v>15546</v>
      </c>
      <c r="E4658" t="s">
        <v>20758</v>
      </c>
      <c r="G4658" s="2"/>
    </row>
    <row r="4659" spans="1:7" x14ac:dyDescent="0.25">
      <c r="A4659" s="1">
        <v>4657</v>
      </c>
      <c r="B4659" t="s">
        <v>4660</v>
      </c>
      <c r="C4659" t="s">
        <v>10107</v>
      </c>
      <c r="D4659" t="s">
        <v>15547</v>
      </c>
      <c r="E4659" t="s">
        <v>20759</v>
      </c>
      <c r="G4659" s="2"/>
    </row>
    <row r="4660" spans="1:7" x14ac:dyDescent="0.25">
      <c r="A4660" s="1">
        <v>4658</v>
      </c>
      <c r="B4660" t="s">
        <v>4661</v>
      </c>
      <c r="C4660" t="s">
        <v>10108</v>
      </c>
      <c r="D4660" t="s">
        <v>15548</v>
      </c>
      <c r="E4660" t="s">
        <v>20760</v>
      </c>
      <c r="G4660" s="2"/>
    </row>
    <row r="4661" spans="1:7" x14ac:dyDescent="0.25">
      <c r="A4661" s="1">
        <v>4659</v>
      </c>
      <c r="B4661" t="s">
        <v>4662</v>
      </c>
      <c r="C4661" t="s">
        <v>10109</v>
      </c>
      <c r="D4661" t="s">
        <v>15549</v>
      </c>
      <c r="E4661" t="s">
        <v>20761</v>
      </c>
      <c r="G4661" s="2"/>
    </row>
    <row r="4662" spans="1:7" x14ac:dyDescent="0.25">
      <c r="A4662" s="1">
        <v>4660</v>
      </c>
      <c r="B4662" t="s">
        <v>4663</v>
      </c>
      <c r="C4662" t="s">
        <v>10110</v>
      </c>
      <c r="D4662" t="s">
        <v>15550</v>
      </c>
      <c r="E4662" t="s">
        <v>20762</v>
      </c>
      <c r="G4662" s="2"/>
    </row>
    <row r="4663" spans="1:7" x14ac:dyDescent="0.25">
      <c r="A4663" s="1">
        <v>4661</v>
      </c>
      <c r="B4663" t="s">
        <v>4664</v>
      </c>
      <c r="C4663" t="s">
        <v>10111</v>
      </c>
      <c r="D4663" t="s">
        <v>15551</v>
      </c>
      <c r="E4663" t="s">
        <v>20763</v>
      </c>
      <c r="G4663" s="2"/>
    </row>
    <row r="4664" spans="1:7" x14ac:dyDescent="0.25">
      <c r="A4664" s="1">
        <v>4662</v>
      </c>
      <c r="B4664" t="s">
        <v>4665</v>
      </c>
      <c r="C4664" t="s">
        <v>10112</v>
      </c>
      <c r="D4664" t="s">
        <v>15552</v>
      </c>
      <c r="E4664" t="s">
        <v>20764</v>
      </c>
      <c r="G4664" s="2"/>
    </row>
    <row r="4665" spans="1:7" x14ac:dyDescent="0.25">
      <c r="A4665" s="1">
        <v>4663</v>
      </c>
      <c r="B4665" t="s">
        <v>4666</v>
      </c>
      <c r="C4665" t="s">
        <v>10113</v>
      </c>
      <c r="D4665" t="s">
        <v>15553</v>
      </c>
      <c r="E4665" t="s">
        <v>20765</v>
      </c>
      <c r="G4665" s="2"/>
    </row>
    <row r="4666" spans="1:7" x14ac:dyDescent="0.25">
      <c r="A4666" s="1">
        <v>4664</v>
      </c>
      <c r="B4666" t="s">
        <v>4667</v>
      </c>
      <c r="C4666" t="s">
        <v>10114</v>
      </c>
      <c r="D4666" t="s">
        <v>15554</v>
      </c>
      <c r="E4666" t="s">
        <v>20766</v>
      </c>
      <c r="G4666" s="2"/>
    </row>
    <row r="4667" spans="1:7" x14ac:dyDescent="0.25">
      <c r="A4667" s="1">
        <v>4665</v>
      </c>
      <c r="B4667" t="s">
        <v>4668</v>
      </c>
      <c r="C4667" t="s">
        <v>10115</v>
      </c>
      <c r="D4667" t="s">
        <v>15555</v>
      </c>
      <c r="E4667" t="s">
        <v>20767</v>
      </c>
      <c r="G4667" s="2"/>
    </row>
    <row r="4668" spans="1:7" x14ac:dyDescent="0.25">
      <c r="A4668" s="1">
        <v>4666</v>
      </c>
      <c r="B4668" t="s">
        <v>4669</v>
      </c>
      <c r="C4668" t="s">
        <v>10116</v>
      </c>
      <c r="D4668" t="s">
        <v>15556</v>
      </c>
      <c r="E4668" t="s">
        <v>20768</v>
      </c>
      <c r="G4668" s="2"/>
    </row>
    <row r="4669" spans="1:7" x14ac:dyDescent="0.25">
      <c r="A4669" s="1">
        <v>4667</v>
      </c>
      <c r="B4669" t="s">
        <v>4670</v>
      </c>
      <c r="C4669" t="s">
        <v>10117</v>
      </c>
      <c r="D4669" t="s">
        <v>15557</v>
      </c>
      <c r="E4669" t="s">
        <v>20769</v>
      </c>
      <c r="G4669" s="2"/>
    </row>
    <row r="4670" spans="1:7" x14ac:dyDescent="0.25">
      <c r="A4670" s="1">
        <v>4668</v>
      </c>
      <c r="B4670" t="s">
        <v>4671</v>
      </c>
      <c r="C4670" t="s">
        <v>10118</v>
      </c>
      <c r="D4670" t="s">
        <v>15558</v>
      </c>
      <c r="E4670" t="s">
        <v>20770</v>
      </c>
      <c r="G4670" s="2"/>
    </row>
    <row r="4671" spans="1:7" x14ac:dyDescent="0.25">
      <c r="A4671" s="1">
        <v>4669</v>
      </c>
      <c r="B4671" t="s">
        <v>4672</v>
      </c>
      <c r="C4671" t="s">
        <v>10119</v>
      </c>
      <c r="D4671" t="s">
        <v>15559</v>
      </c>
      <c r="E4671" t="s">
        <v>19784</v>
      </c>
      <c r="G4671" s="2"/>
    </row>
    <row r="4672" spans="1:7" x14ac:dyDescent="0.25">
      <c r="A4672" s="1">
        <v>4670</v>
      </c>
      <c r="B4672" t="s">
        <v>4673</v>
      </c>
      <c r="C4672" t="s">
        <v>10120</v>
      </c>
      <c r="D4672" t="s">
        <v>15560</v>
      </c>
      <c r="E4672" t="s">
        <v>20771</v>
      </c>
      <c r="G4672" s="2"/>
    </row>
    <row r="4673" spans="1:7" x14ac:dyDescent="0.25">
      <c r="A4673" s="1">
        <v>4671</v>
      </c>
      <c r="B4673" t="s">
        <v>4674</v>
      </c>
      <c r="C4673" t="s">
        <v>10121</v>
      </c>
      <c r="D4673" t="s">
        <v>15561</v>
      </c>
      <c r="E4673" t="s">
        <v>20772</v>
      </c>
      <c r="G4673" s="2"/>
    </row>
    <row r="4674" spans="1:7" x14ac:dyDescent="0.25">
      <c r="A4674" s="1">
        <v>4672</v>
      </c>
      <c r="B4674" t="s">
        <v>4675</v>
      </c>
      <c r="C4674" t="s">
        <v>10122</v>
      </c>
      <c r="D4674" t="s">
        <v>15562</v>
      </c>
      <c r="E4674" t="s">
        <v>20773</v>
      </c>
      <c r="G4674" s="2"/>
    </row>
    <row r="4675" spans="1:7" x14ac:dyDescent="0.25">
      <c r="A4675" s="1">
        <v>4673</v>
      </c>
      <c r="B4675" t="s">
        <v>4676</v>
      </c>
      <c r="C4675" t="s">
        <v>10123</v>
      </c>
      <c r="D4675" t="s">
        <v>15563</v>
      </c>
      <c r="E4675" t="s">
        <v>20774</v>
      </c>
      <c r="G4675" s="2"/>
    </row>
    <row r="4676" spans="1:7" x14ac:dyDescent="0.25">
      <c r="A4676" s="1">
        <v>4674</v>
      </c>
      <c r="B4676" t="s">
        <v>4677</v>
      </c>
      <c r="C4676" t="s">
        <v>10124</v>
      </c>
      <c r="D4676" t="s">
        <v>15564</v>
      </c>
      <c r="E4676" t="s">
        <v>20775</v>
      </c>
      <c r="G4676" s="2"/>
    </row>
    <row r="4677" spans="1:7" x14ac:dyDescent="0.25">
      <c r="A4677" s="1">
        <v>4675</v>
      </c>
      <c r="B4677" t="s">
        <v>4678</v>
      </c>
      <c r="C4677" t="s">
        <v>10125</v>
      </c>
      <c r="D4677" t="s">
        <v>15565</v>
      </c>
      <c r="E4677" t="s">
        <v>20776</v>
      </c>
      <c r="G4677" s="2"/>
    </row>
    <row r="4678" spans="1:7" x14ac:dyDescent="0.25">
      <c r="A4678" s="1">
        <v>4676</v>
      </c>
      <c r="B4678" t="s">
        <v>4679</v>
      </c>
      <c r="C4678" t="s">
        <v>10126</v>
      </c>
      <c r="D4678" t="s">
        <v>15566</v>
      </c>
      <c r="E4678" t="s">
        <v>20777</v>
      </c>
      <c r="G4678" s="2"/>
    </row>
    <row r="4679" spans="1:7" x14ac:dyDescent="0.25">
      <c r="A4679" s="1">
        <v>4677</v>
      </c>
      <c r="B4679" t="s">
        <v>4680</v>
      </c>
      <c r="C4679" t="s">
        <v>10127</v>
      </c>
      <c r="D4679" t="s">
        <v>15567</v>
      </c>
      <c r="E4679" t="s">
        <v>20778</v>
      </c>
      <c r="G4679" s="2"/>
    </row>
    <row r="4680" spans="1:7" x14ac:dyDescent="0.25">
      <c r="A4680" s="1">
        <v>4678</v>
      </c>
      <c r="B4680" t="s">
        <v>4681</v>
      </c>
      <c r="C4680" t="s">
        <v>10128</v>
      </c>
      <c r="D4680" t="s">
        <v>15568</v>
      </c>
      <c r="E4680" t="s">
        <v>20779</v>
      </c>
      <c r="G4680" s="2"/>
    </row>
    <row r="4681" spans="1:7" x14ac:dyDescent="0.25">
      <c r="A4681" s="1">
        <v>4679</v>
      </c>
      <c r="B4681" t="s">
        <v>4682</v>
      </c>
      <c r="C4681" t="s">
        <v>10129</v>
      </c>
      <c r="D4681" t="s">
        <v>15569</v>
      </c>
      <c r="E4681" t="s">
        <v>20780</v>
      </c>
      <c r="G4681" s="2"/>
    </row>
    <row r="4682" spans="1:7" x14ac:dyDescent="0.25">
      <c r="A4682" s="1">
        <v>4680</v>
      </c>
      <c r="B4682" t="s">
        <v>4683</v>
      </c>
      <c r="C4682" t="s">
        <v>10130</v>
      </c>
      <c r="D4682" t="s">
        <v>15570</v>
      </c>
      <c r="E4682" t="s">
        <v>16372</v>
      </c>
      <c r="G4682" s="2"/>
    </row>
    <row r="4683" spans="1:7" x14ac:dyDescent="0.25">
      <c r="A4683" s="1">
        <v>4681</v>
      </c>
      <c r="B4683" t="s">
        <v>4684</v>
      </c>
      <c r="C4683" t="s">
        <v>10131</v>
      </c>
      <c r="D4683" t="s">
        <v>15571</v>
      </c>
      <c r="E4683" t="s">
        <v>20781</v>
      </c>
      <c r="G4683" s="2"/>
    </row>
    <row r="4684" spans="1:7" x14ac:dyDescent="0.25">
      <c r="A4684" s="1">
        <v>4682</v>
      </c>
      <c r="B4684" t="s">
        <v>4685</v>
      </c>
      <c r="C4684" t="s">
        <v>10132</v>
      </c>
      <c r="D4684" t="s">
        <v>15572</v>
      </c>
      <c r="E4684" t="s">
        <v>20782</v>
      </c>
      <c r="G4684" s="2"/>
    </row>
    <row r="4685" spans="1:7" x14ac:dyDescent="0.25">
      <c r="A4685" s="1">
        <v>4683</v>
      </c>
      <c r="B4685" t="s">
        <v>4686</v>
      </c>
      <c r="C4685" t="s">
        <v>10133</v>
      </c>
      <c r="D4685" t="s">
        <v>15573</v>
      </c>
      <c r="E4685" t="s">
        <v>20783</v>
      </c>
      <c r="G4685" s="2"/>
    </row>
    <row r="4686" spans="1:7" x14ac:dyDescent="0.25">
      <c r="A4686" s="1">
        <v>4684</v>
      </c>
      <c r="B4686" t="s">
        <v>4687</v>
      </c>
      <c r="C4686" t="s">
        <v>10134</v>
      </c>
      <c r="D4686" t="s">
        <v>15574</v>
      </c>
      <c r="E4686" t="s">
        <v>20784</v>
      </c>
      <c r="G4686" s="2"/>
    </row>
    <row r="4687" spans="1:7" x14ac:dyDescent="0.25">
      <c r="A4687" s="1">
        <v>4685</v>
      </c>
      <c r="B4687" t="s">
        <v>4688</v>
      </c>
      <c r="C4687" t="s">
        <v>10135</v>
      </c>
      <c r="D4687" t="s">
        <v>15575</v>
      </c>
      <c r="E4687" t="s">
        <v>16731</v>
      </c>
      <c r="G4687" s="2"/>
    </row>
    <row r="4688" spans="1:7" x14ac:dyDescent="0.25">
      <c r="A4688" s="1">
        <v>4686</v>
      </c>
      <c r="B4688" t="s">
        <v>4689</v>
      </c>
      <c r="C4688" t="s">
        <v>10136</v>
      </c>
      <c r="D4688" t="s">
        <v>15576</v>
      </c>
      <c r="E4688" t="s">
        <v>20785</v>
      </c>
      <c r="G4688" s="2"/>
    </row>
    <row r="4689" spans="1:7" x14ac:dyDescent="0.25">
      <c r="A4689" s="1">
        <v>4687</v>
      </c>
      <c r="B4689" t="s">
        <v>4690</v>
      </c>
      <c r="C4689" t="s">
        <v>10137</v>
      </c>
      <c r="D4689" t="s">
        <v>15577</v>
      </c>
      <c r="E4689" t="s">
        <v>20786</v>
      </c>
      <c r="G4689" s="2"/>
    </row>
    <row r="4690" spans="1:7" x14ac:dyDescent="0.25">
      <c r="A4690" s="1">
        <v>4688</v>
      </c>
      <c r="B4690" t="s">
        <v>4691</v>
      </c>
      <c r="C4690" t="s">
        <v>10138</v>
      </c>
      <c r="D4690" t="s">
        <v>15578</v>
      </c>
      <c r="E4690" t="s">
        <v>20787</v>
      </c>
      <c r="G4690" s="2"/>
    </row>
    <row r="4691" spans="1:7" x14ac:dyDescent="0.25">
      <c r="A4691" s="1">
        <v>4689</v>
      </c>
      <c r="B4691" t="s">
        <v>4692</v>
      </c>
      <c r="C4691" t="s">
        <v>10139</v>
      </c>
      <c r="D4691" t="s">
        <v>15579</v>
      </c>
      <c r="E4691" t="s">
        <v>20788</v>
      </c>
      <c r="G4691" s="2"/>
    </row>
    <row r="4692" spans="1:7" x14ac:dyDescent="0.25">
      <c r="A4692" s="1">
        <v>4690</v>
      </c>
      <c r="B4692" t="s">
        <v>4693</v>
      </c>
      <c r="C4692" t="s">
        <v>10140</v>
      </c>
      <c r="D4692" t="s">
        <v>15580</v>
      </c>
      <c r="E4692" t="s">
        <v>20789</v>
      </c>
      <c r="G4692" s="2"/>
    </row>
    <row r="4693" spans="1:7" x14ac:dyDescent="0.25">
      <c r="A4693" s="1">
        <v>4691</v>
      </c>
      <c r="B4693" t="s">
        <v>4694</v>
      </c>
      <c r="C4693" t="s">
        <v>10141</v>
      </c>
      <c r="D4693" t="s">
        <v>15581</v>
      </c>
      <c r="E4693" t="s">
        <v>20790</v>
      </c>
      <c r="G4693" s="2"/>
    </row>
    <row r="4694" spans="1:7" x14ac:dyDescent="0.25">
      <c r="A4694" s="1">
        <v>4692</v>
      </c>
      <c r="B4694" t="s">
        <v>4695</v>
      </c>
      <c r="C4694" t="s">
        <v>10142</v>
      </c>
      <c r="D4694" t="s">
        <v>15582</v>
      </c>
      <c r="E4694" t="s">
        <v>20791</v>
      </c>
      <c r="G4694" s="2"/>
    </row>
    <row r="4695" spans="1:7" x14ac:dyDescent="0.25">
      <c r="A4695" s="1">
        <v>4693</v>
      </c>
      <c r="B4695" t="s">
        <v>4696</v>
      </c>
      <c r="C4695" t="s">
        <v>10143</v>
      </c>
      <c r="D4695" t="s">
        <v>15583</v>
      </c>
      <c r="E4695" t="s">
        <v>20792</v>
      </c>
      <c r="G4695" s="2"/>
    </row>
    <row r="4696" spans="1:7" x14ac:dyDescent="0.25">
      <c r="A4696" s="1">
        <v>4694</v>
      </c>
      <c r="B4696" t="s">
        <v>4697</v>
      </c>
      <c r="C4696" t="s">
        <v>10144</v>
      </c>
      <c r="D4696" t="s">
        <v>15584</v>
      </c>
      <c r="E4696" t="s">
        <v>20793</v>
      </c>
      <c r="G4696" s="2"/>
    </row>
    <row r="4697" spans="1:7" x14ac:dyDescent="0.25">
      <c r="A4697" s="1">
        <v>4695</v>
      </c>
      <c r="B4697" t="s">
        <v>4698</v>
      </c>
      <c r="C4697" t="s">
        <v>10145</v>
      </c>
      <c r="D4697" t="s">
        <v>15585</v>
      </c>
      <c r="E4697" t="s">
        <v>20794</v>
      </c>
      <c r="G4697" s="2"/>
    </row>
    <row r="4698" spans="1:7" x14ac:dyDescent="0.25">
      <c r="A4698" s="1">
        <v>4696</v>
      </c>
      <c r="B4698" t="s">
        <v>4699</v>
      </c>
      <c r="C4698" t="s">
        <v>10146</v>
      </c>
      <c r="D4698" t="s">
        <v>15586</v>
      </c>
      <c r="E4698" t="s">
        <v>20795</v>
      </c>
      <c r="G4698" s="2"/>
    </row>
    <row r="4699" spans="1:7" x14ac:dyDescent="0.25">
      <c r="A4699" s="1">
        <v>4697</v>
      </c>
      <c r="B4699" t="s">
        <v>4700</v>
      </c>
      <c r="C4699" t="s">
        <v>10147</v>
      </c>
      <c r="D4699" t="s">
        <v>15587</v>
      </c>
      <c r="E4699" t="s">
        <v>20796</v>
      </c>
      <c r="G4699" s="2"/>
    </row>
    <row r="4700" spans="1:7" x14ac:dyDescent="0.25">
      <c r="A4700" s="1">
        <v>4698</v>
      </c>
      <c r="B4700" t="s">
        <v>4701</v>
      </c>
      <c r="C4700" t="s">
        <v>10148</v>
      </c>
      <c r="D4700" t="s">
        <v>15588</v>
      </c>
      <c r="E4700" t="s">
        <v>16347</v>
      </c>
      <c r="G4700" s="2"/>
    </row>
    <row r="4701" spans="1:7" x14ac:dyDescent="0.25">
      <c r="A4701" s="1">
        <v>4699</v>
      </c>
      <c r="B4701" t="s">
        <v>4702</v>
      </c>
      <c r="C4701" t="s">
        <v>10149</v>
      </c>
      <c r="D4701" t="s">
        <v>15589</v>
      </c>
      <c r="E4701" t="s">
        <v>20797</v>
      </c>
      <c r="G4701" s="2"/>
    </row>
    <row r="4702" spans="1:7" x14ac:dyDescent="0.25">
      <c r="A4702" s="1">
        <v>4700</v>
      </c>
      <c r="B4702" t="s">
        <v>4703</v>
      </c>
      <c r="C4702" t="s">
        <v>10150</v>
      </c>
      <c r="D4702" t="s">
        <v>15590</v>
      </c>
      <c r="E4702" t="s">
        <v>20798</v>
      </c>
      <c r="G4702" s="2"/>
    </row>
    <row r="4703" spans="1:7" x14ac:dyDescent="0.25">
      <c r="A4703" s="1">
        <v>4701</v>
      </c>
      <c r="B4703" t="s">
        <v>4704</v>
      </c>
      <c r="C4703" t="s">
        <v>10151</v>
      </c>
      <c r="D4703" t="s">
        <v>15591</v>
      </c>
      <c r="E4703" t="s">
        <v>20799</v>
      </c>
      <c r="G4703" s="2"/>
    </row>
    <row r="4704" spans="1:7" x14ac:dyDescent="0.25">
      <c r="A4704" s="1">
        <v>4702</v>
      </c>
      <c r="B4704" t="s">
        <v>4705</v>
      </c>
      <c r="C4704" t="s">
        <v>10152</v>
      </c>
      <c r="D4704" t="s">
        <v>15592</v>
      </c>
      <c r="E4704" t="s">
        <v>20800</v>
      </c>
      <c r="G4704" s="2"/>
    </row>
    <row r="4705" spans="1:7" x14ac:dyDescent="0.25">
      <c r="A4705" s="1">
        <v>4703</v>
      </c>
      <c r="B4705" t="s">
        <v>4706</v>
      </c>
      <c r="C4705" t="s">
        <v>10153</v>
      </c>
      <c r="D4705" t="s">
        <v>15593</v>
      </c>
      <c r="E4705" t="s">
        <v>20801</v>
      </c>
      <c r="G4705" s="2"/>
    </row>
    <row r="4706" spans="1:7" x14ac:dyDescent="0.25">
      <c r="A4706" s="1">
        <v>4704</v>
      </c>
      <c r="B4706" t="s">
        <v>4707</v>
      </c>
      <c r="C4706" t="s">
        <v>10154</v>
      </c>
      <c r="D4706" t="s">
        <v>15594</v>
      </c>
      <c r="E4706" t="s">
        <v>20802</v>
      </c>
      <c r="G4706" s="2"/>
    </row>
    <row r="4707" spans="1:7" x14ac:dyDescent="0.25">
      <c r="A4707" s="1">
        <v>4705</v>
      </c>
      <c r="B4707" t="s">
        <v>4708</v>
      </c>
      <c r="C4707" t="s">
        <v>10155</v>
      </c>
      <c r="D4707" t="s">
        <v>15595</v>
      </c>
      <c r="E4707" t="s">
        <v>20803</v>
      </c>
      <c r="G4707" s="2"/>
    </row>
    <row r="4708" spans="1:7" x14ac:dyDescent="0.25">
      <c r="A4708" s="1">
        <v>4706</v>
      </c>
      <c r="B4708" t="s">
        <v>4709</v>
      </c>
      <c r="C4708" t="s">
        <v>10156</v>
      </c>
      <c r="D4708" t="s">
        <v>15596</v>
      </c>
      <c r="E4708" t="s">
        <v>20804</v>
      </c>
      <c r="G4708" s="2"/>
    </row>
    <row r="4709" spans="1:7" x14ac:dyDescent="0.25">
      <c r="A4709" s="1">
        <v>4707</v>
      </c>
      <c r="B4709" t="s">
        <v>4710</v>
      </c>
      <c r="C4709" t="s">
        <v>10157</v>
      </c>
      <c r="D4709" t="s">
        <v>15597</v>
      </c>
      <c r="E4709" t="s">
        <v>20805</v>
      </c>
      <c r="G4709" s="2"/>
    </row>
    <row r="4710" spans="1:7" x14ac:dyDescent="0.25">
      <c r="A4710" s="1">
        <v>4708</v>
      </c>
      <c r="B4710" t="s">
        <v>4711</v>
      </c>
      <c r="C4710" t="s">
        <v>10158</v>
      </c>
      <c r="D4710" t="s">
        <v>15598</v>
      </c>
      <c r="E4710" t="s">
        <v>20806</v>
      </c>
      <c r="G4710" s="2"/>
    </row>
    <row r="4711" spans="1:7" x14ac:dyDescent="0.25">
      <c r="A4711" s="1">
        <v>4709</v>
      </c>
      <c r="B4711" t="s">
        <v>4712</v>
      </c>
      <c r="C4711" t="s">
        <v>10159</v>
      </c>
      <c r="D4711" t="s">
        <v>15599</v>
      </c>
      <c r="E4711" t="s">
        <v>20807</v>
      </c>
      <c r="G4711" s="2"/>
    </row>
    <row r="4712" spans="1:7" x14ac:dyDescent="0.25">
      <c r="A4712" s="1">
        <v>4710</v>
      </c>
      <c r="B4712" t="s">
        <v>4713</v>
      </c>
      <c r="C4712" t="s">
        <v>10160</v>
      </c>
      <c r="D4712" t="s">
        <v>15600</v>
      </c>
      <c r="E4712" t="s">
        <v>20808</v>
      </c>
      <c r="G4712" s="2"/>
    </row>
    <row r="4713" spans="1:7" x14ac:dyDescent="0.25">
      <c r="A4713" s="1">
        <v>4711</v>
      </c>
      <c r="B4713" t="s">
        <v>4714</v>
      </c>
      <c r="C4713" t="s">
        <v>10161</v>
      </c>
      <c r="D4713" t="s">
        <v>15601</v>
      </c>
      <c r="E4713" t="s">
        <v>20809</v>
      </c>
      <c r="G4713" s="2"/>
    </row>
    <row r="4714" spans="1:7" x14ac:dyDescent="0.25">
      <c r="A4714" s="1">
        <v>4712</v>
      </c>
      <c r="B4714" t="s">
        <v>4715</v>
      </c>
      <c r="C4714" t="s">
        <v>10162</v>
      </c>
      <c r="D4714" t="s">
        <v>15602</v>
      </c>
      <c r="E4714" t="s">
        <v>20810</v>
      </c>
      <c r="G4714" s="2"/>
    </row>
    <row r="4715" spans="1:7" x14ac:dyDescent="0.25">
      <c r="A4715" s="1">
        <v>4713</v>
      </c>
      <c r="B4715" t="s">
        <v>4716</v>
      </c>
      <c r="C4715" t="s">
        <v>10163</v>
      </c>
      <c r="D4715" t="s">
        <v>15603</v>
      </c>
      <c r="E4715" t="s">
        <v>16372</v>
      </c>
      <c r="G4715" s="2"/>
    </row>
    <row r="4716" spans="1:7" x14ac:dyDescent="0.25">
      <c r="A4716" s="1">
        <v>4714</v>
      </c>
      <c r="B4716" t="s">
        <v>4717</v>
      </c>
      <c r="C4716" t="s">
        <v>10164</v>
      </c>
      <c r="D4716" t="s">
        <v>15604</v>
      </c>
      <c r="E4716" t="s">
        <v>20811</v>
      </c>
      <c r="G4716" s="2"/>
    </row>
    <row r="4717" spans="1:7" x14ac:dyDescent="0.25">
      <c r="A4717" s="1">
        <v>4715</v>
      </c>
      <c r="B4717" t="s">
        <v>4718</v>
      </c>
      <c r="C4717" t="s">
        <v>10165</v>
      </c>
      <c r="D4717" t="s">
        <v>15605</v>
      </c>
      <c r="E4717" t="s">
        <v>20812</v>
      </c>
      <c r="G4717" s="2"/>
    </row>
    <row r="4718" spans="1:7" x14ac:dyDescent="0.25">
      <c r="A4718" s="1">
        <v>4716</v>
      </c>
      <c r="B4718" t="s">
        <v>4719</v>
      </c>
      <c r="C4718" t="s">
        <v>10166</v>
      </c>
      <c r="D4718" t="s">
        <v>15606</v>
      </c>
      <c r="E4718" t="s">
        <v>20813</v>
      </c>
      <c r="G4718" s="2"/>
    </row>
    <row r="4719" spans="1:7" x14ac:dyDescent="0.25">
      <c r="A4719" s="1">
        <v>4717</v>
      </c>
      <c r="B4719" t="s">
        <v>4720</v>
      </c>
      <c r="C4719" t="s">
        <v>10167</v>
      </c>
      <c r="D4719" t="s">
        <v>15607</v>
      </c>
      <c r="E4719" t="s">
        <v>20814</v>
      </c>
      <c r="G4719" s="2"/>
    </row>
    <row r="4720" spans="1:7" x14ac:dyDescent="0.25">
      <c r="A4720" s="1">
        <v>4718</v>
      </c>
      <c r="B4720" t="s">
        <v>4721</v>
      </c>
      <c r="C4720" t="s">
        <v>10168</v>
      </c>
      <c r="D4720" t="s">
        <v>15608</v>
      </c>
      <c r="E4720" t="s">
        <v>20815</v>
      </c>
      <c r="G4720" s="2"/>
    </row>
    <row r="4721" spans="1:7" x14ac:dyDescent="0.25">
      <c r="A4721" s="1">
        <v>4719</v>
      </c>
      <c r="B4721" t="s">
        <v>4722</v>
      </c>
      <c r="C4721" t="s">
        <v>10169</v>
      </c>
      <c r="D4721" t="s">
        <v>15609</v>
      </c>
      <c r="E4721" t="s">
        <v>20816</v>
      </c>
      <c r="G4721" s="2"/>
    </row>
    <row r="4722" spans="1:7" x14ac:dyDescent="0.25">
      <c r="A4722" s="1">
        <v>4720</v>
      </c>
      <c r="B4722" t="s">
        <v>4723</v>
      </c>
      <c r="C4722" t="s">
        <v>10170</v>
      </c>
      <c r="D4722" t="s">
        <v>15610</v>
      </c>
      <c r="E4722" t="s">
        <v>20122</v>
      </c>
      <c r="G4722" s="2"/>
    </row>
    <row r="4723" spans="1:7" x14ac:dyDescent="0.25">
      <c r="A4723" s="1">
        <v>4721</v>
      </c>
      <c r="B4723" t="s">
        <v>4724</v>
      </c>
      <c r="C4723" t="s">
        <v>10171</v>
      </c>
      <c r="D4723" t="s">
        <v>15611</v>
      </c>
      <c r="E4723" t="s">
        <v>20817</v>
      </c>
      <c r="G4723" s="2"/>
    </row>
    <row r="4724" spans="1:7" x14ac:dyDescent="0.25">
      <c r="A4724" s="1">
        <v>4722</v>
      </c>
      <c r="B4724" t="s">
        <v>4725</v>
      </c>
      <c r="C4724" t="s">
        <v>10172</v>
      </c>
      <c r="D4724" t="s">
        <v>15612</v>
      </c>
      <c r="E4724" t="s">
        <v>20818</v>
      </c>
      <c r="G4724" s="2"/>
    </row>
    <row r="4725" spans="1:7" x14ac:dyDescent="0.25">
      <c r="A4725" s="1">
        <v>4723</v>
      </c>
      <c r="B4725" t="s">
        <v>4726</v>
      </c>
      <c r="C4725" t="s">
        <v>10173</v>
      </c>
      <c r="D4725" t="s">
        <v>15613</v>
      </c>
      <c r="E4725" t="s">
        <v>20819</v>
      </c>
      <c r="G4725" s="2"/>
    </row>
    <row r="4726" spans="1:7" x14ac:dyDescent="0.25">
      <c r="A4726" s="1">
        <v>4724</v>
      </c>
      <c r="B4726" t="s">
        <v>4727</v>
      </c>
      <c r="C4726" t="s">
        <v>10174</v>
      </c>
      <c r="D4726" t="s">
        <v>15614</v>
      </c>
      <c r="E4726" t="s">
        <v>20820</v>
      </c>
      <c r="G4726" s="2"/>
    </row>
    <row r="4727" spans="1:7" x14ac:dyDescent="0.25">
      <c r="A4727" s="1">
        <v>4725</v>
      </c>
      <c r="B4727" t="s">
        <v>4728</v>
      </c>
      <c r="C4727" t="s">
        <v>10175</v>
      </c>
      <c r="D4727" t="s">
        <v>15615</v>
      </c>
      <c r="E4727" t="s">
        <v>20821</v>
      </c>
      <c r="G4727" s="2"/>
    </row>
    <row r="4728" spans="1:7" x14ac:dyDescent="0.25">
      <c r="A4728" s="1">
        <v>4726</v>
      </c>
      <c r="B4728" t="s">
        <v>4729</v>
      </c>
      <c r="C4728" t="s">
        <v>10176</v>
      </c>
      <c r="D4728" t="s">
        <v>15616</v>
      </c>
      <c r="E4728" t="s">
        <v>20822</v>
      </c>
      <c r="G4728" s="2"/>
    </row>
    <row r="4729" spans="1:7" x14ac:dyDescent="0.25">
      <c r="A4729" s="1">
        <v>4727</v>
      </c>
      <c r="B4729" t="s">
        <v>4730</v>
      </c>
      <c r="C4729" t="s">
        <v>10177</v>
      </c>
      <c r="D4729" t="s">
        <v>15617</v>
      </c>
      <c r="E4729" t="s">
        <v>20823</v>
      </c>
      <c r="G4729" s="2"/>
    </row>
    <row r="4730" spans="1:7" x14ac:dyDescent="0.25">
      <c r="A4730" s="1">
        <v>4728</v>
      </c>
      <c r="B4730" t="s">
        <v>4731</v>
      </c>
      <c r="C4730" t="s">
        <v>10178</v>
      </c>
      <c r="D4730" t="s">
        <v>15618</v>
      </c>
      <c r="E4730" t="s">
        <v>20824</v>
      </c>
      <c r="G4730" s="2"/>
    </row>
    <row r="4731" spans="1:7" x14ac:dyDescent="0.25">
      <c r="A4731" s="1">
        <v>4729</v>
      </c>
      <c r="B4731" t="s">
        <v>4732</v>
      </c>
      <c r="C4731" t="s">
        <v>10179</v>
      </c>
      <c r="D4731" t="s">
        <v>15619</v>
      </c>
      <c r="E4731" t="s">
        <v>20825</v>
      </c>
      <c r="G4731" s="2"/>
    </row>
    <row r="4732" spans="1:7" x14ac:dyDescent="0.25">
      <c r="A4732" s="1">
        <v>4730</v>
      </c>
      <c r="B4732" t="s">
        <v>4733</v>
      </c>
      <c r="C4732" t="s">
        <v>10180</v>
      </c>
      <c r="D4732" t="s">
        <v>15620</v>
      </c>
      <c r="E4732" t="s">
        <v>20826</v>
      </c>
      <c r="G4732" s="2"/>
    </row>
    <row r="4733" spans="1:7" x14ac:dyDescent="0.25">
      <c r="A4733" s="1">
        <v>4731</v>
      </c>
      <c r="B4733" t="s">
        <v>4734</v>
      </c>
      <c r="C4733" t="s">
        <v>10181</v>
      </c>
      <c r="D4733" t="s">
        <v>15621</v>
      </c>
      <c r="E4733" t="s">
        <v>20827</v>
      </c>
      <c r="G4733" s="2"/>
    </row>
    <row r="4734" spans="1:7" x14ac:dyDescent="0.25">
      <c r="A4734" s="1">
        <v>4732</v>
      </c>
      <c r="B4734" t="s">
        <v>4735</v>
      </c>
      <c r="C4734" t="s">
        <v>10182</v>
      </c>
      <c r="D4734" t="s">
        <v>15622</v>
      </c>
      <c r="E4734" t="s">
        <v>20828</v>
      </c>
      <c r="G4734" s="2"/>
    </row>
    <row r="4735" spans="1:7" x14ac:dyDescent="0.25">
      <c r="A4735" s="1">
        <v>4733</v>
      </c>
      <c r="B4735" t="s">
        <v>4736</v>
      </c>
      <c r="C4735" t="s">
        <v>10183</v>
      </c>
      <c r="D4735" t="s">
        <v>15623</v>
      </c>
      <c r="E4735" t="s">
        <v>20829</v>
      </c>
      <c r="G4735" s="2"/>
    </row>
    <row r="4736" spans="1:7" x14ac:dyDescent="0.25">
      <c r="A4736" s="1">
        <v>4734</v>
      </c>
      <c r="B4736" t="s">
        <v>4737</v>
      </c>
      <c r="C4736" t="s">
        <v>10184</v>
      </c>
      <c r="D4736" t="s">
        <v>15624</v>
      </c>
      <c r="E4736" t="s">
        <v>20830</v>
      </c>
      <c r="G4736" s="2"/>
    </row>
    <row r="4737" spans="1:7" x14ac:dyDescent="0.25">
      <c r="A4737" s="1">
        <v>4735</v>
      </c>
      <c r="B4737" t="s">
        <v>4738</v>
      </c>
      <c r="C4737" t="s">
        <v>10185</v>
      </c>
      <c r="D4737" t="s">
        <v>15625</v>
      </c>
      <c r="E4737" t="s">
        <v>20831</v>
      </c>
      <c r="G4737" s="2"/>
    </row>
    <row r="4738" spans="1:7" x14ac:dyDescent="0.25">
      <c r="A4738" s="1">
        <v>4736</v>
      </c>
      <c r="B4738" t="s">
        <v>4739</v>
      </c>
      <c r="C4738" t="s">
        <v>10186</v>
      </c>
      <c r="D4738" t="s">
        <v>15626</v>
      </c>
      <c r="E4738" t="s">
        <v>20832</v>
      </c>
      <c r="G4738" s="2"/>
    </row>
    <row r="4739" spans="1:7" x14ac:dyDescent="0.25">
      <c r="A4739" s="1">
        <v>4737</v>
      </c>
      <c r="B4739" t="s">
        <v>4740</v>
      </c>
      <c r="C4739" t="s">
        <v>10187</v>
      </c>
      <c r="D4739" t="s">
        <v>15627</v>
      </c>
      <c r="E4739" t="s">
        <v>20833</v>
      </c>
      <c r="G4739" s="2"/>
    </row>
    <row r="4740" spans="1:7" x14ac:dyDescent="0.25">
      <c r="A4740" s="1">
        <v>4738</v>
      </c>
      <c r="B4740" t="s">
        <v>4741</v>
      </c>
      <c r="C4740" t="s">
        <v>10188</v>
      </c>
      <c r="D4740" t="s">
        <v>15628</v>
      </c>
      <c r="E4740" t="s">
        <v>20834</v>
      </c>
      <c r="G4740" s="2"/>
    </row>
    <row r="4741" spans="1:7" x14ac:dyDescent="0.25">
      <c r="A4741" s="1">
        <v>4739</v>
      </c>
      <c r="B4741" t="s">
        <v>4742</v>
      </c>
      <c r="C4741" t="s">
        <v>10189</v>
      </c>
      <c r="D4741" t="s">
        <v>15629</v>
      </c>
      <c r="E4741" t="s">
        <v>20835</v>
      </c>
      <c r="G4741" s="2"/>
    </row>
    <row r="4742" spans="1:7" x14ac:dyDescent="0.25">
      <c r="A4742" s="1">
        <v>4740</v>
      </c>
      <c r="B4742" t="s">
        <v>4743</v>
      </c>
      <c r="C4742" t="s">
        <v>10190</v>
      </c>
      <c r="D4742" t="s">
        <v>15630</v>
      </c>
      <c r="E4742" t="s">
        <v>20836</v>
      </c>
      <c r="G4742" s="2"/>
    </row>
    <row r="4743" spans="1:7" x14ac:dyDescent="0.25">
      <c r="A4743" s="1">
        <v>4741</v>
      </c>
      <c r="B4743" t="s">
        <v>4744</v>
      </c>
      <c r="C4743" t="s">
        <v>10191</v>
      </c>
      <c r="D4743" t="s">
        <v>10191</v>
      </c>
      <c r="E4743" t="s">
        <v>20837</v>
      </c>
      <c r="G4743" s="2"/>
    </row>
    <row r="4744" spans="1:7" x14ac:dyDescent="0.25">
      <c r="A4744" s="1">
        <v>4742</v>
      </c>
      <c r="B4744" t="s">
        <v>4745</v>
      </c>
      <c r="C4744" t="s">
        <v>10192</v>
      </c>
      <c r="D4744" t="s">
        <v>15631</v>
      </c>
      <c r="E4744" t="s">
        <v>17091</v>
      </c>
      <c r="G4744" s="2"/>
    </row>
    <row r="4745" spans="1:7" x14ac:dyDescent="0.25">
      <c r="A4745" s="1">
        <v>4743</v>
      </c>
      <c r="B4745" t="s">
        <v>4746</v>
      </c>
      <c r="C4745" t="s">
        <v>10193</v>
      </c>
      <c r="D4745" t="s">
        <v>15632</v>
      </c>
      <c r="E4745" t="s">
        <v>20838</v>
      </c>
      <c r="G4745" s="2"/>
    </row>
    <row r="4746" spans="1:7" x14ac:dyDescent="0.25">
      <c r="A4746" s="1">
        <v>4744</v>
      </c>
      <c r="B4746" t="s">
        <v>4747</v>
      </c>
      <c r="C4746" t="s">
        <v>10194</v>
      </c>
      <c r="D4746" t="s">
        <v>15633</v>
      </c>
      <c r="E4746" t="s">
        <v>20839</v>
      </c>
      <c r="G4746" s="2"/>
    </row>
    <row r="4747" spans="1:7" x14ac:dyDescent="0.25">
      <c r="A4747" s="1">
        <v>4745</v>
      </c>
      <c r="B4747" t="s">
        <v>4748</v>
      </c>
      <c r="C4747" t="s">
        <v>10195</v>
      </c>
      <c r="D4747" t="s">
        <v>15634</v>
      </c>
      <c r="E4747" t="s">
        <v>20840</v>
      </c>
      <c r="G4747" s="2"/>
    </row>
    <row r="4748" spans="1:7" x14ac:dyDescent="0.25">
      <c r="A4748" s="1">
        <v>4746</v>
      </c>
      <c r="B4748" t="s">
        <v>4749</v>
      </c>
      <c r="C4748" t="s">
        <v>10196</v>
      </c>
      <c r="D4748" t="s">
        <v>15635</v>
      </c>
      <c r="E4748" t="s">
        <v>20841</v>
      </c>
      <c r="G4748" s="2"/>
    </row>
    <row r="4749" spans="1:7" x14ac:dyDescent="0.25">
      <c r="A4749" s="1">
        <v>4747</v>
      </c>
      <c r="B4749" t="s">
        <v>4750</v>
      </c>
      <c r="C4749" t="s">
        <v>10197</v>
      </c>
      <c r="D4749" t="s">
        <v>15636</v>
      </c>
      <c r="E4749" t="s">
        <v>20842</v>
      </c>
      <c r="G4749" s="2"/>
    </row>
    <row r="4750" spans="1:7" x14ac:dyDescent="0.25">
      <c r="A4750" s="1">
        <v>4748</v>
      </c>
      <c r="B4750" t="s">
        <v>4751</v>
      </c>
      <c r="C4750" t="s">
        <v>10198</v>
      </c>
      <c r="D4750" t="s">
        <v>15637</v>
      </c>
      <c r="E4750" t="s">
        <v>20843</v>
      </c>
      <c r="G4750" s="2"/>
    </row>
    <row r="4751" spans="1:7" x14ac:dyDescent="0.25">
      <c r="A4751" s="1">
        <v>4749</v>
      </c>
      <c r="B4751" t="s">
        <v>4752</v>
      </c>
      <c r="C4751" t="s">
        <v>10199</v>
      </c>
      <c r="D4751" t="s">
        <v>15638</v>
      </c>
      <c r="E4751" t="s">
        <v>17337</v>
      </c>
      <c r="G4751" s="2"/>
    </row>
    <row r="4752" spans="1:7" x14ac:dyDescent="0.25">
      <c r="A4752" s="1">
        <v>4750</v>
      </c>
      <c r="B4752" t="s">
        <v>4753</v>
      </c>
      <c r="C4752" t="s">
        <v>10200</v>
      </c>
      <c r="D4752" t="s">
        <v>15639</v>
      </c>
      <c r="E4752" t="s">
        <v>20844</v>
      </c>
      <c r="G4752" s="2"/>
    </row>
    <row r="4753" spans="1:7" x14ac:dyDescent="0.25">
      <c r="A4753" s="1">
        <v>4751</v>
      </c>
      <c r="B4753" t="s">
        <v>4754</v>
      </c>
      <c r="C4753" t="s">
        <v>10201</v>
      </c>
      <c r="D4753" t="s">
        <v>15640</v>
      </c>
      <c r="E4753" t="s">
        <v>20845</v>
      </c>
      <c r="G4753" s="2"/>
    </row>
    <row r="4754" spans="1:7" x14ac:dyDescent="0.25">
      <c r="A4754" s="1">
        <v>4752</v>
      </c>
      <c r="B4754" t="s">
        <v>4755</v>
      </c>
      <c r="C4754" t="s">
        <v>10202</v>
      </c>
      <c r="D4754" t="s">
        <v>15641</v>
      </c>
      <c r="E4754" t="s">
        <v>20846</v>
      </c>
      <c r="G4754" s="2"/>
    </row>
    <row r="4755" spans="1:7" x14ac:dyDescent="0.25">
      <c r="A4755" s="1">
        <v>4753</v>
      </c>
      <c r="B4755" t="s">
        <v>4756</v>
      </c>
      <c r="C4755" t="s">
        <v>10203</v>
      </c>
      <c r="D4755" t="s">
        <v>15642</v>
      </c>
      <c r="E4755" t="s">
        <v>20847</v>
      </c>
      <c r="G4755" s="2"/>
    </row>
    <row r="4756" spans="1:7" x14ac:dyDescent="0.25">
      <c r="A4756" s="1">
        <v>4754</v>
      </c>
      <c r="B4756" t="s">
        <v>4757</v>
      </c>
      <c r="C4756" t="s">
        <v>10204</v>
      </c>
      <c r="D4756" t="s">
        <v>15643</v>
      </c>
      <c r="E4756" t="s">
        <v>20848</v>
      </c>
      <c r="G4756" s="2"/>
    </row>
    <row r="4757" spans="1:7" x14ac:dyDescent="0.25">
      <c r="A4757" s="1">
        <v>4755</v>
      </c>
      <c r="B4757" t="s">
        <v>4758</v>
      </c>
      <c r="C4757" t="s">
        <v>10205</v>
      </c>
      <c r="D4757" t="s">
        <v>15644</v>
      </c>
      <c r="E4757" t="s">
        <v>20849</v>
      </c>
      <c r="G4757" s="2"/>
    </row>
    <row r="4758" spans="1:7" x14ac:dyDescent="0.25">
      <c r="A4758" s="1">
        <v>4756</v>
      </c>
      <c r="B4758" t="s">
        <v>4759</v>
      </c>
      <c r="C4758" t="s">
        <v>10206</v>
      </c>
      <c r="D4758" t="s">
        <v>15645</v>
      </c>
      <c r="E4758" t="s">
        <v>20850</v>
      </c>
      <c r="G4758" s="2"/>
    </row>
    <row r="4759" spans="1:7" x14ac:dyDescent="0.25">
      <c r="A4759" s="1">
        <v>4757</v>
      </c>
      <c r="B4759" t="s">
        <v>4760</v>
      </c>
      <c r="C4759" t="s">
        <v>10207</v>
      </c>
      <c r="D4759" t="s">
        <v>15646</v>
      </c>
      <c r="E4759" t="s">
        <v>20851</v>
      </c>
      <c r="G4759" s="2"/>
    </row>
    <row r="4760" spans="1:7" x14ac:dyDescent="0.25">
      <c r="A4760" s="1">
        <v>4758</v>
      </c>
      <c r="B4760" t="s">
        <v>4761</v>
      </c>
      <c r="C4760" t="s">
        <v>10208</v>
      </c>
      <c r="D4760" t="s">
        <v>15647</v>
      </c>
      <c r="E4760" t="s">
        <v>20852</v>
      </c>
      <c r="G4760" s="2"/>
    </row>
    <row r="4761" spans="1:7" x14ac:dyDescent="0.25">
      <c r="A4761" s="1">
        <v>4759</v>
      </c>
      <c r="B4761" t="s">
        <v>4762</v>
      </c>
      <c r="C4761" t="s">
        <v>10209</v>
      </c>
      <c r="D4761" t="s">
        <v>15648</v>
      </c>
      <c r="E4761" t="s">
        <v>20853</v>
      </c>
      <c r="G4761" s="2"/>
    </row>
    <row r="4762" spans="1:7" x14ac:dyDescent="0.25">
      <c r="A4762" s="1">
        <v>4760</v>
      </c>
      <c r="B4762" t="s">
        <v>4763</v>
      </c>
      <c r="C4762" t="s">
        <v>10210</v>
      </c>
      <c r="D4762" t="s">
        <v>15649</v>
      </c>
      <c r="E4762" t="s">
        <v>20854</v>
      </c>
      <c r="G4762" s="2"/>
    </row>
    <row r="4763" spans="1:7" x14ac:dyDescent="0.25">
      <c r="A4763" s="1">
        <v>4761</v>
      </c>
      <c r="B4763" t="s">
        <v>4764</v>
      </c>
      <c r="C4763" t="s">
        <v>10211</v>
      </c>
      <c r="D4763" t="s">
        <v>15650</v>
      </c>
      <c r="E4763" t="s">
        <v>16555</v>
      </c>
      <c r="G4763" s="2"/>
    </row>
    <row r="4764" spans="1:7" x14ac:dyDescent="0.25">
      <c r="A4764" s="1">
        <v>4762</v>
      </c>
      <c r="B4764" t="s">
        <v>4765</v>
      </c>
      <c r="C4764" t="s">
        <v>10212</v>
      </c>
      <c r="D4764" t="s">
        <v>15651</v>
      </c>
      <c r="E4764" t="s">
        <v>20855</v>
      </c>
      <c r="G4764" s="2"/>
    </row>
    <row r="4765" spans="1:7" x14ac:dyDescent="0.25">
      <c r="A4765" s="1">
        <v>4763</v>
      </c>
      <c r="B4765" t="s">
        <v>4766</v>
      </c>
      <c r="C4765" t="s">
        <v>10213</v>
      </c>
      <c r="D4765" t="s">
        <v>15652</v>
      </c>
      <c r="E4765" t="s">
        <v>20856</v>
      </c>
      <c r="G4765" s="2"/>
    </row>
    <row r="4766" spans="1:7" x14ac:dyDescent="0.25">
      <c r="A4766" s="1">
        <v>4764</v>
      </c>
      <c r="B4766" t="s">
        <v>4767</v>
      </c>
      <c r="C4766" t="s">
        <v>10214</v>
      </c>
      <c r="D4766" t="s">
        <v>15653</v>
      </c>
      <c r="E4766" t="s">
        <v>20857</v>
      </c>
      <c r="G4766" s="2"/>
    </row>
    <row r="4767" spans="1:7" x14ac:dyDescent="0.25">
      <c r="A4767" s="1">
        <v>4765</v>
      </c>
      <c r="B4767" t="s">
        <v>4768</v>
      </c>
      <c r="C4767" t="s">
        <v>10215</v>
      </c>
      <c r="D4767" t="s">
        <v>15654</v>
      </c>
      <c r="E4767" t="s">
        <v>20858</v>
      </c>
      <c r="G4767" s="2"/>
    </row>
    <row r="4768" spans="1:7" x14ac:dyDescent="0.25">
      <c r="A4768" s="1">
        <v>4766</v>
      </c>
      <c r="B4768" t="s">
        <v>4769</v>
      </c>
      <c r="C4768" t="s">
        <v>10216</v>
      </c>
      <c r="D4768" t="s">
        <v>15655</v>
      </c>
      <c r="E4768" t="s">
        <v>20859</v>
      </c>
      <c r="G4768" s="2"/>
    </row>
    <row r="4769" spans="1:7" x14ac:dyDescent="0.25">
      <c r="A4769" s="1">
        <v>4767</v>
      </c>
      <c r="B4769" t="s">
        <v>4770</v>
      </c>
      <c r="C4769" t="s">
        <v>10217</v>
      </c>
      <c r="D4769" t="s">
        <v>15656</v>
      </c>
      <c r="E4769" t="s">
        <v>20860</v>
      </c>
      <c r="G4769" s="2"/>
    </row>
    <row r="4770" spans="1:7" x14ac:dyDescent="0.25">
      <c r="A4770" s="1">
        <v>4768</v>
      </c>
      <c r="B4770" t="s">
        <v>4771</v>
      </c>
      <c r="C4770" t="s">
        <v>10218</v>
      </c>
      <c r="D4770" t="s">
        <v>15657</v>
      </c>
      <c r="E4770" t="s">
        <v>17162</v>
      </c>
      <c r="G4770" s="2"/>
    </row>
    <row r="4771" spans="1:7" x14ac:dyDescent="0.25">
      <c r="A4771" s="1">
        <v>4769</v>
      </c>
      <c r="B4771" t="s">
        <v>4772</v>
      </c>
      <c r="C4771" t="s">
        <v>10219</v>
      </c>
      <c r="D4771" t="s">
        <v>15658</v>
      </c>
      <c r="E4771" t="s">
        <v>20861</v>
      </c>
      <c r="G4771" s="2"/>
    </row>
    <row r="4772" spans="1:7" x14ac:dyDescent="0.25">
      <c r="A4772" s="1">
        <v>4770</v>
      </c>
      <c r="B4772" t="s">
        <v>4773</v>
      </c>
      <c r="C4772" t="s">
        <v>10220</v>
      </c>
      <c r="D4772" t="s">
        <v>15659</v>
      </c>
      <c r="E4772" t="s">
        <v>20862</v>
      </c>
      <c r="G4772" s="2"/>
    </row>
    <row r="4773" spans="1:7" x14ac:dyDescent="0.25">
      <c r="A4773" s="1">
        <v>4771</v>
      </c>
      <c r="B4773" t="s">
        <v>4774</v>
      </c>
      <c r="C4773" t="s">
        <v>10221</v>
      </c>
      <c r="D4773" t="s">
        <v>15660</v>
      </c>
      <c r="E4773" t="s">
        <v>20863</v>
      </c>
      <c r="G4773" s="2"/>
    </row>
    <row r="4774" spans="1:7" x14ac:dyDescent="0.25">
      <c r="A4774" s="1">
        <v>4772</v>
      </c>
      <c r="B4774" t="s">
        <v>4775</v>
      </c>
      <c r="C4774" t="s">
        <v>10222</v>
      </c>
      <c r="D4774" t="s">
        <v>15661</v>
      </c>
      <c r="E4774" t="s">
        <v>20864</v>
      </c>
      <c r="G4774" s="2"/>
    </row>
    <row r="4775" spans="1:7" x14ac:dyDescent="0.25">
      <c r="A4775" s="1">
        <v>4773</v>
      </c>
      <c r="B4775" t="s">
        <v>4776</v>
      </c>
      <c r="C4775" t="s">
        <v>10223</v>
      </c>
      <c r="D4775" t="s">
        <v>15662</v>
      </c>
      <c r="E4775" t="s">
        <v>20865</v>
      </c>
      <c r="G4775" s="2"/>
    </row>
    <row r="4776" spans="1:7" x14ac:dyDescent="0.25">
      <c r="A4776" s="1">
        <v>4774</v>
      </c>
      <c r="B4776" t="s">
        <v>4777</v>
      </c>
      <c r="C4776" t="s">
        <v>10224</v>
      </c>
      <c r="D4776" t="s">
        <v>15663</v>
      </c>
      <c r="E4776" t="s">
        <v>20866</v>
      </c>
      <c r="G4776" s="2"/>
    </row>
    <row r="4777" spans="1:7" x14ac:dyDescent="0.25">
      <c r="A4777" s="1">
        <v>4775</v>
      </c>
      <c r="B4777" t="s">
        <v>4778</v>
      </c>
      <c r="C4777" t="s">
        <v>10225</v>
      </c>
      <c r="D4777" t="s">
        <v>15664</v>
      </c>
      <c r="E4777" t="s">
        <v>20867</v>
      </c>
      <c r="G4777" s="2"/>
    </row>
    <row r="4778" spans="1:7" x14ac:dyDescent="0.25">
      <c r="A4778" s="1">
        <v>4776</v>
      </c>
      <c r="B4778" t="s">
        <v>4779</v>
      </c>
      <c r="C4778" t="s">
        <v>10226</v>
      </c>
      <c r="D4778" t="s">
        <v>15665</v>
      </c>
      <c r="E4778" t="s">
        <v>20868</v>
      </c>
      <c r="G4778" s="2"/>
    </row>
    <row r="4779" spans="1:7" x14ac:dyDescent="0.25">
      <c r="A4779" s="1">
        <v>4777</v>
      </c>
      <c r="B4779" t="s">
        <v>4780</v>
      </c>
      <c r="C4779" t="s">
        <v>10227</v>
      </c>
      <c r="D4779" t="s">
        <v>15666</v>
      </c>
      <c r="E4779" t="s">
        <v>20869</v>
      </c>
      <c r="G4779" s="2"/>
    </row>
    <row r="4780" spans="1:7" x14ac:dyDescent="0.25">
      <c r="A4780" s="1">
        <v>4778</v>
      </c>
      <c r="B4780" t="s">
        <v>4781</v>
      </c>
      <c r="C4780" t="s">
        <v>10228</v>
      </c>
      <c r="D4780" t="s">
        <v>15667</v>
      </c>
      <c r="E4780" t="s">
        <v>20870</v>
      </c>
      <c r="G4780" s="2"/>
    </row>
    <row r="4781" spans="1:7" x14ac:dyDescent="0.25">
      <c r="A4781" s="1">
        <v>4779</v>
      </c>
      <c r="B4781" t="s">
        <v>4782</v>
      </c>
      <c r="C4781" t="s">
        <v>10229</v>
      </c>
      <c r="D4781" t="s">
        <v>15668</v>
      </c>
      <c r="E4781" t="s">
        <v>20871</v>
      </c>
      <c r="G4781" s="2"/>
    </row>
    <row r="4782" spans="1:7" x14ac:dyDescent="0.25">
      <c r="A4782" s="1">
        <v>4780</v>
      </c>
      <c r="B4782" t="s">
        <v>4783</v>
      </c>
      <c r="C4782" t="s">
        <v>10230</v>
      </c>
      <c r="D4782" t="s">
        <v>15669</v>
      </c>
      <c r="E4782" t="s">
        <v>20872</v>
      </c>
      <c r="G4782" s="2"/>
    </row>
    <row r="4783" spans="1:7" x14ac:dyDescent="0.25">
      <c r="A4783" s="1">
        <v>4781</v>
      </c>
      <c r="B4783" t="s">
        <v>4784</v>
      </c>
      <c r="C4783" t="s">
        <v>10231</v>
      </c>
      <c r="D4783" t="s">
        <v>15670</v>
      </c>
      <c r="E4783" t="s">
        <v>20873</v>
      </c>
      <c r="G4783" s="2"/>
    </row>
    <row r="4784" spans="1:7" x14ac:dyDescent="0.25">
      <c r="A4784" s="1">
        <v>4782</v>
      </c>
      <c r="B4784" t="s">
        <v>4785</v>
      </c>
      <c r="C4784" t="s">
        <v>10232</v>
      </c>
      <c r="D4784" t="s">
        <v>15671</v>
      </c>
      <c r="E4784" t="s">
        <v>20874</v>
      </c>
      <c r="G4784" s="2"/>
    </row>
    <row r="4785" spans="1:7" x14ac:dyDescent="0.25">
      <c r="A4785" s="1">
        <v>4783</v>
      </c>
      <c r="B4785" t="s">
        <v>4786</v>
      </c>
      <c r="C4785" t="s">
        <v>10233</v>
      </c>
      <c r="D4785" t="s">
        <v>15672</v>
      </c>
      <c r="E4785" t="s">
        <v>20875</v>
      </c>
      <c r="G4785" s="2"/>
    </row>
    <row r="4786" spans="1:7" x14ac:dyDescent="0.25">
      <c r="A4786" s="1">
        <v>4784</v>
      </c>
      <c r="B4786" t="s">
        <v>4787</v>
      </c>
      <c r="C4786" t="s">
        <v>10234</v>
      </c>
      <c r="D4786" t="s">
        <v>15673</v>
      </c>
      <c r="E4786" t="s">
        <v>20876</v>
      </c>
      <c r="G4786" s="2"/>
    </row>
    <row r="4787" spans="1:7" x14ac:dyDescent="0.25">
      <c r="A4787" s="1">
        <v>4785</v>
      </c>
      <c r="B4787" t="s">
        <v>4788</v>
      </c>
      <c r="C4787" t="s">
        <v>10235</v>
      </c>
      <c r="D4787" t="s">
        <v>15674</v>
      </c>
      <c r="E4787" t="s">
        <v>20877</v>
      </c>
      <c r="G4787" s="2"/>
    </row>
    <row r="4788" spans="1:7" x14ac:dyDescent="0.25">
      <c r="A4788" s="1">
        <v>4786</v>
      </c>
      <c r="B4788" t="s">
        <v>4789</v>
      </c>
      <c r="C4788" t="s">
        <v>10236</v>
      </c>
      <c r="D4788" t="s">
        <v>15675</v>
      </c>
      <c r="E4788" t="s">
        <v>20878</v>
      </c>
      <c r="G4788" s="2"/>
    </row>
    <row r="4789" spans="1:7" x14ac:dyDescent="0.25">
      <c r="A4789" s="1">
        <v>4787</v>
      </c>
      <c r="B4789" t="s">
        <v>4790</v>
      </c>
      <c r="C4789" t="s">
        <v>10237</v>
      </c>
      <c r="D4789" t="s">
        <v>15676</v>
      </c>
      <c r="E4789" t="s">
        <v>20879</v>
      </c>
      <c r="G4789" s="2"/>
    </row>
    <row r="4790" spans="1:7" x14ac:dyDescent="0.25">
      <c r="A4790" s="1">
        <v>4788</v>
      </c>
      <c r="B4790" t="s">
        <v>4791</v>
      </c>
      <c r="C4790" t="s">
        <v>10238</v>
      </c>
      <c r="D4790" t="s">
        <v>15677</v>
      </c>
      <c r="E4790" t="s">
        <v>20880</v>
      </c>
      <c r="G4790" s="2"/>
    </row>
    <row r="4791" spans="1:7" x14ac:dyDescent="0.25">
      <c r="A4791" s="1">
        <v>4789</v>
      </c>
      <c r="B4791" t="s">
        <v>4792</v>
      </c>
      <c r="C4791" t="s">
        <v>10239</v>
      </c>
      <c r="D4791" t="s">
        <v>15678</v>
      </c>
      <c r="E4791" t="s">
        <v>20881</v>
      </c>
      <c r="G4791" s="2"/>
    </row>
    <row r="4792" spans="1:7" x14ac:dyDescent="0.25">
      <c r="A4792" s="1">
        <v>4790</v>
      </c>
      <c r="B4792" t="s">
        <v>4793</v>
      </c>
      <c r="C4792" t="s">
        <v>10240</v>
      </c>
      <c r="D4792" t="s">
        <v>15679</v>
      </c>
      <c r="E4792" t="s">
        <v>20882</v>
      </c>
      <c r="G4792" s="2"/>
    </row>
    <row r="4793" spans="1:7" x14ac:dyDescent="0.25">
      <c r="A4793" s="1">
        <v>4791</v>
      </c>
      <c r="B4793" t="s">
        <v>4794</v>
      </c>
      <c r="C4793" t="s">
        <v>10241</v>
      </c>
      <c r="D4793" t="s">
        <v>15680</v>
      </c>
      <c r="E4793" t="s">
        <v>20883</v>
      </c>
      <c r="G4793" s="2"/>
    </row>
    <row r="4794" spans="1:7" x14ac:dyDescent="0.25">
      <c r="A4794" s="1">
        <v>4792</v>
      </c>
      <c r="B4794" t="s">
        <v>4795</v>
      </c>
      <c r="C4794" t="s">
        <v>10242</v>
      </c>
      <c r="D4794" t="s">
        <v>15681</v>
      </c>
      <c r="E4794" t="s">
        <v>20884</v>
      </c>
      <c r="G4794" s="2"/>
    </row>
    <row r="4795" spans="1:7" x14ac:dyDescent="0.25">
      <c r="A4795" s="1">
        <v>4793</v>
      </c>
      <c r="B4795" t="s">
        <v>4796</v>
      </c>
      <c r="C4795" t="s">
        <v>10243</v>
      </c>
      <c r="D4795" t="s">
        <v>15682</v>
      </c>
      <c r="E4795" t="s">
        <v>20885</v>
      </c>
      <c r="G4795" s="2"/>
    </row>
    <row r="4796" spans="1:7" x14ac:dyDescent="0.25">
      <c r="A4796" s="1">
        <v>4794</v>
      </c>
      <c r="B4796" t="s">
        <v>4797</v>
      </c>
      <c r="C4796" t="s">
        <v>10244</v>
      </c>
      <c r="D4796" t="s">
        <v>15683</v>
      </c>
      <c r="E4796" t="s">
        <v>20886</v>
      </c>
      <c r="G4796" s="2"/>
    </row>
    <row r="4797" spans="1:7" x14ac:dyDescent="0.25">
      <c r="A4797" s="1">
        <v>4795</v>
      </c>
      <c r="B4797" t="s">
        <v>4798</v>
      </c>
      <c r="C4797" t="s">
        <v>10245</v>
      </c>
      <c r="D4797" t="s">
        <v>15684</v>
      </c>
      <c r="E4797" t="s">
        <v>20887</v>
      </c>
      <c r="G4797" s="2"/>
    </row>
    <row r="4798" spans="1:7" x14ac:dyDescent="0.25">
      <c r="A4798" s="1">
        <v>4796</v>
      </c>
      <c r="B4798" t="s">
        <v>4799</v>
      </c>
      <c r="C4798" t="s">
        <v>10246</v>
      </c>
      <c r="D4798" t="s">
        <v>15685</v>
      </c>
      <c r="E4798" t="s">
        <v>16372</v>
      </c>
      <c r="G4798" s="2"/>
    </row>
    <row r="4799" spans="1:7" x14ac:dyDescent="0.25">
      <c r="A4799" s="1">
        <v>4797</v>
      </c>
      <c r="B4799" t="s">
        <v>4800</v>
      </c>
      <c r="C4799" t="s">
        <v>10247</v>
      </c>
      <c r="D4799" t="s">
        <v>15686</v>
      </c>
      <c r="E4799" t="s">
        <v>20888</v>
      </c>
      <c r="G4799" s="2"/>
    </row>
    <row r="4800" spans="1:7" x14ac:dyDescent="0.25">
      <c r="A4800" s="1">
        <v>4798</v>
      </c>
      <c r="B4800" t="s">
        <v>4801</v>
      </c>
      <c r="C4800" t="s">
        <v>10248</v>
      </c>
      <c r="D4800" t="s">
        <v>15687</v>
      </c>
      <c r="E4800" t="s">
        <v>20889</v>
      </c>
      <c r="G4800" s="2"/>
    </row>
    <row r="4801" spans="1:7" x14ac:dyDescent="0.25">
      <c r="A4801" s="1">
        <v>4799</v>
      </c>
      <c r="B4801" t="s">
        <v>4802</v>
      </c>
      <c r="C4801" t="s">
        <v>10249</v>
      </c>
      <c r="D4801" t="s">
        <v>15688</v>
      </c>
      <c r="E4801" t="s">
        <v>20890</v>
      </c>
      <c r="G4801" s="2"/>
    </row>
    <row r="4802" spans="1:7" x14ac:dyDescent="0.25">
      <c r="A4802" s="1">
        <v>4800</v>
      </c>
      <c r="B4802" t="s">
        <v>4803</v>
      </c>
      <c r="C4802" t="s">
        <v>10250</v>
      </c>
      <c r="D4802" t="s">
        <v>15689</v>
      </c>
      <c r="E4802" t="s">
        <v>20891</v>
      </c>
      <c r="G4802" s="2"/>
    </row>
    <row r="4803" spans="1:7" x14ac:dyDescent="0.25">
      <c r="A4803" s="1">
        <v>4801</v>
      </c>
      <c r="B4803" t="s">
        <v>4804</v>
      </c>
      <c r="C4803" t="s">
        <v>10251</v>
      </c>
      <c r="D4803" t="s">
        <v>15690</v>
      </c>
      <c r="E4803" t="s">
        <v>20892</v>
      </c>
      <c r="G4803" s="2"/>
    </row>
    <row r="4804" spans="1:7" x14ac:dyDescent="0.25">
      <c r="A4804" s="1">
        <v>4802</v>
      </c>
      <c r="B4804" t="s">
        <v>4805</v>
      </c>
      <c r="C4804" t="s">
        <v>10252</v>
      </c>
      <c r="D4804" t="s">
        <v>15691</v>
      </c>
      <c r="E4804" t="s">
        <v>20893</v>
      </c>
      <c r="G4804" s="2"/>
    </row>
    <row r="4805" spans="1:7" x14ac:dyDescent="0.25">
      <c r="A4805" s="1">
        <v>4803</v>
      </c>
      <c r="B4805" t="s">
        <v>4806</v>
      </c>
      <c r="C4805" t="s">
        <v>10253</v>
      </c>
      <c r="D4805" t="s">
        <v>15692</v>
      </c>
      <c r="E4805" t="s">
        <v>20894</v>
      </c>
      <c r="G4805" s="2"/>
    </row>
    <row r="4806" spans="1:7" x14ac:dyDescent="0.25">
      <c r="A4806" s="1">
        <v>4804</v>
      </c>
      <c r="B4806" t="s">
        <v>4807</v>
      </c>
      <c r="C4806" t="s">
        <v>10254</v>
      </c>
      <c r="D4806" t="s">
        <v>15693</v>
      </c>
      <c r="E4806" t="s">
        <v>20895</v>
      </c>
      <c r="G4806" s="2"/>
    </row>
    <row r="4807" spans="1:7" x14ac:dyDescent="0.25">
      <c r="A4807" s="1">
        <v>4805</v>
      </c>
      <c r="B4807" t="s">
        <v>4808</v>
      </c>
      <c r="C4807" t="s">
        <v>10255</v>
      </c>
      <c r="D4807" t="s">
        <v>15694</v>
      </c>
      <c r="E4807" t="s">
        <v>20896</v>
      </c>
      <c r="G4807" s="2"/>
    </row>
    <row r="4808" spans="1:7" x14ac:dyDescent="0.25">
      <c r="A4808" s="1">
        <v>4806</v>
      </c>
      <c r="B4808" t="s">
        <v>4809</v>
      </c>
      <c r="C4808" t="s">
        <v>10256</v>
      </c>
      <c r="D4808" t="s">
        <v>15695</v>
      </c>
      <c r="E4808" t="s">
        <v>20897</v>
      </c>
      <c r="G4808" s="2"/>
    </row>
    <row r="4809" spans="1:7" x14ac:dyDescent="0.25">
      <c r="A4809" s="1">
        <v>4807</v>
      </c>
      <c r="B4809" t="s">
        <v>4810</v>
      </c>
      <c r="C4809" t="s">
        <v>10257</v>
      </c>
      <c r="D4809" t="s">
        <v>15696</v>
      </c>
      <c r="E4809" t="s">
        <v>20898</v>
      </c>
      <c r="G4809" s="2"/>
    </row>
    <row r="4810" spans="1:7" x14ac:dyDescent="0.25">
      <c r="A4810" s="1">
        <v>4808</v>
      </c>
      <c r="B4810" t="s">
        <v>4811</v>
      </c>
      <c r="C4810" t="s">
        <v>10258</v>
      </c>
      <c r="D4810" t="s">
        <v>15697</v>
      </c>
      <c r="E4810" t="s">
        <v>20899</v>
      </c>
      <c r="G4810" s="2"/>
    </row>
    <row r="4811" spans="1:7" x14ac:dyDescent="0.25">
      <c r="A4811" s="1">
        <v>4809</v>
      </c>
      <c r="B4811" t="s">
        <v>4812</v>
      </c>
      <c r="C4811" t="s">
        <v>10259</v>
      </c>
      <c r="D4811" t="s">
        <v>15698</v>
      </c>
      <c r="E4811" t="s">
        <v>20900</v>
      </c>
      <c r="G4811" s="2"/>
    </row>
    <row r="4812" spans="1:7" x14ac:dyDescent="0.25">
      <c r="A4812" s="1">
        <v>4810</v>
      </c>
      <c r="B4812" t="s">
        <v>4813</v>
      </c>
      <c r="C4812" t="s">
        <v>10260</v>
      </c>
      <c r="D4812" t="s">
        <v>15699</v>
      </c>
      <c r="E4812" t="s">
        <v>20901</v>
      </c>
      <c r="G4812" s="2"/>
    </row>
    <row r="4813" spans="1:7" x14ac:dyDescent="0.25">
      <c r="A4813" s="1">
        <v>4811</v>
      </c>
      <c r="B4813" t="s">
        <v>4814</v>
      </c>
      <c r="C4813" t="s">
        <v>10261</v>
      </c>
      <c r="D4813" t="s">
        <v>15700</v>
      </c>
      <c r="E4813" t="s">
        <v>20902</v>
      </c>
      <c r="G4813" s="2"/>
    </row>
    <row r="4814" spans="1:7" x14ac:dyDescent="0.25">
      <c r="A4814" s="1">
        <v>4812</v>
      </c>
      <c r="B4814" t="s">
        <v>4815</v>
      </c>
      <c r="C4814" t="s">
        <v>10262</v>
      </c>
      <c r="D4814" t="s">
        <v>15701</v>
      </c>
      <c r="E4814" t="s">
        <v>20903</v>
      </c>
      <c r="G4814" s="2"/>
    </row>
    <row r="4815" spans="1:7" x14ac:dyDescent="0.25">
      <c r="A4815" s="1">
        <v>4813</v>
      </c>
      <c r="B4815" t="s">
        <v>4816</v>
      </c>
      <c r="C4815" t="s">
        <v>10263</v>
      </c>
      <c r="D4815" t="s">
        <v>15702</v>
      </c>
      <c r="E4815" t="s">
        <v>20904</v>
      </c>
      <c r="G4815" s="2"/>
    </row>
    <row r="4816" spans="1:7" x14ac:dyDescent="0.25">
      <c r="A4816" s="1">
        <v>4814</v>
      </c>
      <c r="B4816" t="s">
        <v>4817</v>
      </c>
      <c r="C4816" t="s">
        <v>10264</v>
      </c>
      <c r="D4816" t="s">
        <v>15703</v>
      </c>
      <c r="E4816" t="s">
        <v>17455</v>
      </c>
      <c r="G4816" s="2"/>
    </row>
    <row r="4817" spans="1:7" x14ac:dyDescent="0.25">
      <c r="A4817" s="1">
        <v>4815</v>
      </c>
      <c r="B4817" t="s">
        <v>4818</v>
      </c>
      <c r="C4817" t="s">
        <v>10265</v>
      </c>
      <c r="D4817" t="s">
        <v>15704</v>
      </c>
      <c r="E4817" t="s">
        <v>20905</v>
      </c>
      <c r="G4817" s="2"/>
    </row>
    <row r="4818" spans="1:7" x14ac:dyDescent="0.25">
      <c r="A4818" s="1">
        <v>4816</v>
      </c>
      <c r="B4818" t="s">
        <v>4819</v>
      </c>
      <c r="C4818" t="s">
        <v>10266</v>
      </c>
      <c r="D4818" t="s">
        <v>15705</v>
      </c>
      <c r="E4818" t="s">
        <v>20906</v>
      </c>
      <c r="G4818" s="2"/>
    </row>
    <row r="4819" spans="1:7" x14ac:dyDescent="0.25">
      <c r="A4819" s="1">
        <v>4817</v>
      </c>
      <c r="B4819" t="s">
        <v>4820</v>
      </c>
      <c r="C4819" t="s">
        <v>10267</v>
      </c>
      <c r="D4819" t="s">
        <v>15706</v>
      </c>
      <c r="E4819" t="s">
        <v>20907</v>
      </c>
      <c r="G4819" s="2"/>
    </row>
    <row r="4820" spans="1:7" x14ac:dyDescent="0.25">
      <c r="A4820" s="1">
        <v>4818</v>
      </c>
      <c r="B4820" t="s">
        <v>4821</v>
      </c>
      <c r="C4820" t="s">
        <v>10268</v>
      </c>
      <c r="D4820" t="s">
        <v>15707</v>
      </c>
      <c r="E4820" t="s">
        <v>20908</v>
      </c>
      <c r="G4820" s="2"/>
    </row>
    <row r="4821" spans="1:7" x14ac:dyDescent="0.25">
      <c r="A4821" s="1">
        <v>4819</v>
      </c>
      <c r="B4821" t="s">
        <v>4822</v>
      </c>
      <c r="C4821" t="s">
        <v>10269</v>
      </c>
      <c r="D4821" t="s">
        <v>15708</v>
      </c>
      <c r="E4821" t="s">
        <v>20909</v>
      </c>
      <c r="G4821" s="2"/>
    </row>
    <row r="4822" spans="1:7" x14ac:dyDescent="0.25">
      <c r="A4822" s="1">
        <v>4820</v>
      </c>
      <c r="B4822" t="s">
        <v>4823</v>
      </c>
      <c r="C4822" t="s">
        <v>10270</v>
      </c>
      <c r="D4822" t="s">
        <v>15709</v>
      </c>
      <c r="E4822" t="s">
        <v>20910</v>
      </c>
      <c r="G4822" s="2"/>
    </row>
    <row r="4823" spans="1:7" x14ac:dyDescent="0.25">
      <c r="A4823" s="1">
        <v>4821</v>
      </c>
      <c r="B4823" t="s">
        <v>4824</v>
      </c>
      <c r="C4823" t="s">
        <v>10271</v>
      </c>
      <c r="D4823" t="s">
        <v>15710</v>
      </c>
      <c r="E4823" t="s">
        <v>20911</v>
      </c>
      <c r="G4823" s="2"/>
    </row>
    <row r="4824" spans="1:7" x14ac:dyDescent="0.25">
      <c r="A4824" s="1">
        <v>4822</v>
      </c>
      <c r="B4824" t="s">
        <v>4825</v>
      </c>
      <c r="C4824" t="s">
        <v>10272</v>
      </c>
      <c r="D4824" t="s">
        <v>15711</v>
      </c>
      <c r="E4824" t="s">
        <v>20912</v>
      </c>
      <c r="G4824" s="2"/>
    </row>
    <row r="4825" spans="1:7" x14ac:dyDescent="0.25">
      <c r="A4825" s="1">
        <v>4823</v>
      </c>
      <c r="B4825" t="s">
        <v>4826</v>
      </c>
      <c r="C4825" t="s">
        <v>10273</v>
      </c>
      <c r="D4825" t="s">
        <v>15712</v>
      </c>
      <c r="E4825" t="s">
        <v>20913</v>
      </c>
      <c r="G4825" s="2"/>
    </row>
    <row r="4826" spans="1:7" x14ac:dyDescent="0.25">
      <c r="A4826" s="1">
        <v>4824</v>
      </c>
      <c r="B4826" t="s">
        <v>4827</v>
      </c>
      <c r="C4826" t="s">
        <v>10274</v>
      </c>
      <c r="D4826" t="s">
        <v>15713</v>
      </c>
      <c r="E4826" t="s">
        <v>20914</v>
      </c>
      <c r="G4826" s="2"/>
    </row>
    <row r="4827" spans="1:7" x14ac:dyDescent="0.25">
      <c r="A4827" s="1">
        <v>4825</v>
      </c>
      <c r="B4827" t="s">
        <v>4828</v>
      </c>
      <c r="C4827" t="s">
        <v>10275</v>
      </c>
      <c r="D4827" t="s">
        <v>15714</v>
      </c>
      <c r="E4827" t="s">
        <v>20915</v>
      </c>
      <c r="G4827" s="2"/>
    </row>
    <row r="4828" spans="1:7" x14ac:dyDescent="0.25">
      <c r="A4828" s="1">
        <v>4826</v>
      </c>
      <c r="B4828" t="s">
        <v>4829</v>
      </c>
      <c r="C4828" t="s">
        <v>10276</v>
      </c>
      <c r="D4828" t="s">
        <v>15715</v>
      </c>
      <c r="E4828" t="s">
        <v>20916</v>
      </c>
      <c r="G4828" s="2"/>
    </row>
    <row r="4829" spans="1:7" x14ac:dyDescent="0.25">
      <c r="A4829" s="1">
        <v>4827</v>
      </c>
      <c r="B4829" t="s">
        <v>4830</v>
      </c>
      <c r="C4829" t="s">
        <v>10277</v>
      </c>
      <c r="D4829" t="s">
        <v>15716</v>
      </c>
      <c r="E4829" t="s">
        <v>20917</v>
      </c>
      <c r="G4829" s="2"/>
    </row>
    <row r="4830" spans="1:7" x14ac:dyDescent="0.25">
      <c r="A4830" s="1">
        <v>4828</v>
      </c>
      <c r="B4830" t="s">
        <v>4831</v>
      </c>
      <c r="C4830" t="s">
        <v>10278</v>
      </c>
      <c r="D4830" t="s">
        <v>15717</v>
      </c>
      <c r="E4830" t="s">
        <v>20918</v>
      </c>
      <c r="G4830" s="2"/>
    </row>
    <row r="4831" spans="1:7" x14ac:dyDescent="0.25">
      <c r="A4831" s="1">
        <v>4829</v>
      </c>
      <c r="B4831" t="s">
        <v>4832</v>
      </c>
      <c r="C4831" t="s">
        <v>10279</v>
      </c>
      <c r="D4831" t="s">
        <v>15718</v>
      </c>
      <c r="E4831" t="s">
        <v>20919</v>
      </c>
      <c r="G4831" s="2"/>
    </row>
    <row r="4832" spans="1:7" x14ac:dyDescent="0.25">
      <c r="A4832" s="1">
        <v>4830</v>
      </c>
      <c r="B4832" t="s">
        <v>4833</v>
      </c>
      <c r="C4832" t="s">
        <v>10280</v>
      </c>
      <c r="D4832" t="s">
        <v>15719</v>
      </c>
      <c r="E4832" t="s">
        <v>20920</v>
      </c>
      <c r="G4832" s="2"/>
    </row>
    <row r="4833" spans="1:7" x14ac:dyDescent="0.25">
      <c r="A4833" s="1">
        <v>4831</v>
      </c>
      <c r="B4833" t="s">
        <v>4834</v>
      </c>
      <c r="C4833" t="s">
        <v>10281</v>
      </c>
      <c r="D4833" t="s">
        <v>15720</v>
      </c>
      <c r="E4833" t="s">
        <v>20921</v>
      </c>
      <c r="G4833" s="2"/>
    </row>
    <row r="4834" spans="1:7" x14ac:dyDescent="0.25">
      <c r="A4834" s="1">
        <v>4832</v>
      </c>
      <c r="B4834" t="s">
        <v>4835</v>
      </c>
      <c r="C4834" t="s">
        <v>10282</v>
      </c>
      <c r="D4834" t="s">
        <v>15721</v>
      </c>
      <c r="E4834" t="s">
        <v>20922</v>
      </c>
      <c r="G4834" s="2"/>
    </row>
    <row r="4835" spans="1:7" x14ac:dyDescent="0.25">
      <c r="A4835" s="1">
        <v>4833</v>
      </c>
      <c r="B4835" t="s">
        <v>4836</v>
      </c>
      <c r="C4835" t="s">
        <v>10283</v>
      </c>
      <c r="D4835" t="s">
        <v>15722</v>
      </c>
      <c r="E4835" t="s">
        <v>20923</v>
      </c>
      <c r="G4835" s="2"/>
    </row>
    <row r="4836" spans="1:7" x14ac:dyDescent="0.25">
      <c r="A4836" s="1">
        <v>4834</v>
      </c>
      <c r="B4836" t="s">
        <v>4837</v>
      </c>
      <c r="C4836" t="s">
        <v>10284</v>
      </c>
      <c r="D4836" t="s">
        <v>15723</v>
      </c>
      <c r="E4836" t="s">
        <v>20924</v>
      </c>
      <c r="G4836" s="2"/>
    </row>
    <row r="4837" spans="1:7" x14ac:dyDescent="0.25">
      <c r="A4837" s="1">
        <v>4835</v>
      </c>
      <c r="B4837" t="s">
        <v>4838</v>
      </c>
      <c r="C4837" t="s">
        <v>10285</v>
      </c>
      <c r="D4837" t="s">
        <v>15724</v>
      </c>
      <c r="E4837" t="s">
        <v>20925</v>
      </c>
      <c r="G4837" s="2"/>
    </row>
    <row r="4838" spans="1:7" x14ac:dyDescent="0.25">
      <c r="A4838" s="1">
        <v>4836</v>
      </c>
      <c r="B4838" t="s">
        <v>4839</v>
      </c>
      <c r="C4838" t="s">
        <v>10286</v>
      </c>
      <c r="D4838" t="s">
        <v>15725</v>
      </c>
      <c r="E4838" t="s">
        <v>20926</v>
      </c>
      <c r="G4838" s="2"/>
    </row>
    <row r="4839" spans="1:7" x14ac:dyDescent="0.25">
      <c r="A4839" s="1">
        <v>4837</v>
      </c>
      <c r="B4839" t="s">
        <v>4840</v>
      </c>
      <c r="C4839" t="s">
        <v>10287</v>
      </c>
      <c r="D4839" t="s">
        <v>15726</v>
      </c>
      <c r="E4839" t="s">
        <v>20927</v>
      </c>
      <c r="G4839" s="2"/>
    </row>
    <row r="4840" spans="1:7" x14ac:dyDescent="0.25">
      <c r="A4840" s="1">
        <v>4838</v>
      </c>
      <c r="B4840" t="s">
        <v>4841</v>
      </c>
      <c r="C4840" t="s">
        <v>10288</v>
      </c>
      <c r="D4840" t="s">
        <v>15727</v>
      </c>
      <c r="E4840" t="s">
        <v>20928</v>
      </c>
      <c r="G4840" s="2"/>
    </row>
    <row r="4841" spans="1:7" x14ac:dyDescent="0.25">
      <c r="A4841" s="1">
        <v>4839</v>
      </c>
      <c r="B4841" t="s">
        <v>4842</v>
      </c>
      <c r="C4841" t="s">
        <v>10289</v>
      </c>
      <c r="D4841" t="s">
        <v>15728</v>
      </c>
      <c r="E4841" t="s">
        <v>20929</v>
      </c>
      <c r="G4841" s="2"/>
    </row>
    <row r="4842" spans="1:7" x14ac:dyDescent="0.25">
      <c r="A4842" s="1">
        <v>4840</v>
      </c>
      <c r="B4842" t="s">
        <v>4843</v>
      </c>
      <c r="C4842" t="s">
        <v>10290</v>
      </c>
      <c r="D4842" t="s">
        <v>15729</v>
      </c>
      <c r="E4842" t="s">
        <v>20930</v>
      </c>
      <c r="G4842" s="2"/>
    </row>
    <row r="4843" spans="1:7" x14ac:dyDescent="0.25">
      <c r="A4843" s="1">
        <v>4841</v>
      </c>
      <c r="B4843" t="s">
        <v>4844</v>
      </c>
      <c r="C4843" t="s">
        <v>10291</v>
      </c>
      <c r="D4843" t="s">
        <v>15730</v>
      </c>
      <c r="E4843" t="s">
        <v>20931</v>
      </c>
      <c r="G4843" s="2"/>
    </row>
    <row r="4844" spans="1:7" x14ac:dyDescent="0.25">
      <c r="A4844" s="1">
        <v>4842</v>
      </c>
      <c r="B4844" t="s">
        <v>4845</v>
      </c>
      <c r="C4844" t="s">
        <v>10292</v>
      </c>
      <c r="D4844" t="s">
        <v>15731</v>
      </c>
      <c r="E4844" t="s">
        <v>20932</v>
      </c>
      <c r="G4844" s="2"/>
    </row>
    <row r="4845" spans="1:7" x14ac:dyDescent="0.25">
      <c r="A4845" s="1">
        <v>4843</v>
      </c>
      <c r="B4845" t="s">
        <v>4846</v>
      </c>
      <c r="C4845" t="s">
        <v>10293</v>
      </c>
      <c r="D4845" t="s">
        <v>15732</v>
      </c>
      <c r="E4845" t="s">
        <v>18654</v>
      </c>
      <c r="G4845" s="2"/>
    </row>
    <row r="4846" spans="1:7" x14ac:dyDescent="0.25">
      <c r="A4846" s="1">
        <v>4844</v>
      </c>
      <c r="B4846" t="s">
        <v>4847</v>
      </c>
      <c r="C4846" t="s">
        <v>10294</v>
      </c>
      <c r="D4846" t="s">
        <v>15733</v>
      </c>
      <c r="E4846" t="s">
        <v>16555</v>
      </c>
      <c r="G4846" s="2"/>
    </row>
    <row r="4847" spans="1:7" x14ac:dyDescent="0.25">
      <c r="A4847" s="1">
        <v>4845</v>
      </c>
      <c r="B4847" t="s">
        <v>4848</v>
      </c>
      <c r="C4847" t="s">
        <v>10295</v>
      </c>
      <c r="D4847" t="s">
        <v>15734</v>
      </c>
      <c r="E4847" t="s">
        <v>20933</v>
      </c>
      <c r="G4847" s="2"/>
    </row>
    <row r="4848" spans="1:7" x14ac:dyDescent="0.25">
      <c r="A4848" s="1">
        <v>4846</v>
      </c>
      <c r="B4848" t="s">
        <v>4849</v>
      </c>
      <c r="C4848" t="s">
        <v>10296</v>
      </c>
      <c r="D4848" t="s">
        <v>15735</v>
      </c>
      <c r="E4848" t="s">
        <v>20934</v>
      </c>
      <c r="G4848" s="2"/>
    </row>
    <row r="4849" spans="1:7" x14ac:dyDescent="0.25">
      <c r="A4849" s="1">
        <v>4847</v>
      </c>
      <c r="B4849" t="s">
        <v>4850</v>
      </c>
      <c r="C4849" t="s">
        <v>10297</v>
      </c>
      <c r="D4849" t="s">
        <v>10297</v>
      </c>
      <c r="E4849" t="s">
        <v>20935</v>
      </c>
      <c r="G4849" s="2"/>
    </row>
    <row r="4850" spans="1:7" x14ac:dyDescent="0.25">
      <c r="A4850" s="1">
        <v>4848</v>
      </c>
      <c r="B4850" t="s">
        <v>4851</v>
      </c>
      <c r="C4850" t="s">
        <v>10298</v>
      </c>
      <c r="D4850" t="s">
        <v>15736</v>
      </c>
      <c r="E4850" t="s">
        <v>20936</v>
      </c>
      <c r="G4850" s="2"/>
    </row>
    <row r="4851" spans="1:7" x14ac:dyDescent="0.25">
      <c r="A4851" s="1">
        <v>4849</v>
      </c>
      <c r="B4851" t="s">
        <v>4852</v>
      </c>
      <c r="C4851" t="s">
        <v>10299</v>
      </c>
      <c r="D4851" t="s">
        <v>15737</v>
      </c>
      <c r="E4851" t="s">
        <v>20937</v>
      </c>
      <c r="G4851" s="2"/>
    </row>
    <row r="4852" spans="1:7" x14ac:dyDescent="0.25">
      <c r="A4852" s="1">
        <v>4850</v>
      </c>
      <c r="B4852" t="s">
        <v>4853</v>
      </c>
      <c r="C4852" t="s">
        <v>10300</v>
      </c>
      <c r="D4852" t="s">
        <v>15738</v>
      </c>
      <c r="E4852" t="s">
        <v>20938</v>
      </c>
      <c r="G4852" s="2"/>
    </row>
    <row r="4853" spans="1:7" x14ac:dyDescent="0.25">
      <c r="A4853" s="1">
        <v>4851</v>
      </c>
      <c r="B4853" t="s">
        <v>4854</v>
      </c>
      <c r="C4853" t="s">
        <v>10301</v>
      </c>
      <c r="D4853" t="s">
        <v>15739</v>
      </c>
      <c r="E4853" t="s">
        <v>20939</v>
      </c>
      <c r="G4853" s="2"/>
    </row>
    <row r="4854" spans="1:7" x14ac:dyDescent="0.25">
      <c r="A4854" s="1">
        <v>4852</v>
      </c>
      <c r="B4854" t="s">
        <v>4855</v>
      </c>
      <c r="C4854" t="s">
        <v>10302</v>
      </c>
      <c r="D4854" t="s">
        <v>15740</v>
      </c>
      <c r="E4854" t="s">
        <v>20940</v>
      </c>
      <c r="G4854" s="2"/>
    </row>
    <row r="4855" spans="1:7" x14ac:dyDescent="0.25">
      <c r="A4855" s="1">
        <v>4853</v>
      </c>
      <c r="B4855" t="s">
        <v>4856</v>
      </c>
      <c r="C4855" t="s">
        <v>10303</v>
      </c>
      <c r="D4855" t="s">
        <v>15741</v>
      </c>
      <c r="E4855" t="s">
        <v>20941</v>
      </c>
      <c r="G4855" s="2"/>
    </row>
    <row r="4856" spans="1:7" x14ac:dyDescent="0.25">
      <c r="A4856" s="1">
        <v>4854</v>
      </c>
      <c r="B4856" t="s">
        <v>4857</v>
      </c>
      <c r="C4856" t="s">
        <v>10304</v>
      </c>
      <c r="D4856" t="s">
        <v>15742</v>
      </c>
      <c r="E4856" t="s">
        <v>20942</v>
      </c>
      <c r="G4856" s="2"/>
    </row>
    <row r="4857" spans="1:7" x14ac:dyDescent="0.25">
      <c r="A4857" s="1">
        <v>4855</v>
      </c>
      <c r="B4857" t="s">
        <v>4858</v>
      </c>
      <c r="C4857" t="s">
        <v>10305</v>
      </c>
      <c r="D4857" t="s">
        <v>15743</v>
      </c>
      <c r="E4857" t="s">
        <v>19900</v>
      </c>
      <c r="G4857" s="2"/>
    </row>
    <row r="4858" spans="1:7" x14ac:dyDescent="0.25">
      <c r="A4858" s="1">
        <v>4856</v>
      </c>
      <c r="B4858" t="s">
        <v>4859</v>
      </c>
      <c r="C4858" t="s">
        <v>10306</v>
      </c>
      <c r="D4858" t="s">
        <v>15744</v>
      </c>
      <c r="E4858" t="s">
        <v>20943</v>
      </c>
      <c r="G4858" s="2"/>
    </row>
    <row r="4859" spans="1:7" x14ac:dyDescent="0.25">
      <c r="A4859" s="1">
        <v>4857</v>
      </c>
      <c r="B4859" t="s">
        <v>4860</v>
      </c>
      <c r="C4859" t="s">
        <v>10307</v>
      </c>
      <c r="D4859" t="s">
        <v>15745</v>
      </c>
      <c r="E4859" t="s">
        <v>20944</v>
      </c>
      <c r="G4859" s="2"/>
    </row>
    <row r="4860" spans="1:7" x14ac:dyDescent="0.25">
      <c r="A4860" s="1">
        <v>4858</v>
      </c>
      <c r="B4860" t="s">
        <v>4861</v>
      </c>
      <c r="C4860" t="s">
        <v>10308</v>
      </c>
      <c r="D4860" t="s">
        <v>15746</v>
      </c>
      <c r="E4860" t="s">
        <v>20945</v>
      </c>
      <c r="G4860" s="2"/>
    </row>
    <row r="4861" spans="1:7" x14ac:dyDescent="0.25">
      <c r="A4861" s="1">
        <v>4859</v>
      </c>
      <c r="B4861" t="s">
        <v>4862</v>
      </c>
      <c r="C4861" t="s">
        <v>10309</v>
      </c>
      <c r="D4861" t="s">
        <v>15747</v>
      </c>
      <c r="E4861" t="s">
        <v>20946</v>
      </c>
      <c r="G4861" s="2"/>
    </row>
    <row r="4862" spans="1:7" x14ac:dyDescent="0.25">
      <c r="A4862" s="1">
        <v>4860</v>
      </c>
      <c r="B4862" t="s">
        <v>4863</v>
      </c>
      <c r="C4862" t="s">
        <v>10310</v>
      </c>
      <c r="D4862" t="s">
        <v>15748</v>
      </c>
      <c r="E4862" t="s">
        <v>16347</v>
      </c>
      <c r="G4862" s="2"/>
    </row>
    <row r="4863" spans="1:7" x14ac:dyDescent="0.25">
      <c r="A4863" s="1">
        <v>4861</v>
      </c>
      <c r="B4863" t="s">
        <v>4864</v>
      </c>
      <c r="C4863" t="s">
        <v>10311</v>
      </c>
      <c r="D4863" t="s">
        <v>15749</v>
      </c>
      <c r="E4863" t="s">
        <v>20947</v>
      </c>
      <c r="G4863" s="2"/>
    </row>
    <row r="4864" spans="1:7" x14ac:dyDescent="0.25">
      <c r="A4864" s="1">
        <v>4862</v>
      </c>
      <c r="B4864" t="s">
        <v>4865</v>
      </c>
      <c r="C4864" t="s">
        <v>10312</v>
      </c>
      <c r="D4864" t="s">
        <v>15750</v>
      </c>
      <c r="E4864" t="s">
        <v>20948</v>
      </c>
      <c r="G4864" s="2"/>
    </row>
    <row r="4865" spans="1:7" x14ac:dyDescent="0.25">
      <c r="A4865" s="1">
        <v>4863</v>
      </c>
      <c r="B4865" t="s">
        <v>4866</v>
      </c>
      <c r="C4865" t="s">
        <v>10313</v>
      </c>
      <c r="D4865" t="s">
        <v>15751</v>
      </c>
      <c r="E4865" t="s">
        <v>20949</v>
      </c>
      <c r="G4865" s="2"/>
    </row>
    <row r="4866" spans="1:7" x14ac:dyDescent="0.25">
      <c r="A4866" s="1">
        <v>4864</v>
      </c>
      <c r="B4866" t="s">
        <v>4867</v>
      </c>
      <c r="C4866" t="s">
        <v>10314</v>
      </c>
      <c r="D4866" t="s">
        <v>15752</v>
      </c>
      <c r="E4866" t="s">
        <v>20950</v>
      </c>
      <c r="G4866" s="2"/>
    </row>
    <row r="4867" spans="1:7" x14ac:dyDescent="0.25">
      <c r="A4867" s="1">
        <v>4865</v>
      </c>
      <c r="B4867" t="s">
        <v>4868</v>
      </c>
      <c r="C4867" t="s">
        <v>10315</v>
      </c>
      <c r="D4867" t="s">
        <v>15753</v>
      </c>
      <c r="E4867" t="s">
        <v>20951</v>
      </c>
      <c r="G4867" s="2"/>
    </row>
    <row r="4868" spans="1:7" x14ac:dyDescent="0.25">
      <c r="A4868" s="1">
        <v>4866</v>
      </c>
      <c r="B4868" t="s">
        <v>4869</v>
      </c>
      <c r="C4868" t="s">
        <v>10316</v>
      </c>
      <c r="D4868" t="s">
        <v>15754</v>
      </c>
      <c r="E4868" t="s">
        <v>20952</v>
      </c>
      <c r="G4868" s="2"/>
    </row>
    <row r="4869" spans="1:7" x14ac:dyDescent="0.25">
      <c r="A4869" s="1">
        <v>4867</v>
      </c>
      <c r="B4869" t="s">
        <v>4870</v>
      </c>
      <c r="C4869" t="s">
        <v>10317</v>
      </c>
      <c r="D4869" t="s">
        <v>15755</v>
      </c>
      <c r="E4869" t="s">
        <v>20953</v>
      </c>
      <c r="G4869" s="2"/>
    </row>
    <row r="4870" spans="1:7" x14ac:dyDescent="0.25">
      <c r="A4870" s="1">
        <v>4868</v>
      </c>
      <c r="B4870" t="s">
        <v>4871</v>
      </c>
      <c r="C4870" t="s">
        <v>10318</v>
      </c>
      <c r="D4870" t="s">
        <v>15756</v>
      </c>
      <c r="E4870" t="s">
        <v>20954</v>
      </c>
      <c r="G4870" s="2"/>
    </row>
    <row r="4871" spans="1:7" x14ac:dyDescent="0.25">
      <c r="A4871" s="1">
        <v>4869</v>
      </c>
      <c r="B4871" t="s">
        <v>4872</v>
      </c>
      <c r="C4871" t="s">
        <v>10319</v>
      </c>
      <c r="D4871" t="s">
        <v>15757</v>
      </c>
      <c r="E4871" t="s">
        <v>20955</v>
      </c>
      <c r="G4871" s="2"/>
    </row>
    <row r="4872" spans="1:7" x14ac:dyDescent="0.25">
      <c r="A4872" s="1">
        <v>4870</v>
      </c>
      <c r="B4872" t="s">
        <v>4873</v>
      </c>
      <c r="C4872" t="s">
        <v>10320</v>
      </c>
      <c r="D4872" t="s">
        <v>15758</v>
      </c>
      <c r="E4872" t="s">
        <v>20956</v>
      </c>
      <c r="G4872" s="2"/>
    </row>
    <row r="4873" spans="1:7" x14ac:dyDescent="0.25">
      <c r="A4873" s="1">
        <v>4871</v>
      </c>
      <c r="B4873" t="s">
        <v>4874</v>
      </c>
      <c r="C4873" t="s">
        <v>10321</v>
      </c>
      <c r="D4873" t="s">
        <v>15759</v>
      </c>
      <c r="E4873" t="s">
        <v>20957</v>
      </c>
      <c r="G4873" s="2"/>
    </row>
    <row r="4874" spans="1:7" x14ac:dyDescent="0.25">
      <c r="A4874" s="1">
        <v>4872</v>
      </c>
      <c r="B4874" t="s">
        <v>4875</v>
      </c>
      <c r="C4874" t="s">
        <v>10322</v>
      </c>
      <c r="D4874" t="s">
        <v>15760</v>
      </c>
      <c r="E4874" t="s">
        <v>20958</v>
      </c>
      <c r="G4874" s="2"/>
    </row>
    <row r="4875" spans="1:7" x14ac:dyDescent="0.25">
      <c r="A4875" s="1">
        <v>4873</v>
      </c>
      <c r="B4875" t="s">
        <v>4876</v>
      </c>
      <c r="C4875" t="s">
        <v>10323</v>
      </c>
      <c r="D4875" t="s">
        <v>15761</v>
      </c>
      <c r="E4875" t="s">
        <v>20959</v>
      </c>
      <c r="G4875" s="2"/>
    </row>
    <row r="4876" spans="1:7" x14ac:dyDescent="0.25">
      <c r="A4876" s="1">
        <v>4874</v>
      </c>
      <c r="B4876" t="s">
        <v>4877</v>
      </c>
      <c r="C4876" t="s">
        <v>10324</v>
      </c>
      <c r="D4876" t="s">
        <v>15762</v>
      </c>
      <c r="E4876" t="s">
        <v>20960</v>
      </c>
      <c r="G4876" s="2"/>
    </row>
    <row r="4877" spans="1:7" x14ac:dyDescent="0.25">
      <c r="A4877" s="1">
        <v>4875</v>
      </c>
      <c r="B4877" t="s">
        <v>4878</v>
      </c>
      <c r="C4877" t="s">
        <v>10325</v>
      </c>
      <c r="D4877" t="s">
        <v>15763</v>
      </c>
      <c r="E4877" t="s">
        <v>20961</v>
      </c>
      <c r="G4877" s="2"/>
    </row>
    <row r="4878" spans="1:7" x14ac:dyDescent="0.25">
      <c r="A4878" s="1">
        <v>4876</v>
      </c>
      <c r="B4878" t="s">
        <v>4879</v>
      </c>
      <c r="C4878" t="s">
        <v>10326</v>
      </c>
      <c r="D4878" t="s">
        <v>15764</v>
      </c>
      <c r="E4878" t="s">
        <v>20962</v>
      </c>
      <c r="G4878" s="2"/>
    </row>
    <row r="4879" spans="1:7" x14ac:dyDescent="0.25">
      <c r="A4879" s="1">
        <v>4877</v>
      </c>
      <c r="B4879" t="s">
        <v>4880</v>
      </c>
      <c r="C4879" t="s">
        <v>10327</v>
      </c>
      <c r="D4879" t="s">
        <v>15765</v>
      </c>
      <c r="E4879" t="s">
        <v>20963</v>
      </c>
      <c r="G4879" s="2"/>
    </row>
    <row r="4880" spans="1:7" x14ac:dyDescent="0.25">
      <c r="A4880" s="1">
        <v>4878</v>
      </c>
      <c r="B4880" t="s">
        <v>4881</v>
      </c>
      <c r="C4880" t="s">
        <v>10328</v>
      </c>
      <c r="D4880" t="s">
        <v>15766</v>
      </c>
      <c r="E4880" t="s">
        <v>17380</v>
      </c>
      <c r="G4880" s="2"/>
    </row>
    <row r="4881" spans="1:7" x14ac:dyDescent="0.25">
      <c r="A4881" s="1">
        <v>4879</v>
      </c>
      <c r="B4881" t="s">
        <v>4882</v>
      </c>
      <c r="C4881" t="s">
        <v>10329</v>
      </c>
      <c r="D4881" t="s">
        <v>15767</v>
      </c>
      <c r="E4881" t="s">
        <v>20964</v>
      </c>
      <c r="G4881" s="2"/>
    </row>
    <row r="4882" spans="1:7" x14ac:dyDescent="0.25">
      <c r="A4882" s="1">
        <v>4880</v>
      </c>
      <c r="B4882" t="s">
        <v>4883</v>
      </c>
      <c r="C4882" t="s">
        <v>10330</v>
      </c>
      <c r="D4882" t="s">
        <v>15768</v>
      </c>
      <c r="E4882" t="s">
        <v>20965</v>
      </c>
      <c r="G4882" s="2"/>
    </row>
    <row r="4883" spans="1:7" x14ac:dyDescent="0.25">
      <c r="A4883" s="1">
        <v>4881</v>
      </c>
      <c r="B4883" t="s">
        <v>4884</v>
      </c>
      <c r="C4883" t="s">
        <v>10331</v>
      </c>
      <c r="D4883" t="s">
        <v>15769</v>
      </c>
      <c r="E4883" t="s">
        <v>20966</v>
      </c>
      <c r="G4883" s="2"/>
    </row>
    <row r="4884" spans="1:7" x14ac:dyDescent="0.25">
      <c r="A4884" s="1">
        <v>4882</v>
      </c>
      <c r="B4884" t="s">
        <v>4885</v>
      </c>
      <c r="C4884" t="s">
        <v>10332</v>
      </c>
      <c r="D4884" t="s">
        <v>15770</v>
      </c>
      <c r="E4884" t="s">
        <v>20967</v>
      </c>
      <c r="G4884" s="2"/>
    </row>
    <row r="4885" spans="1:7" x14ac:dyDescent="0.25">
      <c r="A4885" s="1">
        <v>4883</v>
      </c>
      <c r="B4885" t="s">
        <v>4886</v>
      </c>
      <c r="C4885" t="s">
        <v>10333</v>
      </c>
      <c r="D4885" t="s">
        <v>15771</v>
      </c>
      <c r="E4885" t="s">
        <v>20968</v>
      </c>
      <c r="G4885" s="2"/>
    </row>
    <row r="4886" spans="1:7" x14ac:dyDescent="0.25">
      <c r="A4886" s="1">
        <v>4884</v>
      </c>
      <c r="B4886" t="s">
        <v>4887</v>
      </c>
      <c r="C4886" t="s">
        <v>10334</v>
      </c>
      <c r="D4886" t="s">
        <v>15772</v>
      </c>
      <c r="E4886" t="s">
        <v>16347</v>
      </c>
      <c r="G4886" s="2"/>
    </row>
    <row r="4887" spans="1:7" x14ac:dyDescent="0.25">
      <c r="A4887" s="1">
        <v>4885</v>
      </c>
      <c r="B4887" t="s">
        <v>4888</v>
      </c>
      <c r="C4887" t="s">
        <v>10335</v>
      </c>
      <c r="D4887" t="s">
        <v>15773</v>
      </c>
      <c r="E4887" t="s">
        <v>20969</v>
      </c>
      <c r="G4887" s="2"/>
    </row>
    <row r="4888" spans="1:7" x14ac:dyDescent="0.25">
      <c r="A4888" s="1">
        <v>4886</v>
      </c>
      <c r="B4888" t="s">
        <v>4889</v>
      </c>
      <c r="C4888" t="s">
        <v>10336</v>
      </c>
      <c r="D4888" t="s">
        <v>15774</v>
      </c>
      <c r="E4888" t="s">
        <v>20970</v>
      </c>
      <c r="G4888" s="2"/>
    </row>
    <row r="4889" spans="1:7" x14ac:dyDescent="0.25">
      <c r="A4889" s="1">
        <v>4887</v>
      </c>
      <c r="B4889" t="s">
        <v>4890</v>
      </c>
      <c r="C4889" t="s">
        <v>10337</v>
      </c>
      <c r="D4889" t="s">
        <v>15775</v>
      </c>
      <c r="E4889" t="s">
        <v>20971</v>
      </c>
      <c r="G4889" s="2"/>
    </row>
    <row r="4890" spans="1:7" x14ac:dyDescent="0.25">
      <c r="A4890" s="1">
        <v>4888</v>
      </c>
      <c r="B4890" t="s">
        <v>4891</v>
      </c>
      <c r="C4890" t="s">
        <v>10338</v>
      </c>
      <c r="D4890" t="s">
        <v>15776</v>
      </c>
      <c r="E4890" t="s">
        <v>20972</v>
      </c>
      <c r="G4890" s="2"/>
    </row>
    <row r="4891" spans="1:7" x14ac:dyDescent="0.25">
      <c r="A4891" s="1">
        <v>4889</v>
      </c>
      <c r="B4891" t="s">
        <v>4892</v>
      </c>
      <c r="C4891" t="s">
        <v>10339</v>
      </c>
      <c r="D4891" t="s">
        <v>15777</v>
      </c>
      <c r="E4891" t="s">
        <v>20973</v>
      </c>
      <c r="G4891" s="2"/>
    </row>
    <row r="4892" spans="1:7" x14ac:dyDescent="0.25">
      <c r="A4892" s="1">
        <v>4890</v>
      </c>
      <c r="B4892" t="s">
        <v>4893</v>
      </c>
      <c r="C4892" t="s">
        <v>10340</v>
      </c>
      <c r="D4892" t="s">
        <v>15778</v>
      </c>
      <c r="E4892" t="s">
        <v>20974</v>
      </c>
      <c r="G4892" s="2"/>
    </row>
    <row r="4893" spans="1:7" x14ac:dyDescent="0.25">
      <c r="A4893" s="1">
        <v>4891</v>
      </c>
      <c r="B4893" t="s">
        <v>4894</v>
      </c>
      <c r="C4893" t="s">
        <v>10341</v>
      </c>
      <c r="D4893" t="s">
        <v>15779</v>
      </c>
      <c r="E4893" t="s">
        <v>20975</v>
      </c>
      <c r="G4893" s="2"/>
    </row>
    <row r="4894" spans="1:7" x14ac:dyDescent="0.25">
      <c r="A4894" s="1">
        <v>4892</v>
      </c>
      <c r="B4894" t="s">
        <v>4895</v>
      </c>
      <c r="C4894" t="s">
        <v>10342</v>
      </c>
      <c r="D4894" t="s">
        <v>15780</v>
      </c>
      <c r="E4894" t="s">
        <v>20976</v>
      </c>
      <c r="G4894" s="2"/>
    </row>
    <row r="4895" spans="1:7" x14ac:dyDescent="0.25">
      <c r="A4895" s="1">
        <v>4893</v>
      </c>
      <c r="B4895" t="s">
        <v>4896</v>
      </c>
      <c r="C4895" t="s">
        <v>10343</v>
      </c>
      <c r="D4895" t="s">
        <v>15781</v>
      </c>
      <c r="E4895" t="s">
        <v>20977</v>
      </c>
      <c r="G4895" s="2"/>
    </row>
    <row r="4896" spans="1:7" x14ac:dyDescent="0.25">
      <c r="A4896" s="1">
        <v>4894</v>
      </c>
      <c r="B4896" t="s">
        <v>4897</v>
      </c>
      <c r="C4896" t="s">
        <v>10344</v>
      </c>
      <c r="D4896" t="s">
        <v>15782</v>
      </c>
      <c r="E4896" t="s">
        <v>20978</v>
      </c>
      <c r="G4896" s="2"/>
    </row>
    <row r="4897" spans="1:7" x14ac:dyDescent="0.25">
      <c r="A4897" s="1">
        <v>4895</v>
      </c>
      <c r="B4897" t="s">
        <v>4898</v>
      </c>
      <c r="C4897" t="s">
        <v>10345</v>
      </c>
      <c r="D4897" t="s">
        <v>15783</v>
      </c>
      <c r="E4897" t="s">
        <v>20979</v>
      </c>
      <c r="G4897" s="2"/>
    </row>
    <row r="4898" spans="1:7" x14ac:dyDescent="0.25">
      <c r="A4898" s="1">
        <v>4896</v>
      </c>
      <c r="B4898" t="s">
        <v>4899</v>
      </c>
      <c r="C4898" t="s">
        <v>10346</v>
      </c>
      <c r="D4898" t="s">
        <v>15784</v>
      </c>
      <c r="E4898" t="s">
        <v>20980</v>
      </c>
      <c r="G4898" s="2"/>
    </row>
    <row r="4899" spans="1:7" x14ac:dyDescent="0.25">
      <c r="A4899" s="1">
        <v>4897</v>
      </c>
      <c r="B4899" t="s">
        <v>4900</v>
      </c>
      <c r="C4899" t="s">
        <v>10347</v>
      </c>
      <c r="D4899" t="s">
        <v>15785</v>
      </c>
      <c r="E4899" t="s">
        <v>20981</v>
      </c>
      <c r="G4899" s="2"/>
    </row>
    <row r="4900" spans="1:7" x14ac:dyDescent="0.25">
      <c r="A4900" s="1">
        <v>4898</v>
      </c>
      <c r="B4900" t="s">
        <v>4901</v>
      </c>
      <c r="C4900" t="s">
        <v>10348</v>
      </c>
      <c r="D4900" t="s">
        <v>15786</v>
      </c>
      <c r="E4900" t="s">
        <v>20982</v>
      </c>
      <c r="G4900" s="2"/>
    </row>
    <row r="4901" spans="1:7" x14ac:dyDescent="0.25">
      <c r="A4901" s="1">
        <v>4899</v>
      </c>
      <c r="B4901" t="s">
        <v>4902</v>
      </c>
      <c r="C4901" t="s">
        <v>10349</v>
      </c>
      <c r="D4901" t="s">
        <v>15787</v>
      </c>
      <c r="E4901" t="s">
        <v>20983</v>
      </c>
      <c r="G4901" s="2"/>
    </row>
    <row r="4902" spans="1:7" x14ac:dyDescent="0.25">
      <c r="A4902" s="1">
        <v>4900</v>
      </c>
      <c r="B4902" t="s">
        <v>4903</v>
      </c>
      <c r="C4902" t="s">
        <v>10350</v>
      </c>
      <c r="D4902" t="s">
        <v>15788</v>
      </c>
      <c r="E4902" t="s">
        <v>20984</v>
      </c>
      <c r="G4902" s="2"/>
    </row>
    <row r="4903" spans="1:7" x14ac:dyDescent="0.25">
      <c r="A4903" s="1">
        <v>4901</v>
      </c>
      <c r="B4903" t="s">
        <v>4904</v>
      </c>
      <c r="C4903" t="s">
        <v>10351</v>
      </c>
      <c r="D4903" t="s">
        <v>15789</v>
      </c>
      <c r="E4903" t="s">
        <v>20985</v>
      </c>
      <c r="G4903" s="2"/>
    </row>
    <row r="4904" spans="1:7" x14ac:dyDescent="0.25">
      <c r="A4904" s="1">
        <v>4902</v>
      </c>
      <c r="B4904" t="s">
        <v>4905</v>
      </c>
      <c r="C4904" t="s">
        <v>10352</v>
      </c>
      <c r="D4904" t="s">
        <v>15790</v>
      </c>
      <c r="E4904" t="s">
        <v>20986</v>
      </c>
      <c r="G4904" s="2"/>
    </row>
    <row r="4905" spans="1:7" x14ac:dyDescent="0.25">
      <c r="A4905" s="1">
        <v>4903</v>
      </c>
      <c r="B4905" t="s">
        <v>4906</v>
      </c>
      <c r="C4905" t="s">
        <v>10353</v>
      </c>
      <c r="D4905" t="s">
        <v>15791</v>
      </c>
      <c r="E4905" t="s">
        <v>20987</v>
      </c>
      <c r="G4905" s="2"/>
    </row>
    <row r="4906" spans="1:7" x14ac:dyDescent="0.25">
      <c r="A4906" s="1">
        <v>4904</v>
      </c>
      <c r="B4906" t="s">
        <v>4907</v>
      </c>
      <c r="C4906" t="s">
        <v>10354</v>
      </c>
      <c r="D4906" t="s">
        <v>15792</v>
      </c>
      <c r="E4906" t="s">
        <v>20988</v>
      </c>
      <c r="G4906" s="2"/>
    </row>
    <row r="4907" spans="1:7" x14ac:dyDescent="0.25">
      <c r="A4907" s="1">
        <v>4905</v>
      </c>
      <c r="B4907" t="s">
        <v>4908</v>
      </c>
      <c r="C4907" t="s">
        <v>10355</v>
      </c>
      <c r="D4907" t="s">
        <v>15793</v>
      </c>
      <c r="E4907" t="s">
        <v>20989</v>
      </c>
      <c r="G4907" s="2"/>
    </row>
    <row r="4908" spans="1:7" x14ac:dyDescent="0.25">
      <c r="A4908" s="1">
        <v>4906</v>
      </c>
      <c r="B4908" t="s">
        <v>4909</v>
      </c>
      <c r="C4908" t="s">
        <v>10356</v>
      </c>
      <c r="D4908" t="s">
        <v>15794</v>
      </c>
      <c r="E4908" t="s">
        <v>20990</v>
      </c>
      <c r="G4908" s="2"/>
    </row>
    <row r="4909" spans="1:7" x14ac:dyDescent="0.25">
      <c r="A4909" s="1">
        <v>4907</v>
      </c>
      <c r="B4909" t="s">
        <v>4910</v>
      </c>
      <c r="C4909" t="s">
        <v>10357</v>
      </c>
      <c r="D4909" t="s">
        <v>15795</v>
      </c>
      <c r="E4909" t="s">
        <v>20991</v>
      </c>
      <c r="G4909" s="2"/>
    </row>
    <row r="4910" spans="1:7" x14ac:dyDescent="0.25">
      <c r="A4910" s="1">
        <v>4908</v>
      </c>
      <c r="B4910" t="s">
        <v>4911</v>
      </c>
      <c r="C4910" t="s">
        <v>10358</v>
      </c>
      <c r="D4910" t="s">
        <v>15796</v>
      </c>
      <c r="E4910" t="s">
        <v>20992</v>
      </c>
      <c r="G4910" s="2"/>
    </row>
    <row r="4911" spans="1:7" x14ac:dyDescent="0.25">
      <c r="A4911" s="1">
        <v>4909</v>
      </c>
      <c r="B4911" t="s">
        <v>4912</v>
      </c>
      <c r="C4911" t="s">
        <v>10359</v>
      </c>
      <c r="D4911" t="s">
        <v>15797</v>
      </c>
      <c r="E4911" t="s">
        <v>20993</v>
      </c>
      <c r="G4911" s="2"/>
    </row>
    <row r="4912" spans="1:7" x14ac:dyDescent="0.25">
      <c r="A4912" s="1">
        <v>4910</v>
      </c>
      <c r="B4912" t="s">
        <v>4913</v>
      </c>
      <c r="C4912" t="s">
        <v>10360</v>
      </c>
      <c r="D4912" t="s">
        <v>15798</v>
      </c>
      <c r="E4912" t="s">
        <v>20994</v>
      </c>
      <c r="G4912" s="2"/>
    </row>
    <row r="4913" spans="1:7" x14ac:dyDescent="0.25">
      <c r="A4913" s="1">
        <v>4911</v>
      </c>
      <c r="B4913" t="s">
        <v>4914</v>
      </c>
      <c r="C4913" t="s">
        <v>10361</v>
      </c>
      <c r="D4913" t="s">
        <v>15799</v>
      </c>
      <c r="E4913" t="s">
        <v>20995</v>
      </c>
      <c r="G4913" s="2"/>
    </row>
    <row r="4914" spans="1:7" x14ac:dyDescent="0.25">
      <c r="A4914" s="1">
        <v>4912</v>
      </c>
      <c r="B4914" t="s">
        <v>4915</v>
      </c>
      <c r="C4914" t="s">
        <v>10362</v>
      </c>
      <c r="D4914" t="s">
        <v>15800</v>
      </c>
      <c r="E4914" t="s">
        <v>20996</v>
      </c>
      <c r="G4914" s="2"/>
    </row>
    <row r="4915" spans="1:7" x14ac:dyDescent="0.25">
      <c r="A4915" s="1">
        <v>4913</v>
      </c>
      <c r="B4915" t="s">
        <v>4916</v>
      </c>
      <c r="C4915" t="s">
        <v>10363</v>
      </c>
      <c r="D4915" t="s">
        <v>15801</v>
      </c>
      <c r="E4915" t="s">
        <v>20997</v>
      </c>
      <c r="G4915" s="2"/>
    </row>
    <row r="4916" spans="1:7" x14ac:dyDescent="0.25">
      <c r="A4916" s="1">
        <v>4914</v>
      </c>
      <c r="B4916" t="s">
        <v>4917</v>
      </c>
      <c r="C4916" t="s">
        <v>10364</v>
      </c>
      <c r="D4916" t="s">
        <v>15802</v>
      </c>
      <c r="E4916" t="s">
        <v>20998</v>
      </c>
      <c r="G4916" s="2"/>
    </row>
    <row r="4917" spans="1:7" x14ac:dyDescent="0.25">
      <c r="A4917" s="1">
        <v>4915</v>
      </c>
      <c r="B4917" t="s">
        <v>4918</v>
      </c>
      <c r="C4917" t="s">
        <v>10365</v>
      </c>
      <c r="D4917" t="s">
        <v>15803</v>
      </c>
      <c r="E4917" t="s">
        <v>20999</v>
      </c>
      <c r="G4917" s="2"/>
    </row>
    <row r="4918" spans="1:7" x14ac:dyDescent="0.25">
      <c r="A4918" s="1">
        <v>4916</v>
      </c>
      <c r="B4918" t="s">
        <v>4919</v>
      </c>
      <c r="C4918" t="s">
        <v>10366</v>
      </c>
      <c r="D4918" t="s">
        <v>15804</v>
      </c>
      <c r="E4918" t="s">
        <v>21000</v>
      </c>
      <c r="G4918" s="2"/>
    </row>
    <row r="4919" spans="1:7" x14ac:dyDescent="0.25">
      <c r="A4919" s="1">
        <v>4917</v>
      </c>
      <c r="B4919" t="s">
        <v>4920</v>
      </c>
      <c r="C4919" t="s">
        <v>10367</v>
      </c>
      <c r="D4919" t="s">
        <v>15805</v>
      </c>
      <c r="E4919" t="s">
        <v>21001</v>
      </c>
      <c r="G4919" s="2"/>
    </row>
    <row r="4920" spans="1:7" x14ac:dyDescent="0.25">
      <c r="A4920" s="1">
        <v>4918</v>
      </c>
      <c r="B4920" t="s">
        <v>4921</v>
      </c>
      <c r="C4920" t="s">
        <v>10368</v>
      </c>
      <c r="D4920" t="s">
        <v>15806</v>
      </c>
      <c r="E4920" t="s">
        <v>21002</v>
      </c>
      <c r="G4920" s="2"/>
    </row>
    <row r="4921" spans="1:7" x14ac:dyDescent="0.25">
      <c r="A4921" s="1">
        <v>4919</v>
      </c>
      <c r="B4921" t="s">
        <v>4922</v>
      </c>
      <c r="C4921" t="s">
        <v>10369</v>
      </c>
      <c r="D4921" t="s">
        <v>15807</v>
      </c>
      <c r="E4921" t="s">
        <v>21003</v>
      </c>
      <c r="G4921" s="2"/>
    </row>
    <row r="4922" spans="1:7" x14ac:dyDescent="0.25">
      <c r="A4922" s="1">
        <v>4920</v>
      </c>
      <c r="B4922" t="s">
        <v>4923</v>
      </c>
      <c r="C4922" t="s">
        <v>10370</v>
      </c>
      <c r="D4922" t="s">
        <v>15808</v>
      </c>
      <c r="E4922" t="s">
        <v>21004</v>
      </c>
      <c r="G4922" s="2"/>
    </row>
    <row r="4923" spans="1:7" x14ac:dyDescent="0.25">
      <c r="A4923" s="1">
        <v>4921</v>
      </c>
      <c r="B4923" t="s">
        <v>4924</v>
      </c>
      <c r="C4923" t="s">
        <v>10371</v>
      </c>
      <c r="D4923" t="s">
        <v>15809</v>
      </c>
      <c r="E4923" t="s">
        <v>21005</v>
      </c>
      <c r="G4923" s="2"/>
    </row>
    <row r="4924" spans="1:7" x14ac:dyDescent="0.25">
      <c r="A4924" s="1">
        <v>4922</v>
      </c>
      <c r="B4924" t="s">
        <v>4925</v>
      </c>
      <c r="C4924" t="s">
        <v>10372</v>
      </c>
      <c r="D4924" t="s">
        <v>15810</v>
      </c>
      <c r="E4924" t="s">
        <v>21006</v>
      </c>
      <c r="G4924" s="2"/>
    </row>
    <row r="4925" spans="1:7" x14ac:dyDescent="0.25">
      <c r="A4925" s="1">
        <v>4923</v>
      </c>
      <c r="B4925" t="s">
        <v>4926</v>
      </c>
      <c r="C4925" t="s">
        <v>10373</v>
      </c>
      <c r="D4925" t="s">
        <v>15811</v>
      </c>
      <c r="E4925" t="s">
        <v>21007</v>
      </c>
      <c r="G4925" s="2"/>
    </row>
    <row r="4926" spans="1:7" x14ac:dyDescent="0.25">
      <c r="A4926" s="1">
        <v>4924</v>
      </c>
      <c r="B4926" t="s">
        <v>4927</v>
      </c>
      <c r="C4926" t="s">
        <v>10374</v>
      </c>
      <c r="D4926" t="s">
        <v>15812</v>
      </c>
      <c r="E4926" t="s">
        <v>21008</v>
      </c>
      <c r="G4926" s="2"/>
    </row>
    <row r="4927" spans="1:7" x14ac:dyDescent="0.25">
      <c r="A4927" s="1">
        <v>4925</v>
      </c>
      <c r="B4927" t="s">
        <v>4928</v>
      </c>
      <c r="C4927" t="s">
        <v>10375</v>
      </c>
      <c r="D4927" t="s">
        <v>15813</v>
      </c>
      <c r="E4927" t="s">
        <v>21009</v>
      </c>
      <c r="G4927" s="2"/>
    </row>
    <row r="4928" spans="1:7" x14ac:dyDescent="0.25">
      <c r="A4928" s="1">
        <v>4926</v>
      </c>
      <c r="B4928" t="s">
        <v>4929</v>
      </c>
      <c r="C4928" t="s">
        <v>10376</v>
      </c>
      <c r="D4928" t="s">
        <v>15814</v>
      </c>
      <c r="E4928" t="s">
        <v>21010</v>
      </c>
      <c r="G4928" s="2"/>
    </row>
    <row r="4929" spans="1:7" x14ac:dyDescent="0.25">
      <c r="A4929" s="1">
        <v>4927</v>
      </c>
      <c r="B4929" t="s">
        <v>4930</v>
      </c>
      <c r="C4929" t="s">
        <v>10377</v>
      </c>
      <c r="D4929" t="s">
        <v>15815</v>
      </c>
      <c r="E4929" t="s">
        <v>21011</v>
      </c>
      <c r="G4929" s="2"/>
    </row>
    <row r="4930" spans="1:7" x14ac:dyDescent="0.25">
      <c r="A4930" s="1">
        <v>4928</v>
      </c>
      <c r="B4930" t="s">
        <v>4931</v>
      </c>
      <c r="C4930" t="s">
        <v>10378</v>
      </c>
      <c r="D4930" t="s">
        <v>15816</v>
      </c>
      <c r="E4930" t="s">
        <v>21012</v>
      </c>
      <c r="G4930" s="2"/>
    </row>
    <row r="4931" spans="1:7" x14ac:dyDescent="0.25">
      <c r="A4931" s="1">
        <v>4929</v>
      </c>
      <c r="B4931" t="s">
        <v>4932</v>
      </c>
      <c r="C4931" t="s">
        <v>10379</v>
      </c>
      <c r="D4931" t="s">
        <v>15817</v>
      </c>
      <c r="E4931" t="s">
        <v>21013</v>
      </c>
      <c r="G4931" s="2"/>
    </row>
    <row r="4932" spans="1:7" x14ac:dyDescent="0.25">
      <c r="A4932" s="1">
        <v>4930</v>
      </c>
      <c r="B4932" t="s">
        <v>4933</v>
      </c>
      <c r="C4932" t="s">
        <v>10380</v>
      </c>
      <c r="D4932" t="s">
        <v>15818</v>
      </c>
      <c r="E4932" t="s">
        <v>21014</v>
      </c>
      <c r="G4932" s="2"/>
    </row>
    <row r="4933" spans="1:7" x14ac:dyDescent="0.25">
      <c r="A4933" s="1">
        <v>4931</v>
      </c>
      <c r="B4933" t="s">
        <v>4934</v>
      </c>
      <c r="C4933" t="s">
        <v>10381</v>
      </c>
      <c r="D4933" t="s">
        <v>15819</v>
      </c>
      <c r="E4933" t="s">
        <v>21015</v>
      </c>
      <c r="G4933" s="2"/>
    </row>
    <row r="4934" spans="1:7" x14ac:dyDescent="0.25">
      <c r="A4934" s="1">
        <v>4932</v>
      </c>
      <c r="B4934" t="s">
        <v>4935</v>
      </c>
      <c r="C4934" t="s">
        <v>10382</v>
      </c>
      <c r="D4934" t="s">
        <v>15820</v>
      </c>
      <c r="E4934" t="s">
        <v>21016</v>
      </c>
      <c r="G4934" s="2"/>
    </row>
    <row r="4935" spans="1:7" x14ac:dyDescent="0.25">
      <c r="A4935" s="1">
        <v>4933</v>
      </c>
      <c r="B4935" t="s">
        <v>4936</v>
      </c>
      <c r="C4935" t="s">
        <v>10383</v>
      </c>
      <c r="D4935" t="s">
        <v>15821</v>
      </c>
      <c r="E4935" t="s">
        <v>21017</v>
      </c>
      <c r="G4935" s="2"/>
    </row>
    <row r="4936" spans="1:7" x14ac:dyDescent="0.25">
      <c r="A4936" s="1">
        <v>4934</v>
      </c>
      <c r="B4936" t="s">
        <v>4937</v>
      </c>
      <c r="C4936" t="s">
        <v>10384</v>
      </c>
      <c r="D4936" t="s">
        <v>15822</v>
      </c>
      <c r="E4936" t="s">
        <v>21018</v>
      </c>
      <c r="G4936" s="2"/>
    </row>
    <row r="4937" spans="1:7" x14ac:dyDescent="0.25">
      <c r="A4937" s="1">
        <v>4935</v>
      </c>
      <c r="B4937" t="s">
        <v>4938</v>
      </c>
      <c r="C4937" t="s">
        <v>10385</v>
      </c>
      <c r="D4937" t="s">
        <v>15823</v>
      </c>
      <c r="E4937" t="s">
        <v>21019</v>
      </c>
      <c r="G4937" s="2"/>
    </row>
    <row r="4938" spans="1:7" x14ac:dyDescent="0.25">
      <c r="A4938" s="1">
        <v>4936</v>
      </c>
      <c r="B4938" t="s">
        <v>4939</v>
      </c>
      <c r="C4938" t="s">
        <v>10386</v>
      </c>
      <c r="D4938" t="s">
        <v>15824</v>
      </c>
      <c r="E4938" t="s">
        <v>21020</v>
      </c>
      <c r="G4938" s="2"/>
    </row>
    <row r="4939" spans="1:7" x14ac:dyDescent="0.25">
      <c r="A4939" s="1">
        <v>4937</v>
      </c>
      <c r="B4939" t="s">
        <v>4940</v>
      </c>
      <c r="C4939" t="s">
        <v>10387</v>
      </c>
      <c r="D4939" t="s">
        <v>15825</v>
      </c>
      <c r="E4939" t="s">
        <v>21021</v>
      </c>
      <c r="G4939" s="2"/>
    </row>
    <row r="4940" spans="1:7" x14ac:dyDescent="0.25">
      <c r="A4940" s="1">
        <v>4938</v>
      </c>
      <c r="B4940" t="s">
        <v>4941</v>
      </c>
      <c r="C4940" t="s">
        <v>10388</v>
      </c>
      <c r="D4940" t="s">
        <v>15826</v>
      </c>
      <c r="E4940" t="s">
        <v>21022</v>
      </c>
      <c r="G4940" s="2"/>
    </row>
    <row r="4941" spans="1:7" x14ac:dyDescent="0.25">
      <c r="A4941" s="1">
        <v>4939</v>
      </c>
      <c r="B4941" t="s">
        <v>4942</v>
      </c>
      <c r="C4941" t="s">
        <v>10389</v>
      </c>
      <c r="D4941" t="s">
        <v>15827</v>
      </c>
      <c r="E4941" t="s">
        <v>21023</v>
      </c>
      <c r="G4941" s="2"/>
    </row>
    <row r="4942" spans="1:7" x14ac:dyDescent="0.25">
      <c r="A4942" s="1">
        <v>4940</v>
      </c>
      <c r="B4942" t="s">
        <v>4943</v>
      </c>
      <c r="C4942" t="s">
        <v>10390</v>
      </c>
      <c r="D4942" t="s">
        <v>15828</v>
      </c>
      <c r="E4942" t="s">
        <v>21024</v>
      </c>
      <c r="G4942" s="2"/>
    </row>
    <row r="4943" spans="1:7" x14ac:dyDescent="0.25">
      <c r="A4943" s="1">
        <v>4941</v>
      </c>
      <c r="B4943" t="s">
        <v>4944</v>
      </c>
      <c r="C4943" t="s">
        <v>10391</v>
      </c>
      <c r="D4943" t="s">
        <v>15829</v>
      </c>
      <c r="E4943" t="s">
        <v>21025</v>
      </c>
      <c r="G4943" s="2"/>
    </row>
    <row r="4944" spans="1:7" x14ac:dyDescent="0.25">
      <c r="A4944" s="1">
        <v>4942</v>
      </c>
      <c r="B4944" t="s">
        <v>4945</v>
      </c>
      <c r="C4944" t="s">
        <v>10392</v>
      </c>
      <c r="D4944" t="s">
        <v>15830</v>
      </c>
      <c r="E4944" t="s">
        <v>21026</v>
      </c>
      <c r="G4944" s="2"/>
    </row>
    <row r="4945" spans="1:7" x14ac:dyDescent="0.25">
      <c r="A4945" s="1">
        <v>4943</v>
      </c>
      <c r="B4945" t="s">
        <v>4946</v>
      </c>
      <c r="C4945" t="s">
        <v>10393</v>
      </c>
      <c r="D4945" t="s">
        <v>15831</v>
      </c>
      <c r="E4945" t="s">
        <v>21027</v>
      </c>
      <c r="G4945" s="2"/>
    </row>
    <row r="4946" spans="1:7" x14ac:dyDescent="0.25">
      <c r="A4946" s="1">
        <v>4944</v>
      </c>
      <c r="B4946" t="s">
        <v>4947</v>
      </c>
      <c r="C4946" t="s">
        <v>10394</v>
      </c>
      <c r="D4946" t="s">
        <v>15832</v>
      </c>
      <c r="E4946" t="s">
        <v>21028</v>
      </c>
      <c r="G4946" s="2"/>
    </row>
    <row r="4947" spans="1:7" x14ac:dyDescent="0.25">
      <c r="A4947" s="1">
        <v>4945</v>
      </c>
      <c r="B4947" t="s">
        <v>4948</v>
      </c>
      <c r="C4947" t="s">
        <v>10395</v>
      </c>
      <c r="D4947" t="s">
        <v>15833</v>
      </c>
      <c r="E4947" t="s">
        <v>21029</v>
      </c>
      <c r="G4947" s="2"/>
    </row>
    <row r="4948" spans="1:7" x14ac:dyDescent="0.25">
      <c r="A4948" s="1">
        <v>4946</v>
      </c>
      <c r="B4948" t="s">
        <v>4949</v>
      </c>
      <c r="C4948" t="s">
        <v>10396</v>
      </c>
      <c r="D4948" t="s">
        <v>15834</v>
      </c>
      <c r="E4948" t="s">
        <v>21030</v>
      </c>
      <c r="G4948" s="2"/>
    </row>
    <row r="4949" spans="1:7" x14ac:dyDescent="0.25">
      <c r="A4949" s="1">
        <v>4947</v>
      </c>
      <c r="B4949" t="s">
        <v>4950</v>
      </c>
      <c r="C4949" t="s">
        <v>10397</v>
      </c>
      <c r="D4949" t="s">
        <v>15835</v>
      </c>
      <c r="E4949" t="s">
        <v>21031</v>
      </c>
      <c r="G4949" s="2"/>
    </row>
    <row r="4950" spans="1:7" x14ac:dyDescent="0.25">
      <c r="A4950" s="1">
        <v>4948</v>
      </c>
      <c r="B4950" t="s">
        <v>4951</v>
      </c>
      <c r="C4950" t="s">
        <v>10398</v>
      </c>
      <c r="D4950" t="s">
        <v>15836</v>
      </c>
      <c r="E4950" t="s">
        <v>21032</v>
      </c>
      <c r="G4950" s="2"/>
    </row>
    <row r="4951" spans="1:7" x14ac:dyDescent="0.25">
      <c r="A4951" s="1">
        <v>4949</v>
      </c>
      <c r="B4951" t="s">
        <v>4952</v>
      </c>
      <c r="C4951" t="s">
        <v>10399</v>
      </c>
      <c r="D4951" t="s">
        <v>15837</v>
      </c>
      <c r="E4951" t="s">
        <v>21033</v>
      </c>
      <c r="G4951" s="2"/>
    </row>
    <row r="4952" spans="1:7" x14ac:dyDescent="0.25">
      <c r="A4952" s="1">
        <v>4950</v>
      </c>
      <c r="B4952" t="s">
        <v>4953</v>
      </c>
      <c r="C4952" t="s">
        <v>10400</v>
      </c>
      <c r="D4952" t="s">
        <v>15838</v>
      </c>
      <c r="E4952" t="s">
        <v>17793</v>
      </c>
      <c r="G4952" s="2"/>
    </row>
    <row r="4953" spans="1:7" x14ac:dyDescent="0.25">
      <c r="A4953" s="1">
        <v>4951</v>
      </c>
      <c r="B4953" t="s">
        <v>4954</v>
      </c>
      <c r="C4953" t="s">
        <v>10401</v>
      </c>
      <c r="D4953" t="s">
        <v>15839</v>
      </c>
      <c r="E4953" t="s">
        <v>21034</v>
      </c>
      <c r="G4953" s="2"/>
    </row>
    <row r="4954" spans="1:7" x14ac:dyDescent="0.25">
      <c r="A4954" s="1">
        <v>4952</v>
      </c>
      <c r="B4954" t="s">
        <v>4955</v>
      </c>
      <c r="C4954" t="s">
        <v>10402</v>
      </c>
      <c r="D4954" t="s">
        <v>15840</v>
      </c>
      <c r="E4954" t="s">
        <v>21035</v>
      </c>
      <c r="G4954" s="2"/>
    </row>
    <row r="4955" spans="1:7" x14ac:dyDescent="0.25">
      <c r="A4955" s="1">
        <v>4953</v>
      </c>
      <c r="B4955" t="s">
        <v>4956</v>
      </c>
      <c r="C4955" t="s">
        <v>10403</v>
      </c>
      <c r="D4955" t="s">
        <v>15841</v>
      </c>
      <c r="E4955" t="s">
        <v>21036</v>
      </c>
      <c r="G4955" s="2"/>
    </row>
    <row r="4956" spans="1:7" x14ac:dyDescent="0.25">
      <c r="A4956" s="1">
        <v>4954</v>
      </c>
      <c r="B4956" t="s">
        <v>4957</v>
      </c>
      <c r="C4956" t="s">
        <v>10404</v>
      </c>
      <c r="D4956" t="s">
        <v>15842</v>
      </c>
      <c r="E4956" t="s">
        <v>16347</v>
      </c>
      <c r="G4956" s="2"/>
    </row>
    <row r="4957" spans="1:7" x14ac:dyDescent="0.25">
      <c r="A4957" s="1">
        <v>4955</v>
      </c>
      <c r="B4957" t="s">
        <v>4958</v>
      </c>
      <c r="C4957" t="s">
        <v>10405</v>
      </c>
      <c r="D4957" t="s">
        <v>15843</v>
      </c>
      <c r="E4957" t="s">
        <v>21037</v>
      </c>
      <c r="G4957" s="2"/>
    </row>
    <row r="4958" spans="1:7" x14ac:dyDescent="0.25">
      <c r="A4958" s="1">
        <v>4956</v>
      </c>
      <c r="B4958" t="s">
        <v>4959</v>
      </c>
      <c r="C4958" t="s">
        <v>10406</v>
      </c>
      <c r="D4958" t="s">
        <v>15844</v>
      </c>
      <c r="E4958" t="s">
        <v>21038</v>
      </c>
      <c r="G4958" s="2"/>
    </row>
    <row r="4959" spans="1:7" x14ac:dyDescent="0.25">
      <c r="A4959" s="1">
        <v>4957</v>
      </c>
      <c r="B4959" t="s">
        <v>4960</v>
      </c>
      <c r="C4959" t="s">
        <v>10407</v>
      </c>
      <c r="D4959" t="s">
        <v>15845</v>
      </c>
      <c r="E4959" t="s">
        <v>21039</v>
      </c>
      <c r="G4959" s="2"/>
    </row>
    <row r="4960" spans="1:7" x14ac:dyDescent="0.25">
      <c r="A4960" s="1">
        <v>4958</v>
      </c>
      <c r="B4960" t="s">
        <v>4961</v>
      </c>
      <c r="C4960" t="s">
        <v>10408</v>
      </c>
      <c r="D4960" t="s">
        <v>15846</v>
      </c>
      <c r="E4960" t="s">
        <v>21040</v>
      </c>
      <c r="G4960" s="2"/>
    </row>
    <row r="4961" spans="1:7" x14ac:dyDescent="0.25">
      <c r="A4961" s="1">
        <v>4959</v>
      </c>
      <c r="B4961" t="s">
        <v>4962</v>
      </c>
      <c r="C4961" t="s">
        <v>10409</v>
      </c>
      <c r="D4961" t="s">
        <v>15847</v>
      </c>
      <c r="E4961" t="s">
        <v>21041</v>
      </c>
      <c r="G4961" s="2"/>
    </row>
    <row r="4962" spans="1:7" x14ac:dyDescent="0.25">
      <c r="A4962" s="1">
        <v>4960</v>
      </c>
      <c r="B4962" t="s">
        <v>4963</v>
      </c>
      <c r="C4962" t="s">
        <v>10410</v>
      </c>
      <c r="D4962" t="s">
        <v>15848</v>
      </c>
      <c r="E4962" t="s">
        <v>21042</v>
      </c>
      <c r="G4962" s="2"/>
    </row>
    <row r="4963" spans="1:7" x14ac:dyDescent="0.25">
      <c r="A4963" s="1">
        <v>4961</v>
      </c>
      <c r="B4963" t="s">
        <v>4964</v>
      </c>
      <c r="C4963" t="s">
        <v>10411</v>
      </c>
      <c r="D4963" t="s">
        <v>15849</v>
      </c>
      <c r="E4963" t="s">
        <v>21043</v>
      </c>
      <c r="G4963" s="2"/>
    </row>
    <row r="4964" spans="1:7" x14ac:dyDescent="0.25">
      <c r="A4964" s="1">
        <v>4962</v>
      </c>
      <c r="B4964" t="s">
        <v>4965</v>
      </c>
      <c r="C4964" t="s">
        <v>10412</v>
      </c>
      <c r="D4964" t="s">
        <v>15850</v>
      </c>
      <c r="E4964" t="s">
        <v>21044</v>
      </c>
      <c r="G4964" s="2"/>
    </row>
    <row r="4965" spans="1:7" x14ac:dyDescent="0.25">
      <c r="A4965" s="1">
        <v>4963</v>
      </c>
      <c r="B4965" t="s">
        <v>4966</v>
      </c>
      <c r="C4965" t="s">
        <v>10413</v>
      </c>
      <c r="D4965" t="s">
        <v>15851</v>
      </c>
      <c r="E4965" t="s">
        <v>21045</v>
      </c>
      <c r="G4965" s="2"/>
    </row>
    <row r="4966" spans="1:7" x14ac:dyDescent="0.25">
      <c r="A4966" s="1">
        <v>4964</v>
      </c>
      <c r="B4966" t="s">
        <v>4967</v>
      </c>
      <c r="C4966" t="s">
        <v>10414</v>
      </c>
      <c r="D4966" t="s">
        <v>15852</v>
      </c>
      <c r="E4966" t="s">
        <v>21046</v>
      </c>
      <c r="G4966" s="2"/>
    </row>
    <row r="4967" spans="1:7" x14ac:dyDescent="0.25">
      <c r="A4967" s="1">
        <v>4965</v>
      </c>
      <c r="B4967" t="s">
        <v>4968</v>
      </c>
      <c r="C4967" t="s">
        <v>10415</v>
      </c>
      <c r="D4967" t="s">
        <v>15853</v>
      </c>
      <c r="E4967" t="s">
        <v>21047</v>
      </c>
      <c r="G4967" s="2"/>
    </row>
    <row r="4968" spans="1:7" x14ac:dyDescent="0.25">
      <c r="A4968" s="1">
        <v>4966</v>
      </c>
      <c r="B4968" t="s">
        <v>4969</v>
      </c>
      <c r="C4968" t="s">
        <v>10416</v>
      </c>
      <c r="D4968" t="s">
        <v>15854</v>
      </c>
      <c r="E4968" t="s">
        <v>21048</v>
      </c>
      <c r="G4968" s="2"/>
    </row>
    <row r="4969" spans="1:7" x14ac:dyDescent="0.25">
      <c r="A4969" s="1">
        <v>4967</v>
      </c>
      <c r="B4969" t="s">
        <v>4970</v>
      </c>
      <c r="C4969" t="s">
        <v>10417</v>
      </c>
      <c r="D4969" t="s">
        <v>15855</v>
      </c>
      <c r="E4969" t="s">
        <v>21049</v>
      </c>
      <c r="G4969" s="2"/>
    </row>
    <row r="4970" spans="1:7" x14ac:dyDescent="0.25">
      <c r="A4970" s="1">
        <v>4968</v>
      </c>
      <c r="B4970" t="s">
        <v>4971</v>
      </c>
      <c r="C4970" t="s">
        <v>10418</v>
      </c>
      <c r="D4970" t="s">
        <v>15856</v>
      </c>
      <c r="E4970" t="s">
        <v>21050</v>
      </c>
      <c r="G4970" s="2"/>
    </row>
    <row r="4971" spans="1:7" x14ac:dyDescent="0.25">
      <c r="A4971" s="1">
        <v>4969</v>
      </c>
      <c r="B4971" t="s">
        <v>4972</v>
      </c>
      <c r="C4971" t="s">
        <v>10419</v>
      </c>
      <c r="D4971" t="s">
        <v>15857</v>
      </c>
      <c r="E4971" t="s">
        <v>21051</v>
      </c>
      <c r="G4971" s="2"/>
    </row>
    <row r="4972" spans="1:7" x14ac:dyDescent="0.25">
      <c r="A4972" s="1">
        <v>4970</v>
      </c>
      <c r="B4972" t="s">
        <v>4973</v>
      </c>
      <c r="C4972" t="s">
        <v>10420</v>
      </c>
      <c r="D4972" t="s">
        <v>15858</v>
      </c>
      <c r="E4972" t="s">
        <v>21052</v>
      </c>
      <c r="G4972" s="2"/>
    </row>
    <row r="4973" spans="1:7" x14ac:dyDescent="0.25">
      <c r="A4973" s="1">
        <v>4971</v>
      </c>
      <c r="B4973" t="s">
        <v>4974</v>
      </c>
      <c r="C4973" t="s">
        <v>10421</v>
      </c>
      <c r="D4973" t="s">
        <v>15859</v>
      </c>
      <c r="E4973" t="s">
        <v>21053</v>
      </c>
      <c r="G4973" s="2"/>
    </row>
    <row r="4974" spans="1:7" x14ac:dyDescent="0.25">
      <c r="A4974" s="1">
        <v>4972</v>
      </c>
      <c r="B4974" t="s">
        <v>4975</v>
      </c>
      <c r="C4974" t="s">
        <v>10422</v>
      </c>
      <c r="D4974" t="s">
        <v>15860</v>
      </c>
      <c r="E4974" t="s">
        <v>21054</v>
      </c>
      <c r="G4974" s="2"/>
    </row>
    <row r="4975" spans="1:7" x14ac:dyDescent="0.25">
      <c r="A4975" s="1">
        <v>4973</v>
      </c>
      <c r="B4975" t="s">
        <v>4976</v>
      </c>
      <c r="C4975" t="s">
        <v>10423</v>
      </c>
      <c r="D4975" t="s">
        <v>15861</v>
      </c>
      <c r="E4975" t="s">
        <v>21055</v>
      </c>
      <c r="G4975" s="2"/>
    </row>
    <row r="4976" spans="1:7" x14ac:dyDescent="0.25">
      <c r="A4976" s="1">
        <v>4974</v>
      </c>
      <c r="B4976" t="s">
        <v>4977</v>
      </c>
      <c r="C4976" t="s">
        <v>10424</v>
      </c>
      <c r="D4976" t="s">
        <v>15862</v>
      </c>
      <c r="E4976" t="s">
        <v>21056</v>
      </c>
      <c r="G4976" s="2"/>
    </row>
    <row r="4977" spans="1:7" x14ac:dyDescent="0.25">
      <c r="A4977" s="1">
        <v>4975</v>
      </c>
      <c r="B4977" t="s">
        <v>4978</v>
      </c>
      <c r="C4977" t="s">
        <v>10425</v>
      </c>
      <c r="D4977" t="s">
        <v>15863</v>
      </c>
      <c r="E4977" t="s">
        <v>21057</v>
      </c>
      <c r="G4977" s="2"/>
    </row>
    <row r="4978" spans="1:7" x14ac:dyDescent="0.25">
      <c r="A4978" s="1">
        <v>4976</v>
      </c>
      <c r="B4978" t="s">
        <v>4979</v>
      </c>
      <c r="C4978" t="s">
        <v>10426</v>
      </c>
      <c r="D4978" t="s">
        <v>15864</v>
      </c>
      <c r="E4978" t="s">
        <v>21058</v>
      </c>
      <c r="G4978" s="2"/>
    </row>
    <row r="4979" spans="1:7" x14ac:dyDescent="0.25">
      <c r="A4979" s="1">
        <v>4977</v>
      </c>
      <c r="B4979" t="s">
        <v>4980</v>
      </c>
      <c r="C4979" t="s">
        <v>10427</v>
      </c>
      <c r="D4979" t="s">
        <v>15865</v>
      </c>
      <c r="E4979" t="s">
        <v>21059</v>
      </c>
      <c r="G4979" s="2"/>
    </row>
    <row r="4980" spans="1:7" x14ac:dyDescent="0.25">
      <c r="A4980" s="1">
        <v>4978</v>
      </c>
      <c r="B4980" t="s">
        <v>4981</v>
      </c>
      <c r="C4980" t="s">
        <v>10428</v>
      </c>
      <c r="D4980" t="s">
        <v>15866</v>
      </c>
      <c r="E4980" t="s">
        <v>21060</v>
      </c>
      <c r="G4980" s="2"/>
    </row>
    <row r="4981" spans="1:7" x14ac:dyDescent="0.25">
      <c r="A4981" s="1">
        <v>4979</v>
      </c>
      <c r="B4981" t="s">
        <v>4982</v>
      </c>
      <c r="C4981" t="s">
        <v>10429</v>
      </c>
      <c r="D4981" t="s">
        <v>15867</v>
      </c>
      <c r="E4981" t="s">
        <v>21061</v>
      </c>
      <c r="G4981" s="2"/>
    </row>
    <row r="4982" spans="1:7" x14ac:dyDescent="0.25">
      <c r="A4982" s="1">
        <v>4980</v>
      </c>
      <c r="B4982" t="s">
        <v>4983</v>
      </c>
      <c r="C4982" t="s">
        <v>10430</v>
      </c>
      <c r="D4982" t="s">
        <v>15868</v>
      </c>
      <c r="E4982" t="s">
        <v>21062</v>
      </c>
      <c r="G4982" s="2"/>
    </row>
    <row r="4983" spans="1:7" x14ac:dyDescent="0.25">
      <c r="A4983" s="1">
        <v>4981</v>
      </c>
      <c r="B4983" t="s">
        <v>4984</v>
      </c>
      <c r="C4983" t="s">
        <v>10431</v>
      </c>
      <c r="D4983" t="s">
        <v>15869</v>
      </c>
      <c r="E4983" t="s">
        <v>21063</v>
      </c>
      <c r="G4983" s="2"/>
    </row>
    <row r="4984" spans="1:7" x14ac:dyDescent="0.25">
      <c r="A4984" s="1">
        <v>4982</v>
      </c>
      <c r="B4984" t="s">
        <v>4985</v>
      </c>
      <c r="C4984" t="s">
        <v>10432</v>
      </c>
      <c r="D4984" t="s">
        <v>15870</v>
      </c>
      <c r="E4984" t="s">
        <v>21064</v>
      </c>
      <c r="G4984" s="2"/>
    </row>
    <row r="4985" spans="1:7" x14ac:dyDescent="0.25">
      <c r="A4985" s="1">
        <v>4983</v>
      </c>
      <c r="B4985" t="s">
        <v>4986</v>
      </c>
      <c r="C4985" t="s">
        <v>10433</v>
      </c>
      <c r="D4985" t="s">
        <v>15871</v>
      </c>
      <c r="E4985" t="s">
        <v>21065</v>
      </c>
      <c r="G4985" s="2"/>
    </row>
    <row r="4986" spans="1:7" x14ac:dyDescent="0.25">
      <c r="A4986" s="1">
        <v>4984</v>
      </c>
      <c r="B4986" t="s">
        <v>4987</v>
      </c>
      <c r="C4986" t="s">
        <v>10434</v>
      </c>
      <c r="D4986" t="s">
        <v>15872</v>
      </c>
      <c r="E4986" t="s">
        <v>21066</v>
      </c>
      <c r="G4986" s="2"/>
    </row>
    <row r="4987" spans="1:7" x14ac:dyDescent="0.25">
      <c r="A4987" s="1">
        <v>4985</v>
      </c>
      <c r="B4987" t="s">
        <v>4988</v>
      </c>
      <c r="C4987" t="s">
        <v>10435</v>
      </c>
      <c r="D4987" t="s">
        <v>15873</v>
      </c>
      <c r="E4987" t="s">
        <v>21067</v>
      </c>
      <c r="G4987" s="2"/>
    </row>
    <row r="4988" spans="1:7" x14ac:dyDescent="0.25">
      <c r="A4988" s="1">
        <v>4986</v>
      </c>
      <c r="B4988" t="s">
        <v>4989</v>
      </c>
      <c r="C4988" t="s">
        <v>10436</v>
      </c>
      <c r="D4988" t="s">
        <v>15874</v>
      </c>
      <c r="E4988" t="s">
        <v>21068</v>
      </c>
      <c r="G4988" s="2"/>
    </row>
    <row r="4989" spans="1:7" x14ac:dyDescent="0.25">
      <c r="A4989" s="1">
        <v>4987</v>
      </c>
      <c r="B4989" t="s">
        <v>4990</v>
      </c>
      <c r="C4989" t="s">
        <v>10437</v>
      </c>
      <c r="D4989" t="s">
        <v>15875</v>
      </c>
      <c r="E4989" t="s">
        <v>21069</v>
      </c>
      <c r="G4989" s="2"/>
    </row>
    <row r="4990" spans="1:7" x14ac:dyDescent="0.25">
      <c r="A4990" s="1">
        <v>4988</v>
      </c>
      <c r="B4990" t="s">
        <v>4991</v>
      </c>
      <c r="C4990" t="s">
        <v>10438</v>
      </c>
      <c r="D4990" t="s">
        <v>15876</v>
      </c>
      <c r="E4990" t="s">
        <v>21070</v>
      </c>
      <c r="G4990" s="2"/>
    </row>
    <row r="4991" spans="1:7" x14ac:dyDescent="0.25">
      <c r="A4991" s="1">
        <v>4989</v>
      </c>
      <c r="B4991" t="s">
        <v>4992</v>
      </c>
      <c r="C4991" t="s">
        <v>10439</v>
      </c>
      <c r="D4991" t="s">
        <v>15877</v>
      </c>
      <c r="E4991" t="s">
        <v>21071</v>
      </c>
      <c r="G4991" s="2"/>
    </row>
    <row r="4992" spans="1:7" x14ac:dyDescent="0.25">
      <c r="A4992" s="1">
        <v>4990</v>
      </c>
      <c r="B4992" t="s">
        <v>4993</v>
      </c>
      <c r="C4992" t="s">
        <v>10440</v>
      </c>
      <c r="D4992" t="s">
        <v>15878</v>
      </c>
      <c r="E4992" t="s">
        <v>21072</v>
      </c>
      <c r="G4992" s="2"/>
    </row>
    <row r="4993" spans="1:7" x14ac:dyDescent="0.25">
      <c r="A4993" s="1">
        <v>4991</v>
      </c>
      <c r="B4993" t="s">
        <v>4994</v>
      </c>
      <c r="C4993" t="s">
        <v>10441</v>
      </c>
      <c r="D4993" t="s">
        <v>15879</v>
      </c>
      <c r="E4993" t="s">
        <v>21073</v>
      </c>
      <c r="G4993" s="2"/>
    </row>
    <row r="4994" spans="1:7" x14ac:dyDescent="0.25">
      <c r="A4994" s="1">
        <v>4992</v>
      </c>
      <c r="B4994" t="s">
        <v>4995</v>
      </c>
      <c r="C4994" t="s">
        <v>10442</v>
      </c>
      <c r="D4994" t="s">
        <v>15880</v>
      </c>
      <c r="E4994" t="s">
        <v>21074</v>
      </c>
      <c r="G4994" s="2"/>
    </row>
    <row r="4995" spans="1:7" x14ac:dyDescent="0.25">
      <c r="A4995" s="1">
        <v>4993</v>
      </c>
      <c r="B4995" t="s">
        <v>3109</v>
      </c>
      <c r="C4995" t="s">
        <v>8557</v>
      </c>
      <c r="D4995" t="s">
        <v>14001</v>
      </c>
      <c r="E4995" t="s">
        <v>21075</v>
      </c>
      <c r="G4995" s="2"/>
    </row>
    <row r="4996" spans="1:7" x14ac:dyDescent="0.25">
      <c r="A4996" s="1">
        <v>4994</v>
      </c>
      <c r="B4996" t="s">
        <v>4996</v>
      </c>
      <c r="C4996" t="s">
        <v>10443</v>
      </c>
      <c r="D4996" t="s">
        <v>15881</v>
      </c>
      <c r="E4996" t="s">
        <v>21076</v>
      </c>
      <c r="G4996" s="2"/>
    </row>
    <row r="4997" spans="1:7" x14ac:dyDescent="0.25">
      <c r="A4997" s="1">
        <v>4995</v>
      </c>
      <c r="B4997" t="s">
        <v>4997</v>
      </c>
      <c r="C4997" t="s">
        <v>10444</v>
      </c>
      <c r="D4997" t="s">
        <v>15882</v>
      </c>
      <c r="E4997" t="s">
        <v>21077</v>
      </c>
      <c r="G4997" s="2"/>
    </row>
    <row r="4998" spans="1:7" x14ac:dyDescent="0.25">
      <c r="A4998" s="1">
        <v>4996</v>
      </c>
      <c r="B4998" t="s">
        <v>4998</v>
      </c>
      <c r="C4998" t="s">
        <v>10445</v>
      </c>
      <c r="D4998" t="s">
        <v>15883</v>
      </c>
      <c r="E4998" t="s">
        <v>19466</v>
      </c>
      <c r="G4998" s="2"/>
    </row>
    <row r="4999" spans="1:7" x14ac:dyDescent="0.25">
      <c r="A4999" s="1">
        <v>4997</v>
      </c>
      <c r="B4999" t="s">
        <v>4999</v>
      </c>
      <c r="C4999" t="s">
        <v>10446</v>
      </c>
      <c r="D4999" t="s">
        <v>15884</v>
      </c>
      <c r="E4999" t="s">
        <v>21078</v>
      </c>
      <c r="G4999" s="2"/>
    </row>
    <row r="5000" spans="1:7" x14ac:dyDescent="0.25">
      <c r="A5000" s="1">
        <v>4998</v>
      </c>
      <c r="B5000" t="s">
        <v>5000</v>
      </c>
      <c r="C5000" t="s">
        <v>10447</v>
      </c>
      <c r="D5000" t="s">
        <v>15885</v>
      </c>
      <c r="E5000" t="s">
        <v>21079</v>
      </c>
      <c r="G5000" s="2"/>
    </row>
    <row r="5001" spans="1:7" x14ac:dyDescent="0.25">
      <c r="A5001" s="1">
        <v>4999</v>
      </c>
      <c r="B5001" t="s">
        <v>5001</v>
      </c>
      <c r="C5001" t="s">
        <v>10448</v>
      </c>
      <c r="D5001" t="s">
        <v>15886</v>
      </c>
      <c r="E5001" t="s">
        <v>21080</v>
      </c>
      <c r="G5001" s="2"/>
    </row>
    <row r="5002" spans="1:7" x14ac:dyDescent="0.25">
      <c r="A5002" s="1">
        <v>5000</v>
      </c>
      <c r="B5002" t="s">
        <v>5002</v>
      </c>
      <c r="C5002" t="s">
        <v>10449</v>
      </c>
      <c r="D5002" t="s">
        <v>15887</v>
      </c>
      <c r="E5002" t="s">
        <v>20122</v>
      </c>
      <c r="G5002" s="2"/>
    </row>
    <row r="5003" spans="1:7" x14ac:dyDescent="0.25">
      <c r="A5003" s="1">
        <v>5001</v>
      </c>
      <c r="B5003" t="s">
        <v>5003</v>
      </c>
      <c r="C5003" t="s">
        <v>10450</v>
      </c>
      <c r="D5003" t="s">
        <v>15888</v>
      </c>
      <c r="E5003" t="s">
        <v>21081</v>
      </c>
      <c r="G5003" s="2"/>
    </row>
    <row r="5004" spans="1:7" x14ac:dyDescent="0.25">
      <c r="A5004" s="1">
        <v>5002</v>
      </c>
      <c r="B5004" t="s">
        <v>5004</v>
      </c>
      <c r="C5004" t="s">
        <v>10451</v>
      </c>
      <c r="D5004" t="s">
        <v>15889</v>
      </c>
      <c r="E5004" t="s">
        <v>21082</v>
      </c>
      <c r="G5004" s="2"/>
    </row>
    <row r="5005" spans="1:7" x14ac:dyDescent="0.25">
      <c r="A5005" s="1">
        <v>5003</v>
      </c>
      <c r="B5005" t="s">
        <v>5005</v>
      </c>
      <c r="C5005" t="s">
        <v>10452</v>
      </c>
      <c r="D5005" t="s">
        <v>15890</v>
      </c>
      <c r="E5005" t="s">
        <v>21083</v>
      </c>
      <c r="G5005" s="2"/>
    </row>
    <row r="5006" spans="1:7" x14ac:dyDescent="0.25">
      <c r="A5006" s="1">
        <v>5004</v>
      </c>
      <c r="B5006" t="s">
        <v>5006</v>
      </c>
      <c r="C5006" t="s">
        <v>10453</v>
      </c>
      <c r="D5006" t="s">
        <v>15891</v>
      </c>
      <c r="E5006" t="s">
        <v>21084</v>
      </c>
      <c r="G5006" s="2"/>
    </row>
    <row r="5007" spans="1:7" x14ac:dyDescent="0.25">
      <c r="A5007" s="1">
        <v>5005</v>
      </c>
      <c r="B5007" t="s">
        <v>5007</v>
      </c>
      <c r="C5007" t="s">
        <v>10454</v>
      </c>
      <c r="D5007" t="s">
        <v>15892</v>
      </c>
      <c r="E5007" t="s">
        <v>16555</v>
      </c>
      <c r="G5007" s="2"/>
    </row>
    <row r="5008" spans="1:7" x14ac:dyDescent="0.25">
      <c r="A5008" s="1">
        <v>5006</v>
      </c>
      <c r="B5008" t="s">
        <v>5008</v>
      </c>
      <c r="C5008" t="s">
        <v>10455</v>
      </c>
      <c r="D5008" t="s">
        <v>15893</v>
      </c>
      <c r="E5008" t="s">
        <v>21085</v>
      </c>
      <c r="G5008" s="2"/>
    </row>
    <row r="5009" spans="1:7" x14ac:dyDescent="0.25">
      <c r="A5009" s="1">
        <v>5007</v>
      </c>
      <c r="B5009" t="s">
        <v>5009</v>
      </c>
      <c r="C5009" t="s">
        <v>10456</v>
      </c>
      <c r="D5009" t="s">
        <v>15894</v>
      </c>
      <c r="E5009" t="s">
        <v>21086</v>
      </c>
      <c r="G5009" s="2"/>
    </row>
    <row r="5010" spans="1:7" x14ac:dyDescent="0.25">
      <c r="A5010" s="1">
        <v>5008</v>
      </c>
      <c r="B5010" t="s">
        <v>5010</v>
      </c>
      <c r="C5010" t="s">
        <v>10457</v>
      </c>
      <c r="D5010" t="s">
        <v>15895</v>
      </c>
      <c r="E5010" t="s">
        <v>21087</v>
      </c>
      <c r="G5010" s="2"/>
    </row>
    <row r="5011" spans="1:7" x14ac:dyDescent="0.25">
      <c r="A5011" s="1">
        <v>5009</v>
      </c>
      <c r="B5011" t="s">
        <v>5011</v>
      </c>
      <c r="C5011" t="s">
        <v>10458</v>
      </c>
      <c r="D5011" t="s">
        <v>15896</v>
      </c>
      <c r="E5011" t="s">
        <v>21088</v>
      </c>
      <c r="G5011" s="2"/>
    </row>
    <row r="5012" spans="1:7" x14ac:dyDescent="0.25">
      <c r="A5012" s="1">
        <v>5010</v>
      </c>
      <c r="B5012" t="s">
        <v>5012</v>
      </c>
      <c r="C5012" t="s">
        <v>10459</v>
      </c>
      <c r="D5012" t="s">
        <v>15897</v>
      </c>
      <c r="E5012" t="s">
        <v>21089</v>
      </c>
      <c r="G5012" s="2"/>
    </row>
    <row r="5013" spans="1:7" x14ac:dyDescent="0.25">
      <c r="A5013" s="1">
        <v>5011</v>
      </c>
      <c r="B5013" t="s">
        <v>5013</v>
      </c>
      <c r="C5013" t="s">
        <v>10460</v>
      </c>
      <c r="D5013" t="s">
        <v>15898</v>
      </c>
      <c r="E5013" t="s">
        <v>21090</v>
      </c>
      <c r="G5013" s="2"/>
    </row>
    <row r="5014" spans="1:7" x14ac:dyDescent="0.25">
      <c r="A5014" s="1">
        <v>5012</v>
      </c>
      <c r="B5014" t="s">
        <v>5014</v>
      </c>
      <c r="C5014" t="s">
        <v>10461</v>
      </c>
      <c r="D5014" t="s">
        <v>15899</v>
      </c>
      <c r="E5014" t="s">
        <v>21091</v>
      </c>
      <c r="G5014" s="2"/>
    </row>
    <row r="5015" spans="1:7" x14ac:dyDescent="0.25">
      <c r="A5015" s="1">
        <v>5013</v>
      </c>
      <c r="B5015" t="s">
        <v>5015</v>
      </c>
      <c r="C5015" t="s">
        <v>10462</v>
      </c>
      <c r="D5015" t="s">
        <v>15900</v>
      </c>
      <c r="E5015" t="s">
        <v>21092</v>
      </c>
      <c r="G5015" s="2"/>
    </row>
    <row r="5016" spans="1:7" x14ac:dyDescent="0.25">
      <c r="A5016" s="1">
        <v>5014</v>
      </c>
      <c r="B5016" t="s">
        <v>5016</v>
      </c>
      <c r="C5016" t="s">
        <v>10463</v>
      </c>
      <c r="D5016" t="s">
        <v>15901</v>
      </c>
      <c r="E5016" t="s">
        <v>21093</v>
      </c>
      <c r="G5016" s="2"/>
    </row>
    <row r="5017" spans="1:7" x14ac:dyDescent="0.25">
      <c r="A5017" s="1">
        <v>5015</v>
      </c>
      <c r="B5017" t="s">
        <v>5017</v>
      </c>
      <c r="C5017" t="s">
        <v>10464</v>
      </c>
      <c r="D5017" t="s">
        <v>15902</v>
      </c>
      <c r="E5017" t="s">
        <v>21094</v>
      </c>
      <c r="G5017" s="2"/>
    </row>
    <row r="5018" spans="1:7" x14ac:dyDescent="0.25">
      <c r="A5018" s="1">
        <v>5016</v>
      </c>
      <c r="B5018" t="s">
        <v>5018</v>
      </c>
      <c r="C5018" t="s">
        <v>10465</v>
      </c>
      <c r="D5018" t="s">
        <v>15903</v>
      </c>
      <c r="E5018" t="s">
        <v>21095</v>
      </c>
      <c r="G5018" s="2"/>
    </row>
    <row r="5019" spans="1:7" x14ac:dyDescent="0.25">
      <c r="A5019" s="1">
        <v>5017</v>
      </c>
      <c r="B5019" t="s">
        <v>5019</v>
      </c>
      <c r="C5019" t="s">
        <v>10466</v>
      </c>
      <c r="D5019" t="s">
        <v>15904</v>
      </c>
      <c r="E5019" t="s">
        <v>21096</v>
      </c>
      <c r="G5019" s="2"/>
    </row>
    <row r="5020" spans="1:7" x14ac:dyDescent="0.25">
      <c r="A5020" s="1">
        <v>5018</v>
      </c>
      <c r="B5020" t="s">
        <v>5020</v>
      </c>
      <c r="C5020" t="s">
        <v>10467</v>
      </c>
      <c r="D5020" t="s">
        <v>10467</v>
      </c>
      <c r="E5020" t="s">
        <v>21097</v>
      </c>
      <c r="G5020" s="2"/>
    </row>
    <row r="5021" spans="1:7" x14ac:dyDescent="0.25">
      <c r="A5021" s="1">
        <v>5019</v>
      </c>
      <c r="B5021" t="s">
        <v>5021</v>
      </c>
      <c r="C5021" t="s">
        <v>10468</v>
      </c>
      <c r="D5021" t="s">
        <v>15905</v>
      </c>
      <c r="E5021" t="s">
        <v>21098</v>
      </c>
      <c r="G5021" s="2"/>
    </row>
    <row r="5022" spans="1:7" x14ac:dyDescent="0.25">
      <c r="A5022" s="1">
        <v>5020</v>
      </c>
      <c r="B5022" t="s">
        <v>5022</v>
      </c>
      <c r="C5022" t="s">
        <v>10469</v>
      </c>
      <c r="D5022" t="s">
        <v>15906</v>
      </c>
      <c r="E5022" t="s">
        <v>21099</v>
      </c>
      <c r="G5022" s="2"/>
    </row>
    <row r="5023" spans="1:7" x14ac:dyDescent="0.25">
      <c r="A5023" s="1">
        <v>5021</v>
      </c>
      <c r="B5023" t="s">
        <v>5023</v>
      </c>
      <c r="C5023" t="s">
        <v>10470</v>
      </c>
      <c r="D5023" t="s">
        <v>15907</v>
      </c>
      <c r="E5023" t="s">
        <v>21100</v>
      </c>
      <c r="G5023" s="2"/>
    </row>
    <row r="5024" spans="1:7" x14ac:dyDescent="0.25">
      <c r="A5024" s="1">
        <v>5022</v>
      </c>
      <c r="B5024" t="s">
        <v>5024</v>
      </c>
      <c r="C5024" t="s">
        <v>10471</v>
      </c>
      <c r="D5024" t="s">
        <v>15908</v>
      </c>
      <c r="E5024" t="s">
        <v>21101</v>
      </c>
      <c r="G5024" s="2"/>
    </row>
    <row r="5025" spans="1:7" x14ac:dyDescent="0.25">
      <c r="A5025" s="1">
        <v>5023</v>
      </c>
      <c r="B5025" t="s">
        <v>5025</v>
      </c>
      <c r="C5025" t="s">
        <v>10472</v>
      </c>
      <c r="D5025" t="s">
        <v>15909</v>
      </c>
      <c r="E5025" t="s">
        <v>21102</v>
      </c>
      <c r="G5025" s="2"/>
    </row>
    <row r="5026" spans="1:7" x14ac:dyDescent="0.25">
      <c r="A5026" s="1">
        <v>5024</v>
      </c>
      <c r="B5026" t="s">
        <v>5026</v>
      </c>
      <c r="C5026" t="s">
        <v>10473</v>
      </c>
      <c r="D5026" t="s">
        <v>15910</v>
      </c>
      <c r="E5026" t="s">
        <v>21103</v>
      </c>
      <c r="G5026" s="2"/>
    </row>
    <row r="5027" spans="1:7" x14ac:dyDescent="0.25">
      <c r="A5027" s="1">
        <v>5025</v>
      </c>
      <c r="B5027" t="s">
        <v>5027</v>
      </c>
      <c r="C5027" t="s">
        <v>10474</v>
      </c>
      <c r="D5027" t="s">
        <v>15911</v>
      </c>
      <c r="E5027" t="s">
        <v>21104</v>
      </c>
      <c r="G5027" s="2"/>
    </row>
    <row r="5028" spans="1:7" x14ac:dyDescent="0.25">
      <c r="A5028" s="1">
        <v>5026</v>
      </c>
      <c r="B5028" t="s">
        <v>5028</v>
      </c>
      <c r="C5028" t="s">
        <v>10475</v>
      </c>
      <c r="D5028" t="s">
        <v>15912</v>
      </c>
      <c r="E5028" t="s">
        <v>21105</v>
      </c>
      <c r="G5028" s="2"/>
    </row>
    <row r="5029" spans="1:7" x14ac:dyDescent="0.25">
      <c r="A5029" s="1">
        <v>5027</v>
      </c>
      <c r="B5029" t="s">
        <v>5029</v>
      </c>
      <c r="C5029" t="s">
        <v>10476</v>
      </c>
      <c r="D5029" t="s">
        <v>15913</v>
      </c>
      <c r="E5029" t="s">
        <v>21106</v>
      </c>
      <c r="G5029" s="2"/>
    </row>
    <row r="5030" spans="1:7" x14ac:dyDescent="0.25">
      <c r="A5030" s="1">
        <v>5028</v>
      </c>
      <c r="B5030" t="s">
        <v>5030</v>
      </c>
      <c r="C5030" t="s">
        <v>10477</v>
      </c>
      <c r="D5030" t="s">
        <v>15914</v>
      </c>
      <c r="E5030" t="s">
        <v>21107</v>
      </c>
      <c r="G5030" s="2"/>
    </row>
    <row r="5031" spans="1:7" x14ac:dyDescent="0.25">
      <c r="A5031" s="1">
        <v>5029</v>
      </c>
      <c r="B5031" t="s">
        <v>5031</v>
      </c>
      <c r="C5031" t="s">
        <v>10478</v>
      </c>
      <c r="D5031" t="s">
        <v>15915</v>
      </c>
      <c r="E5031" t="s">
        <v>21108</v>
      </c>
      <c r="G5031" s="2"/>
    </row>
    <row r="5032" spans="1:7" x14ac:dyDescent="0.25">
      <c r="A5032" s="1">
        <v>5030</v>
      </c>
      <c r="B5032" t="s">
        <v>5032</v>
      </c>
      <c r="C5032" t="s">
        <v>10479</v>
      </c>
      <c r="D5032" t="s">
        <v>15916</v>
      </c>
      <c r="E5032" t="s">
        <v>21109</v>
      </c>
      <c r="G5032" s="2"/>
    </row>
    <row r="5033" spans="1:7" x14ac:dyDescent="0.25">
      <c r="A5033" s="1">
        <v>5031</v>
      </c>
      <c r="B5033" t="s">
        <v>5033</v>
      </c>
      <c r="C5033" t="s">
        <v>10480</v>
      </c>
      <c r="D5033" t="s">
        <v>15917</v>
      </c>
      <c r="E5033" t="s">
        <v>21110</v>
      </c>
      <c r="G5033" s="2"/>
    </row>
    <row r="5034" spans="1:7" x14ac:dyDescent="0.25">
      <c r="A5034" s="1">
        <v>5032</v>
      </c>
      <c r="B5034" t="s">
        <v>5034</v>
      </c>
      <c r="C5034" t="s">
        <v>10481</v>
      </c>
      <c r="D5034" t="s">
        <v>15918</v>
      </c>
      <c r="E5034" t="s">
        <v>21111</v>
      </c>
      <c r="G5034" s="2"/>
    </row>
    <row r="5035" spans="1:7" x14ac:dyDescent="0.25">
      <c r="A5035" s="1">
        <v>5033</v>
      </c>
      <c r="B5035" t="s">
        <v>5035</v>
      </c>
      <c r="C5035" t="s">
        <v>10482</v>
      </c>
      <c r="D5035" t="s">
        <v>15919</v>
      </c>
      <c r="E5035" t="s">
        <v>21112</v>
      </c>
      <c r="G5035" s="2"/>
    </row>
    <row r="5036" spans="1:7" x14ac:dyDescent="0.25">
      <c r="A5036" s="1">
        <v>5034</v>
      </c>
      <c r="B5036" t="s">
        <v>5036</v>
      </c>
      <c r="C5036" t="s">
        <v>10483</v>
      </c>
      <c r="D5036" t="s">
        <v>15920</v>
      </c>
      <c r="E5036" t="s">
        <v>21113</v>
      </c>
      <c r="G5036" s="2"/>
    </row>
    <row r="5037" spans="1:7" x14ac:dyDescent="0.25">
      <c r="A5037" s="1">
        <v>5035</v>
      </c>
      <c r="B5037" t="s">
        <v>5037</v>
      </c>
      <c r="C5037" t="s">
        <v>10484</v>
      </c>
      <c r="D5037" t="s">
        <v>15921</v>
      </c>
      <c r="E5037" t="s">
        <v>21114</v>
      </c>
      <c r="G5037" s="2"/>
    </row>
    <row r="5038" spans="1:7" x14ac:dyDescent="0.25">
      <c r="A5038" s="1">
        <v>5036</v>
      </c>
      <c r="B5038" t="s">
        <v>5038</v>
      </c>
      <c r="C5038" t="s">
        <v>10485</v>
      </c>
      <c r="D5038" t="s">
        <v>15922</v>
      </c>
      <c r="E5038" t="s">
        <v>16555</v>
      </c>
      <c r="G5038" s="2"/>
    </row>
    <row r="5039" spans="1:7" x14ac:dyDescent="0.25">
      <c r="A5039" s="1">
        <v>5037</v>
      </c>
      <c r="B5039" t="s">
        <v>5039</v>
      </c>
      <c r="C5039" t="s">
        <v>10486</v>
      </c>
      <c r="D5039" t="s">
        <v>15923</v>
      </c>
      <c r="E5039" t="s">
        <v>21115</v>
      </c>
      <c r="G5039" s="2"/>
    </row>
    <row r="5040" spans="1:7" x14ac:dyDescent="0.25">
      <c r="A5040" s="1">
        <v>5038</v>
      </c>
      <c r="B5040" t="s">
        <v>5040</v>
      </c>
      <c r="C5040" t="s">
        <v>10487</v>
      </c>
      <c r="D5040" t="s">
        <v>15924</v>
      </c>
      <c r="E5040" t="s">
        <v>21116</v>
      </c>
      <c r="G5040" s="2"/>
    </row>
    <row r="5041" spans="1:7" x14ac:dyDescent="0.25">
      <c r="A5041" s="1">
        <v>5039</v>
      </c>
      <c r="B5041" t="s">
        <v>5041</v>
      </c>
      <c r="C5041" t="s">
        <v>10488</v>
      </c>
      <c r="D5041" t="s">
        <v>15925</v>
      </c>
      <c r="E5041" t="s">
        <v>21117</v>
      </c>
      <c r="G5041" s="2"/>
    </row>
    <row r="5042" spans="1:7" x14ac:dyDescent="0.25">
      <c r="A5042" s="1">
        <v>5040</v>
      </c>
      <c r="B5042" t="s">
        <v>5042</v>
      </c>
      <c r="C5042" t="s">
        <v>10489</v>
      </c>
      <c r="D5042" t="s">
        <v>15926</v>
      </c>
      <c r="E5042" t="s">
        <v>21118</v>
      </c>
      <c r="G5042" s="2"/>
    </row>
    <row r="5043" spans="1:7" x14ac:dyDescent="0.25">
      <c r="A5043" s="1">
        <v>5041</v>
      </c>
      <c r="B5043" t="s">
        <v>5043</v>
      </c>
      <c r="C5043" t="s">
        <v>10490</v>
      </c>
      <c r="D5043" t="s">
        <v>15927</v>
      </c>
      <c r="E5043" t="s">
        <v>21119</v>
      </c>
      <c r="G5043" s="2"/>
    </row>
    <row r="5044" spans="1:7" x14ac:dyDescent="0.25">
      <c r="A5044" s="1">
        <v>5042</v>
      </c>
      <c r="B5044" t="s">
        <v>5044</v>
      </c>
      <c r="C5044" t="s">
        <v>10491</v>
      </c>
      <c r="D5044" t="s">
        <v>15928</v>
      </c>
      <c r="E5044" t="s">
        <v>21120</v>
      </c>
      <c r="G5044" s="2"/>
    </row>
    <row r="5045" spans="1:7" x14ac:dyDescent="0.25">
      <c r="A5045" s="1">
        <v>5043</v>
      </c>
      <c r="B5045" t="s">
        <v>5045</v>
      </c>
      <c r="C5045" t="s">
        <v>10492</v>
      </c>
      <c r="D5045" t="s">
        <v>15929</v>
      </c>
      <c r="E5045" t="s">
        <v>21121</v>
      </c>
      <c r="G5045" s="2"/>
    </row>
    <row r="5046" spans="1:7" x14ac:dyDescent="0.25">
      <c r="A5046" s="1">
        <v>5044</v>
      </c>
      <c r="B5046" t="s">
        <v>5046</v>
      </c>
      <c r="C5046" t="s">
        <v>10493</v>
      </c>
      <c r="D5046" t="s">
        <v>15930</v>
      </c>
      <c r="E5046" t="s">
        <v>21122</v>
      </c>
      <c r="G5046" s="2"/>
    </row>
    <row r="5047" spans="1:7" x14ac:dyDescent="0.25">
      <c r="A5047" s="1">
        <v>5045</v>
      </c>
      <c r="B5047" t="s">
        <v>5047</v>
      </c>
      <c r="C5047" t="s">
        <v>10494</v>
      </c>
      <c r="D5047" t="s">
        <v>15931</v>
      </c>
      <c r="E5047" t="s">
        <v>21123</v>
      </c>
      <c r="G5047" s="2"/>
    </row>
    <row r="5048" spans="1:7" x14ac:dyDescent="0.25">
      <c r="A5048" s="1">
        <v>5046</v>
      </c>
      <c r="B5048" t="s">
        <v>5048</v>
      </c>
      <c r="C5048" t="s">
        <v>10495</v>
      </c>
      <c r="D5048" t="s">
        <v>15932</v>
      </c>
      <c r="E5048" t="s">
        <v>21124</v>
      </c>
      <c r="G5048" s="2"/>
    </row>
    <row r="5049" spans="1:7" x14ac:dyDescent="0.25">
      <c r="A5049" s="1">
        <v>5047</v>
      </c>
      <c r="B5049" t="s">
        <v>5049</v>
      </c>
      <c r="C5049" t="s">
        <v>10496</v>
      </c>
      <c r="D5049" t="s">
        <v>15933</v>
      </c>
      <c r="E5049" t="s">
        <v>21125</v>
      </c>
      <c r="G5049" s="2"/>
    </row>
    <row r="5050" spans="1:7" x14ac:dyDescent="0.25">
      <c r="A5050" s="1">
        <v>5048</v>
      </c>
      <c r="B5050" t="s">
        <v>5050</v>
      </c>
      <c r="C5050" t="s">
        <v>10497</v>
      </c>
      <c r="D5050" t="s">
        <v>15934</v>
      </c>
      <c r="E5050" t="s">
        <v>21126</v>
      </c>
      <c r="G5050" s="2"/>
    </row>
    <row r="5051" spans="1:7" x14ac:dyDescent="0.25">
      <c r="A5051" s="1">
        <v>5049</v>
      </c>
      <c r="B5051" t="s">
        <v>5051</v>
      </c>
      <c r="C5051" t="s">
        <v>10498</v>
      </c>
      <c r="D5051" t="s">
        <v>15935</v>
      </c>
      <c r="E5051" t="s">
        <v>21127</v>
      </c>
      <c r="G5051" s="2"/>
    </row>
    <row r="5052" spans="1:7" x14ac:dyDescent="0.25">
      <c r="A5052" s="1">
        <v>5050</v>
      </c>
      <c r="B5052" t="s">
        <v>5052</v>
      </c>
      <c r="C5052" t="s">
        <v>10499</v>
      </c>
      <c r="D5052" t="s">
        <v>15936</v>
      </c>
      <c r="E5052" t="s">
        <v>21128</v>
      </c>
      <c r="G5052" s="2"/>
    </row>
    <row r="5053" spans="1:7" x14ac:dyDescent="0.25">
      <c r="A5053" s="1">
        <v>5051</v>
      </c>
      <c r="B5053" t="s">
        <v>5053</v>
      </c>
      <c r="C5053" t="s">
        <v>10500</v>
      </c>
      <c r="D5053" t="s">
        <v>15937</v>
      </c>
      <c r="E5053" t="s">
        <v>21129</v>
      </c>
      <c r="G5053" s="2"/>
    </row>
    <row r="5054" spans="1:7" x14ac:dyDescent="0.25">
      <c r="A5054" s="1">
        <v>5052</v>
      </c>
      <c r="B5054" t="s">
        <v>5054</v>
      </c>
      <c r="C5054" t="s">
        <v>10501</v>
      </c>
      <c r="D5054" t="s">
        <v>15938</v>
      </c>
      <c r="E5054" t="s">
        <v>21130</v>
      </c>
      <c r="G5054" s="2"/>
    </row>
    <row r="5055" spans="1:7" x14ac:dyDescent="0.25">
      <c r="A5055" s="1">
        <v>5053</v>
      </c>
      <c r="B5055" t="s">
        <v>5055</v>
      </c>
      <c r="C5055" t="s">
        <v>10502</v>
      </c>
      <c r="D5055" t="s">
        <v>15939</v>
      </c>
      <c r="E5055" t="s">
        <v>21131</v>
      </c>
      <c r="G5055" s="2"/>
    </row>
    <row r="5056" spans="1:7" x14ac:dyDescent="0.25">
      <c r="A5056" s="1">
        <v>5054</v>
      </c>
      <c r="B5056" t="s">
        <v>5056</v>
      </c>
      <c r="C5056" t="s">
        <v>10503</v>
      </c>
      <c r="D5056" t="s">
        <v>15940</v>
      </c>
      <c r="E5056" t="s">
        <v>21132</v>
      </c>
      <c r="G5056" s="2"/>
    </row>
    <row r="5057" spans="1:7" x14ac:dyDescent="0.25">
      <c r="A5057" s="1">
        <v>5055</v>
      </c>
      <c r="B5057" t="s">
        <v>5057</v>
      </c>
      <c r="C5057" t="s">
        <v>10504</v>
      </c>
      <c r="D5057" t="s">
        <v>15941</v>
      </c>
      <c r="E5057" t="s">
        <v>21133</v>
      </c>
      <c r="G5057" s="2"/>
    </row>
    <row r="5058" spans="1:7" x14ac:dyDescent="0.25">
      <c r="A5058" s="1">
        <v>5056</v>
      </c>
      <c r="B5058" t="s">
        <v>5058</v>
      </c>
      <c r="C5058" t="s">
        <v>10505</v>
      </c>
      <c r="D5058" t="s">
        <v>15942</v>
      </c>
      <c r="E5058" t="s">
        <v>21134</v>
      </c>
      <c r="G5058" s="2"/>
    </row>
    <row r="5059" spans="1:7" x14ac:dyDescent="0.25">
      <c r="A5059" s="1">
        <v>5057</v>
      </c>
      <c r="B5059" t="s">
        <v>5059</v>
      </c>
      <c r="C5059" t="s">
        <v>10506</v>
      </c>
      <c r="D5059" t="s">
        <v>15943</v>
      </c>
      <c r="E5059" t="s">
        <v>21135</v>
      </c>
      <c r="G5059" s="2"/>
    </row>
    <row r="5060" spans="1:7" x14ac:dyDescent="0.25">
      <c r="A5060" s="1">
        <v>5058</v>
      </c>
      <c r="B5060" t="s">
        <v>5060</v>
      </c>
      <c r="C5060" t="s">
        <v>10507</v>
      </c>
      <c r="D5060" t="s">
        <v>15944</v>
      </c>
      <c r="E5060" t="s">
        <v>21136</v>
      </c>
      <c r="G5060" s="2"/>
    </row>
    <row r="5061" spans="1:7" x14ac:dyDescent="0.25">
      <c r="A5061" s="1">
        <v>5059</v>
      </c>
      <c r="B5061" t="s">
        <v>5061</v>
      </c>
      <c r="C5061" t="s">
        <v>10508</v>
      </c>
      <c r="D5061" t="s">
        <v>15945</v>
      </c>
      <c r="E5061" t="s">
        <v>21137</v>
      </c>
      <c r="G5061" s="2"/>
    </row>
    <row r="5062" spans="1:7" x14ac:dyDescent="0.25">
      <c r="A5062" s="1">
        <v>5060</v>
      </c>
      <c r="B5062" t="s">
        <v>5062</v>
      </c>
      <c r="C5062" t="s">
        <v>10509</v>
      </c>
      <c r="D5062" t="s">
        <v>15946</v>
      </c>
      <c r="E5062" t="s">
        <v>21138</v>
      </c>
      <c r="G5062" s="2"/>
    </row>
    <row r="5063" spans="1:7" x14ac:dyDescent="0.25">
      <c r="A5063" s="1">
        <v>5061</v>
      </c>
      <c r="B5063" t="s">
        <v>5063</v>
      </c>
      <c r="C5063" t="s">
        <v>10510</v>
      </c>
      <c r="D5063" t="s">
        <v>15947</v>
      </c>
      <c r="E5063" t="s">
        <v>21139</v>
      </c>
      <c r="G5063" s="2"/>
    </row>
    <row r="5064" spans="1:7" x14ac:dyDescent="0.25">
      <c r="A5064" s="1">
        <v>5062</v>
      </c>
      <c r="B5064" t="s">
        <v>5064</v>
      </c>
      <c r="C5064" t="s">
        <v>10511</v>
      </c>
      <c r="D5064" t="s">
        <v>15948</v>
      </c>
      <c r="E5064" t="s">
        <v>21140</v>
      </c>
      <c r="G5064" s="2"/>
    </row>
    <row r="5065" spans="1:7" x14ac:dyDescent="0.25">
      <c r="A5065" s="1">
        <v>5063</v>
      </c>
      <c r="B5065" t="s">
        <v>5065</v>
      </c>
      <c r="C5065" t="s">
        <v>10512</v>
      </c>
      <c r="D5065" t="s">
        <v>15949</v>
      </c>
      <c r="E5065" t="s">
        <v>21141</v>
      </c>
      <c r="G5065" s="2"/>
    </row>
    <row r="5066" spans="1:7" x14ac:dyDescent="0.25">
      <c r="A5066" s="1">
        <v>5064</v>
      </c>
      <c r="B5066" t="s">
        <v>5066</v>
      </c>
      <c r="C5066" t="s">
        <v>10513</v>
      </c>
      <c r="D5066" t="s">
        <v>15950</v>
      </c>
      <c r="E5066" t="s">
        <v>21142</v>
      </c>
      <c r="G5066" s="2"/>
    </row>
    <row r="5067" spans="1:7" x14ac:dyDescent="0.25">
      <c r="A5067" s="1">
        <v>5065</v>
      </c>
      <c r="B5067" t="s">
        <v>5067</v>
      </c>
      <c r="C5067" t="s">
        <v>10514</v>
      </c>
      <c r="D5067" t="s">
        <v>15951</v>
      </c>
      <c r="E5067" t="s">
        <v>21143</v>
      </c>
      <c r="G5067" s="2"/>
    </row>
    <row r="5068" spans="1:7" x14ac:dyDescent="0.25">
      <c r="A5068" s="1">
        <v>5066</v>
      </c>
      <c r="B5068" t="s">
        <v>5068</v>
      </c>
      <c r="C5068" t="s">
        <v>10515</v>
      </c>
      <c r="D5068" t="s">
        <v>15952</v>
      </c>
      <c r="E5068" t="s">
        <v>21144</v>
      </c>
      <c r="G5068" s="2"/>
    </row>
    <row r="5069" spans="1:7" x14ac:dyDescent="0.25">
      <c r="A5069" s="1">
        <v>5067</v>
      </c>
      <c r="B5069" t="s">
        <v>5069</v>
      </c>
      <c r="C5069" t="s">
        <v>10516</v>
      </c>
      <c r="D5069" t="s">
        <v>15953</v>
      </c>
      <c r="E5069" t="s">
        <v>21145</v>
      </c>
      <c r="G5069" s="2"/>
    </row>
    <row r="5070" spans="1:7" x14ac:dyDescent="0.25">
      <c r="A5070" s="1">
        <v>5068</v>
      </c>
      <c r="B5070" t="s">
        <v>5070</v>
      </c>
      <c r="C5070" t="s">
        <v>10517</v>
      </c>
      <c r="D5070" t="s">
        <v>15954</v>
      </c>
      <c r="E5070" t="s">
        <v>21146</v>
      </c>
      <c r="G5070" s="2"/>
    </row>
    <row r="5071" spans="1:7" x14ac:dyDescent="0.25">
      <c r="A5071" s="1">
        <v>5069</v>
      </c>
      <c r="B5071" t="s">
        <v>5071</v>
      </c>
      <c r="C5071" t="s">
        <v>10518</v>
      </c>
      <c r="D5071" t="s">
        <v>15955</v>
      </c>
      <c r="E5071" t="s">
        <v>21147</v>
      </c>
      <c r="G5071" s="2"/>
    </row>
    <row r="5072" spans="1:7" x14ac:dyDescent="0.25">
      <c r="A5072" s="1">
        <v>5070</v>
      </c>
      <c r="B5072" t="s">
        <v>5072</v>
      </c>
      <c r="C5072" t="s">
        <v>10519</v>
      </c>
      <c r="D5072" t="s">
        <v>15956</v>
      </c>
      <c r="E5072" t="s">
        <v>21148</v>
      </c>
      <c r="G5072" s="2"/>
    </row>
    <row r="5073" spans="1:7" x14ac:dyDescent="0.25">
      <c r="A5073" s="1">
        <v>5071</v>
      </c>
      <c r="B5073" t="s">
        <v>5073</v>
      </c>
      <c r="C5073" t="s">
        <v>10520</v>
      </c>
      <c r="D5073" t="s">
        <v>15957</v>
      </c>
      <c r="E5073" t="s">
        <v>16555</v>
      </c>
      <c r="G5073" s="2"/>
    </row>
    <row r="5074" spans="1:7" x14ac:dyDescent="0.25">
      <c r="A5074" s="1">
        <v>5072</v>
      </c>
      <c r="B5074" t="s">
        <v>5074</v>
      </c>
      <c r="C5074" t="s">
        <v>10521</v>
      </c>
      <c r="D5074" t="s">
        <v>15958</v>
      </c>
      <c r="E5074" t="s">
        <v>21149</v>
      </c>
      <c r="G5074" s="2"/>
    </row>
    <row r="5075" spans="1:7" x14ac:dyDescent="0.25">
      <c r="A5075" s="1">
        <v>5073</v>
      </c>
      <c r="B5075" t="s">
        <v>5075</v>
      </c>
      <c r="C5075" t="s">
        <v>10522</v>
      </c>
      <c r="D5075" t="s">
        <v>15959</v>
      </c>
      <c r="E5075" t="s">
        <v>21150</v>
      </c>
      <c r="G5075" s="2"/>
    </row>
    <row r="5076" spans="1:7" x14ac:dyDescent="0.25">
      <c r="A5076" s="1">
        <v>5074</v>
      </c>
      <c r="B5076" t="s">
        <v>5076</v>
      </c>
      <c r="C5076" t="s">
        <v>10523</v>
      </c>
      <c r="D5076" t="s">
        <v>15960</v>
      </c>
      <c r="E5076" t="s">
        <v>21151</v>
      </c>
      <c r="G5076" s="2"/>
    </row>
    <row r="5077" spans="1:7" x14ac:dyDescent="0.25">
      <c r="A5077" s="1">
        <v>5075</v>
      </c>
      <c r="B5077" t="s">
        <v>5077</v>
      </c>
      <c r="C5077" t="s">
        <v>10524</v>
      </c>
      <c r="D5077" t="s">
        <v>15961</v>
      </c>
      <c r="E5077" t="s">
        <v>21152</v>
      </c>
      <c r="G5077" s="2"/>
    </row>
    <row r="5078" spans="1:7" x14ac:dyDescent="0.25">
      <c r="A5078" s="1">
        <v>5076</v>
      </c>
      <c r="B5078" t="s">
        <v>5078</v>
      </c>
      <c r="C5078" t="s">
        <v>10525</v>
      </c>
      <c r="D5078" t="s">
        <v>15962</v>
      </c>
      <c r="E5078" t="s">
        <v>21153</v>
      </c>
      <c r="G5078" s="2"/>
    </row>
    <row r="5079" spans="1:7" x14ac:dyDescent="0.25">
      <c r="A5079" s="1">
        <v>5077</v>
      </c>
      <c r="B5079" t="s">
        <v>5079</v>
      </c>
      <c r="C5079" t="s">
        <v>10526</v>
      </c>
      <c r="D5079" t="s">
        <v>15963</v>
      </c>
      <c r="E5079" t="s">
        <v>21154</v>
      </c>
      <c r="G5079" s="2"/>
    </row>
    <row r="5080" spans="1:7" x14ac:dyDescent="0.25">
      <c r="A5080" s="1">
        <v>5078</v>
      </c>
      <c r="B5080" t="s">
        <v>5080</v>
      </c>
      <c r="C5080" t="s">
        <v>10527</v>
      </c>
      <c r="D5080" t="s">
        <v>15964</v>
      </c>
      <c r="E5080" t="s">
        <v>21155</v>
      </c>
      <c r="G5080" s="2"/>
    </row>
    <row r="5081" spans="1:7" x14ac:dyDescent="0.25">
      <c r="A5081" s="1">
        <v>5079</v>
      </c>
      <c r="B5081" t="s">
        <v>5081</v>
      </c>
      <c r="C5081" t="s">
        <v>10528</v>
      </c>
      <c r="D5081" t="s">
        <v>15965</v>
      </c>
      <c r="E5081" t="s">
        <v>21156</v>
      </c>
      <c r="G5081" s="2"/>
    </row>
    <row r="5082" spans="1:7" x14ac:dyDescent="0.25">
      <c r="A5082" s="1">
        <v>5080</v>
      </c>
      <c r="B5082" t="s">
        <v>5082</v>
      </c>
      <c r="C5082" t="s">
        <v>10529</v>
      </c>
      <c r="D5082" t="s">
        <v>15966</v>
      </c>
      <c r="E5082" t="s">
        <v>21157</v>
      </c>
      <c r="G5082" s="2"/>
    </row>
    <row r="5083" spans="1:7" x14ac:dyDescent="0.25">
      <c r="A5083" s="1">
        <v>5081</v>
      </c>
      <c r="B5083" t="s">
        <v>5083</v>
      </c>
      <c r="C5083" t="s">
        <v>10530</v>
      </c>
      <c r="D5083" t="s">
        <v>15967</v>
      </c>
      <c r="E5083" t="s">
        <v>21158</v>
      </c>
      <c r="G5083" s="2"/>
    </row>
    <row r="5084" spans="1:7" x14ac:dyDescent="0.25">
      <c r="A5084" s="1">
        <v>5082</v>
      </c>
      <c r="B5084" t="s">
        <v>5084</v>
      </c>
      <c r="C5084" t="s">
        <v>10531</v>
      </c>
      <c r="D5084" t="s">
        <v>15968</v>
      </c>
      <c r="E5084" t="s">
        <v>21159</v>
      </c>
      <c r="G5084" s="2"/>
    </row>
    <row r="5085" spans="1:7" x14ac:dyDescent="0.25">
      <c r="A5085" s="1">
        <v>5083</v>
      </c>
      <c r="B5085" t="s">
        <v>5085</v>
      </c>
      <c r="C5085" t="s">
        <v>10532</v>
      </c>
      <c r="D5085" t="s">
        <v>15969</v>
      </c>
      <c r="E5085" t="s">
        <v>21160</v>
      </c>
      <c r="G5085" s="2"/>
    </row>
    <row r="5086" spans="1:7" x14ac:dyDescent="0.25">
      <c r="A5086" s="1">
        <v>5084</v>
      </c>
      <c r="B5086" t="s">
        <v>5086</v>
      </c>
      <c r="C5086" t="s">
        <v>10533</v>
      </c>
      <c r="D5086" t="s">
        <v>15970</v>
      </c>
      <c r="E5086" t="s">
        <v>21161</v>
      </c>
      <c r="G5086" s="2"/>
    </row>
    <row r="5087" spans="1:7" x14ac:dyDescent="0.25">
      <c r="A5087" s="1">
        <v>5085</v>
      </c>
      <c r="B5087" t="s">
        <v>5087</v>
      </c>
      <c r="C5087" t="s">
        <v>10534</v>
      </c>
      <c r="D5087" t="s">
        <v>15971</v>
      </c>
      <c r="E5087" t="s">
        <v>21162</v>
      </c>
      <c r="G5087" s="2"/>
    </row>
    <row r="5088" spans="1:7" x14ac:dyDescent="0.25">
      <c r="A5088" s="1">
        <v>5086</v>
      </c>
      <c r="B5088" t="s">
        <v>5088</v>
      </c>
      <c r="C5088" t="s">
        <v>10535</v>
      </c>
      <c r="D5088" t="s">
        <v>15972</v>
      </c>
      <c r="E5088" t="s">
        <v>21163</v>
      </c>
      <c r="G5088" s="2"/>
    </row>
    <row r="5089" spans="1:7" x14ac:dyDescent="0.25">
      <c r="A5089" s="1">
        <v>5087</v>
      </c>
      <c r="B5089" t="s">
        <v>5089</v>
      </c>
      <c r="C5089" t="s">
        <v>10536</v>
      </c>
      <c r="D5089" t="s">
        <v>15973</v>
      </c>
      <c r="E5089" t="s">
        <v>21164</v>
      </c>
      <c r="G5089" s="2"/>
    </row>
    <row r="5090" spans="1:7" x14ac:dyDescent="0.25">
      <c r="A5090" s="1">
        <v>5088</v>
      </c>
      <c r="B5090" t="s">
        <v>5090</v>
      </c>
      <c r="C5090" t="s">
        <v>10537</v>
      </c>
      <c r="D5090" t="s">
        <v>15974</v>
      </c>
      <c r="E5090" t="s">
        <v>21165</v>
      </c>
      <c r="G5090" s="2"/>
    </row>
    <row r="5091" spans="1:7" x14ac:dyDescent="0.25">
      <c r="A5091" s="1">
        <v>5089</v>
      </c>
      <c r="B5091" t="s">
        <v>5091</v>
      </c>
      <c r="C5091" t="s">
        <v>10538</v>
      </c>
      <c r="D5091" t="s">
        <v>15975</v>
      </c>
      <c r="E5091" t="s">
        <v>21166</v>
      </c>
      <c r="G5091" s="2"/>
    </row>
    <row r="5092" spans="1:7" x14ac:dyDescent="0.25">
      <c r="A5092" s="1">
        <v>5090</v>
      </c>
      <c r="B5092" t="s">
        <v>5092</v>
      </c>
      <c r="C5092" t="s">
        <v>10539</v>
      </c>
      <c r="D5092" t="s">
        <v>15976</v>
      </c>
      <c r="E5092" t="s">
        <v>21167</v>
      </c>
      <c r="G5092" s="2"/>
    </row>
    <row r="5093" spans="1:7" x14ac:dyDescent="0.25">
      <c r="A5093" s="1">
        <v>5091</v>
      </c>
      <c r="B5093" t="s">
        <v>5093</v>
      </c>
      <c r="C5093" t="s">
        <v>10540</v>
      </c>
      <c r="D5093" t="s">
        <v>15977</v>
      </c>
      <c r="E5093" t="s">
        <v>21168</v>
      </c>
      <c r="G5093" s="2"/>
    </row>
    <row r="5094" spans="1:7" x14ac:dyDescent="0.25">
      <c r="A5094" s="1">
        <v>5092</v>
      </c>
      <c r="B5094" t="s">
        <v>5094</v>
      </c>
      <c r="C5094" t="s">
        <v>10541</v>
      </c>
      <c r="D5094" t="s">
        <v>15978</v>
      </c>
      <c r="E5094" t="s">
        <v>21169</v>
      </c>
      <c r="G5094" s="2"/>
    </row>
    <row r="5095" spans="1:7" x14ac:dyDescent="0.25">
      <c r="A5095" s="1">
        <v>5093</v>
      </c>
      <c r="B5095" t="s">
        <v>5095</v>
      </c>
      <c r="C5095" t="s">
        <v>10542</v>
      </c>
      <c r="D5095" t="s">
        <v>15979</v>
      </c>
      <c r="E5095" t="s">
        <v>21170</v>
      </c>
      <c r="G5095" s="2"/>
    </row>
    <row r="5096" spans="1:7" x14ac:dyDescent="0.25">
      <c r="A5096" s="1">
        <v>5094</v>
      </c>
      <c r="B5096" t="s">
        <v>5096</v>
      </c>
      <c r="C5096" t="s">
        <v>10543</v>
      </c>
      <c r="D5096" t="s">
        <v>15980</v>
      </c>
      <c r="E5096" t="s">
        <v>21171</v>
      </c>
      <c r="G5096" s="2"/>
    </row>
    <row r="5097" spans="1:7" x14ac:dyDescent="0.25">
      <c r="A5097" s="1">
        <v>5095</v>
      </c>
      <c r="B5097" t="s">
        <v>5097</v>
      </c>
      <c r="C5097" t="s">
        <v>10544</v>
      </c>
      <c r="D5097" t="s">
        <v>15981</v>
      </c>
      <c r="E5097" t="s">
        <v>21172</v>
      </c>
      <c r="G5097" s="2"/>
    </row>
    <row r="5098" spans="1:7" x14ac:dyDescent="0.25">
      <c r="A5098" s="1">
        <v>5096</v>
      </c>
      <c r="B5098" t="s">
        <v>5098</v>
      </c>
      <c r="C5098" t="s">
        <v>10545</v>
      </c>
      <c r="D5098" t="s">
        <v>15982</v>
      </c>
      <c r="E5098" t="s">
        <v>21173</v>
      </c>
      <c r="G5098" s="2"/>
    </row>
    <row r="5099" spans="1:7" x14ac:dyDescent="0.25">
      <c r="A5099" s="1">
        <v>5097</v>
      </c>
      <c r="B5099" t="s">
        <v>5099</v>
      </c>
      <c r="C5099" t="s">
        <v>10546</v>
      </c>
      <c r="D5099" t="s">
        <v>15983</v>
      </c>
      <c r="E5099" t="s">
        <v>21174</v>
      </c>
      <c r="G5099" s="2"/>
    </row>
    <row r="5100" spans="1:7" x14ac:dyDescent="0.25">
      <c r="A5100" s="1">
        <v>5098</v>
      </c>
      <c r="B5100" t="s">
        <v>5100</v>
      </c>
      <c r="C5100" t="s">
        <v>10547</v>
      </c>
      <c r="D5100" t="s">
        <v>15984</v>
      </c>
      <c r="E5100" t="s">
        <v>16372</v>
      </c>
      <c r="G5100" s="2"/>
    </row>
    <row r="5101" spans="1:7" x14ac:dyDescent="0.25">
      <c r="A5101" s="1">
        <v>5099</v>
      </c>
      <c r="B5101" t="s">
        <v>5101</v>
      </c>
      <c r="C5101" t="s">
        <v>10548</v>
      </c>
      <c r="D5101" t="s">
        <v>15985</v>
      </c>
      <c r="E5101" t="s">
        <v>21175</v>
      </c>
      <c r="G5101" s="2"/>
    </row>
    <row r="5102" spans="1:7" x14ac:dyDescent="0.25">
      <c r="A5102" s="1">
        <v>5100</v>
      </c>
      <c r="B5102" t="s">
        <v>5102</v>
      </c>
      <c r="C5102" t="s">
        <v>10549</v>
      </c>
      <c r="D5102" t="s">
        <v>15986</v>
      </c>
      <c r="E5102" t="s">
        <v>21176</v>
      </c>
      <c r="G5102" s="2"/>
    </row>
    <row r="5103" spans="1:7" x14ac:dyDescent="0.25">
      <c r="A5103" s="1">
        <v>5101</v>
      </c>
      <c r="B5103" t="s">
        <v>5103</v>
      </c>
      <c r="C5103" t="s">
        <v>10550</v>
      </c>
      <c r="D5103" t="s">
        <v>15987</v>
      </c>
      <c r="E5103" t="s">
        <v>21177</v>
      </c>
      <c r="G5103" s="2"/>
    </row>
    <row r="5104" spans="1:7" x14ac:dyDescent="0.25">
      <c r="A5104" s="1">
        <v>5102</v>
      </c>
      <c r="B5104" t="s">
        <v>5104</v>
      </c>
      <c r="C5104" t="s">
        <v>10551</v>
      </c>
      <c r="D5104" t="s">
        <v>15988</v>
      </c>
      <c r="E5104" t="s">
        <v>21178</v>
      </c>
      <c r="G5104" s="2"/>
    </row>
    <row r="5105" spans="1:7" x14ac:dyDescent="0.25">
      <c r="A5105" s="1">
        <v>5103</v>
      </c>
      <c r="B5105" t="s">
        <v>5105</v>
      </c>
      <c r="C5105" t="s">
        <v>10552</v>
      </c>
      <c r="D5105" t="s">
        <v>15989</v>
      </c>
      <c r="E5105" t="s">
        <v>16347</v>
      </c>
      <c r="G5105" s="2"/>
    </row>
    <row r="5106" spans="1:7" x14ac:dyDescent="0.25">
      <c r="A5106" s="1">
        <v>5104</v>
      </c>
      <c r="B5106" t="s">
        <v>5106</v>
      </c>
      <c r="C5106" t="s">
        <v>10553</v>
      </c>
      <c r="D5106" t="s">
        <v>15990</v>
      </c>
      <c r="E5106" t="s">
        <v>21179</v>
      </c>
      <c r="G5106" s="2"/>
    </row>
    <row r="5107" spans="1:7" x14ac:dyDescent="0.25">
      <c r="A5107" s="1">
        <v>5105</v>
      </c>
      <c r="B5107" t="s">
        <v>5107</v>
      </c>
      <c r="C5107" t="s">
        <v>10554</v>
      </c>
      <c r="D5107" t="s">
        <v>15991</v>
      </c>
      <c r="E5107" t="s">
        <v>20401</v>
      </c>
      <c r="G5107" s="2"/>
    </row>
    <row r="5108" spans="1:7" x14ac:dyDescent="0.25">
      <c r="A5108" s="1">
        <v>5106</v>
      </c>
      <c r="B5108" t="s">
        <v>5108</v>
      </c>
      <c r="C5108" t="s">
        <v>10555</v>
      </c>
      <c r="D5108" t="s">
        <v>15992</v>
      </c>
      <c r="E5108" t="s">
        <v>21180</v>
      </c>
      <c r="G5108" s="2"/>
    </row>
    <row r="5109" spans="1:7" x14ac:dyDescent="0.25">
      <c r="A5109" s="1">
        <v>5107</v>
      </c>
      <c r="B5109" t="s">
        <v>5109</v>
      </c>
      <c r="C5109" t="s">
        <v>10556</v>
      </c>
      <c r="D5109" t="s">
        <v>15993</v>
      </c>
      <c r="E5109" t="s">
        <v>21181</v>
      </c>
      <c r="G5109" s="2"/>
    </row>
    <row r="5110" spans="1:7" x14ac:dyDescent="0.25">
      <c r="A5110" s="1">
        <v>5108</v>
      </c>
      <c r="B5110" t="s">
        <v>5110</v>
      </c>
      <c r="C5110" t="s">
        <v>10557</v>
      </c>
      <c r="D5110" t="s">
        <v>15994</v>
      </c>
      <c r="E5110" t="s">
        <v>17162</v>
      </c>
      <c r="G5110" s="2"/>
    </row>
    <row r="5111" spans="1:7" x14ac:dyDescent="0.25">
      <c r="A5111" s="1">
        <v>5109</v>
      </c>
      <c r="B5111" t="s">
        <v>5111</v>
      </c>
      <c r="C5111" t="s">
        <v>10558</v>
      </c>
      <c r="D5111" t="s">
        <v>15995</v>
      </c>
      <c r="E5111" t="s">
        <v>21182</v>
      </c>
      <c r="G5111" s="2"/>
    </row>
    <row r="5112" spans="1:7" x14ac:dyDescent="0.25">
      <c r="A5112" s="1">
        <v>5110</v>
      </c>
      <c r="B5112" t="s">
        <v>5112</v>
      </c>
      <c r="C5112" t="s">
        <v>10559</v>
      </c>
      <c r="D5112" t="s">
        <v>15996</v>
      </c>
      <c r="E5112" t="s">
        <v>16347</v>
      </c>
      <c r="G5112" s="2"/>
    </row>
    <row r="5113" spans="1:7" x14ac:dyDescent="0.25">
      <c r="A5113" s="1">
        <v>5111</v>
      </c>
      <c r="B5113" t="s">
        <v>5113</v>
      </c>
      <c r="C5113" t="s">
        <v>10560</v>
      </c>
      <c r="D5113" t="s">
        <v>15997</v>
      </c>
      <c r="E5113" t="s">
        <v>21183</v>
      </c>
      <c r="G5113" s="2"/>
    </row>
    <row r="5114" spans="1:7" x14ac:dyDescent="0.25">
      <c r="A5114" s="1">
        <v>5112</v>
      </c>
      <c r="B5114" t="s">
        <v>5114</v>
      </c>
      <c r="C5114" t="s">
        <v>10561</v>
      </c>
      <c r="D5114" t="s">
        <v>15998</v>
      </c>
      <c r="E5114" t="s">
        <v>21184</v>
      </c>
      <c r="G5114" s="2"/>
    </row>
    <row r="5115" spans="1:7" x14ac:dyDescent="0.25">
      <c r="A5115" s="1">
        <v>5113</v>
      </c>
      <c r="B5115" t="s">
        <v>5115</v>
      </c>
      <c r="C5115" t="s">
        <v>10562</v>
      </c>
      <c r="D5115" t="s">
        <v>15999</v>
      </c>
      <c r="E5115" t="s">
        <v>21185</v>
      </c>
      <c r="G5115" s="2"/>
    </row>
    <row r="5116" spans="1:7" x14ac:dyDescent="0.25">
      <c r="A5116" s="1">
        <v>5114</v>
      </c>
      <c r="B5116" t="s">
        <v>5116</v>
      </c>
      <c r="C5116" t="s">
        <v>10563</v>
      </c>
      <c r="D5116" t="s">
        <v>16000</v>
      </c>
      <c r="E5116" t="s">
        <v>21186</v>
      </c>
      <c r="G5116" s="2"/>
    </row>
    <row r="5117" spans="1:7" x14ac:dyDescent="0.25">
      <c r="A5117" s="1">
        <v>5115</v>
      </c>
      <c r="B5117" t="s">
        <v>5117</v>
      </c>
      <c r="C5117" t="s">
        <v>10564</v>
      </c>
      <c r="D5117" t="s">
        <v>16001</v>
      </c>
      <c r="E5117" t="s">
        <v>21187</v>
      </c>
      <c r="G5117" s="2"/>
    </row>
    <row r="5118" spans="1:7" x14ac:dyDescent="0.25">
      <c r="A5118" s="1">
        <v>5116</v>
      </c>
      <c r="B5118" t="s">
        <v>5118</v>
      </c>
      <c r="C5118" t="s">
        <v>10565</v>
      </c>
      <c r="D5118" t="s">
        <v>16002</v>
      </c>
      <c r="E5118" t="s">
        <v>21188</v>
      </c>
      <c r="G5118" s="2"/>
    </row>
    <row r="5119" spans="1:7" x14ac:dyDescent="0.25">
      <c r="A5119" s="1">
        <v>5117</v>
      </c>
      <c r="B5119" t="s">
        <v>5119</v>
      </c>
      <c r="C5119" t="s">
        <v>10566</v>
      </c>
      <c r="D5119" t="s">
        <v>16003</v>
      </c>
      <c r="E5119" t="s">
        <v>21189</v>
      </c>
      <c r="G5119" s="2"/>
    </row>
    <row r="5120" spans="1:7" x14ac:dyDescent="0.25">
      <c r="A5120" s="1">
        <v>5118</v>
      </c>
      <c r="B5120" t="s">
        <v>5120</v>
      </c>
      <c r="C5120" t="s">
        <v>10567</v>
      </c>
      <c r="D5120" t="s">
        <v>16004</v>
      </c>
      <c r="E5120" t="s">
        <v>21190</v>
      </c>
      <c r="G5120" s="2"/>
    </row>
    <row r="5121" spans="1:7" x14ac:dyDescent="0.25">
      <c r="A5121" s="1">
        <v>5119</v>
      </c>
      <c r="B5121" t="s">
        <v>5121</v>
      </c>
      <c r="C5121" t="s">
        <v>10568</v>
      </c>
      <c r="D5121" t="s">
        <v>16005</v>
      </c>
      <c r="E5121" t="s">
        <v>21191</v>
      </c>
      <c r="G5121" s="2"/>
    </row>
    <row r="5122" spans="1:7" x14ac:dyDescent="0.25">
      <c r="A5122" s="1">
        <v>5120</v>
      </c>
      <c r="B5122" t="s">
        <v>5122</v>
      </c>
      <c r="C5122" t="s">
        <v>10569</v>
      </c>
      <c r="D5122" t="s">
        <v>16006</v>
      </c>
      <c r="E5122" t="s">
        <v>21192</v>
      </c>
      <c r="G5122" s="2"/>
    </row>
    <row r="5123" spans="1:7" x14ac:dyDescent="0.25">
      <c r="A5123" s="1">
        <v>5121</v>
      </c>
      <c r="B5123" t="s">
        <v>5123</v>
      </c>
      <c r="C5123" t="s">
        <v>10570</v>
      </c>
      <c r="D5123" t="s">
        <v>16007</v>
      </c>
      <c r="E5123" t="s">
        <v>21193</v>
      </c>
      <c r="G5123" s="2"/>
    </row>
    <row r="5124" spans="1:7" x14ac:dyDescent="0.25">
      <c r="A5124" s="1">
        <v>5122</v>
      </c>
      <c r="B5124" t="s">
        <v>5124</v>
      </c>
      <c r="C5124" t="s">
        <v>10571</v>
      </c>
      <c r="D5124" t="s">
        <v>16008</v>
      </c>
      <c r="E5124" t="s">
        <v>21194</v>
      </c>
      <c r="G5124" s="2"/>
    </row>
    <row r="5125" spans="1:7" x14ac:dyDescent="0.25">
      <c r="A5125" s="1">
        <v>5123</v>
      </c>
      <c r="B5125" t="s">
        <v>5125</v>
      </c>
      <c r="C5125" t="s">
        <v>10572</v>
      </c>
      <c r="D5125" t="s">
        <v>16009</v>
      </c>
      <c r="E5125" t="s">
        <v>21195</v>
      </c>
      <c r="G5125" s="2"/>
    </row>
    <row r="5126" spans="1:7" x14ac:dyDescent="0.25">
      <c r="A5126" s="1">
        <v>5124</v>
      </c>
      <c r="B5126" t="s">
        <v>5126</v>
      </c>
      <c r="C5126" t="s">
        <v>10573</v>
      </c>
      <c r="D5126" t="s">
        <v>16010</v>
      </c>
      <c r="E5126" t="s">
        <v>21196</v>
      </c>
      <c r="G5126" s="2"/>
    </row>
    <row r="5127" spans="1:7" x14ac:dyDescent="0.25">
      <c r="A5127" s="1">
        <v>5125</v>
      </c>
      <c r="B5127" t="s">
        <v>5127</v>
      </c>
      <c r="C5127" t="s">
        <v>10574</v>
      </c>
      <c r="D5127" t="s">
        <v>16011</v>
      </c>
      <c r="E5127" t="s">
        <v>21197</v>
      </c>
      <c r="G5127" s="2"/>
    </row>
    <row r="5128" spans="1:7" x14ac:dyDescent="0.25">
      <c r="A5128" s="1">
        <v>5126</v>
      </c>
      <c r="B5128" t="s">
        <v>5128</v>
      </c>
      <c r="C5128" t="s">
        <v>10575</v>
      </c>
      <c r="D5128" t="s">
        <v>16012</v>
      </c>
      <c r="E5128" t="s">
        <v>21198</v>
      </c>
      <c r="G5128" s="2"/>
    </row>
    <row r="5129" spans="1:7" x14ac:dyDescent="0.25">
      <c r="A5129" s="1">
        <v>5127</v>
      </c>
      <c r="B5129" t="s">
        <v>5129</v>
      </c>
      <c r="C5129" t="s">
        <v>10576</v>
      </c>
      <c r="D5129" t="s">
        <v>16013</v>
      </c>
      <c r="E5129" t="s">
        <v>21199</v>
      </c>
      <c r="G5129" s="2"/>
    </row>
    <row r="5130" spans="1:7" x14ac:dyDescent="0.25">
      <c r="A5130" s="1">
        <v>5128</v>
      </c>
      <c r="B5130" t="s">
        <v>5130</v>
      </c>
      <c r="C5130" t="s">
        <v>10577</v>
      </c>
      <c r="D5130" t="s">
        <v>16014</v>
      </c>
      <c r="E5130" t="s">
        <v>21200</v>
      </c>
      <c r="G5130" s="2"/>
    </row>
    <row r="5131" spans="1:7" x14ac:dyDescent="0.25">
      <c r="A5131" s="1">
        <v>5129</v>
      </c>
      <c r="B5131" t="s">
        <v>5131</v>
      </c>
      <c r="C5131" t="s">
        <v>10578</v>
      </c>
      <c r="D5131" t="s">
        <v>16015</v>
      </c>
      <c r="E5131" t="s">
        <v>21201</v>
      </c>
      <c r="G5131" s="2"/>
    </row>
    <row r="5132" spans="1:7" x14ac:dyDescent="0.25">
      <c r="A5132" s="1">
        <v>5130</v>
      </c>
      <c r="B5132" t="s">
        <v>5132</v>
      </c>
      <c r="C5132" t="s">
        <v>10579</v>
      </c>
      <c r="D5132" t="s">
        <v>16016</v>
      </c>
      <c r="E5132" t="s">
        <v>21202</v>
      </c>
      <c r="G5132" s="2"/>
    </row>
    <row r="5133" spans="1:7" x14ac:dyDescent="0.25">
      <c r="A5133" s="1">
        <v>5131</v>
      </c>
      <c r="B5133" t="s">
        <v>5133</v>
      </c>
      <c r="C5133" t="s">
        <v>10580</v>
      </c>
      <c r="D5133" t="s">
        <v>16017</v>
      </c>
      <c r="E5133" t="s">
        <v>21203</v>
      </c>
      <c r="G5133" s="2"/>
    </row>
    <row r="5134" spans="1:7" x14ac:dyDescent="0.25">
      <c r="A5134" s="1">
        <v>5132</v>
      </c>
      <c r="B5134" t="s">
        <v>5134</v>
      </c>
      <c r="C5134" t="s">
        <v>10581</v>
      </c>
      <c r="D5134" t="s">
        <v>16018</v>
      </c>
      <c r="E5134" t="s">
        <v>21204</v>
      </c>
      <c r="G5134" s="2"/>
    </row>
    <row r="5135" spans="1:7" x14ac:dyDescent="0.25">
      <c r="A5135" s="1">
        <v>5133</v>
      </c>
      <c r="B5135" t="s">
        <v>5135</v>
      </c>
      <c r="C5135" t="s">
        <v>10582</v>
      </c>
      <c r="D5135" t="s">
        <v>16019</v>
      </c>
      <c r="E5135" t="s">
        <v>21205</v>
      </c>
      <c r="G5135" s="2"/>
    </row>
    <row r="5136" spans="1:7" x14ac:dyDescent="0.25">
      <c r="A5136" s="1">
        <v>5134</v>
      </c>
      <c r="B5136" t="s">
        <v>5136</v>
      </c>
      <c r="C5136" t="s">
        <v>10583</v>
      </c>
      <c r="D5136" t="s">
        <v>16020</v>
      </c>
      <c r="E5136" t="s">
        <v>21206</v>
      </c>
      <c r="G5136" s="2"/>
    </row>
    <row r="5137" spans="1:7" x14ac:dyDescent="0.25">
      <c r="A5137" s="1">
        <v>5135</v>
      </c>
      <c r="B5137" t="s">
        <v>5137</v>
      </c>
      <c r="C5137" t="s">
        <v>10584</v>
      </c>
      <c r="D5137" t="s">
        <v>16021</v>
      </c>
      <c r="E5137" t="s">
        <v>21207</v>
      </c>
      <c r="G5137" s="2"/>
    </row>
    <row r="5138" spans="1:7" x14ac:dyDescent="0.25">
      <c r="A5138" s="1">
        <v>5136</v>
      </c>
      <c r="B5138" t="s">
        <v>5138</v>
      </c>
      <c r="C5138" t="s">
        <v>10585</v>
      </c>
      <c r="D5138" t="s">
        <v>16022</v>
      </c>
      <c r="E5138" t="s">
        <v>21208</v>
      </c>
      <c r="G5138" s="2"/>
    </row>
    <row r="5139" spans="1:7" x14ac:dyDescent="0.25">
      <c r="A5139" s="1">
        <v>5137</v>
      </c>
      <c r="B5139" t="s">
        <v>5139</v>
      </c>
      <c r="C5139" t="s">
        <v>10586</v>
      </c>
      <c r="D5139" t="s">
        <v>10586</v>
      </c>
      <c r="E5139" t="s">
        <v>21209</v>
      </c>
      <c r="G5139" s="2"/>
    </row>
    <row r="5140" spans="1:7" x14ac:dyDescent="0.25">
      <c r="A5140" s="1">
        <v>5138</v>
      </c>
      <c r="B5140" t="s">
        <v>5140</v>
      </c>
      <c r="C5140" t="s">
        <v>10587</v>
      </c>
      <c r="D5140" t="s">
        <v>16023</v>
      </c>
      <c r="E5140" t="s">
        <v>21210</v>
      </c>
      <c r="G5140" s="2"/>
    </row>
    <row r="5141" spans="1:7" x14ac:dyDescent="0.25">
      <c r="A5141" s="1">
        <v>5139</v>
      </c>
      <c r="B5141" t="s">
        <v>5141</v>
      </c>
      <c r="C5141" t="s">
        <v>10588</v>
      </c>
      <c r="D5141" t="s">
        <v>16024</v>
      </c>
      <c r="E5141" t="s">
        <v>16555</v>
      </c>
      <c r="G5141" s="2"/>
    </row>
    <row r="5142" spans="1:7" x14ac:dyDescent="0.25">
      <c r="A5142" s="1">
        <v>5140</v>
      </c>
      <c r="B5142" t="s">
        <v>5142</v>
      </c>
      <c r="C5142" t="s">
        <v>10589</v>
      </c>
      <c r="D5142" t="s">
        <v>16025</v>
      </c>
      <c r="E5142" t="s">
        <v>21211</v>
      </c>
      <c r="G5142" s="2"/>
    </row>
    <row r="5143" spans="1:7" x14ac:dyDescent="0.25">
      <c r="A5143" s="1">
        <v>5141</v>
      </c>
      <c r="B5143" t="s">
        <v>5143</v>
      </c>
      <c r="C5143" t="s">
        <v>10590</v>
      </c>
      <c r="D5143" t="s">
        <v>16026</v>
      </c>
      <c r="E5143" t="s">
        <v>21212</v>
      </c>
      <c r="G5143" s="2"/>
    </row>
    <row r="5144" spans="1:7" x14ac:dyDescent="0.25">
      <c r="A5144" s="1">
        <v>5142</v>
      </c>
      <c r="B5144" t="s">
        <v>5144</v>
      </c>
      <c r="C5144" t="s">
        <v>10591</v>
      </c>
      <c r="D5144" t="s">
        <v>16027</v>
      </c>
      <c r="E5144" t="s">
        <v>21213</v>
      </c>
      <c r="G5144" s="2"/>
    </row>
    <row r="5145" spans="1:7" x14ac:dyDescent="0.25">
      <c r="A5145" s="1">
        <v>5143</v>
      </c>
      <c r="B5145" t="s">
        <v>5145</v>
      </c>
      <c r="C5145" t="s">
        <v>10592</v>
      </c>
      <c r="D5145" t="s">
        <v>16028</v>
      </c>
      <c r="E5145" t="s">
        <v>21214</v>
      </c>
      <c r="G5145" s="2"/>
    </row>
    <row r="5146" spans="1:7" x14ac:dyDescent="0.25">
      <c r="A5146" s="1">
        <v>5144</v>
      </c>
      <c r="B5146" t="s">
        <v>5146</v>
      </c>
      <c r="C5146" t="s">
        <v>10593</v>
      </c>
      <c r="D5146" t="s">
        <v>16029</v>
      </c>
      <c r="E5146" t="s">
        <v>21215</v>
      </c>
      <c r="G5146" s="2"/>
    </row>
    <row r="5147" spans="1:7" x14ac:dyDescent="0.25">
      <c r="A5147" s="1">
        <v>5145</v>
      </c>
      <c r="B5147" t="s">
        <v>5147</v>
      </c>
      <c r="C5147" t="s">
        <v>10594</v>
      </c>
      <c r="D5147" t="s">
        <v>16030</v>
      </c>
      <c r="E5147" t="s">
        <v>21216</v>
      </c>
      <c r="G5147" s="2"/>
    </row>
    <row r="5148" spans="1:7" x14ac:dyDescent="0.25">
      <c r="A5148" s="1">
        <v>5146</v>
      </c>
      <c r="B5148" t="s">
        <v>5148</v>
      </c>
      <c r="C5148" t="s">
        <v>10595</v>
      </c>
      <c r="D5148" t="s">
        <v>16031</v>
      </c>
      <c r="E5148" t="s">
        <v>21217</v>
      </c>
      <c r="G5148" s="2"/>
    </row>
    <row r="5149" spans="1:7" x14ac:dyDescent="0.25">
      <c r="A5149" s="1">
        <v>5147</v>
      </c>
      <c r="B5149" t="s">
        <v>5149</v>
      </c>
      <c r="C5149" t="s">
        <v>10596</v>
      </c>
      <c r="D5149" t="s">
        <v>16032</v>
      </c>
      <c r="E5149" t="s">
        <v>21218</v>
      </c>
      <c r="G5149" s="2"/>
    </row>
    <row r="5150" spans="1:7" x14ac:dyDescent="0.25">
      <c r="A5150" s="1">
        <v>5148</v>
      </c>
      <c r="B5150" t="s">
        <v>5150</v>
      </c>
      <c r="C5150" t="s">
        <v>10597</v>
      </c>
      <c r="D5150" t="s">
        <v>16033</v>
      </c>
      <c r="E5150" t="s">
        <v>21219</v>
      </c>
      <c r="G5150" s="2"/>
    </row>
    <row r="5151" spans="1:7" x14ac:dyDescent="0.25">
      <c r="A5151" s="1">
        <v>5149</v>
      </c>
      <c r="B5151" t="s">
        <v>5151</v>
      </c>
      <c r="C5151" t="s">
        <v>10598</v>
      </c>
      <c r="D5151" t="s">
        <v>16034</v>
      </c>
      <c r="E5151" t="s">
        <v>21220</v>
      </c>
      <c r="G5151" s="2"/>
    </row>
    <row r="5152" spans="1:7" x14ac:dyDescent="0.25">
      <c r="A5152" s="1">
        <v>5150</v>
      </c>
      <c r="B5152" t="s">
        <v>5152</v>
      </c>
      <c r="C5152" t="s">
        <v>10599</v>
      </c>
      <c r="D5152" t="s">
        <v>16035</v>
      </c>
      <c r="E5152" t="s">
        <v>21221</v>
      </c>
      <c r="G5152" s="2"/>
    </row>
    <row r="5153" spans="1:7" x14ac:dyDescent="0.25">
      <c r="A5153" s="1">
        <v>5151</v>
      </c>
      <c r="B5153" t="s">
        <v>5153</v>
      </c>
      <c r="C5153" t="s">
        <v>10600</v>
      </c>
      <c r="D5153" t="s">
        <v>16036</v>
      </c>
      <c r="E5153" t="s">
        <v>21222</v>
      </c>
      <c r="G5153" s="2"/>
    </row>
    <row r="5154" spans="1:7" x14ac:dyDescent="0.25">
      <c r="A5154" s="1">
        <v>5152</v>
      </c>
      <c r="B5154" t="s">
        <v>5154</v>
      </c>
      <c r="C5154" t="s">
        <v>10601</v>
      </c>
      <c r="D5154" t="s">
        <v>16037</v>
      </c>
      <c r="E5154" t="s">
        <v>21223</v>
      </c>
      <c r="G5154" s="2"/>
    </row>
    <row r="5155" spans="1:7" x14ac:dyDescent="0.25">
      <c r="A5155" s="1">
        <v>5153</v>
      </c>
      <c r="B5155" t="s">
        <v>5155</v>
      </c>
      <c r="C5155" t="s">
        <v>10602</v>
      </c>
      <c r="D5155" t="s">
        <v>16038</v>
      </c>
      <c r="E5155" t="s">
        <v>21224</v>
      </c>
      <c r="G5155" s="2"/>
    </row>
    <row r="5156" spans="1:7" x14ac:dyDescent="0.25">
      <c r="A5156" s="1">
        <v>5154</v>
      </c>
      <c r="B5156" t="s">
        <v>5156</v>
      </c>
      <c r="C5156" t="s">
        <v>10603</v>
      </c>
      <c r="D5156" t="s">
        <v>16039</v>
      </c>
      <c r="E5156" t="s">
        <v>21225</v>
      </c>
      <c r="G5156" s="2"/>
    </row>
    <row r="5157" spans="1:7" x14ac:dyDescent="0.25">
      <c r="A5157" s="1">
        <v>5155</v>
      </c>
      <c r="B5157" t="s">
        <v>5157</v>
      </c>
      <c r="C5157" t="s">
        <v>10604</v>
      </c>
      <c r="D5157" t="s">
        <v>16040</v>
      </c>
      <c r="E5157" t="s">
        <v>21226</v>
      </c>
      <c r="G5157" s="2"/>
    </row>
    <row r="5158" spans="1:7" x14ac:dyDescent="0.25">
      <c r="A5158" s="1">
        <v>5156</v>
      </c>
      <c r="B5158" t="s">
        <v>5158</v>
      </c>
      <c r="C5158" t="s">
        <v>10605</v>
      </c>
      <c r="D5158" t="s">
        <v>16041</v>
      </c>
      <c r="E5158" t="s">
        <v>21227</v>
      </c>
      <c r="G5158" s="2"/>
    </row>
    <row r="5159" spans="1:7" x14ac:dyDescent="0.25">
      <c r="A5159" s="1">
        <v>5157</v>
      </c>
      <c r="B5159" t="s">
        <v>5159</v>
      </c>
      <c r="C5159" t="s">
        <v>10606</v>
      </c>
      <c r="D5159" t="s">
        <v>16042</v>
      </c>
      <c r="E5159" t="s">
        <v>21228</v>
      </c>
      <c r="G5159" s="2"/>
    </row>
    <row r="5160" spans="1:7" x14ac:dyDescent="0.25">
      <c r="A5160" s="1">
        <v>5158</v>
      </c>
      <c r="B5160" t="s">
        <v>5160</v>
      </c>
      <c r="C5160" t="s">
        <v>10607</v>
      </c>
      <c r="D5160" t="s">
        <v>16043</v>
      </c>
      <c r="E5160" t="s">
        <v>21229</v>
      </c>
      <c r="G5160" s="2"/>
    </row>
    <row r="5161" spans="1:7" x14ac:dyDescent="0.25">
      <c r="A5161" s="1">
        <v>5159</v>
      </c>
      <c r="B5161" t="s">
        <v>5161</v>
      </c>
      <c r="C5161" t="s">
        <v>10608</v>
      </c>
      <c r="D5161" t="s">
        <v>16044</v>
      </c>
      <c r="E5161" t="s">
        <v>21230</v>
      </c>
      <c r="G5161" s="2"/>
    </row>
    <row r="5162" spans="1:7" x14ac:dyDescent="0.25">
      <c r="A5162" s="1">
        <v>5160</v>
      </c>
      <c r="B5162" t="s">
        <v>5162</v>
      </c>
      <c r="C5162" t="s">
        <v>10609</v>
      </c>
      <c r="D5162" t="s">
        <v>16045</v>
      </c>
      <c r="E5162" t="s">
        <v>21231</v>
      </c>
      <c r="G5162" s="2"/>
    </row>
    <row r="5163" spans="1:7" x14ac:dyDescent="0.25">
      <c r="A5163" s="1">
        <v>5161</v>
      </c>
      <c r="B5163" t="s">
        <v>5163</v>
      </c>
      <c r="C5163" t="s">
        <v>10610</v>
      </c>
      <c r="D5163" t="s">
        <v>16046</v>
      </c>
      <c r="E5163" t="s">
        <v>21232</v>
      </c>
      <c r="G5163" s="2"/>
    </row>
    <row r="5164" spans="1:7" x14ac:dyDescent="0.25">
      <c r="A5164" s="1">
        <v>5162</v>
      </c>
      <c r="B5164" t="s">
        <v>5164</v>
      </c>
      <c r="C5164" t="s">
        <v>10611</v>
      </c>
      <c r="D5164" t="s">
        <v>16047</v>
      </c>
      <c r="E5164" t="s">
        <v>21233</v>
      </c>
      <c r="G5164" s="2"/>
    </row>
    <row r="5165" spans="1:7" x14ac:dyDescent="0.25">
      <c r="A5165" s="1">
        <v>5163</v>
      </c>
      <c r="B5165" t="s">
        <v>5165</v>
      </c>
      <c r="C5165" t="s">
        <v>10612</v>
      </c>
      <c r="D5165" t="s">
        <v>16048</v>
      </c>
      <c r="E5165" t="s">
        <v>21234</v>
      </c>
      <c r="G5165" s="2"/>
    </row>
    <row r="5166" spans="1:7" x14ac:dyDescent="0.25">
      <c r="A5166" s="1">
        <v>5164</v>
      </c>
      <c r="B5166" t="s">
        <v>5166</v>
      </c>
      <c r="C5166" t="s">
        <v>10613</v>
      </c>
      <c r="D5166" t="s">
        <v>16049</v>
      </c>
      <c r="E5166" t="s">
        <v>21235</v>
      </c>
      <c r="G5166" s="2"/>
    </row>
    <row r="5167" spans="1:7" x14ac:dyDescent="0.25">
      <c r="A5167" s="1">
        <v>5165</v>
      </c>
      <c r="B5167" t="s">
        <v>5167</v>
      </c>
      <c r="C5167" t="s">
        <v>10614</v>
      </c>
      <c r="D5167" t="s">
        <v>16050</v>
      </c>
      <c r="E5167" t="s">
        <v>21236</v>
      </c>
      <c r="G5167" s="2"/>
    </row>
    <row r="5168" spans="1:7" x14ac:dyDescent="0.25">
      <c r="A5168" s="1">
        <v>5166</v>
      </c>
      <c r="B5168" t="s">
        <v>5168</v>
      </c>
      <c r="C5168" t="s">
        <v>10615</v>
      </c>
      <c r="D5168" t="s">
        <v>16051</v>
      </c>
      <c r="E5168" t="s">
        <v>21237</v>
      </c>
      <c r="G5168" s="2"/>
    </row>
    <row r="5169" spans="1:7" x14ac:dyDescent="0.25">
      <c r="A5169" s="1">
        <v>5167</v>
      </c>
      <c r="B5169" t="s">
        <v>5169</v>
      </c>
      <c r="C5169" t="s">
        <v>10616</v>
      </c>
      <c r="D5169" t="s">
        <v>16052</v>
      </c>
      <c r="E5169" t="s">
        <v>21238</v>
      </c>
      <c r="G5169" s="2"/>
    </row>
    <row r="5170" spans="1:7" x14ac:dyDescent="0.25">
      <c r="A5170" s="1">
        <v>5168</v>
      </c>
      <c r="B5170" t="s">
        <v>5170</v>
      </c>
      <c r="C5170" t="s">
        <v>10617</v>
      </c>
      <c r="D5170" t="s">
        <v>16053</v>
      </c>
      <c r="E5170" t="s">
        <v>21239</v>
      </c>
      <c r="G5170" s="2"/>
    </row>
    <row r="5171" spans="1:7" x14ac:dyDescent="0.25">
      <c r="A5171" s="1">
        <v>5169</v>
      </c>
      <c r="B5171" t="s">
        <v>5171</v>
      </c>
      <c r="C5171" t="s">
        <v>10618</v>
      </c>
      <c r="D5171" t="s">
        <v>16054</v>
      </c>
      <c r="E5171" t="s">
        <v>21240</v>
      </c>
      <c r="G5171" s="2"/>
    </row>
    <row r="5172" spans="1:7" x14ac:dyDescent="0.25">
      <c r="A5172" s="1">
        <v>5170</v>
      </c>
      <c r="B5172" t="s">
        <v>5172</v>
      </c>
      <c r="C5172" t="s">
        <v>10619</v>
      </c>
      <c r="D5172" t="s">
        <v>16055</v>
      </c>
      <c r="E5172" t="s">
        <v>21241</v>
      </c>
      <c r="G5172" s="2"/>
    </row>
    <row r="5173" spans="1:7" x14ac:dyDescent="0.25">
      <c r="A5173" s="1">
        <v>5171</v>
      </c>
      <c r="B5173" t="s">
        <v>5173</v>
      </c>
      <c r="C5173" t="s">
        <v>10620</v>
      </c>
      <c r="D5173" t="s">
        <v>16056</v>
      </c>
      <c r="E5173" t="s">
        <v>21242</v>
      </c>
      <c r="G5173" s="2"/>
    </row>
    <row r="5174" spans="1:7" x14ac:dyDescent="0.25">
      <c r="A5174" s="1">
        <v>5172</v>
      </c>
      <c r="B5174" t="s">
        <v>5174</v>
      </c>
      <c r="C5174" t="s">
        <v>10621</v>
      </c>
      <c r="D5174" t="s">
        <v>16057</v>
      </c>
      <c r="E5174" t="s">
        <v>21243</v>
      </c>
      <c r="G5174" s="2"/>
    </row>
    <row r="5175" spans="1:7" x14ac:dyDescent="0.25">
      <c r="A5175" s="1">
        <v>5173</v>
      </c>
      <c r="B5175" t="s">
        <v>5175</v>
      </c>
      <c r="C5175" t="s">
        <v>10622</v>
      </c>
      <c r="D5175" t="s">
        <v>16058</v>
      </c>
      <c r="E5175" t="s">
        <v>21244</v>
      </c>
      <c r="G5175" s="2"/>
    </row>
    <row r="5176" spans="1:7" x14ac:dyDescent="0.25">
      <c r="A5176" s="1">
        <v>5174</v>
      </c>
      <c r="B5176" t="s">
        <v>5176</v>
      </c>
      <c r="C5176" t="s">
        <v>10623</v>
      </c>
      <c r="D5176" t="s">
        <v>16059</v>
      </c>
      <c r="E5176" t="s">
        <v>21245</v>
      </c>
      <c r="G5176" s="2"/>
    </row>
    <row r="5177" spans="1:7" x14ac:dyDescent="0.25">
      <c r="A5177" s="1">
        <v>5175</v>
      </c>
      <c r="B5177" t="s">
        <v>5177</v>
      </c>
      <c r="C5177" t="s">
        <v>10624</v>
      </c>
      <c r="D5177" t="s">
        <v>16060</v>
      </c>
      <c r="E5177" t="s">
        <v>21246</v>
      </c>
      <c r="G5177" s="2"/>
    </row>
    <row r="5178" spans="1:7" x14ac:dyDescent="0.25">
      <c r="A5178" s="1">
        <v>5176</v>
      </c>
      <c r="B5178" t="s">
        <v>5178</v>
      </c>
      <c r="C5178" t="s">
        <v>10625</v>
      </c>
      <c r="D5178" t="s">
        <v>16061</v>
      </c>
      <c r="E5178" t="s">
        <v>21247</v>
      </c>
      <c r="G5178" s="2"/>
    </row>
    <row r="5179" spans="1:7" x14ac:dyDescent="0.25">
      <c r="A5179" s="1">
        <v>5177</v>
      </c>
      <c r="B5179" t="s">
        <v>5179</v>
      </c>
      <c r="C5179" t="s">
        <v>10626</v>
      </c>
      <c r="D5179" t="s">
        <v>16062</v>
      </c>
      <c r="E5179" t="s">
        <v>21248</v>
      </c>
      <c r="G5179" s="2"/>
    </row>
    <row r="5180" spans="1:7" x14ac:dyDescent="0.25">
      <c r="A5180" s="1">
        <v>5178</v>
      </c>
      <c r="B5180" t="s">
        <v>5180</v>
      </c>
      <c r="C5180" t="s">
        <v>10627</v>
      </c>
      <c r="D5180" t="s">
        <v>16063</v>
      </c>
      <c r="E5180" t="s">
        <v>21249</v>
      </c>
      <c r="G5180" s="2"/>
    </row>
    <row r="5181" spans="1:7" x14ac:dyDescent="0.25">
      <c r="A5181" s="1">
        <v>5179</v>
      </c>
      <c r="B5181" t="s">
        <v>5181</v>
      </c>
      <c r="C5181" t="s">
        <v>10628</v>
      </c>
      <c r="D5181" t="s">
        <v>16064</v>
      </c>
      <c r="E5181" t="s">
        <v>21250</v>
      </c>
      <c r="G5181" s="2"/>
    </row>
    <row r="5182" spans="1:7" x14ac:dyDescent="0.25">
      <c r="A5182" s="1">
        <v>5180</v>
      </c>
      <c r="B5182" t="s">
        <v>5182</v>
      </c>
      <c r="C5182" t="s">
        <v>10629</v>
      </c>
      <c r="D5182" t="s">
        <v>16065</v>
      </c>
      <c r="E5182" t="s">
        <v>16620</v>
      </c>
      <c r="G5182" s="2"/>
    </row>
    <row r="5183" spans="1:7" x14ac:dyDescent="0.25">
      <c r="A5183" s="1">
        <v>5181</v>
      </c>
      <c r="B5183" t="s">
        <v>5183</v>
      </c>
      <c r="C5183" t="s">
        <v>10630</v>
      </c>
      <c r="D5183" t="s">
        <v>16066</v>
      </c>
      <c r="E5183" t="s">
        <v>21251</v>
      </c>
      <c r="G5183" s="2"/>
    </row>
    <row r="5184" spans="1:7" x14ac:dyDescent="0.25">
      <c r="A5184" s="1">
        <v>5182</v>
      </c>
      <c r="B5184" t="s">
        <v>5184</v>
      </c>
      <c r="C5184" t="s">
        <v>10631</v>
      </c>
      <c r="D5184" t="s">
        <v>16067</v>
      </c>
      <c r="E5184" t="s">
        <v>17531</v>
      </c>
      <c r="G5184" s="2"/>
    </row>
    <row r="5185" spans="1:7" x14ac:dyDescent="0.25">
      <c r="A5185" s="1">
        <v>5183</v>
      </c>
      <c r="B5185" t="s">
        <v>5185</v>
      </c>
      <c r="C5185" t="s">
        <v>10632</v>
      </c>
      <c r="D5185" t="s">
        <v>16068</v>
      </c>
      <c r="E5185" t="s">
        <v>21252</v>
      </c>
      <c r="G5185" s="2"/>
    </row>
    <row r="5186" spans="1:7" x14ac:dyDescent="0.25">
      <c r="A5186" s="1">
        <v>5184</v>
      </c>
      <c r="B5186" t="s">
        <v>5186</v>
      </c>
      <c r="C5186" t="s">
        <v>10633</v>
      </c>
      <c r="D5186" t="s">
        <v>16069</v>
      </c>
      <c r="E5186" t="s">
        <v>21253</v>
      </c>
      <c r="G5186" s="2"/>
    </row>
    <row r="5187" spans="1:7" x14ac:dyDescent="0.25">
      <c r="A5187" s="1">
        <v>5185</v>
      </c>
      <c r="B5187" t="s">
        <v>5187</v>
      </c>
      <c r="C5187" t="s">
        <v>10634</v>
      </c>
      <c r="D5187" t="s">
        <v>16070</v>
      </c>
      <c r="E5187" t="s">
        <v>21254</v>
      </c>
      <c r="G5187" s="2"/>
    </row>
    <row r="5188" spans="1:7" x14ac:dyDescent="0.25">
      <c r="A5188" s="1">
        <v>5186</v>
      </c>
      <c r="B5188" t="s">
        <v>5188</v>
      </c>
      <c r="C5188" t="s">
        <v>10635</v>
      </c>
      <c r="D5188" t="s">
        <v>16071</v>
      </c>
      <c r="E5188" t="s">
        <v>17215</v>
      </c>
      <c r="G5188" s="2"/>
    </row>
    <row r="5189" spans="1:7" x14ac:dyDescent="0.25">
      <c r="A5189" s="1">
        <v>5187</v>
      </c>
      <c r="B5189" t="s">
        <v>5189</v>
      </c>
      <c r="C5189" t="s">
        <v>10636</v>
      </c>
      <c r="D5189" t="s">
        <v>16072</v>
      </c>
      <c r="E5189" t="s">
        <v>21255</v>
      </c>
      <c r="G5189" s="2"/>
    </row>
    <row r="5190" spans="1:7" x14ac:dyDescent="0.25">
      <c r="A5190" s="1">
        <v>5188</v>
      </c>
      <c r="B5190" t="s">
        <v>5190</v>
      </c>
      <c r="C5190" t="s">
        <v>10637</v>
      </c>
      <c r="D5190" t="s">
        <v>16073</v>
      </c>
      <c r="E5190" t="s">
        <v>21256</v>
      </c>
      <c r="G5190" s="2"/>
    </row>
    <row r="5191" spans="1:7" x14ac:dyDescent="0.25">
      <c r="A5191" s="1">
        <v>5189</v>
      </c>
      <c r="B5191" t="s">
        <v>5191</v>
      </c>
      <c r="C5191" t="s">
        <v>10638</v>
      </c>
      <c r="D5191" t="s">
        <v>16074</v>
      </c>
      <c r="E5191" t="s">
        <v>21257</v>
      </c>
      <c r="G5191" s="2"/>
    </row>
    <row r="5192" spans="1:7" x14ac:dyDescent="0.25">
      <c r="A5192" s="1">
        <v>5190</v>
      </c>
      <c r="B5192" t="s">
        <v>5192</v>
      </c>
      <c r="C5192" t="s">
        <v>10639</v>
      </c>
      <c r="D5192" t="s">
        <v>16075</v>
      </c>
      <c r="E5192" t="s">
        <v>21258</v>
      </c>
      <c r="G5192" s="2"/>
    </row>
    <row r="5193" spans="1:7" x14ac:dyDescent="0.25">
      <c r="A5193" s="1">
        <v>5191</v>
      </c>
      <c r="B5193" t="s">
        <v>5193</v>
      </c>
      <c r="C5193" t="s">
        <v>10640</v>
      </c>
      <c r="D5193" t="s">
        <v>16076</v>
      </c>
      <c r="E5193" t="s">
        <v>21259</v>
      </c>
      <c r="G5193" s="2"/>
    </row>
    <row r="5194" spans="1:7" x14ac:dyDescent="0.25">
      <c r="A5194" s="1">
        <v>5192</v>
      </c>
      <c r="B5194" t="s">
        <v>5194</v>
      </c>
      <c r="C5194" t="s">
        <v>10641</v>
      </c>
      <c r="D5194" t="s">
        <v>16077</v>
      </c>
      <c r="E5194" t="s">
        <v>21260</v>
      </c>
      <c r="G5194" s="2"/>
    </row>
    <row r="5195" spans="1:7" x14ac:dyDescent="0.25">
      <c r="A5195" s="1">
        <v>5193</v>
      </c>
      <c r="B5195" t="s">
        <v>5195</v>
      </c>
      <c r="C5195" t="s">
        <v>10642</v>
      </c>
      <c r="D5195" t="s">
        <v>16078</v>
      </c>
      <c r="E5195" t="s">
        <v>21261</v>
      </c>
      <c r="G5195" s="2"/>
    </row>
    <row r="5196" spans="1:7" x14ac:dyDescent="0.25">
      <c r="A5196" s="1">
        <v>5194</v>
      </c>
      <c r="B5196" t="s">
        <v>5196</v>
      </c>
      <c r="C5196" t="s">
        <v>10643</v>
      </c>
      <c r="D5196" t="s">
        <v>16079</v>
      </c>
      <c r="E5196" t="s">
        <v>21262</v>
      </c>
      <c r="G5196" s="2"/>
    </row>
    <row r="5197" spans="1:7" x14ac:dyDescent="0.25">
      <c r="A5197" s="1">
        <v>5195</v>
      </c>
      <c r="B5197" t="s">
        <v>5197</v>
      </c>
      <c r="C5197" t="s">
        <v>10644</v>
      </c>
      <c r="D5197" t="s">
        <v>16080</v>
      </c>
      <c r="E5197" t="s">
        <v>21263</v>
      </c>
      <c r="G5197" s="2"/>
    </row>
    <row r="5198" spans="1:7" x14ac:dyDescent="0.25">
      <c r="A5198" s="1">
        <v>5196</v>
      </c>
      <c r="B5198" t="s">
        <v>5198</v>
      </c>
      <c r="C5198" t="s">
        <v>10645</v>
      </c>
      <c r="D5198" t="s">
        <v>16081</v>
      </c>
      <c r="E5198" t="s">
        <v>21264</v>
      </c>
      <c r="G5198" s="2"/>
    </row>
    <row r="5199" spans="1:7" x14ac:dyDescent="0.25">
      <c r="A5199" s="1">
        <v>5197</v>
      </c>
      <c r="B5199" t="s">
        <v>5199</v>
      </c>
      <c r="C5199" t="s">
        <v>10646</v>
      </c>
      <c r="D5199" t="s">
        <v>16082</v>
      </c>
      <c r="E5199" t="s">
        <v>21265</v>
      </c>
      <c r="G5199" s="2"/>
    </row>
    <row r="5200" spans="1:7" x14ac:dyDescent="0.25">
      <c r="A5200" s="1">
        <v>5198</v>
      </c>
      <c r="B5200" t="s">
        <v>5200</v>
      </c>
      <c r="C5200" t="s">
        <v>10647</v>
      </c>
      <c r="D5200" t="s">
        <v>16083</v>
      </c>
      <c r="E5200" t="s">
        <v>21266</v>
      </c>
      <c r="G5200" s="2"/>
    </row>
    <row r="5201" spans="1:7" x14ac:dyDescent="0.25">
      <c r="A5201" s="1">
        <v>5199</v>
      </c>
      <c r="B5201" t="s">
        <v>5201</v>
      </c>
      <c r="C5201" t="s">
        <v>10648</v>
      </c>
      <c r="D5201" t="s">
        <v>16084</v>
      </c>
      <c r="E5201" t="s">
        <v>21267</v>
      </c>
      <c r="G5201" s="2"/>
    </row>
    <row r="5202" spans="1:7" x14ac:dyDescent="0.25">
      <c r="A5202" s="1">
        <v>5200</v>
      </c>
      <c r="B5202" t="s">
        <v>5202</v>
      </c>
      <c r="C5202" t="s">
        <v>10649</v>
      </c>
      <c r="D5202" t="s">
        <v>16085</v>
      </c>
      <c r="E5202" t="s">
        <v>21268</v>
      </c>
      <c r="G5202" s="2"/>
    </row>
    <row r="5203" spans="1:7" x14ac:dyDescent="0.25">
      <c r="A5203" s="1">
        <v>5201</v>
      </c>
      <c r="B5203" t="s">
        <v>5203</v>
      </c>
      <c r="C5203" t="s">
        <v>5680</v>
      </c>
      <c r="D5203" t="s">
        <v>16086</v>
      </c>
      <c r="E5203" t="s">
        <v>21269</v>
      </c>
      <c r="G5203" s="2"/>
    </row>
    <row r="5204" spans="1:7" x14ac:dyDescent="0.25">
      <c r="A5204" s="1">
        <v>5202</v>
      </c>
      <c r="B5204" t="s">
        <v>5204</v>
      </c>
      <c r="C5204" t="s">
        <v>10650</v>
      </c>
      <c r="D5204" t="s">
        <v>16087</v>
      </c>
      <c r="E5204" t="s">
        <v>21270</v>
      </c>
      <c r="G5204" s="2"/>
    </row>
    <row r="5205" spans="1:7" x14ac:dyDescent="0.25">
      <c r="A5205" s="1">
        <v>5203</v>
      </c>
      <c r="B5205" t="s">
        <v>5205</v>
      </c>
      <c r="C5205" t="s">
        <v>10651</v>
      </c>
      <c r="D5205" t="s">
        <v>16088</v>
      </c>
      <c r="E5205" t="s">
        <v>21271</v>
      </c>
      <c r="G5205" s="2"/>
    </row>
    <row r="5206" spans="1:7" x14ac:dyDescent="0.25">
      <c r="A5206" s="1">
        <v>5204</v>
      </c>
      <c r="B5206" t="s">
        <v>5206</v>
      </c>
      <c r="C5206" t="s">
        <v>10652</v>
      </c>
      <c r="D5206" t="s">
        <v>16089</v>
      </c>
      <c r="E5206" t="s">
        <v>21272</v>
      </c>
      <c r="G5206" s="2"/>
    </row>
    <row r="5207" spans="1:7" x14ac:dyDescent="0.25">
      <c r="A5207" s="1">
        <v>5205</v>
      </c>
      <c r="B5207" t="s">
        <v>5207</v>
      </c>
      <c r="C5207" t="s">
        <v>10653</v>
      </c>
      <c r="D5207" t="s">
        <v>16090</v>
      </c>
      <c r="E5207" t="s">
        <v>21273</v>
      </c>
      <c r="G5207" s="2"/>
    </row>
    <row r="5208" spans="1:7" x14ac:dyDescent="0.25">
      <c r="A5208" s="1">
        <v>5206</v>
      </c>
      <c r="B5208" t="s">
        <v>5208</v>
      </c>
      <c r="C5208" t="s">
        <v>10654</v>
      </c>
      <c r="D5208" t="s">
        <v>16091</v>
      </c>
      <c r="E5208" t="s">
        <v>21274</v>
      </c>
      <c r="G5208" s="2"/>
    </row>
    <row r="5209" spans="1:7" x14ac:dyDescent="0.25">
      <c r="A5209" s="1">
        <v>5207</v>
      </c>
      <c r="B5209" t="s">
        <v>5209</v>
      </c>
      <c r="C5209" t="s">
        <v>10655</v>
      </c>
      <c r="D5209" t="s">
        <v>16092</v>
      </c>
      <c r="E5209" t="s">
        <v>21275</v>
      </c>
      <c r="G5209" s="2"/>
    </row>
    <row r="5210" spans="1:7" x14ac:dyDescent="0.25">
      <c r="A5210" s="1">
        <v>5208</v>
      </c>
      <c r="B5210" t="s">
        <v>5210</v>
      </c>
      <c r="C5210" t="s">
        <v>10656</v>
      </c>
      <c r="D5210" t="s">
        <v>16093</v>
      </c>
      <c r="E5210" t="s">
        <v>21276</v>
      </c>
      <c r="G5210" s="2"/>
    </row>
    <row r="5211" spans="1:7" x14ac:dyDescent="0.25">
      <c r="A5211" s="1">
        <v>5209</v>
      </c>
      <c r="B5211" t="s">
        <v>5211</v>
      </c>
      <c r="C5211" t="s">
        <v>10657</v>
      </c>
      <c r="D5211" t="s">
        <v>16094</v>
      </c>
      <c r="E5211" t="s">
        <v>21277</v>
      </c>
      <c r="G5211" s="2"/>
    </row>
    <row r="5212" spans="1:7" x14ac:dyDescent="0.25">
      <c r="A5212" s="1">
        <v>5210</v>
      </c>
      <c r="B5212" t="s">
        <v>5212</v>
      </c>
      <c r="C5212" t="s">
        <v>10658</v>
      </c>
      <c r="D5212" t="s">
        <v>16095</v>
      </c>
      <c r="E5212" t="s">
        <v>21278</v>
      </c>
      <c r="G5212" s="2"/>
    </row>
    <row r="5213" spans="1:7" x14ac:dyDescent="0.25">
      <c r="A5213" s="1">
        <v>5211</v>
      </c>
      <c r="B5213" t="s">
        <v>5213</v>
      </c>
      <c r="C5213" t="s">
        <v>10659</v>
      </c>
      <c r="D5213" t="s">
        <v>16096</v>
      </c>
      <c r="E5213" t="s">
        <v>21279</v>
      </c>
      <c r="G5213" s="2"/>
    </row>
    <row r="5214" spans="1:7" x14ac:dyDescent="0.25">
      <c r="A5214" s="1">
        <v>5212</v>
      </c>
      <c r="B5214" t="s">
        <v>5214</v>
      </c>
      <c r="C5214" t="s">
        <v>10660</v>
      </c>
      <c r="D5214" t="s">
        <v>16097</v>
      </c>
      <c r="E5214" t="s">
        <v>21280</v>
      </c>
      <c r="G5214" s="2"/>
    </row>
    <row r="5215" spans="1:7" x14ac:dyDescent="0.25">
      <c r="A5215" s="1">
        <v>5213</v>
      </c>
      <c r="B5215" t="s">
        <v>5215</v>
      </c>
      <c r="C5215" t="s">
        <v>10661</v>
      </c>
      <c r="D5215" t="s">
        <v>16098</v>
      </c>
      <c r="E5215" t="s">
        <v>21281</v>
      </c>
      <c r="G5215" s="2"/>
    </row>
    <row r="5216" spans="1:7" x14ac:dyDescent="0.25">
      <c r="A5216" s="1">
        <v>5214</v>
      </c>
      <c r="B5216" t="s">
        <v>5216</v>
      </c>
      <c r="C5216" t="s">
        <v>10662</v>
      </c>
      <c r="D5216" t="s">
        <v>16099</v>
      </c>
      <c r="E5216" t="s">
        <v>21282</v>
      </c>
      <c r="G5216" s="2"/>
    </row>
    <row r="5217" spans="1:7" x14ac:dyDescent="0.25">
      <c r="A5217" s="1">
        <v>5215</v>
      </c>
      <c r="B5217" t="s">
        <v>5217</v>
      </c>
      <c r="C5217" t="s">
        <v>10663</v>
      </c>
      <c r="D5217" t="s">
        <v>16100</v>
      </c>
      <c r="E5217" t="s">
        <v>21283</v>
      </c>
      <c r="G5217" s="2"/>
    </row>
    <row r="5218" spans="1:7" x14ac:dyDescent="0.25">
      <c r="A5218" s="1">
        <v>5216</v>
      </c>
      <c r="B5218" t="s">
        <v>5218</v>
      </c>
      <c r="C5218" t="s">
        <v>10664</v>
      </c>
      <c r="D5218" t="s">
        <v>16101</v>
      </c>
      <c r="E5218" t="s">
        <v>21284</v>
      </c>
      <c r="G5218" s="2"/>
    </row>
    <row r="5219" spans="1:7" x14ac:dyDescent="0.25">
      <c r="A5219" s="1">
        <v>5217</v>
      </c>
      <c r="B5219" t="s">
        <v>5219</v>
      </c>
      <c r="C5219" t="s">
        <v>10665</v>
      </c>
      <c r="D5219" t="s">
        <v>16102</v>
      </c>
      <c r="E5219" t="s">
        <v>21285</v>
      </c>
      <c r="G5219" s="2"/>
    </row>
    <row r="5220" spans="1:7" x14ac:dyDescent="0.25">
      <c r="A5220" s="1">
        <v>5218</v>
      </c>
      <c r="B5220" t="s">
        <v>5220</v>
      </c>
      <c r="C5220" t="s">
        <v>10666</v>
      </c>
      <c r="D5220" t="s">
        <v>16103</v>
      </c>
      <c r="E5220" t="s">
        <v>21286</v>
      </c>
      <c r="G5220" s="2"/>
    </row>
    <row r="5221" spans="1:7" x14ac:dyDescent="0.25">
      <c r="A5221" s="1">
        <v>5219</v>
      </c>
      <c r="B5221" t="s">
        <v>5221</v>
      </c>
      <c r="C5221" t="s">
        <v>10667</v>
      </c>
      <c r="D5221" t="s">
        <v>16104</v>
      </c>
      <c r="E5221" t="s">
        <v>21287</v>
      </c>
      <c r="G5221" s="2"/>
    </row>
    <row r="5222" spans="1:7" x14ac:dyDescent="0.25">
      <c r="A5222" s="1">
        <v>5220</v>
      </c>
      <c r="B5222" t="s">
        <v>5222</v>
      </c>
      <c r="C5222" t="s">
        <v>10668</v>
      </c>
      <c r="D5222" t="s">
        <v>16105</v>
      </c>
      <c r="E5222" t="s">
        <v>21288</v>
      </c>
      <c r="G5222" s="2"/>
    </row>
    <row r="5223" spans="1:7" x14ac:dyDescent="0.25">
      <c r="A5223" s="1">
        <v>5221</v>
      </c>
      <c r="B5223" t="s">
        <v>5223</v>
      </c>
      <c r="C5223" t="s">
        <v>10669</v>
      </c>
      <c r="D5223" t="s">
        <v>16106</v>
      </c>
      <c r="E5223" t="s">
        <v>21289</v>
      </c>
      <c r="G5223" s="2"/>
    </row>
    <row r="5224" spans="1:7" x14ac:dyDescent="0.25">
      <c r="A5224" s="1">
        <v>5222</v>
      </c>
      <c r="B5224" t="s">
        <v>5224</v>
      </c>
      <c r="C5224" t="s">
        <v>10670</v>
      </c>
      <c r="D5224" t="s">
        <v>16107</v>
      </c>
      <c r="E5224" t="s">
        <v>21290</v>
      </c>
      <c r="G5224" s="2"/>
    </row>
    <row r="5225" spans="1:7" x14ac:dyDescent="0.25">
      <c r="A5225" s="1">
        <v>5223</v>
      </c>
      <c r="B5225" t="s">
        <v>5225</v>
      </c>
      <c r="C5225" t="s">
        <v>10671</v>
      </c>
      <c r="D5225" t="s">
        <v>16108</v>
      </c>
      <c r="E5225" t="s">
        <v>19847</v>
      </c>
      <c r="G5225" s="2"/>
    </row>
    <row r="5226" spans="1:7" x14ac:dyDescent="0.25">
      <c r="A5226" s="1">
        <v>5224</v>
      </c>
      <c r="B5226" t="s">
        <v>5226</v>
      </c>
      <c r="C5226" t="s">
        <v>10672</v>
      </c>
      <c r="D5226" t="s">
        <v>16109</v>
      </c>
      <c r="E5226" t="s">
        <v>21291</v>
      </c>
      <c r="G5226" s="2"/>
    </row>
    <row r="5227" spans="1:7" x14ac:dyDescent="0.25">
      <c r="A5227" s="1">
        <v>5225</v>
      </c>
      <c r="B5227" t="s">
        <v>5227</v>
      </c>
      <c r="C5227" t="s">
        <v>10673</v>
      </c>
      <c r="D5227" t="s">
        <v>16110</v>
      </c>
      <c r="E5227" t="s">
        <v>21292</v>
      </c>
      <c r="G5227" s="2"/>
    </row>
    <row r="5228" spans="1:7" x14ac:dyDescent="0.25">
      <c r="A5228" s="1">
        <v>5226</v>
      </c>
      <c r="B5228" t="s">
        <v>5228</v>
      </c>
      <c r="C5228" t="s">
        <v>10674</v>
      </c>
      <c r="D5228" t="s">
        <v>16111</v>
      </c>
      <c r="E5228" t="s">
        <v>21293</v>
      </c>
      <c r="G5228" s="2"/>
    </row>
    <row r="5229" spans="1:7" x14ac:dyDescent="0.25">
      <c r="A5229" s="1">
        <v>5227</v>
      </c>
      <c r="B5229" t="s">
        <v>5229</v>
      </c>
      <c r="C5229" t="s">
        <v>10675</v>
      </c>
      <c r="D5229" t="s">
        <v>16112</v>
      </c>
      <c r="E5229" t="s">
        <v>21294</v>
      </c>
      <c r="G5229" s="2"/>
    </row>
    <row r="5230" spans="1:7" x14ac:dyDescent="0.25">
      <c r="A5230" s="1">
        <v>5228</v>
      </c>
      <c r="B5230" t="s">
        <v>5230</v>
      </c>
      <c r="C5230" t="s">
        <v>10676</v>
      </c>
      <c r="D5230" t="s">
        <v>16113</v>
      </c>
      <c r="E5230" t="s">
        <v>21295</v>
      </c>
      <c r="G5230" s="2"/>
    </row>
    <row r="5231" spans="1:7" x14ac:dyDescent="0.25">
      <c r="A5231" s="1">
        <v>5229</v>
      </c>
      <c r="B5231" t="s">
        <v>5231</v>
      </c>
      <c r="C5231" t="s">
        <v>10677</v>
      </c>
      <c r="D5231" t="s">
        <v>16114</v>
      </c>
      <c r="E5231" t="s">
        <v>21296</v>
      </c>
      <c r="G5231" s="2"/>
    </row>
    <row r="5232" spans="1:7" x14ac:dyDescent="0.25">
      <c r="A5232" s="1">
        <v>5230</v>
      </c>
      <c r="B5232" t="s">
        <v>5232</v>
      </c>
      <c r="C5232" t="s">
        <v>10678</v>
      </c>
      <c r="D5232" t="s">
        <v>16115</v>
      </c>
      <c r="E5232" t="s">
        <v>21297</v>
      </c>
      <c r="G5232" s="2"/>
    </row>
    <row r="5233" spans="1:7" x14ac:dyDescent="0.25">
      <c r="A5233" s="1">
        <v>5231</v>
      </c>
      <c r="B5233" t="s">
        <v>5233</v>
      </c>
      <c r="C5233" t="s">
        <v>10679</v>
      </c>
      <c r="D5233" t="s">
        <v>16116</v>
      </c>
      <c r="E5233" t="s">
        <v>21298</v>
      </c>
      <c r="G5233" s="2"/>
    </row>
    <row r="5234" spans="1:7" x14ac:dyDescent="0.25">
      <c r="A5234" s="1">
        <v>5232</v>
      </c>
      <c r="B5234" t="s">
        <v>5234</v>
      </c>
      <c r="C5234" t="s">
        <v>10680</v>
      </c>
      <c r="D5234" t="s">
        <v>16117</v>
      </c>
      <c r="E5234" t="s">
        <v>21299</v>
      </c>
      <c r="G5234" s="2"/>
    </row>
    <row r="5235" spans="1:7" x14ac:dyDescent="0.25">
      <c r="A5235" s="1">
        <v>5233</v>
      </c>
      <c r="B5235" t="s">
        <v>5235</v>
      </c>
      <c r="C5235" t="s">
        <v>10681</v>
      </c>
      <c r="D5235" t="s">
        <v>16118</v>
      </c>
      <c r="E5235" t="s">
        <v>21300</v>
      </c>
      <c r="G5235" s="2"/>
    </row>
    <row r="5236" spans="1:7" x14ac:dyDescent="0.25">
      <c r="A5236" s="1">
        <v>5234</v>
      </c>
      <c r="B5236" t="s">
        <v>5236</v>
      </c>
      <c r="C5236" t="s">
        <v>10682</v>
      </c>
      <c r="D5236" t="s">
        <v>16119</v>
      </c>
      <c r="E5236" t="s">
        <v>21301</v>
      </c>
      <c r="G5236" s="2"/>
    </row>
    <row r="5237" spans="1:7" x14ac:dyDescent="0.25">
      <c r="A5237" s="1">
        <v>5235</v>
      </c>
      <c r="B5237" t="s">
        <v>5237</v>
      </c>
      <c r="C5237" t="s">
        <v>10683</v>
      </c>
      <c r="D5237" t="s">
        <v>16120</v>
      </c>
      <c r="E5237" t="s">
        <v>21302</v>
      </c>
      <c r="G5237" s="2"/>
    </row>
    <row r="5238" spans="1:7" x14ac:dyDescent="0.25">
      <c r="A5238" s="1">
        <v>5236</v>
      </c>
      <c r="B5238" t="s">
        <v>5238</v>
      </c>
      <c r="C5238" t="s">
        <v>10684</v>
      </c>
      <c r="D5238" t="s">
        <v>16121</v>
      </c>
      <c r="E5238" t="s">
        <v>21303</v>
      </c>
      <c r="G5238" s="2"/>
    </row>
    <row r="5239" spans="1:7" x14ac:dyDescent="0.25">
      <c r="A5239" s="1">
        <v>5237</v>
      </c>
      <c r="B5239" t="s">
        <v>5239</v>
      </c>
      <c r="C5239" t="s">
        <v>10685</v>
      </c>
      <c r="D5239" t="s">
        <v>16122</v>
      </c>
      <c r="E5239" t="s">
        <v>21304</v>
      </c>
      <c r="G5239" s="2"/>
    </row>
    <row r="5240" spans="1:7" x14ac:dyDescent="0.25">
      <c r="A5240" s="1">
        <v>5238</v>
      </c>
      <c r="B5240" t="s">
        <v>5240</v>
      </c>
      <c r="C5240" t="s">
        <v>10686</v>
      </c>
      <c r="D5240" t="s">
        <v>16123</v>
      </c>
      <c r="E5240" t="s">
        <v>21305</v>
      </c>
      <c r="G5240" s="2"/>
    </row>
    <row r="5241" spans="1:7" x14ac:dyDescent="0.25">
      <c r="A5241" s="1">
        <v>5239</v>
      </c>
      <c r="B5241" t="s">
        <v>5241</v>
      </c>
      <c r="C5241" t="s">
        <v>10687</v>
      </c>
      <c r="D5241" t="s">
        <v>16124</v>
      </c>
      <c r="E5241" t="s">
        <v>21306</v>
      </c>
      <c r="G5241" s="2"/>
    </row>
    <row r="5242" spans="1:7" x14ac:dyDescent="0.25">
      <c r="A5242" s="1">
        <v>5240</v>
      </c>
      <c r="B5242" t="s">
        <v>5242</v>
      </c>
      <c r="C5242" t="s">
        <v>10688</v>
      </c>
      <c r="D5242" t="s">
        <v>16125</v>
      </c>
      <c r="E5242" t="s">
        <v>21307</v>
      </c>
      <c r="G5242" s="2"/>
    </row>
    <row r="5243" spans="1:7" x14ac:dyDescent="0.25">
      <c r="A5243" s="1">
        <v>5241</v>
      </c>
      <c r="B5243" t="s">
        <v>5243</v>
      </c>
      <c r="C5243" t="s">
        <v>10689</v>
      </c>
      <c r="D5243" t="s">
        <v>16126</v>
      </c>
      <c r="E5243" t="s">
        <v>21308</v>
      </c>
      <c r="G5243" s="2"/>
    </row>
    <row r="5244" spans="1:7" x14ac:dyDescent="0.25">
      <c r="A5244" s="1">
        <v>5242</v>
      </c>
      <c r="B5244" t="s">
        <v>5244</v>
      </c>
      <c r="C5244" t="s">
        <v>10690</v>
      </c>
      <c r="D5244" t="s">
        <v>16127</v>
      </c>
      <c r="E5244" t="s">
        <v>21309</v>
      </c>
      <c r="G5244" s="2"/>
    </row>
    <row r="5245" spans="1:7" x14ac:dyDescent="0.25">
      <c r="A5245" s="1">
        <v>5243</v>
      </c>
      <c r="B5245" t="s">
        <v>5245</v>
      </c>
      <c r="C5245" t="s">
        <v>10691</v>
      </c>
      <c r="D5245" t="s">
        <v>16128</v>
      </c>
      <c r="E5245" t="s">
        <v>16417</v>
      </c>
      <c r="G5245" s="2"/>
    </row>
    <row r="5246" spans="1:7" x14ac:dyDescent="0.25">
      <c r="A5246" s="1">
        <v>5244</v>
      </c>
      <c r="B5246" t="s">
        <v>5246</v>
      </c>
      <c r="C5246" t="s">
        <v>10692</v>
      </c>
      <c r="D5246" t="s">
        <v>16129</v>
      </c>
      <c r="E5246" t="s">
        <v>21310</v>
      </c>
      <c r="G5246" s="2"/>
    </row>
    <row r="5247" spans="1:7" x14ac:dyDescent="0.25">
      <c r="A5247" s="1">
        <v>5245</v>
      </c>
      <c r="B5247" t="s">
        <v>5247</v>
      </c>
      <c r="C5247" t="s">
        <v>10693</v>
      </c>
      <c r="D5247" t="s">
        <v>16130</v>
      </c>
      <c r="E5247" t="s">
        <v>21311</v>
      </c>
      <c r="G5247" s="2"/>
    </row>
    <row r="5248" spans="1:7" x14ac:dyDescent="0.25">
      <c r="A5248" s="1">
        <v>5246</v>
      </c>
      <c r="B5248" t="s">
        <v>5248</v>
      </c>
      <c r="C5248" t="s">
        <v>10694</v>
      </c>
      <c r="D5248" t="s">
        <v>16131</v>
      </c>
      <c r="E5248" t="s">
        <v>21312</v>
      </c>
      <c r="G5248" s="2"/>
    </row>
    <row r="5249" spans="1:7" x14ac:dyDescent="0.25">
      <c r="A5249" s="1">
        <v>5247</v>
      </c>
      <c r="B5249" t="s">
        <v>5249</v>
      </c>
      <c r="C5249" t="s">
        <v>10695</v>
      </c>
      <c r="D5249" t="s">
        <v>16132</v>
      </c>
      <c r="E5249" t="s">
        <v>21313</v>
      </c>
      <c r="G5249" s="2"/>
    </row>
    <row r="5250" spans="1:7" x14ac:dyDescent="0.25">
      <c r="A5250" s="1">
        <v>5248</v>
      </c>
      <c r="B5250" t="s">
        <v>5250</v>
      </c>
      <c r="C5250" t="s">
        <v>10696</v>
      </c>
      <c r="D5250" t="s">
        <v>16133</v>
      </c>
      <c r="E5250" t="s">
        <v>21314</v>
      </c>
      <c r="G5250" s="2"/>
    </row>
    <row r="5251" spans="1:7" x14ac:dyDescent="0.25">
      <c r="A5251" s="1">
        <v>5249</v>
      </c>
      <c r="B5251" t="s">
        <v>5251</v>
      </c>
      <c r="C5251" t="s">
        <v>10697</v>
      </c>
      <c r="D5251" t="s">
        <v>16134</v>
      </c>
      <c r="E5251" t="s">
        <v>21315</v>
      </c>
      <c r="G5251" s="2"/>
    </row>
    <row r="5252" spans="1:7" x14ac:dyDescent="0.25">
      <c r="A5252" s="1">
        <v>5250</v>
      </c>
      <c r="B5252" t="s">
        <v>5252</v>
      </c>
      <c r="C5252" t="s">
        <v>10698</v>
      </c>
      <c r="D5252" t="s">
        <v>16135</v>
      </c>
      <c r="E5252" t="s">
        <v>21316</v>
      </c>
      <c r="G5252" s="2"/>
    </row>
    <row r="5253" spans="1:7" x14ac:dyDescent="0.25">
      <c r="A5253" s="1">
        <v>5251</v>
      </c>
      <c r="B5253" t="s">
        <v>5253</v>
      </c>
      <c r="C5253" t="s">
        <v>10699</v>
      </c>
      <c r="D5253" t="s">
        <v>16136</v>
      </c>
      <c r="E5253" t="s">
        <v>21317</v>
      </c>
      <c r="G5253" s="2"/>
    </row>
    <row r="5254" spans="1:7" x14ac:dyDescent="0.25">
      <c r="A5254" s="1">
        <v>5252</v>
      </c>
      <c r="B5254" t="s">
        <v>5254</v>
      </c>
      <c r="C5254" t="s">
        <v>10700</v>
      </c>
      <c r="D5254" t="s">
        <v>16137</v>
      </c>
      <c r="E5254" t="s">
        <v>21318</v>
      </c>
      <c r="G5254" s="2"/>
    </row>
    <row r="5255" spans="1:7" x14ac:dyDescent="0.25">
      <c r="A5255" s="1">
        <v>5253</v>
      </c>
      <c r="B5255" t="s">
        <v>5255</v>
      </c>
      <c r="C5255" t="s">
        <v>10701</v>
      </c>
      <c r="D5255" t="s">
        <v>16138</v>
      </c>
      <c r="E5255" t="s">
        <v>21319</v>
      </c>
      <c r="G5255" s="2"/>
    </row>
    <row r="5256" spans="1:7" x14ac:dyDescent="0.25">
      <c r="A5256" s="1">
        <v>5254</v>
      </c>
      <c r="B5256" t="s">
        <v>5256</v>
      </c>
      <c r="C5256" t="s">
        <v>10702</v>
      </c>
      <c r="D5256" t="s">
        <v>16139</v>
      </c>
      <c r="E5256" t="s">
        <v>21320</v>
      </c>
      <c r="G5256" s="2"/>
    </row>
    <row r="5257" spans="1:7" x14ac:dyDescent="0.25">
      <c r="A5257" s="1">
        <v>5255</v>
      </c>
      <c r="B5257" t="s">
        <v>5257</v>
      </c>
      <c r="C5257" t="s">
        <v>10703</v>
      </c>
      <c r="D5257" t="s">
        <v>16140</v>
      </c>
      <c r="E5257" t="s">
        <v>21321</v>
      </c>
      <c r="G5257" s="2"/>
    </row>
    <row r="5258" spans="1:7" x14ac:dyDescent="0.25">
      <c r="A5258" s="1">
        <v>5256</v>
      </c>
      <c r="B5258" t="s">
        <v>5258</v>
      </c>
      <c r="C5258" t="s">
        <v>10704</v>
      </c>
      <c r="D5258" t="s">
        <v>16141</v>
      </c>
      <c r="E5258" t="s">
        <v>21322</v>
      </c>
      <c r="G5258" s="2"/>
    </row>
    <row r="5259" spans="1:7" x14ac:dyDescent="0.25">
      <c r="A5259" s="1">
        <v>5257</v>
      </c>
      <c r="B5259" t="s">
        <v>5259</v>
      </c>
      <c r="C5259" t="s">
        <v>10705</v>
      </c>
      <c r="D5259" t="s">
        <v>16142</v>
      </c>
      <c r="E5259" t="s">
        <v>21323</v>
      </c>
      <c r="G5259" s="2"/>
    </row>
    <row r="5260" spans="1:7" x14ac:dyDescent="0.25">
      <c r="A5260" s="1">
        <v>5258</v>
      </c>
      <c r="B5260" t="s">
        <v>5260</v>
      </c>
      <c r="C5260" t="s">
        <v>10706</v>
      </c>
      <c r="D5260" t="s">
        <v>16143</v>
      </c>
      <c r="E5260" t="s">
        <v>21324</v>
      </c>
      <c r="G5260" s="2"/>
    </row>
    <row r="5261" spans="1:7" x14ac:dyDescent="0.25">
      <c r="A5261" s="1">
        <v>5259</v>
      </c>
      <c r="B5261" t="s">
        <v>5261</v>
      </c>
      <c r="C5261" t="s">
        <v>10707</v>
      </c>
      <c r="D5261" t="s">
        <v>16144</v>
      </c>
      <c r="E5261" t="s">
        <v>21325</v>
      </c>
      <c r="G5261" s="2"/>
    </row>
    <row r="5262" spans="1:7" x14ac:dyDescent="0.25">
      <c r="A5262" s="1">
        <v>5260</v>
      </c>
      <c r="B5262" t="s">
        <v>5262</v>
      </c>
      <c r="C5262" t="s">
        <v>10708</v>
      </c>
      <c r="D5262" t="s">
        <v>16145</v>
      </c>
      <c r="E5262" t="s">
        <v>21326</v>
      </c>
      <c r="G5262" s="2"/>
    </row>
    <row r="5263" spans="1:7" x14ac:dyDescent="0.25">
      <c r="A5263" s="1">
        <v>5261</v>
      </c>
      <c r="B5263" t="s">
        <v>5263</v>
      </c>
      <c r="C5263" t="s">
        <v>10709</v>
      </c>
      <c r="D5263" t="s">
        <v>16146</v>
      </c>
      <c r="E5263" t="s">
        <v>21327</v>
      </c>
      <c r="G5263" s="2"/>
    </row>
    <row r="5264" spans="1:7" x14ac:dyDescent="0.25">
      <c r="A5264" s="1">
        <v>5262</v>
      </c>
      <c r="B5264" t="s">
        <v>5264</v>
      </c>
      <c r="C5264" t="s">
        <v>10710</v>
      </c>
      <c r="D5264" t="s">
        <v>16147</v>
      </c>
      <c r="E5264" t="s">
        <v>21328</v>
      </c>
      <c r="G5264" s="2"/>
    </row>
    <row r="5265" spans="1:7" x14ac:dyDescent="0.25">
      <c r="A5265" s="1">
        <v>5263</v>
      </c>
      <c r="B5265" t="s">
        <v>5265</v>
      </c>
      <c r="C5265" t="s">
        <v>10711</v>
      </c>
      <c r="D5265" t="s">
        <v>16148</v>
      </c>
      <c r="E5265" t="s">
        <v>21329</v>
      </c>
      <c r="G5265" s="2"/>
    </row>
    <row r="5266" spans="1:7" x14ac:dyDescent="0.25">
      <c r="A5266" s="1">
        <v>5264</v>
      </c>
      <c r="B5266" t="s">
        <v>5266</v>
      </c>
      <c r="C5266" t="s">
        <v>10712</v>
      </c>
      <c r="D5266" t="s">
        <v>16149</v>
      </c>
      <c r="E5266" t="s">
        <v>21330</v>
      </c>
      <c r="G5266" s="2"/>
    </row>
    <row r="5267" spans="1:7" x14ac:dyDescent="0.25">
      <c r="A5267" s="1">
        <v>5265</v>
      </c>
      <c r="B5267" t="s">
        <v>5267</v>
      </c>
      <c r="C5267" t="s">
        <v>10713</v>
      </c>
      <c r="D5267" t="s">
        <v>16150</v>
      </c>
      <c r="E5267" t="s">
        <v>21331</v>
      </c>
      <c r="G5267" s="2"/>
    </row>
    <row r="5268" spans="1:7" x14ac:dyDescent="0.25">
      <c r="A5268" s="1">
        <v>5266</v>
      </c>
      <c r="B5268" t="s">
        <v>5268</v>
      </c>
      <c r="C5268" t="s">
        <v>10714</v>
      </c>
      <c r="D5268" t="s">
        <v>16151</v>
      </c>
      <c r="E5268" t="s">
        <v>21332</v>
      </c>
      <c r="G5268" s="2"/>
    </row>
    <row r="5269" spans="1:7" x14ac:dyDescent="0.25">
      <c r="A5269" s="1">
        <v>5267</v>
      </c>
      <c r="B5269" t="s">
        <v>5269</v>
      </c>
      <c r="C5269" t="s">
        <v>10715</v>
      </c>
      <c r="D5269" t="s">
        <v>16152</v>
      </c>
      <c r="E5269" t="s">
        <v>21333</v>
      </c>
      <c r="G5269" s="2"/>
    </row>
    <row r="5270" spans="1:7" x14ac:dyDescent="0.25">
      <c r="A5270" s="1">
        <v>5268</v>
      </c>
      <c r="B5270" t="s">
        <v>5270</v>
      </c>
      <c r="C5270" t="s">
        <v>10716</v>
      </c>
      <c r="D5270" t="s">
        <v>16153</v>
      </c>
      <c r="E5270" t="s">
        <v>21334</v>
      </c>
      <c r="G5270" s="2"/>
    </row>
    <row r="5271" spans="1:7" x14ac:dyDescent="0.25">
      <c r="A5271" s="1">
        <v>5269</v>
      </c>
      <c r="B5271" t="s">
        <v>5271</v>
      </c>
      <c r="C5271" t="s">
        <v>10717</v>
      </c>
      <c r="D5271" t="s">
        <v>16154</v>
      </c>
      <c r="E5271" t="s">
        <v>21335</v>
      </c>
      <c r="G5271" s="2"/>
    </row>
    <row r="5272" spans="1:7" x14ac:dyDescent="0.25">
      <c r="A5272" s="1">
        <v>5270</v>
      </c>
      <c r="B5272" t="s">
        <v>5272</v>
      </c>
      <c r="C5272" t="s">
        <v>10718</v>
      </c>
      <c r="D5272" t="s">
        <v>16155</v>
      </c>
      <c r="E5272" t="s">
        <v>21336</v>
      </c>
      <c r="G5272" s="2"/>
    </row>
    <row r="5273" spans="1:7" x14ac:dyDescent="0.25">
      <c r="A5273" s="1">
        <v>5271</v>
      </c>
      <c r="B5273" t="s">
        <v>5273</v>
      </c>
      <c r="C5273" t="s">
        <v>10719</v>
      </c>
      <c r="D5273" t="s">
        <v>16156</v>
      </c>
      <c r="E5273" t="s">
        <v>21337</v>
      </c>
      <c r="G5273" s="2"/>
    </row>
    <row r="5274" spans="1:7" x14ac:dyDescent="0.25">
      <c r="A5274" s="1">
        <v>5272</v>
      </c>
      <c r="B5274" t="s">
        <v>5274</v>
      </c>
      <c r="C5274" t="s">
        <v>10720</v>
      </c>
      <c r="D5274" t="s">
        <v>16157</v>
      </c>
      <c r="E5274" t="s">
        <v>21338</v>
      </c>
      <c r="G5274" s="2"/>
    </row>
    <row r="5275" spans="1:7" x14ac:dyDescent="0.25">
      <c r="A5275" s="1">
        <v>5273</v>
      </c>
      <c r="B5275" t="s">
        <v>5275</v>
      </c>
      <c r="C5275" t="s">
        <v>10721</v>
      </c>
      <c r="D5275" t="s">
        <v>16158</v>
      </c>
      <c r="E5275" t="s">
        <v>21339</v>
      </c>
      <c r="G5275" s="2"/>
    </row>
    <row r="5276" spans="1:7" x14ac:dyDescent="0.25">
      <c r="A5276" s="1">
        <v>5274</v>
      </c>
      <c r="B5276" t="s">
        <v>5276</v>
      </c>
      <c r="C5276" t="s">
        <v>10722</v>
      </c>
      <c r="D5276" t="s">
        <v>16159</v>
      </c>
      <c r="E5276" t="s">
        <v>21340</v>
      </c>
      <c r="G5276" s="2"/>
    </row>
    <row r="5277" spans="1:7" x14ac:dyDescent="0.25">
      <c r="A5277" s="1">
        <v>5275</v>
      </c>
      <c r="B5277" t="s">
        <v>5277</v>
      </c>
      <c r="C5277" t="s">
        <v>10723</v>
      </c>
      <c r="D5277" t="s">
        <v>16160</v>
      </c>
      <c r="E5277" t="s">
        <v>21341</v>
      </c>
      <c r="G5277" s="2"/>
    </row>
    <row r="5278" spans="1:7" x14ac:dyDescent="0.25">
      <c r="A5278" s="1">
        <v>5276</v>
      </c>
      <c r="B5278" t="s">
        <v>5278</v>
      </c>
      <c r="C5278" t="s">
        <v>10724</v>
      </c>
      <c r="D5278" t="s">
        <v>16161</v>
      </c>
      <c r="E5278" t="s">
        <v>21342</v>
      </c>
      <c r="G5278" s="2"/>
    </row>
    <row r="5279" spans="1:7" x14ac:dyDescent="0.25">
      <c r="A5279" s="1">
        <v>5277</v>
      </c>
      <c r="B5279" t="s">
        <v>5279</v>
      </c>
      <c r="C5279" t="s">
        <v>10725</v>
      </c>
      <c r="D5279" t="s">
        <v>16162</v>
      </c>
      <c r="E5279" t="s">
        <v>21343</v>
      </c>
      <c r="G5279" s="2"/>
    </row>
    <row r="5280" spans="1:7" x14ac:dyDescent="0.25">
      <c r="A5280" s="1">
        <v>5278</v>
      </c>
      <c r="B5280" t="s">
        <v>5280</v>
      </c>
      <c r="C5280" t="s">
        <v>10726</v>
      </c>
      <c r="D5280" t="s">
        <v>16163</v>
      </c>
      <c r="E5280" t="s">
        <v>21344</v>
      </c>
      <c r="G5280" s="2"/>
    </row>
    <row r="5281" spans="1:7" x14ac:dyDescent="0.25">
      <c r="A5281" s="1">
        <v>5279</v>
      </c>
      <c r="B5281" t="s">
        <v>5281</v>
      </c>
      <c r="C5281" t="s">
        <v>10727</v>
      </c>
      <c r="D5281" t="s">
        <v>16164</v>
      </c>
      <c r="E5281" t="s">
        <v>21345</v>
      </c>
      <c r="G5281" s="2"/>
    </row>
    <row r="5282" spans="1:7" x14ac:dyDescent="0.25">
      <c r="A5282" s="1">
        <v>5280</v>
      </c>
      <c r="B5282" t="s">
        <v>5282</v>
      </c>
      <c r="C5282" t="s">
        <v>10728</v>
      </c>
      <c r="D5282" t="s">
        <v>16165</v>
      </c>
      <c r="E5282" t="s">
        <v>21346</v>
      </c>
      <c r="G5282" s="2"/>
    </row>
    <row r="5283" spans="1:7" x14ac:dyDescent="0.25">
      <c r="A5283" s="1">
        <v>5281</v>
      </c>
      <c r="B5283" t="s">
        <v>5283</v>
      </c>
      <c r="C5283" t="s">
        <v>10729</v>
      </c>
      <c r="D5283" t="s">
        <v>16166</v>
      </c>
      <c r="E5283" t="s">
        <v>21347</v>
      </c>
      <c r="G5283" s="2"/>
    </row>
    <row r="5284" spans="1:7" x14ac:dyDescent="0.25">
      <c r="A5284" s="1">
        <v>5282</v>
      </c>
      <c r="B5284" t="s">
        <v>5284</v>
      </c>
      <c r="C5284" t="s">
        <v>10730</v>
      </c>
      <c r="D5284" t="s">
        <v>16167</v>
      </c>
      <c r="E5284" t="s">
        <v>21348</v>
      </c>
      <c r="G5284" s="2"/>
    </row>
    <row r="5285" spans="1:7" x14ac:dyDescent="0.25">
      <c r="A5285" s="1">
        <v>5283</v>
      </c>
      <c r="B5285" t="s">
        <v>5285</v>
      </c>
      <c r="C5285" t="s">
        <v>10731</v>
      </c>
      <c r="D5285" t="s">
        <v>16168</v>
      </c>
      <c r="E5285" t="s">
        <v>21349</v>
      </c>
      <c r="G5285" s="2"/>
    </row>
    <row r="5286" spans="1:7" x14ac:dyDescent="0.25">
      <c r="A5286" s="1">
        <v>5284</v>
      </c>
      <c r="B5286" t="s">
        <v>5286</v>
      </c>
      <c r="C5286" t="s">
        <v>10732</v>
      </c>
      <c r="D5286" t="s">
        <v>16169</v>
      </c>
      <c r="E5286" t="s">
        <v>21350</v>
      </c>
      <c r="G5286" s="2"/>
    </row>
    <row r="5287" spans="1:7" x14ac:dyDescent="0.25">
      <c r="A5287" s="1">
        <v>5285</v>
      </c>
      <c r="B5287" t="s">
        <v>5287</v>
      </c>
      <c r="C5287" t="s">
        <v>10733</v>
      </c>
      <c r="D5287" t="s">
        <v>16170</v>
      </c>
      <c r="E5287" t="s">
        <v>16731</v>
      </c>
      <c r="G5287" s="2"/>
    </row>
    <row r="5288" spans="1:7" x14ac:dyDescent="0.25">
      <c r="A5288" s="1">
        <v>5286</v>
      </c>
      <c r="B5288" t="s">
        <v>5288</v>
      </c>
      <c r="C5288" t="s">
        <v>10734</v>
      </c>
      <c r="D5288" t="s">
        <v>16171</v>
      </c>
      <c r="E5288" t="s">
        <v>21351</v>
      </c>
      <c r="G5288" s="2"/>
    </row>
    <row r="5289" spans="1:7" x14ac:dyDescent="0.25">
      <c r="A5289" s="1">
        <v>5287</v>
      </c>
      <c r="B5289" t="s">
        <v>5289</v>
      </c>
      <c r="C5289" t="s">
        <v>10735</v>
      </c>
      <c r="D5289" t="s">
        <v>16172</v>
      </c>
      <c r="E5289" t="s">
        <v>21352</v>
      </c>
      <c r="G5289" s="2"/>
    </row>
    <row r="5290" spans="1:7" x14ac:dyDescent="0.25">
      <c r="A5290" s="1">
        <v>5288</v>
      </c>
      <c r="B5290" t="s">
        <v>5290</v>
      </c>
      <c r="C5290" t="s">
        <v>10736</v>
      </c>
      <c r="D5290" t="s">
        <v>16173</v>
      </c>
      <c r="E5290" t="s">
        <v>21353</v>
      </c>
      <c r="G5290" s="2"/>
    </row>
    <row r="5291" spans="1:7" x14ac:dyDescent="0.25">
      <c r="A5291" s="1">
        <v>5289</v>
      </c>
      <c r="B5291" t="s">
        <v>5291</v>
      </c>
      <c r="C5291" t="s">
        <v>10737</v>
      </c>
      <c r="D5291" t="s">
        <v>16174</v>
      </c>
      <c r="E5291" t="s">
        <v>21354</v>
      </c>
      <c r="G5291" s="2"/>
    </row>
    <row r="5292" spans="1:7" x14ac:dyDescent="0.25">
      <c r="A5292" s="1">
        <v>5290</v>
      </c>
      <c r="B5292" t="s">
        <v>5292</v>
      </c>
      <c r="C5292" t="s">
        <v>10738</v>
      </c>
      <c r="D5292" t="s">
        <v>16175</v>
      </c>
      <c r="E5292" t="s">
        <v>21355</v>
      </c>
      <c r="G5292" s="2"/>
    </row>
    <row r="5293" spans="1:7" x14ac:dyDescent="0.25">
      <c r="A5293" s="1">
        <v>5291</v>
      </c>
      <c r="B5293" t="s">
        <v>5293</v>
      </c>
      <c r="C5293" t="s">
        <v>10739</v>
      </c>
      <c r="D5293" t="s">
        <v>16176</v>
      </c>
      <c r="E5293" t="s">
        <v>21356</v>
      </c>
      <c r="G5293" s="2"/>
    </row>
    <row r="5294" spans="1:7" x14ac:dyDescent="0.25">
      <c r="A5294" s="1">
        <v>5292</v>
      </c>
      <c r="B5294" t="s">
        <v>5294</v>
      </c>
      <c r="C5294" t="s">
        <v>10740</v>
      </c>
      <c r="D5294" t="s">
        <v>16177</v>
      </c>
      <c r="E5294" t="s">
        <v>21357</v>
      </c>
      <c r="G5294" s="2"/>
    </row>
    <row r="5295" spans="1:7" x14ac:dyDescent="0.25">
      <c r="A5295" s="1">
        <v>5293</v>
      </c>
      <c r="B5295" t="s">
        <v>5295</v>
      </c>
      <c r="C5295" t="s">
        <v>10741</v>
      </c>
      <c r="D5295" t="s">
        <v>16178</v>
      </c>
      <c r="E5295" t="s">
        <v>21358</v>
      </c>
      <c r="G5295" s="2"/>
    </row>
    <row r="5296" spans="1:7" x14ac:dyDescent="0.25">
      <c r="A5296" s="1">
        <v>5294</v>
      </c>
      <c r="B5296" t="s">
        <v>5296</v>
      </c>
      <c r="C5296" t="s">
        <v>10742</v>
      </c>
      <c r="D5296" t="s">
        <v>16179</v>
      </c>
      <c r="E5296" t="s">
        <v>21359</v>
      </c>
      <c r="G5296" s="2"/>
    </row>
    <row r="5297" spans="1:7" x14ac:dyDescent="0.25">
      <c r="A5297" s="1">
        <v>5295</v>
      </c>
      <c r="B5297" t="s">
        <v>5297</v>
      </c>
      <c r="C5297" t="s">
        <v>10743</v>
      </c>
      <c r="D5297" t="s">
        <v>16180</v>
      </c>
      <c r="E5297" t="s">
        <v>21360</v>
      </c>
      <c r="G5297" s="2"/>
    </row>
    <row r="5298" spans="1:7" x14ac:dyDescent="0.25">
      <c r="A5298" s="1">
        <v>5296</v>
      </c>
      <c r="B5298" t="s">
        <v>5298</v>
      </c>
      <c r="C5298" t="s">
        <v>10744</v>
      </c>
      <c r="D5298" t="s">
        <v>16181</v>
      </c>
      <c r="E5298" t="s">
        <v>21361</v>
      </c>
      <c r="G5298" s="2"/>
    </row>
    <row r="5299" spans="1:7" x14ac:dyDescent="0.25">
      <c r="A5299" s="1">
        <v>5297</v>
      </c>
      <c r="B5299" t="s">
        <v>5299</v>
      </c>
      <c r="C5299" t="s">
        <v>10745</v>
      </c>
      <c r="D5299" t="s">
        <v>16182</v>
      </c>
      <c r="E5299" t="s">
        <v>21362</v>
      </c>
      <c r="G5299" s="2"/>
    </row>
    <row r="5300" spans="1:7" x14ac:dyDescent="0.25">
      <c r="A5300" s="1">
        <v>5298</v>
      </c>
      <c r="B5300" t="s">
        <v>5300</v>
      </c>
      <c r="C5300" t="s">
        <v>10746</v>
      </c>
      <c r="D5300" t="s">
        <v>16183</v>
      </c>
      <c r="E5300" t="s">
        <v>21363</v>
      </c>
      <c r="G5300" s="2"/>
    </row>
    <row r="5301" spans="1:7" x14ac:dyDescent="0.25">
      <c r="A5301" s="1">
        <v>5299</v>
      </c>
      <c r="B5301" t="s">
        <v>5301</v>
      </c>
      <c r="C5301" t="s">
        <v>10747</v>
      </c>
      <c r="D5301" t="s">
        <v>16184</v>
      </c>
      <c r="E5301" t="s">
        <v>21364</v>
      </c>
      <c r="G5301" s="2"/>
    </row>
    <row r="5302" spans="1:7" x14ac:dyDescent="0.25">
      <c r="A5302" s="1">
        <v>5300</v>
      </c>
      <c r="B5302" t="s">
        <v>5302</v>
      </c>
      <c r="C5302" t="s">
        <v>10748</v>
      </c>
      <c r="D5302" t="s">
        <v>16185</v>
      </c>
      <c r="E5302" t="s">
        <v>21365</v>
      </c>
      <c r="G5302" s="2"/>
    </row>
    <row r="5303" spans="1:7" x14ac:dyDescent="0.25">
      <c r="A5303" s="1">
        <v>5301</v>
      </c>
      <c r="B5303" t="s">
        <v>5303</v>
      </c>
      <c r="C5303" t="s">
        <v>10749</v>
      </c>
      <c r="D5303" t="s">
        <v>16186</v>
      </c>
      <c r="E5303" t="s">
        <v>21366</v>
      </c>
      <c r="G5303" s="2"/>
    </row>
    <row r="5304" spans="1:7" x14ac:dyDescent="0.25">
      <c r="A5304" s="1">
        <v>5302</v>
      </c>
      <c r="B5304" t="s">
        <v>5304</v>
      </c>
      <c r="C5304" t="s">
        <v>10750</v>
      </c>
      <c r="D5304" t="s">
        <v>16187</v>
      </c>
      <c r="E5304" t="s">
        <v>21367</v>
      </c>
      <c r="G5304" s="2"/>
    </row>
    <row r="5305" spans="1:7" x14ac:dyDescent="0.25">
      <c r="A5305" s="1">
        <v>5303</v>
      </c>
      <c r="B5305" t="s">
        <v>5305</v>
      </c>
      <c r="C5305" t="s">
        <v>10751</v>
      </c>
      <c r="D5305" t="s">
        <v>16188</v>
      </c>
      <c r="E5305" t="s">
        <v>21368</v>
      </c>
      <c r="G5305" s="2"/>
    </row>
    <row r="5306" spans="1:7" x14ac:dyDescent="0.25">
      <c r="A5306" s="1">
        <v>5304</v>
      </c>
      <c r="B5306" t="s">
        <v>5306</v>
      </c>
      <c r="C5306" t="s">
        <v>10752</v>
      </c>
      <c r="D5306" t="s">
        <v>16189</v>
      </c>
      <c r="E5306" t="s">
        <v>21369</v>
      </c>
      <c r="G5306" s="2"/>
    </row>
    <row r="5307" spans="1:7" x14ac:dyDescent="0.25">
      <c r="A5307" s="1">
        <v>5305</v>
      </c>
      <c r="B5307" t="s">
        <v>5307</v>
      </c>
      <c r="C5307" t="s">
        <v>10753</v>
      </c>
      <c r="D5307" t="s">
        <v>16190</v>
      </c>
      <c r="E5307" t="s">
        <v>21370</v>
      </c>
      <c r="G5307" s="2"/>
    </row>
    <row r="5308" spans="1:7" x14ac:dyDescent="0.25">
      <c r="A5308" s="1">
        <v>5306</v>
      </c>
      <c r="B5308" t="s">
        <v>5308</v>
      </c>
      <c r="C5308" t="s">
        <v>10754</v>
      </c>
      <c r="D5308" t="s">
        <v>16191</v>
      </c>
      <c r="E5308" t="s">
        <v>21371</v>
      </c>
      <c r="G5308" s="2"/>
    </row>
    <row r="5309" spans="1:7" x14ac:dyDescent="0.25">
      <c r="A5309" s="1">
        <v>5307</v>
      </c>
      <c r="B5309" t="s">
        <v>5309</v>
      </c>
      <c r="C5309" t="s">
        <v>10755</v>
      </c>
      <c r="D5309" t="s">
        <v>16192</v>
      </c>
      <c r="E5309" t="s">
        <v>21372</v>
      </c>
      <c r="G5309" s="2"/>
    </row>
    <row r="5310" spans="1:7" x14ac:dyDescent="0.25">
      <c r="A5310" s="1">
        <v>5308</v>
      </c>
      <c r="B5310" t="s">
        <v>5310</v>
      </c>
      <c r="C5310" t="s">
        <v>10756</v>
      </c>
      <c r="D5310" t="s">
        <v>16193</v>
      </c>
      <c r="E5310" t="s">
        <v>21373</v>
      </c>
      <c r="G5310" s="2"/>
    </row>
    <row r="5311" spans="1:7" x14ac:dyDescent="0.25">
      <c r="A5311" s="1">
        <v>5309</v>
      </c>
      <c r="B5311" t="s">
        <v>5311</v>
      </c>
      <c r="C5311" t="s">
        <v>10757</v>
      </c>
      <c r="D5311" t="s">
        <v>16194</v>
      </c>
      <c r="E5311" t="s">
        <v>21374</v>
      </c>
      <c r="G5311" s="2"/>
    </row>
    <row r="5312" spans="1:7" x14ac:dyDescent="0.25">
      <c r="A5312" s="1">
        <v>5310</v>
      </c>
      <c r="B5312" t="s">
        <v>5312</v>
      </c>
      <c r="C5312" t="s">
        <v>10758</v>
      </c>
      <c r="D5312" t="s">
        <v>16195</v>
      </c>
      <c r="E5312" t="s">
        <v>21375</v>
      </c>
      <c r="G5312" s="2"/>
    </row>
    <row r="5313" spans="1:7" x14ac:dyDescent="0.25">
      <c r="A5313" s="1">
        <v>5311</v>
      </c>
      <c r="B5313" t="s">
        <v>5313</v>
      </c>
      <c r="C5313" t="s">
        <v>10759</v>
      </c>
      <c r="D5313" t="s">
        <v>16196</v>
      </c>
      <c r="E5313" t="s">
        <v>17091</v>
      </c>
      <c r="G5313" s="2"/>
    </row>
    <row r="5314" spans="1:7" x14ac:dyDescent="0.25">
      <c r="A5314" s="1">
        <v>5312</v>
      </c>
      <c r="B5314" t="s">
        <v>5314</v>
      </c>
      <c r="C5314" t="s">
        <v>10760</v>
      </c>
      <c r="D5314" t="s">
        <v>16197</v>
      </c>
      <c r="E5314" t="s">
        <v>21376</v>
      </c>
      <c r="G5314" s="2"/>
    </row>
    <row r="5315" spans="1:7" x14ac:dyDescent="0.25">
      <c r="A5315" s="1">
        <v>5313</v>
      </c>
      <c r="B5315" t="s">
        <v>5315</v>
      </c>
      <c r="C5315" t="s">
        <v>10761</v>
      </c>
      <c r="D5315" t="s">
        <v>16198</v>
      </c>
      <c r="E5315" t="s">
        <v>21377</v>
      </c>
      <c r="G5315" s="2"/>
    </row>
    <row r="5316" spans="1:7" x14ac:dyDescent="0.25">
      <c r="A5316" s="1">
        <v>5314</v>
      </c>
      <c r="B5316" t="s">
        <v>5316</v>
      </c>
      <c r="C5316" t="s">
        <v>10762</v>
      </c>
      <c r="D5316" t="s">
        <v>16199</v>
      </c>
      <c r="E5316" t="s">
        <v>21378</v>
      </c>
      <c r="G5316" s="2"/>
    </row>
    <row r="5317" spans="1:7" x14ac:dyDescent="0.25">
      <c r="A5317" s="1">
        <v>5315</v>
      </c>
      <c r="B5317" t="s">
        <v>5317</v>
      </c>
      <c r="C5317" t="s">
        <v>10763</v>
      </c>
      <c r="D5317" t="s">
        <v>16200</v>
      </c>
      <c r="E5317" t="s">
        <v>21379</v>
      </c>
      <c r="G5317" s="2"/>
    </row>
    <row r="5318" spans="1:7" x14ac:dyDescent="0.25">
      <c r="A5318" s="1">
        <v>5316</v>
      </c>
      <c r="B5318" t="s">
        <v>5318</v>
      </c>
      <c r="C5318" t="s">
        <v>10764</v>
      </c>
      <c r="D5318" t="s">
        <v>16201</v>
      </c>
      <c r="E5318" t="s">
        <v>21380</v>
      </c>
      <c r="G5318" s="2"/>
    </row>
    <row r="5319" spans="1:7" x14ac:dyDescent="0.25">
      <c r="A5319" s="1">
        <v>5317</v>
      </c>
      <c r="B5319" t="s">
        <v>5319</v>
      </c>
      <c r="C5319" t="s">
        <v>10765</v>
      </c>
      <c r="D5319" t="s">
        <v>16202</v>
      </c>
      <c r="E5319" t="s">
        <v>21381</v>
      </c>
      <c r="G5319" s="2"/>
    </row>
    <row r="5320" spans="1:7" x14ac:dyDescent="0.25">
      <c r="A5320" s="1">
        <v>5318</v>
      </c>
      <c r="B5320" t="s">
        <v>5320</v>
      </c>
      <c r="C5320" t="s">
        <v>10766</v>
      </c>
      <c r="D5320" t="s">
        <v>16203</v>
      </c>
      <c r="E5320" t="s">
        <v>21382</v>
      </c>
      <c r="G5320" s="2"/>
    </row>
    <row r="5321" spans="1:7" x14ac:dyDescent="0.25">
      <c r="A5321" s="1">
        <v>5319</v>
      </c>
      <c r="B5321" t="s">
        <v>5321</v>
      </c>
      <c r="C5321" t="s">
        <v>10767</v>
      </c>
      <c r="D5321" t="s">
        <v>16204</v>
      </c>
      <c r="E5321" t="s">
        <v>21383</v>
      </c>
      <c r="G5321" s="2"/>
    </row>
    <row r="5322" spans="1:7" x14ac:dyDescent="0.25">
      <c r="A5322" s="1">
        <v>5320</v>
      </c>
      <c r="B5322" t="s">
        <v>5322</v>
      </c>
      <c r="C5322" t="s">
        <v>10768</v>
      </c>
      <c r="D5322" t="s">
        <v>16205</v>
      </c>
      <c r="E5322" t="s">
        <v>21384</v>
      </c>
      <c r="G5322" s="2"/>
    </row>
    <row r="5323" spans="1:7" x14ac:dyDescent="0.25">
      <c r="A5323" s="1">
        <v>5321</v>
      </c>
      <c r="B5323" t="s">
        <v>5323</v>
      </c>
      <c r="C5323" t="s">
        <v>10769</v>
      </c>
      <c r="D5323" t="s">
        <v>16206</v>
      </c>
      <c r="E5323" t="s">
        <v>21385</v>
      </c>
      <c r="G5323" s="2"/>
    </row>
    <row r="5324" spans="1:7" x14ac:dyDescent="0.25">
      <c r="A5324" s="1">
        <v>5322</v>
      </c>
      <c r="B5324" t="s">
        <v>5324</v>
      </c>
      <c r="C5324" t="s">
        <v>10770</v>
      </c>
      <c r="D5324" t="s">
        <v>16207</v>
      </c>
      <c r="E5324" t="s">
        <v>21386</v>
      </c>
      <c r="G5324" s="2"/>
    </row>
    <row r="5325" spans="1:7" x14ac:dyDescent="0.25">
      <c r="A5325" s="1">
        <v>5323</v>
      </c>
      <c r="B5325" t="s">
        <v>5325</v>
      </c>
      <c r="C5325" t="s">
        <v>10771</v>
      </c>
      <c r="D5325" t="s">
        <v>16208</v>
      </c>
      <c r="E5325" t="s">
        <v>21387</v>
      </c>
      <c r="G5325" s="2"/>
    </row>
    <row r="5326" spans="1:7" x14ac:dyDescent="0.25">
      <c r="A5326" s="1">
        <v>5324</v>
      </c>
      <c r="B5326" t="s">
        <v>5326</v>
      </c>
      <c r="C5326" t="s">
        <v>10772</v>
      </c>
      <c r="D5326" t="s">
        <v>16209</v>
      </c>
      <c r="E5326" t="s">
        <v>21388</v>
      </c>
      <c r="G5326" s="2"/>
    </row>
    <row r="5327" spans="1:7" x14ac:dyDescent="0.25">
      <c r="A5327" s="1">
        <v>5325</v>
      </c>
      <c r="B5327" t="s">
        <v>5327</v>
      </c>
      <c r="C5327" t="s">
        <v>10773</v>
      </c>
      <c r="D5327" t="s">
        <v>16210</v>
      </c>
      <c r="E5327" t="s">
        <v>21389</v>
      </c>
      <c r="G5327" s="2"/>
    </row>
    <row r="5328" spans="1:7" x14ac:dyDescent="0.25">
      <c r="A5328" s="1">
        <v>5326</v>
      </c>
      <c r="B5328" t="s">
        <v>5328</v>
      </c>
      <c r="C5328" t="s">
        <v>10774</v>
      </c>
      <c r="D5328" t="s">
        <v>16211</v>
      </c>
      <c r="E5328" t="s">
        <v>21390</v>
      </c>
      <c r="G5328" s="2"/>
    </row>
    <row r="5329" spans="1:7" x14ac:dyDescent="0.25">
      <c r="A5329" s="1">
        <v>5327</v>
      </c>
      <c r="B5329" t="s">
        <v>5329</v>
      </c>
      <c r="C5329" t="s">
        <v>10775</v>
      </c>
      <c r="D5329" t="s">
        <v>16212</v>
      </c>
      <c r="E5329" t="s">
        <v>21391</v>
      </c>
      <c r="G5329" s="2"/>
    </row>
    <row r="5330" spans="1:7" x14ac:dyDescent="0.25">
      <c r="A5330" s="1">
        <v>5328</v>
      </c>
      <c r="B5330" t="s">
        <v>5330</v>
      </c>
      <c r="C5330" t="s">
        <v>10776</v>
      </c>
      <c r="D5330" t="s">
        <v>16213</v>
      </c>
      <c r="E5330" t="s">
        <v>21392</v>
      </c>
      <c r="G5330" s="2"/>
    </row>
    <row r="5331" spans="1:7" x14ac:dyDescent="0.25">
      <c r="A5331" s="1">
        <v>5329</v>
      </c>
      <c r="B5331" t="s">
        <v>5331</v>
      </c>
      <c r="C5331" t="s">
        <v>10777</v>
      </c>
      <c r="D5331" t="s">
        <v>16214</v>
      </c>
      <c r="E5331" t="s">
        <v>21393</v>
      </c>
      <c r="G5331" s="2"/>
    </row>
    <row r="5332" spans="1:7" x14ac:dyDescent="0.25">
      <c r="A5332" s="1">
        <v>5330</v>
      </c>
      <c r="B5332" t="s">
        <v>5332</v>
      </c>
      <c r="C5332" t="s">
        <v>10778</v>
      </c>
      <c r="D5332" t="s">
        <v>16215</v>
      </c>
      <c r="E5332" t="s">
        <v>17864</v>
      </c>
      <c r="G5332" s="2"/>
    </row>
    <row r="5333" spans="1:7" x14ac:dyDescent="0.25">
      <c r="A5333" s="1">
        <v>5331</v>
      </c>
      <c r="B5333" t="s">
        <v>5333</v>
      </c>
      <c r="C5333" t="s">
        <v>10779</v>
      </c>
      <c r="D5333" t="s">
        <v>16216</v>
      </c>
      <c r="E5333" t="s">
        <v>17455</v>
      </c>
      <c r="G5333" s="2"/>
    </row>
    <row r="5334" spans="1:7" x14ac:dyDescent="0.25">
      <c r="A5334" s="1">
        <v>5332</v>
      </c>
      <c r="B5334" t="s">
        <v>5334</v>
      </c>
      <c r="C5334" t="s">
        <v>10780</v>
      </c>
      <c r="D5334" t="s">
        <v>16217</v>
      </c>
      <c r="E5334" t="s">
        <v>21394</v>
      </c>
      <c r="G5334" s="2"/>
    </row>
    <row r="5335" spans="1:7" x14ac:dyDescent="0.25">
      <c r="A5335" s="1">
        <v>5333</v>
      </c>
      <c r="B5335" t="s">
        <v>5335</v>
      </c>
      <c r="C5335" t="s">
        <v>10781</v>
      </c>
      <c r="D5335" t="s">
        <v>16218</v>
      </c>
      <c r="E5335" t="s">
        <v>21395</v>
      </c>
      <c r="G5335" s="2"/>
    </row>
    <row r="5336" spans="1:7" x14ac:dyDescent="0.25">
      <c r="A5336" s="1">
        <v>5334</v>
      </c>
      <c r="B5336" t="s">
        <v>5336</v>
      </c>
      <c r="C5336" t="s">
        <v>10782</v>
      </c>
      <c r="D5336" t="s">
        <v>16219</v>
      </c>
      <c r="E5336" t="s">
        <v>21396</v>
      </c>
      <c r="G5336" s="2"/>
    </row>
    <row r="5337" spans="1:7" x14ac:dyDescent="0.25">
      <c r="A5337" s="1">
        <v>5335</v>
      </c>
      <c r="B5337" t="s">
        <v>5337</v>
      </c>
      <c r="C5337" t="s">
        <v>10783</v>
      </c>
      <c r="D5337" t="s">
        <v>16220</v>
      </c>
      <c r="E5337" t="s">
        <v>21397</v>
      </c>
      <c r="G5337" s="2"/>
    </row>
    <row r="5338" spans="1:7" x14ac:dyDescent="0.25">
      <c r="A5338" s="1">
        <v>5336</v>
      </c>
      <c r="B5338" t="s">
        <v>5338</v>
      </c>
      <c r="C5338" t="s">
        <v>10784</v>
      </c>
      <c r="D5338" t="s">
        <v>16221</v>
      </c>
      <c r="E5338" t="s">
        <v>21398</v>
      </c>
      <c r="G5338" s="2"/>
    </row>
    <row r="5339" spans="1:7" x14ac:dyDescent="0.25">
      <c r="A5339" s="1">
        <v>5337</v>
      </c>
      <c r="B5339" t="s">
        <v>5339</v>
      </c>
      <c r="C5339" t="s">
        <v>10785</v>
      </c>
      <c r="D5339" t="s">
        <v>16222</v>
      </c>
      <c r="E5339" t="s">
        <v>19569</v>
      </c>
      <c r="G5339" s="2"/>
    </row>
    <row r="5340" spans="1:7" x14ac:dyDescent="0.25">
      <c r="A5340" s="1">
        <v>5338</v>
      </c>
      <c r="B5340" t="s">
        <v>5340</v>
      </c>
      <c r="C5340" t="s">
        <v>10786</v>
      </c>
      <c r="D5340" t="s">
        <v>16223</v>
      </c>
      <c r="E5340" t="s">
        <v>21399</v>
      </c>
      <c r="G5340" s="2"/>
    </row>
    <row r="5341" spans="1:7" x14ac:dyDescent="0.25">
      <c r="A5341" s="1">
        <v>5339</v>
      </c>
      <c r="B5341" t="s">
        <v>5341</v>
      </c>
      <c r="C5341" t="s">
        <v>10787</v>
      </c>
      <c r="D5341" t="s">
        <v>16224</v>
      </c>
      <c r="E5341" t="s">
        <v>21400</v>
      </c>
      <c r="G5341" s="2"/>
    </row>
    <row r="5342" spans="1:7" x14ac:dyDescent="0.25">
      <c r="A5342" s="1">
        <v>5340</v>
      </c>
      <c r="B5342" t="s">
        <v>5342</v>
      </c>
      <c r="C5342" t="s">
        <v>10788</v>
      </c>
      <c r="D5342" t="s">
        <v>16225</v>
      </c>
      <c r="E5342" t="s">
        <v>21401</v>
      </c>
      <c r="G5342" s="2"/>
    </row>
    <row r="5343" spans="1:7" x14ac:dyDescent="0.25">
      <c r="A5343" s="1">
        <v>5341</v>
      </c>
      <c r="B5343" t="s">
        <v>5343</v>
      </c>
      <c r="C5343" t="s">
        <v>10789</v>
      </c>
      <c r="D5343" t="s">
        <v>16226</v>
      </c>
      <c r="E5343" t="s">
        <v>21402</v>
      </c>
      <c r="G5343" s="2"/>
    </row>
    <row r="5344" spans="1:7" x14ac:dyDescent="0.25">
      <c r="A5344" s="1">
        <v>5342</v>
      </c>
      <c r="B5344" t="s">
        <v>5344</v>
      </c>
      <c r="C5344" t="s">
        <v>10790</v>
      </c>
      <c r="D5344" t="s">
        <v>16227</v>
      </c>
      <c r="E5344" t="s">
        <v>21403</v>
      </c>
      <c r="G5344" s="2"/>
    </row>
    <row r="5345" spans="1:7" x14ac:dyDescent="0.25">
      <c r="A5345" s="1">
        <v>5343</v>
      </c>
      <c r="B5345" t="s">
        <v>5345</v>
      </c>
      <c r="C5345" t="s">
        <v>10791</v>
      </c>
      <c r="D5345" t="s">
        <v>16228</v>
      </c>
      <c r="E5345" t="s">
        <v>21404</v>
      </c>
      <c r="G5345" s="2"/>
    </row>
    <row r="5346" spans="1:7" x14ac:dyDescent="0.25">
      <c r="A5346" s="1">
        <v>5344</v>
      </c>
      <c r="B5346" t="s">
        <v>5346</v>
      </c>
      <c r="C5346" t="s">
        <v>10792</v>
      </c>
      <c r="D5346" t="s">
        <v>16229</v>
      </c>
      <c r="E5346" t="s">
        <v>21405</v>
      </c>
      <c r="G5346" s="2"/>
    </row>
    <row r="5347" spans="1:7" x14ac:dyDescent="0.25">
      <c r="A5347" s="1">
        <v>5345</v>
      </c>
      <c r="B5347" t="s">
        <v>5347</v>
      </c>
      <c r="C5347" t="s">
        <v>10793</v>
      </c>
      <c r="D5347" t="s">
        <v>16230</v>
      </c>
      <c r="E5347" t="s">
        <v>21406</v>
      </c>
      <c r="G5347" s="2"/>
    </row>
    <row r="5348" spans="1:7" x14ac:dyDescent="0.25">
      <c r="A5348" s="1">
        <v>5346</v>
      </c>
      <c r="B5348" t="s">
        <v>5348</v>
      </c>
      <c r="C5348" t="s">
        <v>10794</v>
      </c>
      <c r="D5348" t="s">
        <v>16231</v>
      </c>
      <c r="E5348" t="s">
        <v>21407</v>
      </c>
      <c r="G5348" s="2"/>
    </row>
    <row r="5349" spans="1:7" x14ac:dyDescent="0.25">
      <c r="A5349" s="1">
        <v>5347</v>
      </c>
      <c r="B5349" t="s">
        <v>5349</v>
      </c>
      <c r="C5349" t="s">
        <v>10795</v>
      </c>
      <c r="D5349" t="s">
        <v>16232</v>
      </c>
      <c r="E5349" t="s">
        <v>21408</v>
      </c>
      <c r="G5349" s="2"/>
    </row>
    <row r="5350" spans="1:7" x14ac:dyDescent="0.25">
      <c r="A5350" s="1">
        <v>5348</v>
      </c>
      <c r="B5350" t="s">
        <v>5350</v>
      </c>
      <c r="C5350" t="s">
        <v>10796</v>
      </c>
      <c r="D5350" t="s">
        <v>16233</v>
      </c>
      <c r="E5350" t="s">
        <v>21409</v>
      </c>
      <c r="G5350" s="2"/>
    </row>
    <row r="5351" spans="1:7" x14ac:dyDescent="0.25">
      <c r="A5351" s="1">
        <v>5349</v>
      </c>
      <c r="B5351" t="s">
        <v>5351</v>
      </c>
      <c r="C5351" t="s">
        <v>10797</v>
      </c>
      <c r="D5351" t="s">
        <v>16234</v>
      </c>
      <c r="E5351" t="s">
        <v>21410</v>
      </c>
      <c r="G5351" s="2"/>
    </row>
    <row r="5352" spans="1:7" x14ac:dyDescent="0.25">
      <c r="A5352" s="1">
        <v>5350</v>
      </c>
      <c r="B5352" t="s">
        <v>5352</v>
      </c>
      <c r="C5352" t="s">
        <v>10798</v>
      </c>
      <c r="D5352" t="s">
        <v>16235</v>
      </c>
      <c r="E5352" t="s">
        <v>21411</v>
      </c>
      <c r="G5352" s="2"/>
    </row>
    <row r="5353" spans="1:7" x14ac:dyDescent="0.25">
      <c r="A5353" s="1">
        <v>5351</v>
      </c>
      <c r="B5353" t="s">
        <v>5353</v>
      </c>
      <c r="C5353" t="s">
        <v>10799</v>
      </c>
      <c r="D5353" t="s">
        <v>16236</v>
      </c>
      <c r="E5353" t="s">
        <v>21412</v>
      </c>
      <c r="G5353" s="2"/>
    </row>
    <row r="5354" spans="1:7" x14ac:dyDescent="0.25">
      <c r="A5354" s="1">
        <v>5352</v>
      </c>
      <c r="B5354" t="s">
        <v>5354</v>
      </c>
      <c r="C5354" t="s">
        <v>10800</v>
      </c>
      <c r="D5354" t="s">
        <v>16237</v>
      </c>
      <c r="E5354" t="s">
        <v>21413</v>
      </c>
      <c r="G5354" s="2"/>
    </row>
    <row r="5355" spans="1:7" x14ac:dyDescent="0.25">
      <c r="A5355" s="1">
        <v>5353</v>
      </c>
      <c r="B5355" t="s">
        <v>5355</v>
      </c>
      <c r="C5355" t="s">
        <v>10801</v>
      </c>
      <c r="D5355" t="s">
        <v>16238</v>
      </c>
      <c r="E5355" t="s">
        <v>21414</v>
      </c>
      <c r="G5355" s="2"/>
    </row>
    <row r="5356" spans="1:7" x14ac:dyDescent="0.25">
      <c r="A5356" s="1">
        <v>5354</v>
      </c>
      <c r="B5356" t="s">
        <v>5356</v>
      </c>
      <c r="C5356" t="s">
        <v>10802</v>
      </c>
      <c r="D5356" t="s">
        <v>16239</v>
      </c>
      <c r="E5356" t="s">
        <v>21415</v>
      </c>
      <c r="G5356" s="2"/>
    </row>
    <row r="5357" spans="1:7" x14ac:dyDescent="0.25">
      <c r="A5357" s="1">
        <v>5355</v>
      </c>
      <c r="B5357" t="s">
        <v>5357</v>
      </c>
      <c r="C5357" t="s">
        <v>10803</v>
      </c>
      <c r="D5357" t="s">
        <v>16240</v>
      </c>
      <c r="E5357" t="s">
        <v>21416</v>
      </c>
      <c r="G5357" s="2"/>
    </row>
    <row r="5358" spans="1:7" x14ac:dyDescent="0.25">
      <c r="A5358" s="1">
        <v>5356</v>
      </c>
      <c r="B5358" t="s">
        <v>5358</v>
      </c>
      <c r="C5358" t="s">
        <v>10804</v>
      </c>
      <c r="D5358" t="s">
        <v>16241</v>
      </c>
      <c r="E5358" t="s">
        <v>21417</v>
      </c>
      <c r="G5358" s="2"/>
    </row>
    <row r="5359" spans="1:7" x14ac:dyDescent="0.25">
      <c r="A5359" s="1">
        <v>5357</v>
      </c>
      <c r="B5359" t="s">
        <v>5359</v>
      </c>
      <c r="C5359" t="s">
        <v>10805</v>
      </c>
      <c r="D5359" t="s">
        <v>16242</v>
      </c>
      <c r="E5359" t="s">
        <v>21418</v>
      </c>
      <c r="G5359" s="2"/>
    </row>
    <row r="5360" spans="1:7" x14ac:dyDescent="0.25">
      <c r="A5360" s="1">
        <v>5358</v>
      </c>
      <c r="B5360" t="s">
        <v>5360</v>
      </c>
      <c r="C5360" t="s">
        <v>10806</v>
      </c>
      <c r="D5360" t="s">
        <v>16243</v>
      </c>
      <c r="E5360" t="s">
        <v>21419</v>
      </c>
      <c r="G5360" s="2"/>
    </row>
    <row r="5361" spans="1:7" x14ac:dyDescent="0.25">
      <c r="A5361" s="1">
        <v>5359</v>
      </c>
      <c r="B5361" t="s">
        <v>5361</v>
      </c>
      <c r="C5361" t="s">
        <v>10807</v>
      </c>
      <c r="D5361" t="s">
        <v>16244</v>
      </c>
      <c r="E5361" t="s">
        <v>21420</v>
      </c>
      <c r="G5361" s="2"/>
    </row>
    <row r="5362" spans="1:7" x14ac:dyDescent="0.25">
      <c r="A5362" s="1">
        <v>5360</v>
      </c>
      <c r="B5362" t="s">
        <v>5362</v>
      </c>
      <c r="C5362" t="s">
        <v>10808</v>
      </c>
      <c r="D5362" t="s">
        <v>16245</v>
      </c>
      <c r="E5362" t="s">
        <v>21421</v>
      </c>
      <c r="G5362" s="2"/>
    </row>
    <row r="5363" spans="1:7" x14ac:dyDescent="0.25">
      <c r="A5363" s="1">
        <v>5361</v>
      </c>
      <c r="B5363" t="s">
        <v>5363</v>
      </c>
      <c r="C5363" t="s">
        <v>10809</v>
      </c>
      <c r="D5363" t="s">
        <v>16246</v>
      </c>
      <c r="E5363" t="s">
        <v>16555</v>
      </c>
      <c r="G5363" s="2"/>
    </row>
    <row r="5364" spans="1:7" x14ac:dyDescent="0.25">
      <c r="A5364" s="1">
        <v>5362</v>
      </c>
      <c r="B5364" t="s">
        <v>5364</v>
      </c>
      <c r="C5364" t="s">
        <v>10810</v>
      </c>
      <c r="D5364" t="s">
        <v>16247</v>
      </c>
      <c r="E5364" t="s">
        <v>21422</v>
      </c>
      <c r="G5364" s="2"/>
    </row>
    <row r="5365" spans="1:7" x14ac:dyDescent="0.25">
      <c r="A5365" s="1">
        <v>5363</v>
      </c>
      <c r="B5365" t="s">
        <v>5365</v>
      </c>
      <c r="C5365" t="s">
        <v>10811</v>
      </c>
      <c r="D5365" t="s">
        <v>16248</v>
      </c>
      <c r="E5365" t="s">
        <v>21423</v>
      </c>
      <c r="G5365" s="2"/>
    </row>
    <row r="5366" spans="1:7" x14ac:dyDescent="0.25">
      <c r="A5366" s="1">
        <v>5364</v>
      </c>
      <c r="B5366" t="s">
        <v>5366</v>
      </c>
      <c r="C5366" t="s">
        <v>10812</v>
      </c>
      <c r="D5366" t="s">
        <v>16249</v>
      </c>
      <c r="E5366" t="s">
        <v>21424</v>
      </c>
      <c r="G5366" s="2"/>
    </row>
    <row r="5367" spans="1:7" x14ac:dyDescent="0.25">
      <c r="A5367" s="1">
        <v>5365</v>
      </c>
      <c r="B5367" t="s">
        <v>5367</v>
      </c>
      <c r="C5367" t="s">
        <v>10813</v>
      </c>
      <c r="D5367" t="s">
        <v>16250</v>
      </c>
      <c r="E5367" t="s">
        <v>21425</v>
      </c>
      <c r="G5367" s="2"/>
    </row>
    <row r="5368" spans="1:7" x14ac:dyDescent="0.25">
      <c r="A5368" s="1">
        <v>5366</v>
      </c>
      <c r="B5368" t="s">
        <v>5368</v>
      </c>
      <c r="C5368" t="s">
        <v>10814</v>
      </c>
      <c r="D5368" t="s">
        <v>16251</v>
      </c>
      <c r="E5368" t="s">
        <v>21426</v>
      </c>
      <c r="G5368" s="2"/>
    </row>
    <row r="5369" spans="1:7" x14ac:dyDescent="0.25">
      <c r="A5369" s="1">
        <v>5367</v>
      </c>
      <c r="B5369" t="s">
        <v>5369</v>
      </c>
      <c r="C5369" t="s">
        <v>10815</v>
      </c>
      <c r="D5369" t="s">
        <v>16252</v>
      </c>
      <c r="E5369" t="s">
        <v>21427</v>
      </c>
      <c r="G5369" s="2"/>
    </row>
    <row r="5370" spans="1:7" x14ac:dyDescent="0.25">
      <c r="A5370" s="1">
        <v>5368</v>
      </c>
      <c r="B5370" t="s">
        <v>5370</v>
      </c>
      <c r="C5370" t="s">
        <v>10816</v>
      </c>
      <c r="D5370" t="s">
        <v>16253</v>
      </c>
      <c r="E5370" t="s">
        <v>21428</v>
      </c>
      <c r="G5370" s="2"/>
    </row>
    <row r="5371" spans="1:7" x14ac:dyDescent="0.25">
      <c r="A5371" s="1">
        <v>5369</v>
      </c>
      <c r="B5371" t="s">
        <v>5371</v>
      </c>
      <c r="C5371" t="s">
        <v>10817</v>
      </c>
      <c r="D5371" t="s">
        <v>16254</v>
      </c>
      <c r="E5371" t="s">
        <v>21429</v>
      </c>
      <c r="G5371" s="2"/>
    </row>
    <row r="5372" spans="1:7" x14ac:dyDescent="0.25">
      <c r="A5372" s="1">
        <v>5370</v>
      </c>
      <c r="B5372" t="s">
        <v>5372</v>
      </c>
      <c r="C5372" t="s">
        <v>10818</v>
      </c>
      <c r="D5372" t="s">
        <v>16255</v>
      </c>
      <c r="E5372" t="s">
        <v>21430</v>
      </c>
      <c r="G5372" s="2"/>
    </row>
    <row r="5373" spans="1:7" x14ac:dyDescent="0.25">
      <c r="A5373" s="1">
        <v>5371</v>
      </c>
      <c r="B5373" t="s">
        <v>5373</v>
      </c>
      <c r="C5373" t="s">
        <v>10819</v>
      </c>
      <c r="D5373" t="s">
        <v>16256</v>
      </c>
      <c r="E5373" t="s">
        <v>21431</v>
      </c>
      <c r="G5373" s="2"/>
    </row>
    <row r="5374" spans="1:7" x14ac:dyDescent="0.25">
      <c r="A5374" s="1">
        <v>5372</v>
      </c>
      <c r="B5374" t="s">
        <v>5374</v>
      </c>
      <c r="C5374" t="s">
        <v>10820</v>
      </c>
      <c r="D5374" t="s">
        <v>16257</v>
      </c>
      <c r="E5374" t="s">
        <v>21432</v>
      </c>
      <c r="G5374" s="2"/>
    </row>
    <row r="5375" spans="1:7" x14ac:dyDescent="0.25">
      <c r="A5375" s="1">
        <v>5373</v>
      </c>
      <c r="B5375" t="s">
        <v>5375</v>
      </c>
      <c r="C5375" t="s">
        <v>10821</v>
      </c>
      <c r="D5375" t="s">
        <v>16258</v>
      </c>
      <c r="E5375" t="s">
        <v>21433</v>
      </c>
      <c r="G5375" s="2"/>
    </row>
    <row r="5376" spans="1:7" x14ac:dyDescent="0.25">
      <c r="A5376" s="1">
        <v>5374</v>
      </c>
      <c r="B5376" t="s">
        <v>5376</v>
      </c>
      <c r="C5376" t="s">
        <v>10822</v>
      </c>
      <c r="D5376" t="s">
        <v>16259</v>
      </c>
      <c r="E5376" t="s">
        <v>16347</v>
      </c>
      <c r="G5376" s="2"/>
    </row>
    <row r="5377" spans="1:7" x14ac:dyDescent="0.25">
      <c r="A5377" s="1">
        <v>5375</v>
      </c>
      <c r="B5377" t="s">
        <v>5377</v>
      </c>
      <c r="C5377" t="s">
        <v>10823</v>
      </c>
      <c r="D5377" t="s">
        <v>16260</v>
      </c>
      <c r="E5377" t="s">
        <v>17091</v>
      </c>
      <c r="G5377" s="2"/>
    </row>
    <row r="5378" spans="1:7" x14ac:dyDescent="0.25">
      <c r="A5378" s="1">
        <v>5376</v>
      </c>
      <c r="B5378" t="s">
        <v>5378</v>
      </c>
      <c r="C5378" t="s">
        <v>10824</v>
      </c>
      <c r="D5378" t="s">
        <v>16261</v>
      </c>
      <c r="E5378" t="s">
        <v>21434</v>
      </c>
      <c r="G5378" s="2"/>
    </row>
    <row r="5379" spans="1:7" x14ac:dyDescent="0.25">
      <c r="A5379" s="1">
        <v>5377</v>
      </c>
      <c r="B5379" t="s">
        <v>5379</v>
      </c>
      <c r="C5379" t="s">
        <v>10825</v>
      </c>
      <c r="D5379" t="s">
        <v>16262</v>
      </c>
      <c r="E5379" t="s">
        <v>21435</v>
      </c>
      <c r="G5379" s="2"/>
    </row>
    <row r="5380" spans="1:7" x14ac:dyDescent="0.25">
      <c r="A5380" s="1">
        <v>5378</v>
      </c>
      <c r="B5380" t="s">
        <v>5380</v>
      </c>
      <c r="C5380" t="s">
        <v>10826</v>
      </c>
      <c r="D5380" t="s">
        <v>16263</v>
      </c>
      <c r="E5380" t="s">
        <v>21436</v>
      </c>
      <c r="G5380" s="2"/>
    </row>
    <row r="5381" spans="1:7" x14ac:dyDescent="0.25">
      <c r="A5381" s="1">
        <v>5379</v>
      </c>
      <c r="B5381" t="s">
        <v>5381</v>
      </c>
      <c r="C5381" t="s">
        <v>10827</v>
      </c>
      <c r="D5381" t="s">
        <v>16264</v>
      </c>
      <c r="E5381" t="s">
        <v>21437</v>
      </c>
      <c r="G5381" s="2"/>
    </row>
    <row r="5382" spans="1:7" x14ac:dyDescent="0.25">
      <c r="A5382" s="1">
        <v>5380</v>
      </c>
      <c r="B5382" t="s">
        <v>5382</v>
      </c>
      <c r="C5382" t="s">
        <v>10828</v>
      </c>
      <c r="D5382" t="s">
        <v>16265</v>
      </c>
      <c r="E5382" t="s">
        <v>21438</v>
      </c>
      <c r="G5382" s="2"/>
    </row>
    <row r="5383" spans="1:7" x14ac:dyDescent="0.25">
      <c r="A5383" s="1">
        <v>5381</v>
      </c>
      <c r="B5383" t="s">
        <v>5383</v>
      </c>
      <c r="C5383" t="s">
        <v>10829</v>
      </c>
      <c r="D5383" t="s">
        <v>16266</v>
      </c>
      <c r="E5383" t="s">
        <v>21439</v>
      </c>
      <c r="G5383" s="2"/>
    </row>
    <row r="5384" spans="1:7" x14ac:dyDescent="0.25">
      <c r="A5384" s="1">
        <v>5382</v>
      </c>
      <c r="B5384" t="s">
        <v>5384</v>
      </c>
      <c r="C5384" t="s">
        <v>10830</v>
      </c>
      <c r="D5384" t="s">
        <v>16267</v>
      </c>
      <c r="E5384" t="s">
        <v>21440</v>
      </c>
      <c r="G5384" s="2"/>
    </row>
    <row r="5385" spans="1:7" x14ac:dyDescent="0.25">
      <c r="A5385" s="1">
        <v>5383</v>
      </c>
      <c r="B5385" t="s">
        <v>5385</v>
      </c>
      <c r="C5385" t="s">
        <v>10831</v>
      </c>
      <c r="D5385" t="s">
        <v>16268</v>
      </c>
      <c r="E5385" t="s">
        <v>21441</v>
      </c>
      <c r="G5385" s="2"/>
    </row>
    <row r="5386" spans="1:7" x14ac:dyDescent="0.25">
      <c r="A5386" s="1">
        <v>5384</v>
      </c>
      <c r="B5386" t="s">
        <v>5386</v>
      </c>
      <c r="C5386" t="s">
        <v>10832</v>
      </c>
      <c r="D5386" t="s">
        <v>16269</v>
      </c>
      <c r="E5386" t="s">
        <v>21442</v>
      </c>
      <c r="G5386" s="2"/>
    </row>
    <row r="5387" spans="1:7" x14ac:dyDescent="0.25">
      <c r="A5387" s="1">
        <v>5385</v>
      </c>
      <c r="B5387" t="s">
        <v>5387</v>
      </c>
      <c r="C5387" t="s">
        <v>10833</v>
      </c>
      <c r="D5387" t="s">
        <v>16270</v>
      </c>
      <c r="E5387" t="s">
        <v>21443</v>
      </c>
      <c r="G5387" s="2"/>
    </row>
    <row r="5388" spans="1:7" x14ac:dyDescent="0.25">
      <c r="A5388" s="1">
        <v>5386</v>
      </c>
      <c r="B5388" t="s">
        <v>5388</v>
      </c>
      <c r="C5388" t="s">
        <v>10834</v>
      </c>
      <c r="D5388" t="s">
        <v>16271</v>
      </c>
      <c r="E5388" t="s">
        <v>21444</v>
      </c>
      <c r="G5388" s="2"/>
    </row>
    <row r="5389" spans="1:7" x14ac:dyDescent="0.25">
      <c r="A5389" s="1">
        <v>5387</v>
      </c>
      <c r="B5389" t="s">
        <v>5389</v>
      </c>
      <c r="C5389" t="s">
        <v>10835</v>
      </c>
      <c r="D5389" t="s">
        <v>16272</v>
      </c>
      <c r="E5389" t="s">
        <v>21445</v>
      </c>
      <c r="G5389" s="2"/>
    </row>
    <row r="5390" spans="1:7" x14ac:dyDescent="0.25">
      <c r="A5390" s="1">
        <v>5388</v>
      </c>
      <c r="B5390" t="s">
        <v>5390</v>
      </c>
      <c r="C5390" t="s">
        <v>10836</v>
      </c>
      <c r="D5390" t="s">
        <v>16273</v>
      </c>
      <c r="E5390" t="s">
        <v>21446</v>
      </c>
      <c r="G5390" s="2"/>
    </row>
    <row r="5391" spans="1:7" x14ac:dyDescent="0.25">
      <c r="A5391" s="1">
        <v>5389</v>
      </c>
      <c r="B5391" t="s">
        <v>5391</v>
      </c>
      <c r="C5391" t="s">
        <v>10837</v>
      </c>
      <c r="D5391" t="s">
        <v>16274</v>
      </c>
      <c r="E5391" t="s">
        <v>21447</v>
      </c>
      <c r="G5391" s="2"/>
    </row>
    <row r="5392" spans="1:7" x14ac:dyDescent="0.25">
      <c r="A5392" s="1">
        <v>5390</v>
      </c>
      <c r="B5392" t="s">
        <v>5392</v>
      </c>
      <c r="C5392" t="s">
        <v>10838</v>
      </c>
      <c r="D5392" t="s">
        <v>16275</v>
      </c>
      <c r="E5392" t="s">
        <v>21448</v>
      </c>
      <c r="G5392" s="2"/>
    </row>
    <row r="5393" spans="1:7" x14ac:dyDescent="0.25">
      <c r="A5393" s="1">
        <v>5391</v>
      </c>
      <c r="B5393" t="s">
        <v>5393</v>
      </c>
      <c r="C5393" t="s">
        <v>10839</v>
      </c>
      <c r="D5393" t="s">
        <v>10839</v>
      </c>
      <c r="E5393" t="s">
        <v>21449</v>
      </c>
      <c r="G5393" s="2"/>
    </row>
    <row r="5394" spans="1:7" x14ac:dyDescent="0.25">
      <c r="A5394" s="1">
        <v>5392</v>
      </c>
      <c r="B5394" t="s">
        <v>5394</v>
      </c>
      <c r="C5394" t="s">
        <v>10840</v>
      </c>
      <c r="D5394" t="s">
        <v>16276</v>
      </c>
      <c r="E5394" t="s">
        <v>21450</v>
      </c>
      <c r="G5394" s="2"/>
    </row>
    <row r="5395" spans="1:7" x14ac:dyDescent="0.25">
      <c r="A5395" s="1">
        <v>5393</v>
      </c>
      <c r="B5395" t="s">
        <v>5395</v>
      </c>
      <c r="C5395" t="s">
        <v>10841</v>
      </c>
      <c r="D5395" t="s">
        <v>16277</v>
      </c>
      <c r="E5395" t="s">
        <v>21451</v>
      </c>
      <c r="G5395" s="2"/>
    </row>
    <row r="5396" spans="1:7" x14ac:dyDescent="0.25">
      <c r="A5396" s="1">
        <v>5394</v>
      </c>
      <c r="B5396" t="s">
        <v>5396</v>
      </c>
      <c r="C5396" t="s">
        <v>10842</v>
      </c>
      <c r="D5396" t="s">
        <v>16278</v>
      </c>
      <c r="E5396" t="s">
        <v>21452</v>
      </c>
      <c r="G5396" s="2"/>
    </row>
    <row r="5397" spans="1:7" x14ac:dyDescent="0.25">
      <c r="A5397" s="1">
        <v>5395</v>
      </c>
      <c r="B5397" t="s">
        <v>5397</v>
      </c>
      <c r="C5397" t="s">
        <v>10843</v>
      </c>
      <c r="D5397" t="s">
        <v>16279</v>
      </c>
      <c r="E5397" t="s">
        <v>21453</v>
      </c>
      <c r="G5397" s="2"/>
    </row>
    <row r="5398" spans="1:7" x14ac:dyDescent="0.25">
      <c r="A5398" s="1">
        <v>5396</v>
      </c>
      <c r="B5398" t="s">
        <v>5398</v>
      </c>
      <c r="C5398" t="s">
        <v>10844</v>
      </c>
      <c r="D5398" t="s">
        <v>16280</v>
      </c>
      <c r="E5398" t="s">
        <v>21454</v>
      </c>
      <c r="G5398" s="2"/>
    </row>
    <row r="5399" spans="1:7" x14ac:dyDescent="0.25">
      <c r="A5399" s="1">
        <v>5397</v>
      </c>
      <c r="B5399" t="s">
        <v>5399</v>
      </c>
      <c r="C5399" t="s">
        <v>10845</v>
      </c>
      <c r="D5399" t="s">
        <v>16281</v>
      </c>
      <c r="E5399" t="s">
        <v>21455</v>
      </c>
      <c r="G5399" s="2"/>
    </row>
    <row r="5400" spans="1:7" x14ac:dyDescent="0.25">
      <c r="A5400" s="1">
        <v>5398</v>
      </c>
      <c r="B5400" t="s">
        <v>5400</v>
      </c>
      <c r="C5400" t="s">
        <v>10846</v>
      </c>
      <c r="D5400" t="s">
        <v>16282</v>
      </c>
      <c r="E5400" t="s">
        <v>21456</v>
      </c>
      <c r="G5400" s="2"/>
    </row>
    <row r="5401" spans="1:7" x14ac:dyDescent="0.25">
      <c r="A5401" s="1">
        <v>5399</v>
      </c>
      <c r="B5401" t="s">
        <v>5401</v>
      </c>
      <c r="C5401" t="s">
        <v>10847</v>
      </c>
      <c r="D5401" t="s">
        <v>16283</v>
      </c>
      <c r="E5401" t="s">
        <v>21457</v>
      </c>
      <c r="G5401" s="2"/>
    </row>
    <row r="5402" spans="1:7" x14ac:dyDescent="0.25">
      <c r="A5402" s="1">
        <v>5400</v>
      </c>
      <c r="B5402" t="s">
        <v>5402</v>
      </c>
      <c r="C5402" t="s">
        <v>10848</v>
      </c>
      <c r="D5402" t="s">
        <v>16284</v>
      </c>
      <c r="E5402" t="s">
        <v>21458</v>
      </c>
      <c r="G5402" s="2"/>
    </row>
    <row r="5403" spans="1:7" x14ac:dyDescent="0.25">
      <c r="A5403" s="1">
        <v>5401</v>
      </c>
      <c r="B5403" t="s">
        <v>5403</v>
      </c>
      <c r="C5403" t="s">
        <v>10849</v>
      </c>
      <c r="D5403" t="s">
        <v>16285</v>
      </c>
      <c r="E5403" t="s">
        <v>21459</v>
      </c>
      <c r="G5403" s="2"/>
    </row>
    <row r="5404" spans="1:7" x14ac:dyDescent="0.25">
      <c r="A5404" s="1">
        <v>5402</v>
      </c>
      <c r="B5404" t="s">
        <v>5404</v>
      </c>
      <c r="C5404" t="s">
        <v>10850</v>
      </c>
      <c r="D5404" t="s">
        <v>16286</v>
      </c>
      <c r="E5404" t="s">
        <v>21460</v>
      </c>
      <c r="G5404" s="2"/>
    </row>
    <row r="5405" spans="1:7" x14ac:dyDescent="0.25">
      <c r="A5405" s="1">
        <v>5403</v>
      </c>
      <c r="B5405" t="s">
        <v>5405</v>
      </c>
      <c r="C5405" t="s">
        <v>10851</v>
      </c>
      <c r="D5405" t="s">
        <v>16287</v>
      </c>
      <c r="E5405" t="s">
        <v>21461</v>
      </c>
      <c r="G5405" s="2"/>
    </row>
    <row r="5406" spans="1:7" x14ac:dyDescent="0.25">
      <c r="A5406" s="1">
        <v>5404</v>
      </c>
      <c r="B5406" t="s">
        <v>5406</v>
      </c>
      <c r="C5406" t="s">
        <v>10852</v>
      </c>
      <c r="D5406" t="s">
        <v>16288</v>
      </c>
      <c r="E5406" t="s">
        <v>21462</v>
      </c>
      <c r="G5406" s="2"/>
    </row>
    <row r="5407" spans="1:7" x14ac:dyDescent="0.25">
      <c r="A5407" s="1">
        <v>5405</v>
      </c>
      <c r="B5407" t="s">
        <v>5407</v>
      </c>
      <c r="C5407" t="s">
        <v>10853</v>
      </c>
      <c r="D5407" t="s">
        <v>16289</v>
      </c>
      <c r="E5407" t="s">
        <v>21463</v>
      </c>
      <c r="G5407" s="2"/>
    </row>
    <row r="5408" spans="1:7" x14ac:dyDescent="0.25">
      <c r="A5408" s="1">
        <v>5406</v>
      </c>
      <c r="B5408" t="s">
        <v>5408</v>
      </c>
      <c r="C5408" t="s">
        <v>10854</v>
      </c>
      <c r="D5408" t="s">
        <v>16290</v>
      </c>
      <c r="E5408" t="s">
        <v>21464</v>
      </c>
      <c r="G5408" s="2"/>
    </row>
    <row r="5409" spans="1:7" x14ac:dyDescent="0.25">
      <c r="A5409" s="1">
        <v>5407</v>
      </c>
      <c r="B5409" t="s">
        <v>5409</v>
      </c>
      <c r="C5409" t="s">
        <v>10855</v>
      </c>
      <c r="D5409" t="s">
        <v>16291</v>
      </c>
      <c r="E5409" t="s">
        <v>21465</v>
      </c>
      <c r="G5409" s="2"/>
    </row>
    <row r="5410" spans="1:7" x14ac:dyDescent="0.25">
      <c r="A5410" s="1">
        <v>5408</v>
      </c>
      <c r="B5410" t="s">
        <v>5410</v>
      </c>
      <c r="C5410" t="s">
        <v>10856</v>
      </c>
      <c r="D5410" t="s">
        <v>16292</v>
      </c>
      <c r="E5410" t="s">
        <v>21466</v>
      </c>
      <c r="G5410" s="2"/>
    </row>
    <row r="5411" spans="1:7" x14ac:dyDescent="0.25">
      <c r="A5411" s="1">
        <v>5409</v>
      </c>
      <c r="B5411" t="s">
        <v>5411</v>
      </c>
      <c r="C5411" t="s">
        <v>10857</v>
      </c>
      <c r="D5411" t="s">
        <v>16293</v>
      </c>
      <c r="E5411" t="s">
        <v>21467</v>
      </c>
      <c r="G5411" s="2"/>
    </row>
    <row r="5412" spans="1:7" x14ac:dyDescent="0.25">
      <c r="A5412" s="1">
        <v>5410</v>
      </c>
      <c r="B5412" t="s">
        <v>5412</v>
      </c>
      <c r="C5412" t="s">
        <v>10858</v>
      </c>
      <c r="D5412" t="s">
        <v>16294</v>
      </c>
      <c r="E5412" t="s">
        <v>21468</v>
      </c>
      <c r="G5412" s="2"/>
    </row>
    <row r="5413" spans="1:7" x14ac:dyDescent="0.25">
      <c r="A5413" s="1">
        <v>5411</v>
      </c>
      <c r="B5413" t="s">
        <v>5413</v>
      </c>
      <c r="C5413" t="s">
        <v>10859</v>
      </c>
      <c r="D5413" t="s">
        <v>16295</v>
      </c>
      <c r="E5413" t="s">
        <v>17091</v>
      </c>
      <c r="G5413" s="2"/>
    </row>
    <row r="5414" spans="1:7" x14ac:dyDescent="0.25">
      <c r="A5414" s="1">
        <v>5412</v>
      </c>
      <c r="B5414" t="s">
        <v>5414</v>
      </c>
      <c r="C5414" t="s">
        <v>10860</v>
      </c>
      <c r="D5414" t="s">
        <v>16296</v>
      </c>
      <c r="E5414" t="s">
        <v>21469</v>
      </c>
      <c r="G5414" s="2"/>
    </row>
    <row r="5415" spans="1:7" x14ac:dyDescent="0.25">
      <c r="A5415" s="1">
        <v>5413</v>
      </c>
      <c r="B5415" t="s">
        <v>5415</v>
      </c>
      <c r="C5415" t="s">
        <v>10861</v>
      </c>
      <c r="D5415" t="s">
        <v>16297</v>
      </c>
      <c r="E5415" t="s">
        <v>21470</v>
      </c>
      <c r="G5415" s="2"/>
    </row>
    <row r="5416" spans="1:7" x14ac:dyDescent="0.25">
      <c r="A5416" s="1">
        <v>5414</v>
      </c>
      <c r="B5416" t="s">
        <v>5416</v>
      </c>
      <c r="C5416" t="s">
        <v>10862</v>
      </c>
      <c r="D5416" t="s">
        <v>16298</v>
      </c>
      <c r="E5416" t="s">
        <v>21471</v>
      </c>
      <c r="G5416" s="2"/>
    </row>
    <row r="5417" spans="1:7" x14ac:dyDescent="0.25">
      <c r="A5417" s="1">
        <v>5415</v>
      </c>
      <c r="B5417" t="s">
        <v>5417</v>
      </c>
      <c r="C5417" t="s">
        <v>10863</v>
      </c>
      <c r="D5417" t="s">
        <v>16299</v>
      </c>
      <c r="E5417" t="s">
        <v>21472</v>
      </c>
      <c r="G5417" s="2"/>
    </row>
    <row r="5418" spans="1:7" x14ac:dyDescent="0.25">
      <c r="A5418" s="1">
        <v>5416</v>
      </c>
      <c r="B5418" t="s">
        <v>5418</v>
      </c>
      <c r="C5418" t="s">
        <v>10864</v>
      </c>
      <c r="D5418" t="s">
        <v>16300</v>
      </c>
      <c r="E5418" t="s">
        <v>21473</v>
      </c>
      <c r="G5418" s="2"/>
    </row>
    <row r="5419" spans="1:7" x14ac:dyDescent="0.25">
      <c r="A5419" s="1">
        <v>5417</v>
      </c>
      <c r="B5419" t="s">
        <v>5419</v>
      </c>
      <c r="C5419" t="s">
        <v>10865</v>
      </c>
      <c r="D5419" t="s">
        <v>16301</v>
      </c>
      <c r="E5419" t="s">
        <v>21474</v>
      </c>
      <c r="G5419" s="2"/>
    </row>
    <row r="5420" spans="1:7" x14ac:dyDescent="0.25">
      <c r="A5420" s="1">
        <v>5418</v>
      </c>
      <c r="B5420" t="s">
        <v>5420</v>
      </c>
      <c r="C5420" t="s">
        <v>10866</v>
      </c>
      <c r="D5420" t="s">
        <v>16302</v>
      </c>
      <c r="E5420" t="s">
        <v>21475</v>
      </c>
      <c r="G5420" s="2"/>
    </row>
    <row r="5421" spans="1:7" x14ac:dyDescent="0.25">
      <c r="A5421" s="1">
        <v>5419</v>
      </c>
      <c r="B5421" t="s">
        <v>5421</v>
      </c>
      <c r="C5421" t="s">
        <v>10867</v>
      </c>
      <c r="D5421" t="s">
        <v>16303</v>
      </c>
      <c r="E5421" t="s">
        <v>21476</v>
      </c>
      <c r="G5421" s="2"/>
    </row>
    <row r="5422" spans="1:7" x14ac:dyDescent="0.25">
      <c r="A5422" s="1">
        <v>5420</v>
      </c>
      <c r="B5422" t="s">
        <v>5422</v>
      </c>
      <c r="C5422" t="s">
        <v>10868</v>
      </c>
      <c r="D5422" t="s">
        <v>16304</v>
      </c>
      <c r="E5422" t="s">
        <v>21477</v>
      </c>
      <c r="G5422" s="2"/>
    </row>
    <row r="5423" spans="1:7" x14ac:dyDescent="0.25">
      <c r="A5423" s="1">
        <v>5421</v>
      </c>
      <c r="B5423" t="s">
        <v>5423</v>
      </c>
      <c r="C5423" t="s">
        <v>10869</v>
      </c>
      <c r="D5423" t="s">
        <v>16305</v>
      </c>
      <c r="E5423" t="s">
        <v>21478</v>
      </c>
      <c r="G5423" s="2"/>
    </row>
    <row r="5424" spans="1:7" x14ac:dyDescent="0.25">
      <c r="A5424" s="1">
        <v>5422</v>
      </c>
      <c r="B5424" t="s">
        <v>5424</v>
      </c>
      <c r="C5424" t="s">
        <v>10870</v>
      </c>
      <c r="D5424" t="s">
        <v>16306</v>
      </c>
      <c r="E5424" t="s">
        <v>21479</v>
      </c>
      <c r="G5424" s="2"/>
    </row>
    <row r="5425" spans="1:7" x14ac:dyDescent="0.25">
      <c r="A5425" s="1">
        <v>5423</v>
      </c>
      <c r="B5425" t="s">
        <v>5425</v>
      </c>
      <c r="C5425" t="s">
        <v>10871</v>
      </c>
      <c r="D5425" t="s">
        <v>16307</v>
      </c>
      <c r="E5425" t="s">
        <v>21480</v>
      </c>
      <c r="G5425" s="2"/>
    </row>
    <row r="5426" spans="1:7" x14ac:dyDescent="0.25">
      <c r="A5426" s="1">
        <v>5424</v>
      </c>
      <c r="B5426" t="s">
        <v>5426</v>
      </c>
      <c r="C5426" t="s">
        <v>10872</v>
      </c>
      <c r="D5426" t="s">
        <v>16308</v>
      </c>
      <c r="E5426" t="s">
        <v>21481</v>
      </c>
      <c r="G5426" s="2"/>
    </row>
    <row r="5427" spans="1:7" x14ac:dyDescent="0.25">
      <c r="A5427" s="1">
        <v>5425</v>
      </c>
      <c r="B5427" t="s">
        <v>5427</v>
      </c>
      <c r="C5427" t="s">
        <v>10873</v>
      </c>
      <c r="D5427" t="s">
        <v>16309</v>
      </c>
      <c r="E5427" t="s">
        <v>21482</v>
      </c>
      <c r="G5427" s="2"/>
    </row>
    <row r="5428" spans="1:7" x14ac:dyDescent="0.25">
      <c r="A5428" s="1">
        <v>5426</v>
      </c>
      <c r="B5428" t="s">
        <v>5428</v>
      </c>
      <c r="C5428" t="s">
        <v>10874</v>
      </c>
      <c r="D5428" t="s">
        <v>16310</v>
      </c>
      <c r="E5428" t="s">
        <v>21483</v>
      </c>
      <c r="G5428" s="2"/>
    </row>
    <row r="5429" spans="1:7" x14ac:dyDescent="0.25">
      <c r="A5429" s="1">
        <v>5427</v>
      </c>
      <c r="B5429" t="s">
        <v>5429</v>
      </c>
      <c r="C5429" t="s">
        <v>10875</v>
      </c>
      <c r="D5429" t="s">
        <v>16311</v>
      </c>
      <c r="E5429" t="s">
        <v>21484</v>
      </c>
      <c r="G5429" s="2"/>
    </row>
    <row r="5430" spans="1:7" x14ac:dyDescent="0.25">
      <c r="A5430" s="1">
        <v>5428</v>
      </c>
      <c r="B5430" t="s">
        <v>5430</v>
      </c>
      <c r="C5430" t="s">
        <v>10876</v>
      </c>
      <c r="D5430" t="s">
        <v>16312</v>
      </c>
      <c r="E5430" t="s">
        <v>21485</v>
      </c>
      <c r="G5430" s="2"/>
    </row>
    <row r="5431" spans="1:7" x14ac:dyDescent="0.25">
      <c r="A5431" s="1">
        <v>5429</v>
      </c>
      <c r="B5431" t="s">
        <v>5431</v>
      </c>
      <c r="C5431" t="s">
        <v>10877</v>
      </c>
      <c r="D5431" t="s">
        <v>16313</v>
      </c>
      <c r="E5431" t="s">
        <v>21486</v>
      </c>
      <c r="G5431" s="2"/>
    </row>
    <row r="5432" spans="1:7" x14ac:dyDescent="0.25">
      <c r="A5432" s="1">
        <v>5430</v>
      </c>
      <c r="B5432" t="s">
        <v>5432</v>
      </c>
      <c r="C5432" t="s">
        <v>10878</v>
      </c>
      <c r="D5432" t="s">
        <v>16314</v>
      </c>
      <c r="E5432" t="s">
        <v>21487</v>
      </c>
      <c r="G5432" s="2"/>
    </row>
    <row r="5433" spans="1:7" x14ac:dyDescent="0.25">
      <c r="A5433" s="1">
        <v>5431</v>
      </c>
      <c r="B5433" t="s">
        <v>5433</v>
      </c>
      <c r="C5433" t="s">
        <v>10879</v>
      </c>
      <c r="D5433" t="s">
        <v>16315</v>
      </c>
      <c r="E5433" t="s">
        <v>21488</v>
      </c>
      <c r="G5433" s="2"/>
    </row>
    <row r="5434" spans="1:7" x14ac:dyDescent="0.25">
      <c r="A5434" s="1">
        <v>5432</v>
      </c>
      <c r="B5434" t="s">
        <v>5434</v>
      </c>
      <c r="C5434" t="s">
        <v>10880</v>
      </c>
      <c r="D5434" t="s">
        <v>16316</v>
      </c>
      <c r="E5434" t="s">
        <v>21489</v>
      </c>
      <c r="G5434" s="2"/>
    </row>
    <row r="5435" spans="1:7" x14ac:dyDescent="0.25">
      <c r="A5435" s="1">
        <v>5433</v>
      </c>
      <c r="B5435" t="s">
        <v>5435</v>
      </c>
      <c r="C5435" t="s">
        <v>10881</v>
      </c>
      <c r="D5435" t="s">
        <v>16317</v>
      </c>
      <c r="E5435" t="s">
        <v>21490</v>
      </c>
      <c r="G5435" s="2"/>
    </row>
    <row r="5436" spans="1:7" x14ac:dyDescent="0.25">
      <c r="A5436" s="1">
        <v>5434</v>
      </c>
      <c r="B5436" t="s">
        <v>5436</v>
      </c>
      <c r="C5436" t="s">
        <v>10882</v>
      </c>
      <c r="D5436" t="s">
        <v>16318</v>
      </c>
      <c r="E5436" t="s">
        <v>21491</v>
      </c>
      <c r="G5436" s="2"/>
    </row>
    <row r="5437" spans="1:7" x14ac:dyDescent="0.25">
      <c r="A5437" s="1">
        <v>5435</v>
      </c>
      <c r="B5437" t="s">
        <v>5437</v>
      </c>
      <c r="C5437" t="s">
        <v>10883</v>
      </c>
      <c r="D5437" t="s">
        <v>16319</v>
      </c>
      <c r="E5437" t="s">
        <v>21492</v>
      </c>
      <c r="G5437" s="2"/>
    </row>
    <row r="5438" spans="1:7" x14ac:dyDescent="0.25">
      <c r="A5438" s="1">
        <v>5436</v>
      </c>
      <c r="B5438" t="s">
        <v>5438</v>
      </c>
      <c r="C5438" t="s">
        <v>10884</v>
      </c>
      <c r="D5438" t="s">
        <v>16320</v>
      </c>
      <c r="E5438" t="s">
        <v>21493</v>
      </c>
      <c r="G5438" s="2"/>
    </row>
    <row r="5439" spans="1:7" x14ac:dyDescent="0.25">
      <c r="A5439" s="1">
        <v>5437</v>
      </c>
      <c r="B5439" t="s">
        <v>5439</v>
      </c>
      <c r="C5439" t="s">
        <v>10885</v>
      </c>
      <c r="D5439" t="s">
        <v>16321</v>
      </c>
      <c r="E5439" t="s">
        <v>21494</v>
      </c>
      <c r="G5439" s="2"/>
    </row>
    <row r="5440" spans="1:7" x14ac:dyDescent="0.25">
      <c r="A5440" s="1">
        <v>5438</v>
      </c>
      <c r="B5440" t="s">
        <v>5440</v>
      </c>
      <c r="C5440" t="s">
        <v>10886</v>
      </c>
      <c r="D5440" t="s">
        <v>16322</v>
      </c>
      <c r="E5440" t="s">
        <v>21495</v>
      </c>
      <c r="G5440" s="2"/>
    </row>
    <row r="5441" spans="1:7" x14ac:dyDescent="0.25">
      <c r="A5441" s="1">
        <v>5439</v>
      </c>
      <c r="B5441" t="s">
        <v>5441</v>
      </c>
      <c r="C5441" t="s">
        <v>10887</v>
      </c>
      <c r="D5441" t="s">
        <v>16323</v>
      </c>
      <c r="E5441" t="s">
        <v>21496</v>
      </c>
      <c r="G5441" s="2"/>
    </row>
    <row r="5442" spans="1:7" x14ac:dyDescent="0.25">
      <c r="A5442" s="1">
        <v>5440</v>
      </c>
      <c r="B5442" t="s">
        <v>5442</v>
      </c>
      <c r="C5442" t="s">
        <v>10888</v>
      </c>
      <c r="D5442" t="s">
        <v>16324</v>
      </c>
      <c r="E5442" t="s">
        <v>21497</v>
      </c>
      <c r="G5442" s="2"/>
    </row>
    <row r="5443" spans="1:7" x14ac:dyDescent="0.25">
      <c r="A5443" s="1">
        <v>5441</v>
      </c>
      <c r="B5443" t="s">
        <v>5443</v>
      </c>
      <c r="C5443" t="s">
        <v>10889</v>
      </c>
      <c r="D5443" t="s">
        <v>16325</v>
      </c>
      <c r="E5443" t="s">
        <v>17845</v>
      </c>
      <c r="G5443" s="2"/>
    </row>
    <row r="5444" spans="1:7" x14ac:dyDescent="0.25">
      <c r="A5444" s="1">
        <v>5442</v>
      </c>
      <c r="B5444" t="s">
        <v>5444</v>
      </c>
      <c r="C5444" t="s">
        <v>10890</v>
      </c>
      <c r="D5444" t="s">
        <v>16326</v>
      </c>
      <c r="E5444" t="s">
        <v>21498</v>
      </c>
      <c r="G5444" s="2"/>
    </row>
    <row r="5445" spans="1:7" x14ac:dyDescent="0.25">
      <c r="A5445" s="1">
        <v>5443</v>
      </c>
      <c r="B5445" t="s">
        <v>5445</v>
      </c>
      <c r="C5445" t="s">
        <v>10891</v>
      </c>
      <c r="D5445" t="s">
        <v>16327</v>
      </c>
      <c r="E5445" t="s">
        <v>21499</v>
      </c>
      <c r="G5445" s="2"/>
    </row>
    <row r="5446" spans="1:7" x14ac:dyDescent="0.25">
      <c r="A5446" s="1">
        <v>5444</v>
      </c>
      <c r="B5446" t="s">
        <v>5446</v>
      </c>
      <c r="C5446" t="s">
        <v>10892</v>
      </c>
      <c r="D5446" t="s">
        <v>16328</v>
      </c>
      <c r="E5446" t="s">
        <v>21500</v>
      </c>
      <c r="G5446" s="2"/>
    </row>
    <row r="5447" spans="1:7" x14ac:dyDescent="0.25">
      <c r="A5447" s="1">
        <v>5445</v>
      </c>
      <c r="B5447" t="s">
        <v>5447</v>
      </c>
      <c r="C5447" t="s">
        <v>10893</v>
      </c>
      <c r="D5447" t="s">
        <v>16329</v>
      </c>
      <c r="E5447" t="s">
        <v>21501</v>
      </c>
      <c r="G5447" s="2"/>
    </row>
    <row r="5448" spans="1:7" x14ac:dyDescent="0.25">
      <c r="A5448" s="1">
        <v>5446</v>
      </c>
      <c r="B5448" t="s">
        <v>5448</v>
      </c>
      <c r="C5448" t="s">
        <v>10894</v>
      </c>
      <c r="D5448" t="s">
        <v>16330</v>
      </c>
      <c r="E5448" t="s">
        <v>21502</v>
      </c>
      <c r="G5448" s="2"/>
    </row>
    <row r="5449" spans="1:7" x14ac:dyDescent="0.25">
      <c r="A5449" s="1">
        <v>5447</v>
      </c>
      <c r="B5449" t="s">
        <v>5449</v>
      </c>
      <c r="C5449" t="s">
        <v>10895</v>
      </c>
      <c r="D5449" t="s">
        <v>16331</v>
      </c>
      <c r="E5449" t="s">
        <v>21503</v>
      </c>
      <c r="G5449" s="2"/>
    </row>
    <row r="5450" spans="1:7" x14ac:dyDescent="0.25">
      <c r="A5450" s="1">
        <v>5448</v>
      </c>
      <c r="B5450" t="s">
        <v>5450</v>
      </c>
      <c r="C5450" t="s">
        <v>10896</v>
      </c>
      <c r="D5450" t="s">
        <v>16332</v>
      </c>
      <c r="E5450" t="s">
        <v>21504</v>
      </c>
      <c r="G5450" s="2"/>
    </row>
    <row r="5451" spans="1:7" x14ac:dyDescent="0.25">
      <c r="A5451" s="1">
        <v>5449</v>
      </c>
      <c r="B5451" t="s">
        <v>5451</v>
      </c>
      <c r="C5451" t="s">
        <v>10897</v>
      </c>
      <c r="D5451" t="s">
        <v>16333</v>
      </c>
      <c r="E5451" t="s">
        <v>21505</v>
      </c>
      <c r="G5451" s="2"/>
    </row>
    <row r="5452" spans="1:7" x14ac:dyDescent="0.25">
      <c r="A5452" s="1">
        <v>5450</v>
      </c>
      <c r="B5452" t="s">
        <v>5452</v>
      </c>
      <c r="C5452" t="s">
        <v>10898</v>
      </c>
      <c r="D5452" t="s">
        <v>16334</v>
      </c>
      <c r="E5452" t="s">
        <v>21506</v>
      </c>
      <c r="G5452" s="2"/>
    </row>
    <row r="5453" spans="1:7" x14ac:dyDescent="0.25">
      <c r="A5453" s="1">
        <v>5451</v>
      </c>
      <c r="B5453" t="s">
        <v>5453</v>
      </c>
      <c r="C5453" t="s">
        <v>10899</v>
      </c>
      <c r="D5453" t="s">
        <v>16335</v>
      </c>
      <c r="E5453" t="s">
        <v>21507</v>
      </c>
      <c r="G5453" s="2"/>
    </row>
    <row r="5454" spans="1:7" x14ac:dyDescent="0.25">
      <c r="A5454" s="1">
        <v>5452</v>
      </c>
      <c r="B5454" t="s">
        <v>5454</v>
      </c>
      <c r="C5454" t="s">
        <v>10900</v>
      </c>
      <c r="D5454" t="s">
        <v>16336</v>
      </c>
      <c r="E5454" t="s">
        <v>21508</v>
      </c>
      <c r="G5454" s="2"/>
    </row>
  </sheetData>
  <phoneticPr fontId="3" type="noConversion"/>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Jack</cp:lastModifiedBy>
  <dcterms:created xsi:type="dcterms:W3CDTF">2021-12-17T09:05:10Z</dcterms:created>
  <dcterms:modified xsi:type="dcterms:W3CDTF">2021-12-17T09:08:26Z</dcterms:modified>
</cp:coreProperties>
</file>